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codeName="ThisWorkbook"/>
  <mc:AlternateContent xmlns:mc="http://schemas.openxmlformats.org/markup-compatibility/2006">
    <mc:Choice Requires="x15">
      <x15ac:absPath xmlns:x15ac="http://schemas.microsoft.com/office/spreadsheetml/2010/11/ac" url="\\kfs01\2026\s0702\02_技術管理グループ（技術）\08_週休２日\01_要領・マニュアル等\○最新版（要領・マニュアル等）※随時更新\02_営繕（建築・電気・機械）\01_要領・様式\R8.7\"/>
    </mc:Choice>
  </mc:AlternateContent>
  <xr:revisionPtr revIDLastSave="0" documentId="13_ncr:1_{6FD0FC83-9F9D-44AE-A9CB-C07A4A7E5711}" xr6:coauthVersionLast="47" xr6:coauthVersionMax="47" xr10:uidLastSave="{00000000-0000-0000-0000-000000000000}"/>
  <bookViews>
    <workbookView xWindow="-120" yWindow="-16320" windowWidth="29040" windowHeight="15720" xr2:uid="{00000000-000D-0000-FFFF-FFFF00000000}"/>
  </bookViews>
  <sheets>
    <sheet name=" 【別紙１】 " sheetId="13" r:id="rId1"/>
    <sheet name=" 【別紙２】 " sheetId="14" r:id="rId2"/>
    <sheet name="（参考）入力シート" sheetId="5" r:id="rId3"/>
    <sheet name="（参考）【別紙１】" sheetId="12" r:id="rId4"/>
    <sheet name="（参考）【別紙２】" sheetId="3" r:id="rId5"/>
    <sheet name="祝日一覧" sheetId="4" state="hidden" r:id="rId6"/>
  </sheets>
  <definedNames>
    <definedName name="_xlnm._FilterDatabase" localSheetId="5" hidden="1">祝日一覧!$A$1:$D$91</definedName>
    <definedName name="_xlnm.Print_Area" localSheetId="0">' 【別紙１】 '!$A$1:$SM$54</definedName>
    <definedName name="_xlnm.Print_Area" localSheetId="1">' 【別紙２】 '!$A$1:$P$45</definedName>
    <definedName name="_xlnm.Print_Area" localSheetId="3">'（参考）【別紙１】'!$A$1:$SM$54</definedName>
    <definedName name="_xlnm.Print_Area" localSheetId="4">'（参考）【別紙２】'!$A$1:$P$45</definedName>
    <definedName name="_xlnm.Print_Area" localSheetId="2">'（参考）入力シート'!$A$1:$Y$3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U47" i="13" l="1"/>
  <c r="AH47" i="13" s="1"/>
  <c r="AU47" i="13" s="1"/>
  <c r="BH47" i="13" s="1"/>
  <c r="BU47" i="13" s="1"/>
  <c r="CH47" i="13" s="1"/>
  <c r="CU47" i="13" s="1"/>
  <c r="DH47" i="13" s="1"/>
  <c r="DU47" i="13" s="1"/>
  <c r="EH47" i="13" s="1"/>
  <c r="EU47" i="13" s="1"/>
  <c r="FH47" i="13" s="1"/>
  <c r="FU47" i="13" s="1"/>
  <c r="GH47" i="13" s="1"/>
  <c r="GU47" i="13" s="1"/>
  <c r="HH47" i="13" s="1"/>
  <c r="HU47" i="13" s="1"/>
  <c r="IH47" i="13" s="1"/>
  <c r="IU47" i="13" s="1"/>
  <c r="JH47" i="13" s="1"/>
  <c r="JU47" i="13" s="1"/>
  <c r="KH47" i="13" s="1"/>
  <c r="KU47" i="13" s="1"/>
  <c r="LH47" i="13" s="1"/>
  <c r="LU47" i="13" s="1"/>
  <c r="MH47" i="13" s="1"/>
  <c r="MU47" i="13" s="1"/>
  <c r="NH47" i="13" s="1"/>
  <c r="NU47" i="13" s="1"/>
  <c r="OH47" i="13" s="1"/>
  <c r="OU47" i="13" s="1"/>
  <c r="PH47" i="13" s="1"/>
  <c r="PU47" i="13" s="1"/>
  <c r="QH47" i="13" s="1"/>
  <c r="QU47" i="13" s="1"/>
  <c r="RH47" i="13" s="1"/>
  <c r="RU47" i="13" s="1"/>
  <c r="SH47" i="13" s="1"/>
  <c r="B6" i="13"/>
  <c r="SC2" i="13"/>
  <c r="RP2" i="13"/>
  <c r="QC2" i="13"/>
  <c r="OP2" i="13"/>
  <c r="OC2" i="13"/>
  <c r="NP2" i="13"/>
  <c r="MC2" i="13"/>
  <c r="KP2" i="13"/>
  <c r="KC2" i="13"/>
  <c r="JP2" i="13"/>
  <c r="IC2" i="13"/>
  <c r="GP2" i="13"/>
  <c r="GC2" i="13"/>
  <c r="FP2" i="13"/>
  <c r="EC2" i="13"/>
  <c r="CP2" i="13"/>
  <c r="CC2" i="13"/>
  <c r="BP2" i="13"/>
  <c r="AC2" i="13"/>
  <c r="RC2" i="13"/>
  <c r="DC2" i="13" l="1"/>
  <c r="HC2" i="13"/>
  <c r="LC2" i="13"/>
  <c r="PC2" i="13"/>
  <c r="O1" i="13"/>
  <c r="AB1" i="13" s="1"/>
  <c r="AO1" i="13" s="1"/>
  <c r="BB1" i="13" s="1"/>
  <c r="BO1" i="13" s="1"/>
  <c r="CB1" i="13" s="1"/>
  <c r="CO1" i="13" s="1"/>
  <c r="DB1" i="13" s="1"/>
  <c r="DO1" i="13" s="1"/>
  <c r="EB1" i="13" s="1"/>
  <c r="EO1" i="13" s="1"/>
  <c r="FB1" i="13" s="1"/>
  <c r="FO1" i="13" s="1"/>
  <c r="GB1" i="13" s="1"/>
  <c r="GO1" i="13" s="1"/>
  <c r="HB1" i="13" s="1"/>
  <c r="HO1" i="13" s="1"/>
  <c r="IB1" i="13" s="1"/>
  <c r="IO1" i="13" s="1"/>
  <c r="JB1" i="13" s="1"/>
  <c r="JO1" i="13" s="1"/>
  <c r="KB1" i="13" s="1"/>
  <c r="KO1" i="13" s="1"/>
  <c r="LB1" i="13" s="1"/>
  <c r="LO1" i="13" s="1"/>
  <c r="MB1" i="13" s="1"/>
  <c r="MO1" i="13" s="1"/>
  <c r="NB1" i="13" s="1"/>
  <c r="NO1" i="13" s="1"/>
  <c r="OB1" i="13" s="1"/>
  <c r="OO1" i="13" s="1"/>
  <c r="PB1" i="13" s="1"/>
  <c r="PO1" i="13" s="1"/>
  <c r="QB1" i="13" s="1"/>
  <c r="QO1" i="13" s="1"/>
  <c r="RB1" i="13" s="1"/>
  <c r="RO1" i="13" s="1"/>
  <c r="SB1" i="13" s="1"/>
  <c r="P2" i="13"/>
  <c r="DP2" i="13"/>
  <c r="HP2" i="13"/>
  <c r="LP2" i="13"/>
  <c r="PP2" i="13"/>
  <c r="EP2" i="13"/>
  <c r="QP2" i="13"/>
  <c r="AP2" i="13"/>
  <c r="IP2" i="13"/>
  <c r="MP2" i="13"/>
  <c r="BC2" i="13"/>
  <c r="FC2" i="13"/>
  <c r="JC2" i="13"/>
  <c r="NC2" i="13"/>
  <c r="L11" i="12" l="1"/>
  <c r="L21" i="12" l="1"/>
  <c r="E35" i="3"/>
  <c r="B35" i="3"/>
  <c r="E33" i="3"/>
  <c r="B33" i="3"/>
  <c r="B30" i="3"/>
  <c r="B25" i="3"/>
  <c r="C20" i="3"/>
  <c r="C19" i="3"/>
  <c r="C18" i="3"/>
  <c r="B16" i="3"/>
  <c r="B14" i="3"/>
  <c r="B11" i="3"/>
  <c r="A5" i="3"/>
  <c r="A7" i="3" l="1"/>
  <c r="U47" i="12"/>
  <c r="AH47" i="12" s="1"/>
  <c r="AU47" i="12" s="1"/>
  <c r="BH47" i="12" s="1"/>
  <c r="BU47" i="12" s="1"/>
  <c r="CH47" i="12" s="1"/>
  <c r="CU47" i="12" s="1"/>
  <c r="DH47" i="12" s="1"/>
  <c r="DU47" i="12" s="1"/>
  <c r="EH47" i="12" s="1"/>
  <c r="EU47" i="12" s="1"/>
  <c r="FH47" i="12" s="1"/>
  <c r="FU47" i="12" s="1"/>
  <c r="GH47" i="12" s="1"/>
  <c r="GU47" i="12" s="1"/>
  <c r="HH47" i="12" s="1"/>
  <c r="HU47" i="12" s="1"/>
  <c r="IH47" i="12" s="1"/>
  <c r="IU47" i="12" s="1"/>
  <c r="JH47" i="12" s="1"/>
  <c r="JU47" i="12" s="1"/>
  <c r="KH47" i="12" s="1"/>
  <c r="KU47" i="12" s="1"/>
  <c r="LH47" i="12" s="1"/>
  <c r="LU47" i="12" s="1"/>
  <c r="MH47" i="12" s="1"/>
  <c r="MU47" i="12" s="1"/>
  <c r="NH47" i="12" s="1"/>
  <c r="NU47" i="12" s="1"/>
  <c r="OH47" i="12" s="1"/>
  <c r="OU47" i="12" s="1"/>
  <c r="PH47" i="12" s="1"/>
  <c r="PU47" i="12" s="1"/>
  <c r="QH47" i="12" s="1"/>
  <c r="QU47" i="12" s="1"/>
  <c r="RH47" i="12" s="1"/>
  <c r="RU47" i="12" s="1"/>
  <c r="SH47" i="12" s="1"/>
  <c r="SL11" i="12"/>
  <c r="RY11" i="12"/>
  <c r="RL11" i="12"/>
  <c r="QY11" i="12"/>
  <c r="QL11" i="12"/>
  <c r="PY11" i="12"/>
  <c r="PL11" i="12"/>
  <c r="OY11" i="12"/>
  <c r="OL11" i="12"/>
  <c r="NY11" i="12"/>
  <c r="NL11" i="12"/>
  <c r="MY11" i="12"/>
  <c r="ML11" i="12"/>
  <c r="LY11" i="12"/>
  <c r="LL11" i="12"/>
  <c r="KY11" i="12"/>
  <c r="KL11" i="12"/>
  <c r="JY11" i="12"/>
  <c r="JL11" i="12"/>
  <c r="IY11" i="12"/>
  <c r="IL11" i="12"/>
  <c r="HY11" i="12"/>
  <c r="HL11" i="12"/>
  <c r="GY11" i="12"/>
  <c r="GL11" i="12"/>
  <c r="FY11" i="12"/>
  <c r="FL11" i="12"/>
  <c r="EY11" i="12"/>
  <c r="EL11" i="12"/>
  <c r="DY11" i="12"/>
  <c r="DL11" i="12"/>
  <c r="CY11" i="12"/>
  <c r="CL11" i="12"/>
  <c r="BY11" i="12"/>
  <c r="BL11" i="12"/>
  <c r="AY11" i="12"/>
  <c r="AL11" i="12"/>
  <c r="Y11" i="12"/>
  <c r="C2" i="12"/>
  <c r="QC2" i="12" s="1"/>
  <c r="Y21" i="12" l="1"/>
  <c r="MP2" i="12"/>
  <c r="OC2" i="12"/>
  <c r="AP2" i="12"/>
  <c r="CC2" i="12"/>
  <c r="SC2" i="12"/>
  <c r="EP2" i="12"/>
  <c r="QP2" i="12"/>
  <c r="GC2" i="12"/>
  <c r="IP2" i="12"/>
  <c r="KC2" i="12"/>
  <c r="BC2" i="12"/>
  <c r="FC2" i="12"/>
  <c r="JC2" i="12"/>
  <c r="NC2" i="12"/>
  <c r="RC2" i="12"/>
  <c r="BP2" i="12"/>
  <c r="FP2" i="12"/>
  <c r="JP2" i="12"/>
  <c r="NP2" i="12"/>
  <c r="RP2" i="12"/>
  <c r="CP2" i="12"/>
  <c r="GP2" i="12"/>
  <c r="KP2" i="12"/>
  <c r="OP2" i="12"/>
  <c r="DC2" i="12"/>
  <c r="HC2" i="12"/>
  <c r="LC2" i="12"/>
  <c r="PC2" i="12"/>
  <c r="B1" i="12"/>
  <c r="O1" i="12" s="1"/>
  <c r="AB1" i="12" s="1"/>
  <c r="AO1" i="12" s="1"/>
  <c r="BB1" i="12" s="1"/>
  <c r="BO1" i="12" s="1"/>
  <c r="CB1" i="12" s="1"/>
  <c r="CO1" i="12" s="1"/>
  <c r="DB1" i="12" s="1"/>
  <c r="DO1" i="12" s="1"/>
  <c r="EB1" i="12" s="1"/>
  <c r="EO1" i="12" s="1"/>
  <c r="FB1" i="12" s="1"/>
  <c r="FO1" i="12" s="1"/>
  <c r="GB1" i="12" s="1"/>
  <c r="GO1" i="12" s="1"/>
  <c r="HB1" i="12" s="1"/>
  <c r="HO1" i="12" s="1"/>
  <c r="IB1" i="12" s="1"/>
  <c r="IO1" i="12" s="1"/>
  <c r="JB1" i="12" s="1"/>
  <c r="JO1" i="12" s="1"/>
  <c r="KB1" i="12" s="1"/>
  <c r="KO1" i="12" s="1"/>
  <c r="LB1" i="12" s="1"/>
  <c r="LO1" i="12" s="1"/>
  <c r="MB1" i="12" s="1"/>
  <c r="MO1" i="12" s="1"/>
  <c r="NB1" i="12" s="1"/>
  <c r="NO1" i="12" s="1"/>
  <c r="OB1" i="12" s="1"/>
  <c r="OO1" i="12" s="1"/>
  <c r="PB1" i="12" s="1"/>
  <c r="PO1" i="12" s="1"/>
  <c r="QB1" i="12" s="1"/>
  <c r="QO1" i="12" s="1"/>
  <c r="RB1" i="12" s="1"/>
  <c r="RO1" i="12" s="1"/>
  <c r="SB1" i="12" s="1"/>
  <c r="P2" i="12"/>
  <c r="DP2" i="12"/>
  <c r="HP2" i="12"/>
  <c r="LP2" i="12"/>
  <c r="PP2" i="12"/>
  <c r="AC2" i="12"/>
  <c r="EC2" i="12"/>
  <c r="IC2" i="12"/>
  <c r="MC2" i="12"/>
  <c r="E139" i="4"/>
  <c r="B139" i="4"/>
  <c r="E138" i="4"/>
  <c r="B138" i="4"/>
  <c r="E137" i="4"/>
  <c r="B137" i="4"/>
  <c r="E136" i="4"/>
  <c r="B136" i="4"/>
  <c r="E135" i="4"/>
  <c r="B135" i="4"/>
  <c r="E134" i="4"/>
  <c r="B134" i="4"/>
  <c r="E133" i="4"/>
  <c r="B133" i="4"/>
  <c r="E132" i="4"/>
  <c r="B132" i="4"/>
  <c r="E131" i="4"/>
  <c r="B131" i="4"/>
  <c r="E130" i="4"/>
  <c r="B130" i="4"/>
  <c r="E129" i="4"/>
  <c r="B129" i="4"/>
  <c r="E128" i="4"/>
  <c r="B128" i="4"/>
  <c r="E127" i="4"/>
  <c r="B127" i="4"/>
  <c r="E126" i="4"/>
  <c r="B126" i="4"/>
  <c r="E125" i="4"/>
  <c r="B125" i="4"/>
  <c r="E124" i="4"/>
  <c r="B124" i="4"/>
  <c r="E123" i="4"/>
  <c r="B123" i="4"/>
  <c r="E122" i="4"/>
  <c r="B122" i="4"/>
  <c r="E121" i="4"/>
  <c r="B121" i="4"/>
  <c r="E120" i="4"/>
  <c r="B120" i="4"/>
  <c r="E119" i="4"/>
  <c r="B119" i="4"/>
  <c r="E118" i="4"/>
  <c r="B118" i="4"/>
  <c r="E117" i="4"/>
  <c r="B117" i="4"/>
  <c r="E116" i="4"/>
  <c r="B116" i="4"/>
  <c r="B115" i="4"/>
  <c r="E115" i="4" s="1"/>
  <c r="B114" i="4"/>
  <c r="E114" i="4" s="1"/>
  <c r="E113" i="4"/>
  <c r="B113" i="4"/>
  <c r="E112" i="4"/>
  <c r="B112" i="4"/>
  <c r="B111" i="4"/>
  <c r="E111" i="4" s="1"/>
  <c r="B110" i="4"/>
  <c r="E110" i="4" s="1"/>
  <c r="AL21" i="12" l="1"/>
  <c r="AY21" i="12" l="1"/>
  <c r="BL21" i="12" l="1"/>
  <c r="B109" i="4"/>
  <c r="E109" i="4" s="1"/>
  <c r="B108" i="4"/>
  <c r="E108" i="4" s="1"/>
  <c r="E107" i="4"/>
  <c r="B107" i="4"/>
  <c r="E106" i="4"/>
  <c r="B106" i="4"/>
  <c r="B105" i="4"/>
  <c r="E105" i="4" s="1"/>
  <c r="B104" i="4"/>
  <c r="E104" i="4" s="1"/>
  <c r="B103" i="4"/>
  <c r="E103" i="4" s="1"/>
  <c r="B102" i="4"/>
  <c r="E102" i="4" s="1"/>
  <c r="E101" i="4"/>
  <c r="B101" i="4"/>
  <c r="E100" i="4"/>
  <c r="B100" i="4"/>
  <c r="B99" i="4"/>
  <c r="E99" i="4" s="1"/>
  <c r="B98" i="4"/>
  <c r="E98" i="4" s="1"/>
  <c r="BY21" i="12" l="1"/>
  <c r="CL21" i="12" l="1"/>
  <c r="CY21" i="12" l="1"/>
  <c r="DL21" i="12" l="1"/>
  <c r="DY21" i="12" l="1"/>
  <c r="A83" i="4"/>
  <c r="B83" i="4" s="1"/>
  <c r="D83" i="4" s="1"/>
  <c r="E83" i="4" s="1"/>
  <c r="A84" i="4"/>
  <c r="B84" i="4" s="1"/>
  <c r="D84" i="4" s="1"/>
  <c r="E84" i="4" s="1"/>
  <c r="A82" i="4"/>
  <c r="B82" i="4" s="1"/>
  <c r="D82" i="4" s="1"/>
  <c r="E82" i="4" s="1"/>
  <c r="A60" i="4"/>
  <c r="B60" i="4" s="1"/>
  <c r="D60" i="4" s="1"/>
  <c r="E60" i="4" s="1"/>
  <c r="A59" i="4"/>
  <c r="B59" i="4" s="1"/>
  <c r="D59" i="4" s="1"/>
  <c r="E59" i="4" s="1"/>
  <c r="A58" i="4"/>
  <c r="B58" i="4" s="1"/>
  <c r="D58" i="4" s="1"/>
  <c r="E58" i="4" s="1"/>
  <c r="A12" i="4"/>
  <c r="EL21" i="12" l="1"/>
  <c r="EY21" i="12" l="1"/>
  <c r="FL21" i="12" l="1"/>
  <c r="FY21" i="12" l="1"/>
  <c r="E3" i="4"/>
  <c r="E4" i="4"/>
  <c r="B3" i="4"/>
  <c r="B4" i="4"/>
  <c r="E92" i="4"/>
  <c r="E93" i="4"/>
  <c r="E94" i="4"/>
  <c r="E95" i="4"/>
  <c r="E96" i="4"/>
  <c r="E97" i="4"/>
  <c r="E140" i="4"/>
  <c r="E141" i="4"/>
  <c r="E142" i="4"/>
  <c r="B142" i="4"/>
  <c r="B141" i="4"/>
  <c r="B140" i="4"/>
  <c r="B97" i="4"/>
  <c r="B96" i="4"/>
  <c r="B95" i="4"/>
  <c r="B94" i="4"/>
  <c r="B93" i="4"/>
  <c r="B92" i="4"/>
  <c r="GL21" i="12" l="1"/>
  <c r="A11" i="4"/>
  <c r="A10" i="4"/>
  <c r="GY21" i="12" l="1"/>
  <c r="C9" i="12" l="1"/>
  <c r="HL21" i="12"/>
  <c r="E71" i="4"/>
  <c r="E72" i="4"/>
  <c r="B72" i="4"/>
  <c r="B73" i="4"/>
  <c r="D73" i="4" s="1"/>
  <c r="E73" i="4" s="1"/>
  <c r="B68" i="4"/>
  <c r="D68" i="4" s="1"/>
  <c r="E68" i="4" s="1"/>
  <c r="B69" i="4"/>
  <c r="D69" i="4" s="1"/>
  <c r="E69" i="4" s="1"/>
  <c r="B70" i="4"/>
  <c r="D70" i="4" s="1"/>
  <c r="E70" i="4" s="1"/>
  <c r="E48" i="4"/>
  <c r="E49" i="4"/>
  <c r="B48" i="4"/>
  <c r="B49" i="4"/>
  <c r="B46" i="4"/>
  <c r="D46" i="4" s="1"/>
  <c r="E46" i="4" s="1"/>
  <c r="B44" i="4"/>
  <c r="D44" i="4" s="1"/>
  <c r="E44" i="4" s="1"/>
  <c r="B45" i="4"/>
  <c r="D45" i="4" s="1"/>
  <c r="E45" i="4" s="1"/>
  <c r="K3" i="3" l="1"/>
  <c r="B6" i="12"/>
  <c r="C10" i="12"/>
  <c r="B9" i="12"/>
  <c r="F9" i="12" s="1"/>
  <c r="HY21" i="12"/>
  <c r="E22" i="4"/>
  <c r="B10" i="12" l="1"/>
  <c r="C11" i="12"/>
  <c r="IL21" i="12"/>
  <c r="B10" i="4"/>
  <c r="D10" i="4" s="1"/>
  <c r="E10" i="4" s="1"/>
  <c r="B11" i="4"/>
  <c r="D11" i="4" s="1"/>
  <c r="E11" i="4" s="1"/>
  <c r="B12" i="4"/>
  <c r="D12" i="4" s="1"/>
  <c r="E12" i="4" s="1"/>
  <c r="B26" i="4"/>
  <c r="D26" i="4" s="1"/>
  <c r="E26" i="4" s="1"/>
  <c r="B27" i="4"/>
  <c r="D27" i="4" s="1"/>
  <c r="E27" i="4" s="1"/>
  <c r="B22" i="4"/>
  <c r="B23" i="4"/>
  <c r="D23" i="4" s="1"/>
  <c r="E23" i="4" s="1"/>
  <c r="B24" i="4"/>
  <c r="D24" i="4" s="1"/>
  <c r="E24" i="4" s="1"/>
  <c r="B11" i="12" l="1"/>
  <c r="C12" i="12"/>
  <c r="F10" i="12"/>
  <c r="IY21" i="12"/>
  <c r="B5" i="4"/>
  <c r="B6" i="4"/>
  <c r="B7" i="4"/>
  <c r="E7" i="4" s="1"/>
  <c r="B8" i="4"/>
  <c r="E8" i="4" s="1"/>
  <c r="B9" i="4"/>
  <c r="B13" i="4"/>
  <c r="E13" i="4" s="1"/>
  <c r="B14" i="4"/>
  <c r="B15" i="4"/>
  <c r="E15" i="4" s="1"/>
  <c r="B16" i="4"/>
  <c r="B17" i="4"/>
  <c r="E17" i="4" s="1"/>
  <c r="B18" i="4"/>
  <c r="B19" i="4"/>
  <c r="E19" i="4" s="1"/>
  <c r="B20" i="4"/>
  <c r="B21" i="4"/>
  <c r="E21" i="4" s="1"/>
  <c r="B25" i="4"/>
  <c r="D25" i="4" s="1"/>
  <c r="E25" i="4" s="1"/>
  <c r="B28" i="4"/>
  <c r="E28" i="4" s="1"/>
  <c r="B29" i="4"/>
  <c r="B30" i="4"/>
  <c r="E30" i="4" s="1"/>
  <c r="B31" i="4"/>
  <c r="B32" i="4"/>
  <c r="E32" i="4" s="1"/>
  <c r="B33" i="4"/>
  <c r="B34" i="4"/>
  <c r="E34" i="4" s="1"/>
  <c r="B35" i="4"/>
  <c r="B36" i="4"/>
  <c r="E36" i="4" s="1"/>
  <c r="B37" i="4"/>
  <c r="B38" i="4"/>
  <c r="E38" i="4" s="1"/>
  <c r="B39" i="4"/>
  <c r="B40" i="4"/>
  <c r="E40" i="4" s="1"/>
  <c r="B41" i="4"/>
  <c r="B42" i="4"/>
  <c r="E42" i="4" s="1"/>
  <c r="B43" i="4"/>
  <c r="B47" i="4"/>
  <c r="D47" i="4" s="1"/>
  <c r="E47" i="4" s="1"/>
  <c r="B50" i="4"/>
  <c r="B51" i="4"/>
  <c r="E51" i="4" s="1"/>
  <c r="B52" i="4"/>
  <c r="B53" i="4"/>
  <c r="E53" i="4" s="1"/>
  <c r="B54" i="4"/>
  <c r="B55" i="4"/>
  <c r="E55" i="4" s="1"/>
  <c r="B56" i="4"/>
  <c r="B57" i="4"/>
  <c r="E57" i="4" s="1"/>
  <c r="B61" i="4"/>
  <c r="B62" i="4"/>
  <c r="E62" i="4" s="1"/>
  <c r="B63" i="4"/>
  <c r="B64" i="4"/>
  <c r="E64" i="4" s="1"/>
  <c r="B65" i="4"/>
  <c r="B66" i="4"/>
  <c r="E66" i="4" s="1"/>
  <c r="B67" i="4"/>
  <c r="B71" i="4"/>
  <c r="B74" i="4"/>
  <c r="B75" i="4"/>
  <c r="E75" i="4" s="1"/>
  <c r="B76" i="4"/>
  <c r="B77" i="4"/>
  <c r="E77" i="4" s="1"/>
  <c r="B78" i="4"/>
  <c r="B79" i="4"/>
  <c r="E79" i="4" s="1"/>
  <c r="B80" i="4"/>
  <c r="B81" i="4"/>
  <c r="E81" i="4" s="1"/>
  <c r="B85" i="4"/>
  <c r="B86" i="4"/>
  <c r="E86" i="4" s="1"/>
  <c r="B87" i="4"/>
  <c r="B88" i="4"/>
  <c r="E88" i="4" s="1"/>
  <c r="B89" i="4"/>
  <c r="B90" i="4"/>
  <c r="E90" i="4" s="1"/>
  <c r="B91" i="4"/>
  <c r="B2" i="4"/>
  <c r="E2" i="4" s="1"/>
  <c r="D9" i="12" s="1"/>
  <c r="E5" i="4"/>
  <c r="E6" i="4"/>
  <c r="E9" i="4"/>
  <c r="E14" i="4"/>
  <c r="E16" i="4"/>
  <c r="E18" i="4"/>
  <c r="E20" i="4"/>
  <c r="E29" i="4"/>
  <c r="E31" i="4"/>
  <c r="E33" i="4"/>
  <c r="E35" i="4"/>
  <c r="E37" i="4"/>
  <c r="E39" i="4"/>
  <c r="E41" i="4"/>
  <c r="E43" i="4"/>
  <c r="E50" i="4"/>
  <c r="E52" i="4"/>
  <c r="E54" i="4"/>
  <c r="E56" i="4"/>
  <c r="E61" i="4"/>
  <c r="E63" i="4"/>
  <c r="E65" i="4"/>
  <c r="E67" i="4"/>
  <c r="E74" i="4"/>
  <c r="E76" i="4"/>
  <c r="E78" i="4"/>
  <c r="E80" i="4"/>
  <c r="E85" i="4"/>
  <c r="E87" i="4"/>
  <c r="E89" i="4"/>
  <c r="E91" i="4"/>
  <c r="D11" i="12" l="1"/>
  <c r="D10" i="12"/>
  <c r="C13" i="12"/>
  <c r="D12" i="12"/>
  <c r="B12" i="12"/>
  <c r="F12" i="12" s="1"/>
  <c r="F11" i="12"/>
  <c r="JL21" i="12"/>
  <c r="B13" i="12" l="1"/>
  <c r="D13" i="12"/>
  <c r="C14" i="12"/>
  <c r="JY21" i="12"/>
  <c r="F13" i="12" l="1"/>
  <c r="C15" i="12"/>
  <c r="B14" i="12"/>
  <c r="D14" i="12"/>
  <c r="KL21" i="12"/>
  <c r="F14" i="12" l="1"/>
  <c r="D15" i="12"/>
  <c r="B15" i="12"/>
  <c r="C16" i="12"/>
  <c r="KY21" i="12"/>
  <c r="F15" i="12" l="1"/>
  <c r="C17" i="12"/>
  <c r="B16" i="12"/>
  <c r="F16" i="12" s="1"/>
  <c r="D16" i="12"/>
  <c r="LL21" i="12"/>
  <c r="B17" i="12" l="1"/>
  <c r="C18" i="12"/>
  <c r="D17" i="12"/>
  <c r="LY21" i="12"/>
  <c r="F17" i="12" l="1"/>
  <c r="D18" i="12"/>
  <c r="B18" i="12"/>
  <c r="C19" i="12"/>
  <c r="ML21" i="12"/>
  <c r="C20" i="12" l="1"/>
  <c r="D19" i="12"/>
  <c r="B19" i="12"/>
  <c r="F19" i="12" s="1"/>
  <c r="F18" i="12"/>
  <c r="MY21" i="12"/>
  <c r="D20" i="12" l="1"/>
  <c r="B20" i="12"/>
  <c r="C21" i="12"/>
  <c r="NL21" i="12"/>
  <c r="F20" i="12" l="1"/>
  <c r="B21" i="12"/>
  <c r="C22" i="12"/>
  <c r="D21" i="12"/>
  <c r="NY21" i="12"/>
  <c r="F21" i="12" l="1"/>
  <c r="C23" i="12"/>
  <c r="D22" i="12"/>
  <c r="B22" i="12"/>
  <c r="OL21" i="12"/>
  <c r="F22" i="12" l="1"/>
  <c r="B23" i="12"/>
  <c r="F23" i="12" s="1"/>
  <c r="D23" i="12"/>
  <c r="C24" i="12"/>
  <c r="OY21" i="12"/>
  <c r="H6" i="13" l="1"/>
  <c r="C25" i="12"/>
  <c r="B24" i="12"/>
  <c r="D24" i="12"/>
  <c r="PL21" i="12"/>
  <c r="O6" i="13" l="1"/>
  <c r="C26" i="12"/>
  <c r="D25" i="12"/>
  <c r="B25" i="12"/>
  <c r="F24" i="12"/>
  <c r="PY21" i="12"/>
  <c r="F25" i="12" l="1"/>
  <c r="C27" i="12"/>
  <c r="D26" i="12"/>
  <c r="B26" i="12"/>
  <c r="F26" i="12" s="1"/>
  <c r="QL21" i="12"/>
  <c r="B27" i="12" l="1"/>
  <c r="C28" i="12"/>
  <c r="D27" i="12"/>
  <c r="QY21" i="12"/>
  <c r="F27" i="12" l="1"/>
  <c r="B28" i="12"/>
  <c r="D28" i="12"/>
  <c r="C29" i="12"/>
  <c r="RL21" i="12"/>
  <c r="F28" i="12" l="1"/>
  <c r="C30" i="12"/>
  <c r="B29" i="12"/>
  <c r="D29" i="12"/>
  <c r="RY21" i="12"/>
  <c r="F29" i="12" l="1"/>
  <c r="C31" i="12"/>
  <c r="D30" i="12"/>
  <c r="B30" i="12"/>
  <c r="F30" i="12" s="1"/>
  <c r="SL21" i="12"/>
  <c r="D31" i="12" l="1"/>
  <c r="B31" i="12"/>
  <c r="C32" i="12"/>
  <c r="B32" i="12" l="1"/>
  <c r="C33" i="12"/>
  <c r="D32" i="12"/>
  <c r="F31" i="12"/>
  <c r="D33" i="12" l="1"/>
  <c r="C34" i="12"/>
  <c r="B33" i="12"/>
  <c r="F32" i="12"/>
  <c r="F33" i="12" l="1"/>
  <c r="B34" i="12"/>
  <c r="C35" i="12"/>
  <c r="D34" i="12"/>
  <c r="F34" i="12" l="1"/>
  <c r="C36" i="12"/>
  <c r="D35" i="12"/>
  <c r="B35" i="12"/>
  <c r="D36" i="12" l="1"/>
  <c r="B36" i="12"/>
  <c r="C37" i="12"/>
  <c r="F35" i="12"/>
  <c r="F36" i="12" l="1"/>
  <c r="C38" i="12"/>
  <c r="D37" i="12"/>
  <c r="B37" i="12"/>
  <c r="F37" i="12" l="1"/>
  <c r="D38" i="12"/>
  <c r="B38" i="12"/>
  <c r="F38" i="12" s="1"/>
  <c r="C39" i="12"/>
  <c r="B39" i="12" l="1"/>
  <c r="F39" i="12" s="1"/>
  <c r="C40" i="12"/>
  <c r="D39" i="12"/>
  <c r="C41" i="12" l="1"/>
  <c r="D40" i="12"/>
  <c r="B40" i="12"/>
  <c r="F40" i="12" s="1"/>
  <c r="C42" i="12" l="1"/>
  <c r="D41" i="12"/>
  <c r="B41" i="12"/>
  <c r="F41" i="12" s="1"/>
  <c r="B42" i="12" l="1"/>
  <c r="F42" i="12" s="1"/>
  <c r="C43" i="12"/>
  <c r="D42" i="12"/>
  <c r="C44" i="12" l="1"/>
  <c r="B43" i="12"/>
  <c r="F43" i="12" s="1"/>
  <c r="D43" i="12"/>
  <c r="B44" i="12" l="1"/>
  <c r="F44" i="12" s="1"/>
  <c r="C45" i="12"/>
  <c r="D44" i="12"/>
  <c r="B45" i="12" l="1"/>
  <c r="F45" i="12" s="1"/>
  <c r="C46" i="12"/>
  <c r="M3" i="3" s="1"/>
  <c r="L3" i="3" s="1"/>
  <c r="D45" i="12"/>
  <c r="L57" i="12" l="1"/>
  <c r="B46" i="12"/>
  <c r="D46" i="12"/>
  <c r="L59" i="12" s="1"/>
  <c r="P9" i="12"/>
  <c r="H6" i="12"/>
  <c r="L9" i="12" l="1"/>
  <c r="K4" i="3"/>
  <c r="O9" i="12"/>
  <c r="S9" i="12" s="1"/>
  <c r="O6" i="12"/>
  <c r="Q9" i="12"/>
  <c r="P10" i="12"/>
  <c r="F46" i="12"/>
  <c r="L69" i="12" s="1"/>
  <c r="L61" i="12"/>
  <c r="L67" i="12" s="1"/>
  <c r="L72" i="12" l="1"/>
  <c r="L19" i="12"/>
  <c r="L34" i="12"/>
  <c r="L13" i="12"/>
  <c r="N3" i="3"/>
  <c r="L63" i="12"/>
  <c r="F61" i="12"/>
  <c r="L70" i="12"/>
  <c r="P11" i="12"/>
  <c r="Q10" i="12"/>
  <c r="O10" i="12"/>
  <c r="L73" i="12" l="1"/>
  <c r="L36" i="12"/>
  <c r="K38" i="12"/>
  <c r="L23" i="12"/>
  <c r="K25" i="12"/>
  <c r="L32" i="12"/>
  <c r="L74" i="12"/>
  <c r="O3" i="3"/>
  <c r="P3" i="3" s="1"/>
  <c r="S10" i="12"/>
  <c r="P12" i="12"/>
  <c r="Q11" i="12"/>
  <c r="O11" i="12"/>
  <c r="K46" i="12" l="1"/>
  <c r="Y30" i="12"/>
  <c r="S11" i="12"/>
  <c r="Q12" i="12"/>
  <c r="O12" i="12"/>
  <c r="P13" i="12"/>
  <c r="P14" i="12" l="1"/>
  <c r="Q13" i="12"/>
  <c r="O13" i="12"/>
  <c r="S12" i="12"/>
  <c r="S13" i="12" l="1"/>
  <c r="Q14" i="12"/>
  <c r="O14" i="12"/>
  <c r="S14" i="12" s="1"/>
  <c r="P15" i="12"/>
  <c r="Q15" i="12" l="1"/>
  <c r="O15" i="12"/>
  <c r="S15" i="12" s="1"/>
  <c r="P16" i="12"/>
  <c r="P17" i="12" l="1"/>
  <c r="Q16" i="12"/>
  <c r="O16" i="12"/>
  <c r="S16" i="12" s="1"/>
  <c r="P18" i="12" l="1"/>
  <c r="O17" i="12"/>
  <c r="Q17" i="12"/>
  <c r="S17" i="12" l="1"/>
  <c r="P19" i="12"/>
  <c r="Q18" i="12"/>
  <c r="O18" i="12"/>
  <c r="S18" i="12" l="1"/>
  <c r="Q19" i="12"/>
  <c r="O19" i="12"/>
  <c r="P20" i="12"/>
  <c r="O20" i="12" l="1"/>
  <c r="P21" i="12"/>
  <c r="Q20" i="12"/>
  <c r="S19" i="12"/>
  <c r="P22" i="12" l="1"/>
  <c r="Q21" i="12"/>
  <c r="O21" i="12"/>
  <c r="S21" i="12" s="1"/>
  <c r="S20" i="12"/>
  <c r="P23" i="12" l="1"/>
  <c r="O22" i="12"/>
  <c r="S22" i="12" s="1"/>
  <c r="Q22" i="12"/>
  <c r="O23" i="12" l="1"/>
  <c r="S23" i="12" s="1"/>
  <c r="P24" i="12"/>
  <c r="Q23" i="12"/>
  <c r="U6" i="13" l="1"/>
  <c r="O24" i="12"/>
  <c r="P25" i="12"/>
  <c r="Q24" i="12"/>
  <c r="AB6" i="13" l="1"/>
  <c r="S24" i="12"/>
  <c r="O25" i="12"/>
  <c r="P26" i="12"/>
  <c r="Q25" i="12"/>
  <c r="S25" i="12" l="1"/>
  <c r="O26" i="12"/>
  <c r="P27" i="12"/>
  <c r="Q26" i="12"/>
  <c r="P28" i="12" l="1"/>
  <c r="Q27" i="12"/>
  <c r="O27" i="12"/>
  <c r="S26" i="12"/>
  <c r="O28" i="12" l="1"/>
  <c r="S28" i="12" s="1"/>
  <c r="P29" i="12"/>
  <c r="Q28" i="12"/>
  <c r="S27" i="12"/>
  <c r="Q29" i="12" l="1"/>
  <c r="O29" i="12"/>
  <c r="S29" i="12" s="1"/>
  <c r="P30" i="12"/>
  <c r="P31" i="12" l="1"/>
  <c r="Q30" i="12"/>
  <c r="O30" i="12"/>
  <c r="S30" i="12" s="1"/>
  <c r="P32" i="12" l="1"/>
  <c r="Q31" i="12"/>
  <c r="O31" i="12"/>
  <c r="S31" i="12" l="1"/>
  <c r="Q32" i="12"/>
  <c r="O32" i="12"/>
  <c r="P33" i="12"/>
  <c r="S32" i="12" l="1"/>
  <c r="O33" i="12"/>
  <c r="P34" i="12"/>
  <c r="Q33" i="12"/>
  <c r="P35" i="12" l="1"/>
  <c r="Q34" i="12"/>
  <c r="O34" i="12"/>
  <c r="S33" i="12"/>
  <c r="Q35" i="12" l="1"/>
  <c r="O35" i="12"/>
  <c r="S35" i="12" s="1"/>
  <c r="P36" i="12"/>
  <c r="S34" i="12"/>
  <c r="P37" i="12" l="1"/>
  <c r="Q36" i="12"/>
  <c r="O36" i="12"/>
  <c r="S36" i="12" s="1"/>
  <c r="O37" i="12" l="1"/>
  <c r="S37" i="12" s="1"/>
  <c r="P38" i="12"/>
  <c r="Q37" i="12"/>
  <c r="P39" i="12" l="1"/>
  <c r="Q38" i="12"/>
  <c r="O38" i="12"/>
  <c r="S38" i="12" l="1"/>
  <c r="P40" i="12"/>
  <c r="Q39" i="12"/>
  <c r="O39" i="12"/>
  <c r="S39" i="12" l="1"/>
  <c r="Q40" i="12"/>
  <c r="P41" i="12"/>
  <c r="O40" i="12"/>
  <c r="S40" i="12" s="1"/>
  <c r="O41" i="12" l="1"/>
  <c r="S41" i="12" s="1"/>
  <c r="Q41" i="12"/>
  <c r="P42" i="12"/>
  <c r="O42" i="12" l="1"/>
  <c r="S42" i="12" s="1"/>
  <c r="Q42" i="12"/>
  <c r="P43" i="12"/>
  <c r="P44" i="12" l="1"/>
  <c r="Q43" i="12"/>
  <c r="O43" i="12"/>
  <c r="S43" i="12" s="1"/>
  <c r="P45" i="12" l="1"/>
  <c r="O44" i="12"/>
  <c r="S44" i="12" s="1"/>
  <c r="Q44" i="12"/>
  <c r="Q45" i="12" l="1"/>
  <c r="P46" i="12"/>
  <c r="M4" i="3" s="1"/>
  <c r="L4" i="3" s="1"/>
  <c r="O45" i="12"/>
  <c r="S45" i="12" s="1"/>
  <c r="O46" i="12" l="1"/>
  <c r="S46" i="12" s="1"/>
  <c r="Q46" i="12"/>
  <c r="Y59" i="12" s="1"/>
  <c r="Y57" i="12"/>
  <c r="U6" i="12"/>
  <c r="AC9" i="12"/>
  <c r="K5" i="3" l="1"/>
  <c r="Y70" i="12"/>
  <c r="Y61" i="12"/>
  <c r="Y67" i="12" s="1"/>
  <c r="Y69" i="12"/>
  <c r="AD9" i="12"/>
  <c r="AC10" i="12"/>
  <c r="AB9" i="12"/>
  <c r="AB6" i="12"/>
  <c r="Y9" i="12"/>
  <c r="Y19" i="12" l="1"/>
  <c r="Y72" i="12"/>
  <c r="Y34" i="12"/>
  <c r="Y32" i="12"/>
  <c r="N4" i="3"/>
  <c r="AF9" i="12"/>
  <c r="AD10" i="12"/>
  <c r="AB10" i="12"/>
  <c r="AC11" i="12"/>
  <c r="Y13" i="12"/>
  <c r="Y73" i="12" l="1"/>
  <c r="Y74" i="12" s="1"/>
  <c r="Y75" i="12" s="1"/>
  <c r="Y36" i="12"/>
  <c r="X25" i="12"/>
  <c r="Y23" i="12"/>
  <c r="X38" i="12"/>
  <c r="X46" i="12" s="1"/>
  <c r="Y63" i="12"/>
  <c r="O4" i="3"/>
  <c r="P4" i="3" s="1"/>
  <c r="AC12" i="12"/>
  <c r="AD11" i="12"/>
  <c r="AB11" i="12"/>
  <c r="AF11" i="12" s="1"/>
  <c r="AF10" i="12"/>
  <c r="AD12" i="12" l="1"/>
  <c r="AB12" i="12"/>
  <c r="AF12" i="12" s="1"/>
  <c r="AC13" i="12"/>
  <c r="AB13" i="12" l="1"/>
  <c r="AF13" i="12" s="1"/>
  <c r="AD13" i="12"/>
  <c r="AC14" i="12"/>
  <c r="AB14" i="12" l="1"/>
  <c r="AC15" i="12"/>
  <c r="AD14" i="12"/>
  <c r="AF14" i="12" l="1"/>
  <c r="AD15" i="12"/>
  <c r="AB15" i="12"/>
  <c r="AC16" i="12"/>
  <c r="AF15" i="12" l="1"/>
  <c r="AC17" i="12"/>
  <c r="AD16" i="12"/>
  <c r="AB16" i="12"/>
  <c r="AF16" i="12" l="1"/>
  <c r="AC18" i="12"/>
  <c r="AD17" i="12"/>
  <c r="AB17" i="12"/>
  <c r="AD18" i="12" l="1"/>
  <c r="AB18" i="12"/>
  <c r="AF18" i="12" s="1"/>
  <c r="AC19" i="12"/>
  <c r="AF17" i="12"/>
  <c r="AC20" i="12" l="1"/>
  <c r="AD19" i="12"/>
  <c r="AB19" i="12"/>
  <c r="AF19" i="12" s="1"/>
  <c r="AD20" i="12" l="1"/>
  <c r="AB20" i="12"/>
  <c r="AF20" i="12" s="1"/>
  <c r="AC21" i="12"/>
  <c r="AC22" i="12" l="1"/>
  <c r="AD21" i="12"/>
  <c r="AB21" i="12"/>
  <c r="AF21" i="12" l="1"/>
  <c r="AC23" i="12"/>
  <c r="AD22" i="12"/>
  <c r="AB22" i="12"/>
  <c r="AF22" i="12" l="1"/>
  <c r="AB23" i="12"/>
  <c r="AC24" i="12"/>
  <c r="AD23" i="12"/>
  <c r="AH6" i="13" l="1"/>
  <c r="AD24" i="12"/>
  <c r="AB24" i="12"/>
  <c r="AC25" i="12"/>
  <c r="AF23" i="12"/>
  <c r="AO6" i="13" l="1"/>
  <c r="AC26" i="12"/>
  <c r="AD25" i="12"/>
  <c r="AB25" i="12"/>
  <c r="AF25" i="12" s="1"/>
  <c r="AF24" i="12"/>
  <c r="AC27" i="12" l="1"/>
  <c r="AD26" i="12"/>
  <c r="AB26" i="12"/>
  <c r="AF26" i="12" s="1"/>
  <c r="AB27" i="12" l="1"/>
  <c r="AF27" i="12" s="1"/>
  <c r="AC28" i="12"/>
  <c r="AD27" i="12"/>
  <c r="AC29" i="12" l="1"/>
  <c r="AD28" i="12"/>
  <c r="AB28" i="12"/>
  <c r="AF28" i="12" l="1"/>
  <c r="AB29" i="12"/>
  <c r="AC30" i="12"/>
  <c r="AD29" i="12"/>
  <c r="AF29" i="12" l="1"/>
  <c r="AC31" i="12"/>
  <c r="AD30" i="12"/>
  <c r="AB30" i="12"/>
  <c r="AB31" i="12" l="1"/>
  <c r="AC32" i="12"/>
  <c r="AD31" i="12"/>
  <c r="AF30" i="12"/>
  <c r="AF31" i="12" l="1"/>
  <c r="AB32" i="12"/>
  <c r="AF32" i="12" s="1"/>
  <c r="AC33" i="12"/>
  <c r="AD32" i="12"/>
  <c r="AD33" i="12" l="1"/>
  <c r="AB33" i="12"/>
  <c r="AF33" i="12" s="1"/>
  <c r="AC34" i="12"/>
  <c r="AD34" i="12" l="1"/>
  <c r="AB34" i="12"/>
  <c r="AF34" i="12" s="1"/>
  <c r="AC35" i="12"/>
  <c r="AC36" i="12" l="1"/>
  <c r="AD35" i="12"/>
  <c r="AB35" i="12"/>
  <c r="AF35" i="12" l="1"/>
  <c r="AD36" i="12"/>
  <c r="AB36" i="12"/>
  <c r="AC37" i="12"/>
  <c r="AF36" i="12" l="1"/>
  <c r="AC38" i="12"/>
  <c r="AB37" i="12"/>
  <c r="AD37" i="12"/>
  <c r="AF37" i="12" l="1"/>
  <c r="AC39" i="12"/>
  <c r="AD38" i="12"/>
  <c r="AB38" i="12"/>
  <c r="AF38" i="12" l="1"/>
  <c r="AC40" i="12"/>
  <c r="AB39" i="12"/>
  <c r="AF39" i="12" s="1"/>
  <c r="AD39" i="12"/>
  <c r="AC41" i="12" l="1"/>
  <c r="AB40" i="12"/>
  <c r="AF40" i="12" s="1"/>
  <c r="AD40" i="12"/>
  <c r="AC42" i="12" l="1"/>
  <c r="AD41" i="12"/>
  <c r="AB41" i="12"/>
  <c r="AF41" i="12" s="1"/>
  <c r="AC43" i="12" l="1"/>
  <c r="AD42" i="12"/>
  <c r="AB42" i="12"/>
  <c r="AF42" i="12" s="1"/>
  <c r="AC44" i="12" l="1"/>
  <c r="AB43" i="12"/>
  <c r="AF43" i="12" s="1"/>
  <c r="AD43" i="12"/>
  <c r="AC45" i="12" l="1"/>
  <c r="AD44" i="12"/>
  <c r="AB44" i="12"/>
  <c r="AF44" i="12" s="1"/>
  <c r="AB45" i="12" l="1"/>
  <c r="AF45" i="12" s="1"/>
  <c r="AC46" i="12"/>
  <c r="M5" i="3" s="1"/>
  <c r="L5" i="3" s="1"/>
  <c r="AD45" i="12"/>
  <c r="AB46" i="12" l="1"/>
  <c r="AF46" i="12" s="1"/>
  <c r="AD46" i="12"/>
  <c r="AL59" i="12" s="1"/>
  <c r="AL57" i="12"/>
  <c r="AH6" i="12"/>
  <c r="AP9" i="12"/>
  <c r="K6" i="3" l="1"/>
  <c r="AP10" i="12"/>
  <c r="AQ9" i="12"/>
  <c r="AO6" i="12"/>
  <c r="AO9" i="12"/>
  <c r="AS9" i="12" s="1"/>
  <c r="AL9" i="12"/>
  <c r="AL69" i="12"/>
  <c r="AL70" i="12"/>
  <c r="AL61" i="12"/>
  <c r="AL67" i="12" s="1"/>
  <c r="N5" i="3" l="1"/>
  <c r="AL72" i="12"/>
  <c r="AL34" i="12"/>
  <c r="O5" i="3"/>
  <c r="P5" i="3" s="1"/>
  <c r="AQ10" i="12"/>
  <c r="AP11" i="12"/>
  <c r="AO10" i="12"/>
  <c r="AS10" i="12" s="1"/>
  <c r="AL13" i="12"/>
  <c r="AL19" i="12"/>
  <c r="AL32" i="12" s="1"/>
  <c r="AK25" i="12" l="1"/>
  <c r="AK38" i="12"/>
  <c r="AK46" i="12" s="1"/>
  <c r="AL73" i="12"/>
  <c r="AL74" i="12" s="1"/>
  <c r="AL75" i="12" s="1"/>
  <c r="AL36" i="12"/>
  <c r="AL63" i="12"/>
  <c r="AL23" i="12"/>
  <c r="AP12" i="12"/>
  <c r="AO11" i="12"/>
  <c r="AS11" i="12" s="1"/>
  <c r="AQ11" i="12"/>
  <c r="AQ12" i="12" l="1"/>
  <c r="AP13" i="12"/>
  <c r="AO12" i="12"/>
  <c r="AS12" i="12" l="1"/>
  <c r="AQ13" i="12"/>
  <c r="AP14" i="12"/>
  <c r="AO13" i="12"/>
  <c r="AS13" i="12" l="1"/>
  <c r="AQ14" i="12"/>
  <c r="AO14" i="12"/>
  <c r="AP15" i="12"/>
  <c r="AO15" i="12" l="1"/>
  <c r="AP16" i="12"/>
  <c r="AQ15" i="12"/>
  <c r="AS14" i="12"/>
  <c r="AQ16" i="12" l="1"/>
  <c r="AP17" i="12"/>
  <c r="AO16" i="12"/>
  <c r="AS16" i="12" s="1"/>
  <c r="AS15" i="12"/>
  <c r="AP18" i="12" l="1"/>
  <c r="AQ17" i="12"/>
  <c r="AO17" i="12"/>
  <c r="AS17" i="12" s="1"/>
  <c r="AQ18" i="12" l="1"/>
  <c r="AO18" i="12"/>
  <c r="AS18" i="12" s="1"/>
  <c r="AP19" i="12"/>
  <c r="AO19" i="12" l="1"/>
  <c r="AQ19" i="12"/>
  <c r="AP20" i="12"/>
  <c r="AS19" i="12" l="1"/>
  <c r="AP21" i="12"/>
  <c r="AO20" i="12"/>
  <c r="AQ20" i="12"/>
  <c r="AS20" i="12" l="1"/>
  <c r="AP22" i="12"/>
  <c r="AO21" i="12"/>
  <c r="AQ21" i="12"/>
  <c r="AS21" i="12" l="1"/>
  <c r="AO22" i="12"/>
  <c r="AP23" i="12"/>
  <c r="AQ22" i="12"/>
  <c r="AO23" i="12" l="1"/>
  <c r="AS23" i="12" s="1"/>
  <c r="AQ23" i="12"/>
  <c r="AP24" i="12"/>
  <c r="AS22" i="12"/>
  <c r="AU6" i="13" l="1"/>
  <c r="AP25" i="12"/>
  <c r="AO24" i="12"/>
  <c r="AS24" i="12" s="1"/>
  <c r="AQ24" i="12"/>
  <c r="BB6" i="13" l="1"/>
  <c r="AP26" i="12"/>
  <c r="AO25" i="12"/>
  <c r="AS25" i="12" s="1"/>
  <c r="AQ25" i="12"/>
  <c r="AP27" i="12" l="1"/>
  <c r="AQ26" i="12"/>
  <c r="AO26" i="12"/>
  <c r="AS26" i="12" l="1"/>
  <c r="AP28" i="12"/>
  <c r="AQ27" i="12"/>
  <c r="AO27" i="12"/>
  <c r="AS27" i="12" l="1"/>
  <c r="AO28" i="12"/>
  <c r="AP29" i="12"/>
  <c r="AQ28" i="12"/>
  <c r="AP30" i="12" l="1"/>
  <c r="AQ29" i="12"/>
  <c r="AO29" i="12"/>
  <c r="AS28" i="12"/>
  <c r="AP31" i="12" l="1"/>
  <c r="AO30" i="12"/>
  <c r="AS30" i="12" s="1"/>
  <c r="AQ30" i="12"/>
  <c r="AS29" i="12"/>
  <c r="AQ31" i="12" l="1"/>
  <c r="AP32" i="12"/>
  <c r="AO31" i="12"/>
  <c r="AS31" i="12" s="1"/>
  <c r="AQ32" i="12" l="1"/>
  <c r="AO32" i="12"/>
  <c r="AS32" i="12" s="1"/>
  <c r="AP33" i="12"/>
  <c r="AO33" i="12" l="1"/>
  <c r="AP34" i="12"/>
  <c r="AQ33" i="12"/>
  <c r="AS33" i="12" l="1"/>
  <c r="AP35" i="12"/>
  <c r="AQ34" i="12"/>
  <c r="AO34" i="12"/>
  <c r="AS34" i="12" l="1"/>
  <c r="AQ35" i="12"/>
  <c r="AO35" i="12"/>
  <c r="AP36" i="12"/>
  <c r="AP37" i="12" l="1"/>
  <c r="AQ36" i="12"/>
  <c r="AO36" i="12"/>
  <c r="AS35" i="12"/>
  <c r="AO37" i="12" l="1"/>
  <c r="AS37" i="12" s="1"/>
  <c r="AP38" i="12"/>
  <c r="AQ37" i="12"/>
  <c r="AS36" i="12"/>
  <c r="AQ38" i="12" l="1"/>
  <c r="AP39" i="12"/>
  <c r="AO38" i="12"/>
  <c r="AS38" i="12" s="1"/>
  <c r="AP40" i="12" l="1"/>
  <c r="AQ39" i="12"/>
  <c r="AO39" i="12"/>
  <c r="AS39" i="12" s="1"/>
  <c r="AO40" i="12" l="1"/>
  <c r="AS40" i="12" s="1"/>
  <c r="AP41" i="12"/>
  <c r="AQ40" i="12"/>
  <c r="AO41" i="12" l="1"/>
  <c r="AS41" i="12" s="1"/>
  <c r="AP42" i="12"/>
  <c r="AQ41" i="12"/>
  <c r="AP43" i="12" l="1"/>
  <c r="AO42" i="12"/>
  <c r="AS42" i="12" s="1"/>
  <c r="AQ42" i="12"/>
  <c r="AP44" i="12" l="1"/>
  <c r="AO43" i="12"/>
  <c r="AS43" i="12" s="1"/>
  <c r="AQ43" i="12"/>
  <c r="AO44" i="12" l="1"/>
  <c r="AS44" i="12" s="1"/>
  <c r="AP45" i="12"/>
  <c r="AQ44" i="12"/>
  <c r="AQ45" i="12" l="1"/>
  <c r="AP46" i="12"/>
  <c r="M6" i="3" s="1"/>
  <c r="L6" i="3" s="1"/>
  <c r="AO45" i="12"/>
  <c r="AS45" i="12" s="1"/>
  <c r="AO46" i="12" l="1"/>
  <c r="AS46" i="12" s="1"/>
  <c r="AQ46" i="12"/>
  <c r="AY59" i="12" s="1"/>
  <c r="AU6" i="12"/>
  <c r="AY57" i="12"/>
  <c r="BC9" i="12"/>
  <c r="K7" i="3" l="1"/>
  <c r="AY69" i="12"/>
  <c r="AY61" i="12"/>
  <c r="AY67" i="12" s="1"/>
  <c r="AY70" i="12"/>
  <c r="BD9" i="12"/>
  <c r="BC10" i="12"/>
  <c r="BB9" i="12"/>
  <c r="BB6" i="12"/>
  <c r="AY9" i="12"/>
  <c r="N6" i="3" l="1"/>
  <c r="AY72" i="12"/>
  <c r="AY34" i="12"/>
  <c r="O6" i="3"/>
  <c r="P6" i="3" s="1"/>
  <c r="BF9" i="12"/>
  <c r="BD10" i="12"/>
  <c r="BC11" i="12"/>
  <c r="BB10" i="12"/>
  <c r="AY13" i="12"/>
  <c r="AY19" i="12"/>
  <c r="AX38" i="12" s="1"/>
  <c r="BL30" i="12" l="1"/>
  <c r="AX46" i="12"/>
  <c r="AY32" i="12"/>
  <c r="AY36" i="12"/>
  <c r="AY73" i="12"/>
  <c r="AY74" i="12" s="1"/>
  <c r="AY75" i="12" s="1"/>
  <c r="AY63" i="12"/>
  <c r="BF10" i="12"/>
  <c r="AY23" i="12"/>
  <c r="AX25" i="12"/>
  <c r="BD11" i="12"/>
  <c r="BC12" i="12"/>
  <c r="BB11" i="12"/>
  <c r="BF11" i="12" l="1"/>
  <c r="BC13" i="12"/>
  <c r="BB12" i="12"/>
  <c r="BD12" i="12"/>
  <c r="BF12" i="12" l="1"/>
  <c r="BD13" i="12"/>
  <c r="BC14" i="12"/>
  <c r="BB13" i="12"/>
  <c r="BF13" i="12" s="1"/>
  <c r="BB14" i="12" l="1"/>
  <c r="BF14" i="12" s="1"/>
  <c r="BC15" i="12"/>
  <c r="BD14" i="12"/>
  <c r="BD15" i="12" l="1"/>
  <c r="BB15" i="12"/>
  <c r="BF15" i="12" s="1"/>
  <c r="BC16" i="12"/>
  <c r="BC17" i="12" l="1"/>
  <c r="BD16" i="12"/>
  <c r="BB16" i="12"/>
  <c r="BF16" i="12" l="1"/>
  <c r="BC18" i="12"/>
  <c r="BD17" i="12"/>
  <c r="BB17" i="12"/>
  <c r="BF17" i="12" l="1"/>
  <c r="BD18" i="12"/>
  <c r="BC19" i="12"/>
  <c r="BB18" i="12"/>
  <c r="BF18" i="12" l="1"/>
  <c r="BD19" i="12"/>
  <c r="BC20" i="12"/>
  <c r="BB19" i="12"/>
  <c r="BF19" i="12" l="1"/>
  <c r="BD20" i="12"/>
  <c r="BC21" i="12"/>
  <c r="BB20" i="12"/>
  <c r="BF20" i="12" s="1"/>
  <c r="BD21" i="12" l="1"/>
  <c r="BC22" i="12"/>
  <c r="BB21" i="12"/>
  <c r="BF21" i="12" s="1"/>
  <c r="BC23" i="12" l="1"/>
  <c r="BD22" i="12"/>
  <c r="BB22" i="12"/>
  <c r="BF22" i="12" s="1"/>
  <c r="BD23" i="12" l="1"/>
  <c r="BC24" i="12"/>
  <c r="BB23" i="12"/>
  <c r="BH6" i="13" l="1"/>
  <c r="BF23" i="12"/>
  <c r="BD24" i="12"/>
  <c r="BB24" i="12"/>
  <c r="BC25" i="12"/>
  <c r="BO6" i="13" l="1"/>
  <c r="BU6" i="13"/>
  <c r="BF24" i="12"/>
  <c r="BD25" i="12"/>
  <c r="BC26" i="12"/>
  <c r="BB25" i="12"/>
  <c r="BF25" i="12" l="1"/>
  <c r="BC27" i="12"/>
  <c r="BD26" i="12"/>
  <c r="BB26" i="12"/>
  <c r="BF26" i="12" l="1"/>
  <c r="BB27" i="12"/>
  <c r="BF27" i="12" s="1"/>
  <c r="BC28" i="12"/>
  <c r="BD27" i="12"/>
  <c r="BC29" i="12" l="1"/>
  <c r="BD28" i="12"/>
  <c r="BB28" i="12"/>
  <c r="BF28" i="12" s="1"/>
  <c r="BB29" i="12" l="1"/>
  <c r="BF29" i="12" s="1"/>
  <c r="BC30" i="12"/>
  <c r="BD29" i="12"/>
  <c r="BC31" i="12" l="1"/>
  <c r="BD30" i="12"/>
  <c r="BB30" i="12"/>
  <c r="BF30" i="12" l="1"/>
  <c r="BD31" i="12"/>
  <c r="BC32" i="12"/>
  <c r="BB31" i="12"/>
  <c r="BF31" i="12" l="1"/>
  <c r="BB32" i="12"/>
  <c r="BC33" i="12"/>
  <c r="BD32" i="12"/>
  <c r="BC34" i="12" l="1"/>
  <c r="BD33" i="12"/>
  <c r="BB33" i="12"/>
  <c r="BF32" i="12"/>
  <c r="BF33" i="12" l="1"/>
  <c r="BB34" i="12"/>
  <c r="BF34" i="12" s="1"/>
  <c r="BC35" i="12"/>
  <c r="BD34" i="12"/>
  <c r="BC36" i="12" l="1"/>
  <c r="BD35" i="12"/>
  <c r="BB35" i="12"/>
  <c r="BF35" i="12" s="1"/>
  <c r="BD36" i="12" l="1"/>
  <c r="BB36" i="12"/>
  <c r="BF36" i="12" s="1"/>
  <c r="BC37" i="12"/>
  <c r="BC38" i="12" l="1"/>
  <c r="BB37" i="12"/>
  <c r="BD37" i="12"/>
  <c r="BF37" i="12" l="1"/>
  <c r="BD38" i="12"/>
  <c r="BC39" i="12"/>
  <c r="BB38" i="12"/>
  <c r="BF38" i="12" l="1"/>
  <c r="BD39" i="12"/>
  <c r="BB39" i="12"/>
  <c r="BC40" i="12"/>
  <c r="BC41" i="12" l="1"/>
  <c r="BB40" i="12"/>
  <c r="BF40" i="12" s="1"/>
  <c r="BD40" i="12"/>
  <c r="BF39" i="12"/>
  <c r="BC42" i="12" l="1"/>
  <c r="BD41" i="12"/>
  <c r="BB41" i="12"/>
  <c r="BF41" i="12" s="1"/>
  <c r="BD42" i="12" l="1"/>
  <c r="BC43" i="12"/>
  <c r="BB42" i="12"/>
  <c r="BF42" i="12" s="1"/>
  <c r="BB43" i="12" l="1"/>
  <c r="BF43" i="12" s="1"/>
  <c r="BD43" i="12"/>
  <c r="BC44" i="12"/>
  <c r="BB44" i="12" l="1"/>
  <c r="BF44" i="12" s="1"/>
  <c r="BC45" i="12"/>
  <c r="BD44" i="12"/>
  <c r="BB45" i="12" l="1"/>
  <c r="BF45" i="12" s="1"/>
  <c r="BC46" i="12"/>
  <c r="M7" i="3" s="1"/>
  <c r="L7" i="3" s="1"/>
  <c r="BD45" i="12"/>
  <c r="BD46" i="12" l="1"/>
  <c r="BL59" i="12" s="1"/>
  <c r="BB46" i="12"/>
  <c r="BF46" i="12" s="1"/>
  <c r="BP9" i="12"/>
  <c r="BL57" i="12"/>
  <c r="BH6" i="12"/>
  <c r="K8" i="3" l="1"/>
  <c r="M8" i="3"/>
  <c r="L8" i="3" s="1"/>
  <c r="BL9" i="12"/>
  <c r="BO6" i="12"/>
  <c r="BQ9" i="12"/>
  <c r="BO9" i="12"/>
  <c r="BP10" i="12"/>
  <c r="BL61" i="12"/>
  <c r="BL67" i="12" s="1"/>
  <c r="BL69" i="12"/>
  <c r="BL70" i="12"/>
  <c r="N7" i="3" l="1"/>
  <c r="BL34" i="12"/>
  <c r="BL72" i="12"/>
  <c r="O7" i="3"/>
  <c r="P7" i="3" s="1"/>
  <c r="BS9" i="12"/>
  <c r="BQ10" i="12"/>
  <c r="BO10" i="12"/>
  <c r="BS10" i="12" s="1"/>
  <c r="BP11" i="12"/>
  <c r="BL13" i="12"/>
  <c r="BL19" i="12"/>
  <c r="BK38" i="12" s="1"/>
  <c r="BK46" i="12" s="1"/>
  <c r="BL32" i="12" l="1"/>
  <c r="BL36" i="12"/>
  <c r="BL73" i="12"/>
  <c r="BL74" i="12" s="1"/>
  <c r="BL75" i="12" s="1"/>
  <c r="BL63" i="12"/>
  <c r="BQ11" i="12"/>
  <c r="BO11" i="12"/>
  <c r="BS11" i="12" s="1"/>
  <c r="BP12" i="12"/>
  <c r="BK25" i="12"/>
  <c r="BL23" i="12"/>
  <c r="BP13" i="12" l="1"/>
  <c r="BQ12" i="12"/>
  <c r="BO12" i="12"/>
  <c r="BS12" i="12" s="1"/>
  <c r="BO13" i="12" l="1"/>
  <c r="BS13" i="12" s="1"/>
  <c r="BP14" i="12"/>
  <c r="BQ13" i="12"/>
  <c r="BP15" i="12" l="1"/>
  <c r="BQ14" i="12"/>
  <c r="BO14" i="12"/>
  <c r="BS14" i="12" l="1"/>
  <c r="BP16" i="12"/>
  <c r="BQ15" i="12"/>
  <c r="BO15" i="12"/>
  <c r="BP17" i="12" l="1"/>
  <c r="BQ16" i="12"/>
  <c r="BO16" i="12"/>
  <c r="BS15" i="12"/>
  <c r="BS16" i="12" l="1"/>
  <c r="BQ17" i="12"/>
  <c r="BO17" i="12"/>
  <c r="BS17" i="12" s="1"/>
  <c r="BP18" i="12"/>
  <c r="BP19" i="12" l="1"/>
  <c r="BQ18" i="12"/>
  <c r="BO18" i="12"/>
  <c r="BS18" i="12" s="1"/>
  <c r="BQ19" i="12" l="1"/>
  <c r="BO19" i="12"/>
  <c r="BS19" i="12" s="1"/>
  <c r="BP20" i="12"/>
  <c r="BO20" i="12" l="1"/>
  <c r="BS20" i="12" s="1"/>
  <c r="BP21" i="12"/>
  <c r="BQ20" i="12"/>
  <c r="BP22" i="12" l="1"/>
  <c r="BQ21" i="12"/>
  <c r="BO21" i="12"/>
  <c r="BS21" i="12" l="1"/>
  <c r="BP23" i="12"/>
  <c r="BO22" i="12"/>
  <c r="BQ22" i="12"/>
  <c r="BS22" i="12" l="1"/>
  <c r="BQ23" i="12"/>
  <c r="BO23" i="12"/>
  <c r="BP24" i="12"/>
  <c r="BO24" i="12" l="1"/>
  <c r="BS24" i="12" s="1"/>
  <c r="BP25" i="12"/>
  <c r="BQ24" i="12"/>
  <c r="BS23" i="12"/>
  <c r="CH6" i="13" l="1"/>
  <c r="CB6" i="13"/>
  <c r="BP26" i="12"/>
  <c r="BO25" i="12"/>
  <c r="BS25" i="12" s="1"/>
  <c r="BQ25" i="12"/>
  <c r="BO26" i="12" l="1"/>
  <c r="BS26" i="12" s="1"/>
  <c r="BP27" i="12"/>
  <c r="BQ26" i="12"/>
  <c r="BO27" i="12" l="1"/>
  <c r="BS27" i="12" s="1"/>
  <c r="BP28" i="12"/>
  <c r="BQ27" i="12"/>
  <c r="BO28" i="12" l="1"/>
  <c r="BP29" i="12"/>
  <c r="BQ28" i="12"/>
  <c r="BS28" i="12" l="1"/>
  <c r="BP30" i="12"/>
  <c r="BQ29" i="12"/>
  <c r="BO29" i="12"/>
  <c r="BS29" i="12" l="1"/>
  <c r="BP31" i="12"/>
  <c r="BO30" i="12"/>
  <c r="BQ30" i="12"/>
  <c r="BQ31" i="12" l="1"/>
  <c r="BO31" i="12"/>
  <c r="BS31" i="12" s="1"/>
  <c r="BP32" i="12"/>
  <c r="BS30" i="12"/>
  <c r="BQ32" i="12" l="1"/>
  <c r="BO32" i="12"/>
  <c r="BS32" i="12" s="1"/>
  <c r="BP33" i="12"/>
  <c r="BO33" i="12" l="1"/>
  <c r="BS33" i="12" s="1"/>
  <c r="BQ33" i="12"/>
  <c r="BP34" i="12"/>
  <c r="BP35" i="12" l="1"/>
  <c r="BO34" i="12"/>
  <c r="BS34" i="12" s="1"/>
  <c r="BQ34" i="12"/>
  <c r="BQ35" i="12" l="1"/>
  <c r="BO35" i="12"/>
  <c r="BP36" i="12"/>
  <c r="BS35" i="12" l="1"/>
  <c r="BP37" i="12"/>
  <c r="BQ36" i="12"/>
  <c r="BO36" i="12"/>
  <c r="BS36" i="12" l="1"/>
  <c r="BO37" i="12"/>
  <c r="BP38" i="12"/>
  <c r="BQ37" i="12"/>
  <c r="BS37" i="12" l="1"/>
  <c r="BQ38" i="12"/>
  <c r="BO38" i="12"/>
  <c r="BS38" i="12" s="1"/>
  <c r="BP39" i="12"/>
  <c r="BP40" i="12" l="1"/>
  <c r="BQ39" i="12"/>
  <c r="BO39" i="12"/>
  <c r="BS39" i="12" s="1"/>
  <c r="BO40" i="12" l="1"/>
  <c r="BS40" i="12" s="1"/>
  <c r="BP41" i="12"/>
  <c r="BQ40" i="12"/>
  <c r="BO41" i="12" l="1"/>
  <c r="BS41" i="12" s="1"/>
  <c r="BP42" i="12"/>
  <c r="BQ41" i="12"/>
  <c r="BP43" i="12" l="1"/>
  <c r="BO42" i="12"/>
  <c r="BS42" i="12" s="1"/>
  <c r="BQ42" i="12"/>
  <c r="BQ43" i="12" l="1"/>
  <c r="BP44" i="12"/>
  <c r="BO43" i="12"/>
  <c r="BS43" i="12" s="1"/>
  <c r="BO44" i="12" l="1"/>
  <c r="BS44" i="12" s="1"/>
  <c r="BQ44" i="12"/>
  <c r="BP45" i="12"/>
  <c r="BP46" i="12" l="1"/>
  <c r="BQ45" i="12"/>
  <c r="BO45" i="12"/>
  <c r="BS45" i="12" s="1"/>
  <c r="BO46" i="12" l="1"/>
  <c r="BS46" i="12" s="1"/>
  <c r="BQ46" i="12"/>
  <c r="BY59" i="12" s="1"/>
  <c r="CC9" i="12"/>
  <c r="BU6" i="12"/>
  <c r="BY57" i="12"/>
  <c r="M9" i="3" l="1"/>
  <c r="L9" i="3" s="1"/>
  <c r="K9" i="3"/>
  <c r="BY69" i="12"/>
  <c r="BY70" i="12"/>
  <c r="BY61" i="12"/>
  <c r="BY67" i="12" s="1"/>
  <c r="BY9" i="12"/>
  <c r="CC10" i="12"/>
  <c r="CB9" i="12"/>
  <c r="CF9" i="12" s="1"/>
  <c r="CB6" i="12"/>
  <c r="CD9" i="12"/>
  <c r="N8" i="3" l="1"/>
  <c r="BY34" i="12"/>
  <c r="BY72" i="12"/>
  <c r="BY32" i="12"/>
  <c r="O8" i="3"/>
  <c r="P8" i="3"/>
  <c r="BY13" i="12"/>
  <c r="BY63" i="12" s="1"/>
  <c r="BY19" i="12"/>
  <c r="BX38" i="12" s="1"/>
  <c r="BX46" i="12" s="1"/>
  <c r="CD10" i="12"/>
  <c r="CC11" i="12"/>
  <c r="CB10" i="12"/>
  <c r="CF10" i="12" s="1"/>
  <c r="BY36" i="12" l="1"/>
  <c r="BY73" i="12"/>
  <c r="BY74" i="12" s="1"/>
  <c r="BY75" i="12" s="1"/>
  <c r="BY23" i="12"/>
  <c r="BX25" i="12"/>
  <c r="CD11" i="12"/>
  <c r="CB11" i="12"/>
  <c r="CC12" i="12"/>
  <c r="CF11" i="12" l="1"/>
  <c r="CD12" i="12"/>
  <c r="CB12" i="12"/>
  <c r="CC13" i="12"/>
  <c r="CF12" i="12" l="1"/>
  <c r="CD13" i="12"/>
  <c r="CB13" i="12"/>
  <c r="CC14" i="12"/>
  <c r="CC15" i="12" l="1"/>
  <c r="CD14" i="12"/>
  <c r="CB14" i="12"/>
  <c r="CF13" i="12"/>
  <c r="CD15" i="12" l="1"/>
  <c r="CB15" i="12"/>
  <c r="CF15" i="12" s="1"/>
  <c r="CC16" i="12"/>
  <c r="CF14" i="12"/>
  <c r="CD16" i="12" l="1"/>
  <c r="CB16" i="12"/>
  <c r="CF16" i="12" s="1"/>
  <c r="CC17" i="12"/>
  <c r="CC18" i="12" l="1"/>
  <c r="CD17" i="12"/>
  <c r="CB17" i="12"/>
  <c r="CF17" i="12" s="1"/>
  <c r="CC19" i="12" l="1"/>
  <c r="CD18" i="12"/>
  <c r="CB18" i="12"/>
  <c r="CF18" i="12" l="1"/>
  <c r="CB19" i="12"/>
  <c r="CC20" i="12"/>
  <c r="CD19" i="12"/>
  <c r="CF19" i="12" l="1"/>
  <c r="CC21" i="12"/>
  <c r="CD20" i="12"/>
  <c r="CB20" i="12"/>
  <c r="CD21" i="12" l="1"/>
  <c r="CB21" i="12"/>
  <c r="CC22" i="12"/>
  <c r="CF20" i="12"/>
  <c r="CC23" i="12" l="1"/>
  <c r="CD22" i="12"/>
  <c r="CB22" i="12"/>
  <c r="CF22" i="12" s="1"/>
  <c r="CF21" i="12"/>
  <c r="CB23" i="12" l="1"/>
  <c r="CF23" i="12" s="1"/>
  <c r="CD23" i="12"/>
  <c r="CC24" i="12"/>
  <c r="CC25" i="12" l="1"/>
  <c r="CD24" i="12"/>
  <c r="CB24" i="12"/>
  <c r="CF24" i="12" s="1"/>
  <c r="CO6" i="13" l="1"/>
  <c r="CU6" i="13"/>
  <c r="CD25" i="12"/>
  <c r="CB25" i="12"/>
  <c r="CC26" i="12"/>
  <c r="CF25" i="12" l="1"/>
  <c r="CC27" i="12"/>
  <c r="CD26" i="12"/>
  <c r="CB26" i="12"/>
  <c r="CF26" i="12" l="1"/>
  <c r="CB27" i="12"/>
  <c r="CC28" i="12"/>
  <c r="CD27" i="12"/>
  <c r="CC29" i="12" l="1"/>
  <c r="CD28" i="12"/>
  <c r="CB28" i="12"/>
  <c r="CF27" i="12"/>
  <c r="CF28" i="12" l="1"/>
  <c r="CC30" i="12"/>
  <c r="CB29" i="12"/>
  <c r="CF29" i="12" s="1"/>
  <c r="CD29" i="12"/>
  <c r="CC31" i="12" l="1"/>
  <c r="CB30" i="12"/>
  <c r="CF30" i="12" s="1"/>
  <c r="CD30" i="12"/>
  <c r="CD31" i="12" l="1"/>
  <c r="CB31" i="12"/>
  <c r="CF31" i="12" s="1"/>
  <c r="CC32" i="12"/>
  <c r="CB32" i="12" l="1"/>
  <c r="CC33" i="12"/>
  <c r="CD32" i="12"/>
  <c r="CF32" i="12" l="1"/>
  <c r="CD33" i="12"/>
  <c r="CB33" i="12"/>
  <c r="CC34" i="12"/>
  <c r="CF33" i="12" l="1"/>
  <c r="CB34" i="12"/>
  <c r="CC35" i="12"/>
  <c r="CD34" i="12"/>
  <c r="CC36" i="12" l="1"/>
  <c r="CD35" i="12"/>
  <c r="CB35" i="12"/>
  <c r="CF34" i="12"/>
  <c r="CF35" i="12" l="1"/>
  <c r="CC37" i="12"/>
  <c r="CD36" i="12"/>
  <c r="CB36" i="12"/>
  <c r="CF36" i="12" s="1"/>
  <c r="CC38" i="12" l="1"/>
  <c r="CB37" i="12"/>
  <c r="CF37" i="12" s="1"/>
  <c r="CD37" i="12"/>
  <c r="CD38" i="12" l="1"/>
  <c r="CC39" i="12"/>
  <c r="CB38" i="12"/>
  <c r="CF38" i="12" s="1"/>
  <c r="CC40" i="12" l="1"/>
  <c r="CD39" i="12"/>
  <c r="CB39" i="12"/>
  <c r="CF39" i="12" l="1"/>
  <c r="CB40" i="12"/>
  <c r="CF40" i="12" s="1"/>
  <c r="CC41" i="12"/>
  <c r="CD40" i="12"/>
  <c r="CB41" i="12" l="1"/>
  <c r="CF41" i="12" s="1"/>
  <c r="CD41" i="12"/>
  <c r="CC42" i="12"/>
  <c r="CD42" i="12" l="1"/>
  <c r="CC43" i="12"/>
  <c r="CB42" i="12"/>
  <c r="CF42" i="12" s="1"/>
  <c r="CB43" i="12" l="1"/>
  <c r="CF43" i="12" s="1"/>
  <c r="CC44" i="12"/>
  <c r="CD43" i="12"/>
  <c r="CC45" i="12" l="1"/>
  <c r="CB44" i="12"/>
  <c r="CF44" i="12" s="1"/>
  <c r="CD44" i="12"/>
  <c r="CB45" i="12" l="1"/>
  <c r="CF45" i="12" s="1"/>
  <c r="CC46" i="12"/>
  <c r="CD45" i="12"/>
  <c r="CB46" i="12" l="1"/>
  <c r="CF46" i="12" s="1"/>
  <c r="CD46" i="12"/>
  <c r="CL59" i="12" s="1"/>
  <c r="CP9" i="12"/>
  <c r="CL57" i="12"/>
  <c r="CH6" i="12"/>
  <c r="K10" i="3" l="1"/>
  <c r="M10" i="3"/>
  <c r="L10" i="3" s="1"/>
  <c r="CL9" i="12"/>
  <c r="CO9" i="12"/>
  <c r="CO6" i="12"/>
  <c r="CP10" i="12"/>
  <c r="CQ9" i="12"/>
  <c r="CL61" i="12"/>
  <c r="CL67" i="12" s="1"/>
  <c r="CL69" i="12"/>
  <c r="CL70" i="12"/>
  <c r="N9" i="3" l="1"/>
  <c r="CL34" i="12"/>
  <c r="CL32" i="12"/>
  <c r="CL72" i="12"/>
  <c r="P9" i="3"/>
  <c r="O9" i="3"/>
  <c r="CS9" i="12"/>
  <c r="CO10" i="12"/>
  <c r="CP11" i="12"/>
  <c r="CQ10" i="12"/>
  <c r="CL19" i="12"/>
  <c r="CK38" i="12" s="1"/>
  <c r="CK46" i="12" s="1"/>
  <c r="CL13" i="12"/>
  <c r="CL63" i="12" s="1"/>
  <c r="CL73" i="12" l="1"/>
  <c r="CL74" i="12" s="1"/>
  <c r="CL75" i="12" s="1"/>
  <c r="CL36" i="12"/>
  <c r="CS10" i="12"/>
  <c r="CL23" i="12"/>
  <c r="CK25" i="12"/>
  <c r="CP12" i="12"/>
  <c r="CQ11" i="12"/>
  <c r="CO11" i="12"/>
  <c r="CP13" i="12" l="1"/>
  <c r="CQ12" i="12"/>
  <c r="CO12" i="12"/>
  <c r="CS12" i="12" s="1"/>
  <c r="CS11" i="12"/>
  <c r="CP14" i="12" l="1"/>
  <c r="CQ13" i="12"/>
  <c r="CO13" i="12"/>
  <c r="CS13" i="12" s="1"/>
  <c r="CQ14" i="12" l="1"/>
  <c r="CO14" i="12"/>
  <c r="CS14" i="12" s="1"/>
  <c r="CP15" i="12"/>
  <c r="CP16" i="12" l="1"/>
  <c r="CQ15" i="12"/>
  <c r="CO15" i="12"/>
  <c r="CS15" i="12" l="1"/>
  <c r="CQ16" i="12"/>
  <c r="CO16" i="12"/>
  <c r="CP17" i="12"/>
  <c r="CS16" i="12" l="1"/>
  <c r="CQ17" i="12"/>
  <c r="CO17" i="12"/>
  <c r="CP18" i="12"/>
  <c r="CP19" i="12" l="1"/>
  <c r="CQ18" i="12"/>
  <c r="CO18" i="12"/>
  <c r="CS17" i="12"/>
  <c r="CS18" i="12" l="1"/>
  <c r="CQ19" i="12"/>
  <c r="CO19" i="12"/>
  <c r="CS19" i="12" s="1"/>
  <c r="CP20" i="12"/>
  <c r="CO20" i="12" l="1"/>
  <c r="CS20" i="12" s="1"/>
  <c r="CP21" i="12"/>
  <c r="CQ20" i="12"/>
  <c r="CP22" i="12" l="1"/>
  <c r="CQ21" i="12"/>
  <c r="CO21" i="12"/>
  <c r="CS21" i="12" s="1"/>
  <c r="CO22" i="12" l="1"/>
  <c r="CP23" i="12"/>
  <c r="CQ22" i="12"/>
  <c r="CS22" i="12" l="1"/>
  <c r="CQ23" i="12"/>
  <c r="CO23" i="12"/>
  <c r="CP24" i="12"/>
  <c r="CS23" i="12" l="1"/>
  <c r="CO24" i="12"/>
  <c r="CP25" i="12"/>
  <c r="CQ24" i="12"/>
  <c r="DH6" i="13" l="1"/>
  <c r="DB6" i="13"/>
  <c r="CP26" i="12"/>
  <c r="CO25" i="12"/>
  <c r="CQ25" i="12"/>
  <c r="CS24" i="12"/>
  <c r="CQ26" i="12" l="1"/>
  <c r="CO26" i="12"/>
  <c r="CS26" i="12" s="1"/>
  <c r="CP27" i="12"/>
  <c r="CS25" i="12"/>
  <c r="CP28" i="12" l="1"/>
  <c r="CQ27" i="12"/>
  <c r="CO27" i="12"/>
  <c r="CS27" i="12" s="1"/>
  <c r="CO28" i="12" l="1"/>
  <c r="CS28" i="12" s="1"/>
  <c r="CP29" i="12"/>
  <c r="CQ28" i="12"/>
  <c r="CQ29" i="12" l="1"/>
  <c r="CO29" i="12"/>
  <c r="CP30" i="12"/>
  <c r="CS29" i="12" l="1"/>
  <c r="CQ30" i="12"/>
  <c r="CO30" i="12"/>
  <c r="CP31" i="12"/>
  <c r="CS30" i="12" l="1"/>
  <c r="CO31" i="12"/>
  <c r="CP32" i="12"/>
  <c r="CQ31" i="12"/>
  <c r="CQ32" i="12" l="1"/>
  <c r="CO32" i="12"/>
  <c r="CP33" i="12"/>
  <c r="CS31" i="12"/>
  <c r="CO33" i="12" l="1"/>
  <c r="CS33" i="12" s="1"/>
  <c r="CP34" i="12"/>
  <c r="CQ33" i="12"/>
  <c r="CS32" i="12"/>
  <c r="CP35" i="12" l="1"/>
  <c r="CQ34" i="12"/>
  <c r="CO34" i="12"/>
  <c r="CS34" i="12" s="1"/>
  <c r="CQ35" i="12" l="1"/>
  <c r="CO35" i="12"/>
  <c r="CS35" i="12" s="1"/>
  <c r="CP36" i="12"/>
  <c r="CP37" i="12" l="1"/>
  <c r="CQ36" i="12"/>
  <c r="CO36" i="12"/>
  <c r="CS36" i="12" l="1"/>
  <c r="CQ37" i="12"/>
  <c r="CO37" i="12"/>
  <c r="CP38" i="12"/>
  <c r="CS37" i="12" l="1"/>
  <c r="CQ38" i="12"/>
  <c r="CO38" i="12"/>
  <c r="CP39" i="12"/>
  <c r="CS38" i="12" l="1"/>
  <c r="CP40" i="12"/>
  <c r="CO39" i="12"/>
  <c r="CS39" i="12" s="1"/>
  <c r="CQ39" i="12"/>
  <c r="CP41" i="12" l="1"/>
  <c r="CQ40" i="12"/>
  <c r="CO40" i="12"/>
  <c r="CS40" i="12" s="1"/>
  <c r="CO41" i="12" l="1"/>
  <c r="CS41" i="12" s="1"/>
  <c r="CP42" i="12"/>
  <c r="CQ41" i="12"/>
  <c r="CP43" i="12" l="1"/>
  <c r="CO42" i="12"/>
  <c r="CS42" i="12" s="1"/>
  <c r="CQ42" i="12"/>
  <c r="CP44" i="12" l="1"/>
  <c r="CO43" i="12"/>
  <c r="CS43" i="12" s="1"/>
  <c r="CQ43" i="12"/>
  <c r="CO44" i="12" l="1"/>
  <c r="CS44" i="12" s="1"/>
  <c r="CP45" i="12"/>
  <c r="CQ44" i="12"/>
  <c r="CO45" i="12" l="1"/>
  <c r="CS45" i="12" s="1"/>
  <c r="CP46" i="12"/>
  <c r="CQ45" i="12"/>
  <c r="CO46" i="12" l="1"/>
  <c r="CS46" i="12" s="1"/>
  <c r="CQ46" i="12"/>
  <c r="CY59" i="12" s="1"/>
  <c r="DC9" i="12"/>
  <c r="CY57" i="12"/>
  <c r="CU6" i="12"/>
  <c r="K11" i="3" l="1"/>
  <c r="M11" i="3"/>
  <c r="L11" i="3" s="1"/>
  <c r="CY9" i="12"/>
  <c r="DB6" i="12"/>
  <c r="DB9" i="12"/>
  <c r="DC10" i="12"/>
  <c r="DD9" i="12"/>
  <c r="CY70" i="12"/>
  <c r="CY61" i="12"/>
  <c r="CY67" i="12" s="1"/>
  <c r="CY69" i="12"/>
  <c r="N10" i="3" l="1"/>
  <c r="CY34" i="12"/>
  <c r="CY32" i="12"/>
  <c r="CY72" i="12"/>
  <c r="O10" i="3"/>
  <c r="P10" i="3"/>
  <c r="DC11" i="12"/>
  <c r="DD10" i="12"/>
  <c r="DB10" i="12"/>
  <c r="DF10" i="12" s="1"/>
  <c r="DF9" i="12"/>
  <c r="CY13" i="12"/>
  <c r="CY63" i="12" s="1"/>
  <c r="CY19" i="12"/>
  <c r="CX38" i="12" s="1"/>
  <c r="CX46" i="12" s="1"/>
  <c r="CY73" i="12" l="1"/>
  <c r="CY74" i="12" s="1"/>
  <c r="CY75" i="12" s="1"/>
  <c r="CY36" i="12"/>
  <c r="DB11" i="12"/>
  <c r="DF11" i="12" s="1"/>
  <c r="DC12" i="12"/>
  <c r="DD11" i="12"/>
  <c r="CX25" i="12"/>
  <c r="CY23" i="12"/>
  <c r="DC13" i="12" l="1"/>
  <c r="DD12" i="12"/>
  <c r="DB12" i="12"/>
  <c r="DF12" i="12" s="1"/>
  <c r="DD13" i="12" l="1"/>
  <c r="DB13" i="12"/>
  <c r="DF13" i="12" s="1"/>
  <c r="DC14" i="12"/>
  <c r="DD14" i="12" l="1"/>
  <c r="DB14" i="12"/>
  <c r="DC15" i="12"/>
  <c r="DF14" i="12" l="1"/>
  <c r="DD15" i="12"/>
  <c r="DC16" i="12"/>
  <c r="DB15" i="12"/>
  <c r="DF15" i="12" l="1"/>
  <c r="DD16" i="12"/>
  <c r="DC17" i="12"/>
  <c r="DB16" i="12"/>
  <c r="DF16" i="12" l="1"/>
  <c r="DC18" i="12"/>
  <c r="DD17" i="12"/>
  <c r="DB17" i="12"/>
  <c r="DF17" i="12" s="1"/>
  <c r="DD18" i="12" l="1"/>
  <c r="DB18" i="12"/>
  <c r="DF18" i="12" s="1"/>
  <c r="DC19" i="12"/>
  <c r="DC20" i="12" l="1"/>
  <c r="DD19" i="12"/>
  <c r="DB19" i="12"/>
  <c r="DF19" i="12" s="1"/>
  <c r="DD20" i="12" l="1"/>
  <c r="DB20" i="12"/>
  <c r="DF20" i="12" s="1"/>
  <c r="DC21" i="12"/>
  <c r="DB21" i="12" l="1"/>
  <c r="DC22" i="12"/>
  <c r="DD21" i="12"/>
  <c r="DF21" i="12" l="1"/>
  <c r="DC23" i="12"/>
  <c r="DD22" i="12"/>
  <c r="DB22" i="12"/>
  <c r="DD23" i="12" l="1"/>
  <c r="DB23" i="12"/>
  <c r="DC24" i="12"/>
  <c r="DF22" i="12"/>
  <c r="DD24" i="12" l="1"/>
  <c r="DB24" i="12"/>
  <c r="DF24" i="12" s="1"/>
  <c r="DC25" i="12"/>
  <c r="DF23" i="12"/>
  <c r="DO6" i="13" l="1"/>
  <c r="DU6" i="13"/>
  <c r="DB25" i="12"/>
  <c r="DF25" i="12" s="1"/>
  <c r="DC26" i="12"/>
  <c r="DD25" i="12"/>
  <c r="DC27" i="12" l="1"/>
  <c r="DD26" i="12"/>
  <c r="DB26" i="12"/>
  <c r="DF26" i="12" s="1"/>
  <c r="DB27" i="12" l="1"/>
  <c r="DF27" i="12" s="1"/>
  <c r="DC28" i="12"/>
  <c r="DD27" i="12"/>
  <c r="DC29" i="12" l="1"/>
  <c r="DD28" i="12"/>
  <c r="DB28" i="12"/>
  <c r="DF28" i="12" l="1"/>
  <c r="DB29" i="12"/>
  <c r="DC30" i="12"/>
  <c r="DD29" i="12"/>
  <c r="DC31" i="12" l="1"/>
  <c r="DD30" i="12"/>
  <c r="DB30" i="12"/>
  <c r="DF29" i="12"/>
  <c r="DD31" i="12" l="1"/>
  <c r="DB31" i="12"/>
  <c r="DF31" i="12" s="1"/>
  <c r="DC32" i="12"/>
  <c r="DF30" i="12"/>
  <c r="DB32" i="12" l="1"/>
  <c r="DF32" i="12" s="1"/>
  <c r="DC33" i="12"/>
  <c r="DD32" i="12"/>
  <c r="DC34" i="12" l="1"/>
  <c r="DD33" i="12"/>
  <c r="DB33" i="12"/>
  <c r="DF33" i="12" s="1"/>
  <c r="DD34" i="12" l="1"/>
  <c r="DB34" i="12"/>
  <c r="DF34" i="12" s="1"/>
  <c r="DC35" i="12"/>
  <c r="DC36" i="12" l="1"/>
  <c r="DD35" i="12"/>
  <c r="DB35" i="12"/>
  <c r="DF35" i="12" l="1"/>
  <c r="DD36" i="12"/>
  <c r="DC37" i="12"/>
  <c r="DB36" i="12"/>
  <c r="DC38" i="12" l="1"/>
  <c r="DD37" i="12"/>
  <c r="DB37" i="12"/>
  <c r="DF36" i="12"/>
  <c r="DD38" i="12" l="1"/>
  <c r="DB38" i="12"/>
  <c r="DF38" i="12" s="1"/>
  <c r="DC39" i="12"/>
  <c r="DF37" i="12"/>
  <c r="DC40" i="12" l="1"/>
  <c r="DD39" i="12"/>
  <c r="DB39" i="12"/>
  <c r="DF39" i="12" s="1"/>
  <c r="DC41" i="12" l="1"/>
  <c r="DD40" i="12"/>
  <c r="DB40" i="12"/>
  <c r="DF40" i="12" s="1"/>
  <c r="DB41" i="12" l="1"/>
  <c r="DF41" i="12" s="1"/>
  <c r="DC42" i="12"/>
  <c r="DD41" i="12"/>
  <c r="DC43" i="12" l="1"/>
  <c r="DD42" i="12"/>
  <c r="DB42" i="12"/>
  <c r="DF42" i="12" s="1"/>
  <c r="DB43" i="12" l="1"/>
  <c r="DF43" i="12" s="1"/>
  <c r="DC44" i="12"/>
  <c r="DD43" i="12"/>
  <c r="DC45" i="12" l="1"/>
  <c r="DB44" i="12"/>
  <c r="DF44" i="12" s="1"/>
  <c r="DD44" i="12"/>
  <c r="DB45" i="12" l="1"/>
  <c r="DF45" i="12" s="1"/>
  <c r="DC46" i="12"/>
  <c r="DD45" i="12"/>
  <c r="DH6" i="12" l="1"/>
  <c r="DB46" i="12"/>
  <c r="DF46" i="12" s="1"/>
  <c r="DD46" i="12"/>
  <c r="DL59" i="12" s="1"/>
  <c r="DP9" i="12"/>
  <c r="DL57" i="12"/>
  <c r="K12" i="3" l="1"/>
  <c r="M12" i="3"/>
  <c r="L12" i="3" s="1"/>
  <c r="DL9" i="12"/>
  <c r="DO6" i="12"/>
  <c r="DQ9" i="12"/>
  <c r="DO9" i="12"/>
  <c r="DS9" i="12" s="1"/>
  <c r="DP10" i="12"/>
  <c r="DL70" i="12"/>
  <c r="DL69" i="12"/>
  <c r="DL61" i="12"/>
  <c r="DL67" i="12" s="1"/>
  <c r="DL72" i="12" l="1"/>
  <c r="DL32" i="12"/>
  <c r="DL34" i="12"/>
  <c r="N11" i="3"/>
  <c r="DL13" i="12"/>
  <c r="DL63" i="12" s="1"/>
  <c r="DL19" i="12"/>
  <c r="DK38" i="12" s="1"/>
  <c r="DK46" i="12" s="1"/>
  <c r="DQ10" i="12"/>
  <c r="DP11" i="12"/>
  <c r="DO10" i="12"/>
  <c r="DS10" i="12" s="1"/>
  <c r="DL73" i="12" l="1"/>
  <c r="DL36" i="12"/>
  <c r="DL74" i="12"/>
  <c r="DL75" i="12" s="1"/>
  <c r="P11" i="3"/>
  <c r="O11" i="3"/>
  <c r="DL23" i="12"/>
  <c r="DK25" i="12"/>
  <c r="DQ11" i="12"/>
  <c r="DO11" i="12"/>
  <c r="DP12" i="12"/>
  <c r="DS11" i="12" l="1"/>
  <c r="DQ12" i="12"/>
  <c r="DO12" i="12"/>
  <c r="DP13" i="12"/>
  <c r="DP14" i="12" l="1"/>
  <c r="DQ13" i="12"/>
  <c r="DO13" i="12"/>
  <c r="DS12" i="12"/>
  <c r="DQ14" i="12" l="1"/>
  <c r="DO14" i="12"/>
  <c r="DS14" i="12" s="1"/>
  <c r="DP15" i="12"/>
  <c r="DS13" i="12"/>
  <c r="DQ15" i="12" l="1"/>
  <c r="DP16" i="12"/>
  <c r="DO15" i="12"/>
  <c r="DS15" i="12" s="1"/>
  <c r="DP17" i="12" l="1"/>
  <c r="DQ16" i="12"/>
  <c r="DO16" i="12"/>
  <c r="DS16" i="12" s="1"/>
  <c r="DQ17" i="12" l="1"/>
  <c r="DO17" i="12"/>
  <c r="DS17" i="12" s="1"/>
  <c r="DP18" i="12"/>
  <c r="DP19" i="12" l="1"/>
  <c r="DQ18" i="12"/>
  <c r="DO18" i="12"/>
  <c r="DS18" i="12" l="1"/>
  <c r="DQ19" i="12"/>
  <c r="DO19" i="12"/>
  <c r="DP20" i="12"/>
  <c r="DO20" i="12" l="1"/>
  <c r="DP21" i="12"/>
  <c r="DQ20" i="12"/>
  <c r="DS19" i="12"/>
  <c r="DP22" i="12" l="1"/>
  <c r="DQ21" i="12"/>
  <c r="DO21" i="12"/>
  <c r="DS21" i="12" s="1"/>
  <c r="DS20" i="12"/>
  <c r="DP23" i="12" l="1"/>
  <c r="DO22" i="12"/>
  <c r="DS22" i="12" s="1"/>
  <c r="DQ22" i="12"/>
  <c r="DQ23" i="12" l="1"/>
  <c r="DO23" i="12"/>
  <c r="DS23" i="12" s="1"/>
  <c r="DP24" i="12"/>
  <c r="DO24" i="12" l="1"/>
  <c r="DS24" i="12" s="1"/>
  <c r="DP25" i="12"/>
  <c r="DQ24" i="12"/>
  <c r="EH6" i="13" l="1"/>
  <c r="EB6" i="13"/>
  <c r="DQ25" i="12"/>
  <c r="DO25" i="12"/>
  <c r="DP26" i="12"/>
  <c r="DS25" i="12" l="1"/>
  <c r="DO26" i="12"/>
  <c r="DP27" i="12"/>
  <c r="DQ26" i="12"/>
  <c r="DP28" i="12" l="1"/>
  <c r="DQ27" i="12"/>
  <c r="DO27" i="12"/>
  <c r="DS26" i="12"/>
  <c r="DO28" i="12" l="1"/>
  <c r="DS28" i="12" s="1"/>
  <c r="DP29" i="12"/>
  <c r="DQ28" i="12"/>
  <c r="DS27" i="12"/>
  <c r="DP30" i="12" l="1"/>
  <c r="DQ29" i="12"/>
  <c r="DO29" i="12"/>
  <c r="DS29" i="12" s="1"/>
  <c r="DP31" i="12" l="1"/>
  <c r="DQ30" i="12"/>
  <c r="DO30" i="12"/>
  <c r="DS30" i="12" s="1"/>
  <c r="DP32" i="12" l="1"/>
  <c r="DQ31" i="12"/>
  <c r="DO31" i="12"/>
  <c r="DS31" i="12" s="1"/>
  <c r="DQ32" i="12" l="1"/>
  <c r="DO32" i="12"/>
  <c r="DP33" i="12"/>
  <c r="DS32" i="12" l="1"/>
  <c r="DO33" i="12"/>
  <c r="DP34" i="12"/>
  <c r="DQ33" i="12"/>
  <c r="DP35" i="12" l="1"/>
  <c r="DQ34" i="12"/>
  <c r="DO34" i="12"/>
  <c r="DS33" i="12"/>
  <c r="DS34" i="12" l="1"/>
  <c r="DQ35" i="12"/>
  <c r="DO35" i="12"/>
  <c r="DS35" i="12" s="1"/>
  <c r="DP36" i="12"/>
  <c r="DQ36" i="12" l="1"/>
  <c r="DP37" i="12"/>
  <c r="DO36" i="12"/>
  <c r="DS36" i="12" s="1"/>
  <c r="DQ37" i="12" l="1"/>
  <c r="DO37" i="12"/>
  <c r="DS37" i="12" s="1"/>
  <c r="DP38" i="12"/>
  <c r="DP39" i="12" l="1"/>
  <c r="DQ38" i="12"/>
  <c r="DO38" i="12"/>
  <c r="DS38" i="12" s="1"/>
  <c r="DP40" i="12" l="1"/>
  <c r="DO39" i="12"/>
  <c r="DQ39" i="12"/>
  <c r="DS39" i="12" l="1"/>
  <c r="DQ40" i="12"/>
  <c r="DO40" i="12"/>
  <c r="DS40" i="12" s="1"/>
  <c r="DP41" i="12"/>
  <c r="DO41" i="12" l="1"/>
  <c r="DS41" i="12" s="1"/>
  <c r="DQ41" i="12"/>
  <c r="DP42" i="12"/>
  <c r="DP43" i="12" l="1"/>
  <c r="DO42" i="12"/>
  <c r="DS42" i="12" s="1"/>
  <c r="DQ42" i="12"/>
  <c r="DO43" i="12" l="1"/>
  <c r="DS43" i="12" s="1"/>
  <c r="DP44" i="12"/>
  <c r="DQ43" i="12"/>
  <c r="DP45" i="12" l="1"/>
  <c r="DO44" i="12"/>
  <c r="DS44" i="12" s="1"/>
  <c r="DQ44" i="12"/>
  <c r="DP46" i="12" l="1"/>
  <c r="DQ45" i="12"/>
  <c r="DO45" i="12"/>
  <c r="DS45" i="12" s="1"/>
  <c r="DU6" i="12" l="1"/>
  <c r="DO46" i="12"/>
  <c r="DS46" i="12" s="1"/>
  <c r="DQ46" i="12"/>
  <c r="DY59" i="12" s="1"/>
  <c r="DY57" i="12"/>
  <c r="EC9" i="12"/>
  <c r="M13" i="3" l="1"/>
  <c r="L13" i="3" s="1"/>
  <c r="K13" i="3"/>
  <c r="DY9" i="12"/>
  <c r="EB9" i="12"/>
  <c r="EB6" i="12"/>
  <c r="EC10" i="12"/>
  <c r="ED9" i="12"/>
  <c r="DY61" i="12"/>
  <c r="DY67" i="12" s="1"/>
  <c r="DY69" i="12"/>
  <c r="DY70" i="12"/>
  <c r="DY34" i="12" l="1"/>
  <c r="DY72" i="12"/>
  <c r="DY32" i="12"/>
  <c r="DY13" i="12"/>
  <c r="DY63" i="12" s="1"/>
  <c r="N12" i="3"/>
  <c r="DY19" i="12"/>
  <c r="DX38" i="12" s="1"/>
  <c r="DX46" i="12" s="1"/>
  <c r="EC11" i="12"/>
  <c r="ED10" i="12"/>
  <c r="EB10" i="12"/>
  <c r="EF9" i="12"/>
  <c r="DY73" i="12" l="1"/>
  <c r="DY74" i="12" s="1"/>
  <c r="DY75" i="12" s="1"/>
  <c r="DY36" i="12"/>
  <c r="P12" i="3"/>
  <c r="O12" i="3"/>
  <c r="DY23" i="12"/>
  <c r="DX25" i="12"/>
  <c r="EF10" i="12"/>
  <c r="ED11" i="12"/>
  <c r="EC12" i="12"/>
  <c r="EB11" i="12"/>
  <c r="EF11" i="12" l="1"/>
  <c r="EC13" i="12"/>
  <c r="ED12" i="12"/>
  <c r="EB12" i="12"/>
  <c r="EF12" i="12" s="1"/>
  <c r="EB13" i="12" l="1"/>
  <c r="EF13" i="12" s="1"/>
  <c r="EC14" i="12"/>
  <c r="ED13" i="12"/>
  <c r="EC15" i="12" l="1"/>
  <c r="ED14" i="12"/>
  <c r="EB14" i="12"/>
  <c r="EF14" i="12" s="1"/>
  <c r="ED15" i="12" l="1"/>
  <c r="EB15" i="12"/>
  <c r="EC16" i="12"/>
  <c r="EF15" i="12" l="1"/>
  <c r="EB16" i="12"/>
  <c r="EC17" i="12"/>
  <c r="ED16" i="12"/>
  <c r="EC18" i="12" l="1"/>
  <c r="ED17" i="12"/>
  <c r="EB17" i="12"/>
  <c r="EF16" i="12"/>
  <c r="EF17" i="12" l="1"/>
  <c r="ED18" i="12"/>
  <c r="EB18" i="12"/>
  <c r="EC19" i="12"/>
  <c r="EF18" i="12" l="1"/>
  <c r="EC20" i="12"/>
  <c r="ED19" i="12"/>
  <c r="EB19" i="12"/>
  <c r="EF19" i="12" s="1"/>
  <c r="ED20" i="12" l="1"/>
  <c r="EB20" i="12"/>
  <c r="EF20" i="12" s="1"/>
  <c r="EC21" i="12"/>
  <c r="EC22" i="12" l="1"/>
  <c r="ED21" i="12"/>
  <c r="EB21" i="12"/>
  <c r="EF21" i="12" s="1"/>
  <c r="EC23" i="12" l="1"/>
  <c r="ED22" i="12"/>
  <c r="EB22" i="12"/>
  <c r="EF22" i="12" l="1"/>
  <c r="EB23" i="12"/>
  <c r="EC24" i="12"/>
  <c r="ED23" i="12"/>
  <c r="EC25" i="12" l="1"/>
  <c r="ED24" i="12"/>
  <c r="EB24" i="12"/>
  <c r="EF23" i="12"/>
  <c r="EU6" i="13" l="1"/>
  <c r="EO6" i="13"/>
  <c r="ED25" i="12"/>
  <c r="EB25" i="12"/>
  <c r="EC26" i="12"/>
  <c r="EF24" i="12"/>
  <c r="EF25" i="12" l="1"/>
  <c r="EC27" i="12"/>
  <c r="ED26" i="12"/>
  <c r="EB26" i="12"/>
  <c r="EF26" i="12" s="1"/>
  <c r="EB27" i="12" l="1"/>
  <c r="EF27" i="12" s="1"/>
  <c r="EC28" i="12"/>
  <c r="ED27" i="12"/>
  <c r="EC29" i="12" l="1"/>
  <c r="ED28" i="12"/>
  <c r="EB28" i="12"/>
  <c r="EF28" i="12" s="1"/>
  <c r="EC30" i="12" l="1"/>
  <c r="EB29" i="12"/>
  <c r="ED29" i="12"/>
  <c r="EF29" i="12" l="1"/>
  <c r="EC31" i="12"/>
  <c r="EB30" i="12"/>
  <c r="ED30" i="12"/>
  <c r="EF30" i="12" l="1"/>
  <c r="EB31" i="12"/>
  <c r="ED31" i="12"/>
  <c r="EC32" i="12"/>
  <c r="EF31" i="12" l="1"/>
  <c r="EB32" i="12"/>
  <c r="EC33" i="12"/>
  <c r="ED32" i="12"/>
  <c r="EF32" i="12" l="1"/>
  <c r="ED33" i="12"/>
  <c r="EC34" i="12"/>
  <c r="EB33" i="12"/>
  <c r="EF33" i="12" s="1"/>
  <c r="ED34" i="12" l="1"/>
  <c r="EB34" i="12"/>
  <c r="EF34" i="12" s="1"/>
  <c r="EC35" i="12"/>
  <c r="EC36" i="12" l="1"/>
  <c r="ED35" i="12"/>
  <c r="EB35" i="12"/>
  <c r="EF35" i="12" s="1"/>
  <c r="ED36" i="12" l="1"/>
  <c r="EB36" i="12"/>
  <c r="EC37" i="12"/>
  <c r="EF36" i="12" l="1"/>
  <c r="EC38" i="12"/>
  <c r="ED37" i="12"/>
  <c r="EB37" i="12"/>
  <c r="EF37" i="12" s="1"/>
  <c r="ED38" i="12" l="1"/>
  <c r="EB38" i="12"/>
  <c r="EC39" i="12"/>
  <c r="EF38" i="12" l="1"/>
  <c r="ED39" i="12"/>
  <c r="EC40" i="12"/>
  <c r="EB39" i="12"/>
  <c r="EF39" i="12" l="1"/>
  <c r="ED40" i="12"/>
  <c r="EB40" i="12"/>
  <c r="EF40" i="12" s="1"/>
  <c r="EC41" i="12"/>
  <c r="EB41" i="12" l="1"/>
  <c r="EF41" i="12" s="1"/>
  <c r="ED41" i="12"/>
  <c r="EC42" i="12"/>
  <c r="EC43" i="12" l="1"/>
  <c r="EB42" i="12"/>
  <c r="EF42" i="12" s="1"/>
  <c r="ED42" i="12"/>
  <c r="EB43" i="12" l="1"/>
  <c r="EF43" i="12" s="1"/>
  <c r="EC44" i="12"/>
  <c r="ED43" i="12"/>
  <c r="EB44" i="12" l="1"/>
  <c r="EF44" i="12" s="1"/>
  <c r="ED44" i="12"/>
  <c r="EC45" i="12"/>
  <c r="EB45" i="12" l="1"/>
  <c r="EF45" i="12" s="1"/>
  <c r="EC46" i="12"/>
  <c r="ED45" i="12"/>
  <c r="EH6" i="12" l="1"/>
  <c r="ED46" i="12"/>
  <c r="EL59" i="12" s="1"/>
  <c r="EB46" i="12"/>
  <c r="EF46" i="12" s="1"/>
  <c r="EP9" i="12"/>
  <c r="EL57" i="12"/>
  <c r="M14" i="3" l="1"/>
  <c r="L14" i="3" s="1"/>
  <c r="K14" i="3"/>
  <c r="EL9" i="12"/>
  <c r="EQ9" i="12"/>
  <c r="EO6" i="12"/>
  <c r="EP10" i="12"/>
  <c r="EO9" i="12"/>
  <c r="EL69" i="12"/>
  <c r="EL61" i="12"/>
  <c r="EL67" i="12" s="1"/>
  <c r="EL70" i="12"/>
  <c r="N13" i="3" l="1"/>
  <c r="EL34" i="12"/>
  <c r="EL72" i="12"/>
  <c r="EL32" i="12"/>
  <c r="P13" i="3"/>
  <c r="O13" i="3"/>
  <c r="ES9" i="12"/>
  <c r="EL13" i="12"/>
  <c r="EL63" i="12" s="1"/>
  <c r="EL19" i="12"/>
  <c r="EK38" i="12" s="1"/>
  <c r="EK46" i="12" s="1"/>
  <c r="EP11" i="12"/>
  <c r="EO10" i="12"/>
  <c r="EQ10" i="12"/>
  <c r="EL73" i="12" l="1"/>
  <c r="EL74" i="12" s="1"/>
  <c r="EL75" i="12" s="1"/>
  <c r="EL36" i="12"/>
  <c r="ES10" i="12"/>
  <c r="EO11" i="12"/>
  <c r="ES11" i="12" s="1"/>
  <c r="EQ11" i="12"/>
  <c r="EP12" i="12"/>
  <c r="EL23" i="12"/>
  <c r="EK25" i="12"/>
  <c r="EQ12" i="12" l="1"/>
  <c r="EP13" i="12"/>
  <c r="EO12" i="12"/>
  <c r="ES12" i="12" s="1"/>
  <c r="EQ13" i="12" l="1"/>
  <c r="EP14" i="12"/>
  <c r="EO13" i="12"/>
  <c r="ES13" i="12" s="1"/>
  <c r="EQ14" i="12" l="1"/>
  <c r="EO14" i="12"/>
  <c r="EP15" i="12"/>
  <c r="ES14" i="12" l="1"/>
  <c r="EP16" i="12"/>
  <c r="EQ15" i="12"/>
  <c r="EO15" i="12"/>
  <c r="ES15" i="12" l="1"/>
  <c r="EP17" i="12"/>
  <c r="EQ16" i="12"/>
  <c r="EO16" i="12"/>
  <c r="ES16" i="12" l="1"/>
  <c r="EQ17" i="12"/>
  <c r="EO17" i="12"/>
  <c r="EP18" i="12"/>
  <c r="ES17" i="12" l="1"/>
  <c r="EQ18" i="12"/>
  <c r="EO18" i="12"/>
  <c r="ES18" i="12" s="1"/>
  <c r="EP19" i="12"/>
  <c r="EO19" i="12" l="1"/>
  <c r="ES19" i="12" s="1"/>
  <c r="EQ19" i="12"/>
  <c r="EP20" i="12"/>
  <c r="EP21" i="12" l="1"/>
  <c r="EO20" i="12"/>
  <c r="ES20" i="12" s="1"/>
  <c r="EQ20" i="12"/>
  <c r="EP22" i="12" l="1"/>
  <c r="EO21" i="12"/>
  <c r="EQ21" i="12"/>
  <c r="ES21" i="12" l="1"/>
  <c r="EO22" i="12"/>
  <c r="EP23" i="12"/>
  <c r="EQ22" i="12"/>
  <c r="ES22" i="12" l="1"/>
  <c r="EO23" i="12"/>
  <c r="EQ23" i="12"/>
  <c r="EP24" i="12"/>
  <c r="ES23" i="12" l="1"/>
  <c r="EP25" i="12"/>
  <c r="EO24" i="12"/>
  <c r="EQ24" i="12"/>
  <c r="FH6" i="13" l="1"/>
  <c r="FB6" i="13"/>
  <c r="ES24" i="12"/>
  <c r="EP26" i="12"/>
  <c r="EO25" i="12"/>
  <c r="ES25" i="12" s="1"/>
  <c r="EQ25" i="12"/>
  <c r="EO26" i="12" l="1"/>
  <c r="ES26" i="12" s="1"/>
  <c r="EP27" i="12"/>
  <c r="EQ26" i="12"/>
  <c r="EP28" i="12" l="1"/>
  <c r="EQ27" i="12"/>
  <c r="EO27" i="12"/>
  <c r="ES27" i="12" s="1"/>
  <c r="EO28" i="12" l="1"/>
  <c r="EP29" i="12"/>
  <c r="EQ28" i="12"/>
  <c r="ES28" i="12" l="1"/>
  <c r="EQ29" i="12"/>
  <c r="EO29" i="12"/>
  <c r="EP30" i="12"/>
  <c r="ES29" i="12" l="1"/>
  <c r="EQ30" i="12"/>
  <c r="EP31" i="12"/>
  <c r="EO30" i="12"/>
  <c r="ES30" i="12" l="1"/>
  <c r="EQ31" i="12"/>
  <c r="EP32" i="12"/>
  <c r="EO31" i="12"/>
  <c r="ES31" i="12" l="1"/>
  <c r="EQ32" i="12"/>
  <c r="EO32" i="12"/>
  <c r="ES32" i="12" s="1"/>
  <c r="EP33" i="12"/>
  <c r="EO33" i="12" l="1"/>
  <c r="ES33" i="12" s="1"/>
  <c r="EP34" i="12"/>
  <c r="EQ33" i="12"/>
  <c r="EP35" i="12" l="1"/>
  <c r="EQ34" i="12"/>
  <c r="EO34" i="12"/>
  <c r="ES34" i="12" s="1"/>
  <c r="EQ35" i="12" l="1"/>
  <c r="EO35" i="12"/>
  <c r="EP36" i="12"/>
  <c r="ES35" i="12" l="1"/>
  <c r="EP37" i="12"/>
  <c r="EQ36" i="12"/>
  <c r="EO36" i="12"/>
  <c r="ES36" i="12" l="1"/>
  <c r="EQ37" i="12"/>
  <c r="EO37" i="12"/>
  <c r="EP38" i="12"/>
  <c r="ES37" i="12" l="1"/>
  <c r="EP39" i="12"/>
  <c r="EQ38" i="12"/>
  <c r="EO38" i="12"/>
  <c r="ES38" i="12" l="1"/>
  <c r="EQ39" i="12"/>
  <c r="EO39" i="12"/>
  <c r="ES39" i="12" s="1"/>
  <c r="EP40" i="12"/>
  <c r="EO40" i="12" l="1"/>
  <c r="ES40" i="12" s="1"/>
  <c r="EP41" i="12"/>
  <c r="EQ40" i="12"/>
  <c r="EQ41" i="12" l="1"/>
  <c r="EP42" i="12"/>
  <c r="EO41" i="12"/>
  <c r="ES41" i="12" s="1"/>
  <c r="EO42" i="12" l="1"/>
  <c r="ES42" i="12" s="1"/>
  <c r="EQ42" i="12"/>
  <c r="EP43" i="12"/>
  <c r="EO43" i="12" l="1"/>
  <c r="ES43" i="12" s="1"/>
  <c r="EQ43" i="12"/>
  <c r="EP44" i="12"/>
  <c r="EO44" i="12" l="1"/>
  <c r="ES44" i="12" s="1"/>
  <c r="EQ44" i="12"/>
  <c r="EP45" i="12"/>
  <c r="EQ45" i="12" l="1"/>
  <c r="EP46" i="12"/>
  <c r="EO45" i="12"/>
  <c r="ES45" i="12" s="1"/>
  <c r="EU6" i="12" l="1"/>
  <c r="EO46" i="12"/>
  <c r="ES46" i="12" s="1"/>
  <c r="EQ46" i="12"/>
  <c r="EY59" i="12" s="1"/>
  <c r="EY57" i="12"/>
  <c r="FC9" i="12"/>
  <c r="K15" i="3" l="1"/>
  <c r="M15" i="3"/>
  <c r="L15" i="3" s="1"/>
  <c r="FD9" i="12"/>
  <c r="FC10" i="12"/>
  <c r="FB6" i="12"/>
  <c r="FB9" i="12"/>
  <c r="FF9" i="12" s="1"/>
  <c r="EY9" i="12"/>
  <c r="EY69" i="12"/>
  <c r="EY70" i="12"/>
  <c r="EY61" i="12"/>
  <c r="EY67" i="12" s="1"/>
  <c r="N14" i="3" l="1"/>
  <c r="EY72" i="12"/>
  <c r="EY34" i="12"/>
  <c r="EY32" i="12"/>
  <c r="P14" i="3"/>
  <c r="O14" i="3"/>
  <c r="FC11" i="12"/>
  <c r="FB10" i="12"/>
  <c r="FF10" i="12" s="1"/>
  <c r="FD10" i="12"/>
  <c r="EY13" i="12"/>
  <c r="EY63" i="12" s="1"/>
  <c r="EY19" i="12"/>
  <c r="EX38" i="12" s="1"/>
  <c r="EX46" i="12" s="1"/>
  <c r="EY73" i="12" l="1"/>
  <c r="EY74" i="12" s="1"/>
  <c r="EY75" i="12" s="1"/>
  <c r="EY36" i="12"/>
  <c r="EY23" i="12"/>
  <c r="EX25" i="12"/>
  <c r="FC12" i="12"/>
  <c r="FB11" i="12"/>
  <c r="FF11" i="12" s="1"/>
  <c r="FD11" i="12"/>
  <c r="FD12" i="12" l="1"/>
  <c r="FC13" i="12"/>
  <c r="FB12" i="12"/>
  <c r="FF12" i="12" l="1"/>
  <c r="FD13" i="12"/>
  <c r="FC14" i="12"/>
  <c r="FB13" i="12"/>
  <c r="FF13" i="12" l="1"/>
  <c r="FC15" i="12"/>
  <c r="FD14" i="12"/>
  <c r="FB14" i="12"/>
  <c r="FF14" i="12" l="1"/>
  <c r="FC16" i="12"/>
  <c r="FB15" i="12"/>
  <c r="FF15" i="12" s="1"/>
  <c r="FD15" i="12"/>
  <c r="FB16" i="12" l="1"/>
  <c r="FF16" i="12" s="1"/>
  <c r="FC17" i="12"/>
  <c r="FD16" i="12"/>
  <c r="FC18" i="12" l="1"/>
  <c r="FD17" i="12"/>
  <c r="FB17" i="12"/>
  <c r="FF17" i="12" s="1"/>
  <c r="FD18" i="12" l="1"/>
  <c r="FC19" i="12"/>
  <c r="FB18" i="12"/>
  <c r="FF18" i="12" s="1"/>
  <c r="FD19" i="12" l="1"/>
  <c r="FC20" i="12"/>
  <c r="FB19" i="12"/>
  <c r="FF19" i="12" l="1"/>
  <c r="FC21" i="12"/>
  <c r="FB20" i="12"/>
  <c r="FD20" i="12"/>
  <c r="FF20" i="12" l="1"/>
  <c r="FC22" i="12"/>
  <c r="FB21" i="12"/>
  <c r="FD21" i="12"/>
  <c r="FF21" i="12" l="1"/>
  <c r="FD22" i="12"/>
  <c r="FC23" i="12"/>
  <c r="FB22" i="12"/>
  <c r="FF22" i="12" s="1"/>
  <c r="FD23" i="12" l="1"/>
  <c r="FB23" i="12"/>
  <c r="FF23" i="12" s="1"/>
  <c r="FC24" i="12"/>
  <c r="FD24" i="12" l="1"/>
  <c r="FB24" i="12"/>
  <c r="FF24" i="12" s="1"/>
  <c r="FC25" i="12"/>
  <c r="FO6" i="13" l="1"/>
  <c r="FU6" i="13"/>
  <c r="FD25" i="12"/>
  <c r="FC26" i="12"/>
  <c r="FB25" i="12"/>
  <c r="FF25" i="12" s="1"/>
  <c r="FC27" i="12" l="1"/>
  <c r="FD26" i="12"/>
  <c r="FB26" i="12"/>
  <c r="FF26" i="12" l="1"/>
  <c r="FB27" i="12"/>
  <c r="FC28" i="12"/>
  <c r="FD27" i="12"/>
  <c r="FF27" i="12" l="1"/>
  <c r="FD28" i="12"/>
  <c r="FC29" i="12"/>
  <c r="FB28" i="12"/>
  <c r="FF28" i="12" l="1"/>
  <c r="FB29" i="12"/>
  <c r="FF29" i="12" s="1"/>
  <c r="FC30" i="12"/>
  <c r="FD29" i="12"/>
  <c r="FC31" i="12" l="1"/>
  <c r="FD30" i="12"/>
  <c r="FB30" i="12"/>
  <c r="FF30" i="12" s="1"/>
  <c r="FD31" i="12" l="1"/>
  <c r="FB31" i="12"/>
  <c r="FF31" i="12" s="1"/>
  <c r="FC32" i="12"/>
  <c r="FB32" i="12" l="1"/>
  <c r="FF32" i="12" s="1"/>
  <c r="FC33" i="12"/>
  <c r="FD32" i="12"/>
  <c r="FC34" i="12" l="1"/>
  <c r="FD33" i="12"/>
  <c r="FB33" i="12"/>
  <c r="FF33" i="12" l="1"/>
  <c r="FD34" i="12"/>
  <c r="FB34" i="12"/>
  <c r="FC35" i="12"/>
  <c r="FF34" i="12" l="1"/>
  <c r="FC36" i="12"/>
  <c r="FD35" i="12"/>
  <c r="FB35" i="12"/>
  <c r="FF35" i="12" l="1"/>
  <c r="FD36" i="12"/>
  <c r="FB36" i="12"/>
  <c r="FF36" i="12" s="1"/>
  <c r="FC37" i="12"/>
  <c r="FC38" i="12" l="1"/>
  <c r="FD37" i="12"/>
  <c r="FB37" i="12"/>
  <c r="FF37" i="12" s="1"/>
  <c r="FD38" i="12" l="1"/>
  <c r="FB38" i="12"/>
  <c r="FF38" i="12" s="1"/>
  <c r="FC39" i="12"/>
  <c r="FD39" i="12" l="1"/>
  <c r="FC40" i="12"/>
  <c r="FB39" i="12"/>
  <c r="FF39" i="12" s="1"/>
  <c r="FC41" i="12" l="1"/>
  <c r="FB40" i="12"/>
  <c r="FF40" i="12" s="1"/>
  <c r="FD40" i="12"/>
  <c r="FB41" i="12" l="1"/>
  <c r="FF41" i="12" s="1"/>
  <c r="FD41" i="12"/>
  <c r="FC42" i="12"/>
  <c r="FB42" i="12" l="1"/>
  <c r="FF42" i="12" s="1"/>
  <c r="FC43" i="12"/>
  <c r="FD42" i="12"/>
  <c r="FB43" i="12" l="1"/>
  <c r="FF43" i="12" s="1"/>
  <c r="FD43" i="12"/>
  <c r="FC44" i="12"/>
  <c r="FB44" i="12" l="1"/>
  <c r="FF44" i="12" s="1"/>
  <c r="FD44" i="12"/>
  <c r="FC45" i="12"/>
  <c r="FB45" i="12" l="1"/>
  <c r="FF45" i="12" s="1"/>
  <c r="FC46" i="12"/>
  <c r="FD45" i="12"/>
  <c r="FH6" i="12" l="1"/>
  <c r="FD46" i="12"/>
  <c r="FL59" i="12" s="1"/>
  <c r="FB46" i="12"/>
  <c r="FF46" i="12" s="1"/>
  <c r="FL57" i="12"/>
  <c r="FP9" i="12"/>
  <c r="M16" i="3" l="1"/>
  <c r="L16" i="3" s="1"/>
  <c r="K16" i="3"/>
  <c r="FO9" i="12"/>
  <c r="FP10" i="12"/>
  <c r="FO6" i="12"/>
  <c r="FQ9" i="12"/>
  <c r="FL9" i="12"/>
  <c r="FL61" i="12"/>
  <c r="FL67" i="12" s="1"/>
  <c r="FL69" i="12"/>
  <c r="FL70" i="12"/>
  <c r="N15" i="3" l="1"/>
  <c r="FL72" i="12"/>
  <c r="FL34" i="12"/>
  <c r="FL32" i="12"/>
  <c r="O15" i="3"/>
  <c r="P15" i="3"/>
  <c r="FS9" i="12"/>
  <c r="FO10" i="12"/>
  <c r="FP11" i="12"/>
  <c r="FQ10" i="12"/>
  <c r="FL13" i="12"/>
  <c r="FL63" i="12" s="1"/>
  <c r="FL19" i="12"/>
  <c r="FK38" i="12" s="1"/>
  <c r="FK46" i="12" s="1"/>
  <c r="FL73" i="12" l="1"/>
  <c r="FL74" i="12" s="1"/>
  <c r="FL75" i="12" s="1"/>
  <c r="FL36" i="12"/>
  <c r="FS10" i="12"/>
  <c r="FK25" i="12"/>
  <c r="FL23" i="12"/>
  <c r="FQ11" i="12"/>
  <c r="FO11" i="12"/>
  <c r="FP12" i="12"/>
  <c r="FS11" i="12" l="1"/>
  <c r="FP13" i="12"/>
  <c r="FQ12" i="12"/>
  <c r="FO12" i="12"/>
  <c r="FS12" i="12" l="1"/>
  <c r="FQ13" i="12"/>
  <c r="FO13" i="12"/>
  <c r="FS13" i="12" s="1"/>
  <c r="FP14" i="12"/>
  <c r="FQ14" i="12" l="1"/>
  <c r="FO14" i="12"/>
  <c r="FS14" i="12" s="1"/>
  <c r="FP15" i="12"/>
  <c r="FQ15" i="12" l="1"/>
  <c r="FO15" i="12"/>
  <c r="FS15" i="12" s="1"/>
  <c r="FP16" i="12"/>
  <c r="FP17" i="12" l="1"/>
  <c r="FQ16" i="12"/>
  <c r="FO16" i="12"/>
  <c r="FS16" i="12" l="1"/>
  <c r="FP18" i="12"/>
  <c r="FO17" i="12"/>
  <c r="FQ17" i="12"/>
  <c r="FS17" i="12" l="1"/>
  <c r="FP19" i="12"/>
  <c r="FQ18" i="12"/>
  <c r="FO18" i="12"/>
  <c r="FS18" i="12" l="1"/>
  <c r="FP20" i="12"/>
  <c r="FQ19" i="12"/>
  <c r="FO19" i="12"/>
  <c r="FS19" i="12" l="1"/>
  <c r="FO20" i="12"/>
  <c r="FS20" i="12" s="1"/>
  <c r="FP21" i="12"/>
  <c r="FQ20" i="12"/>
  <c r="FO21" i="12" l="1"/>
  <c r="FS21" i="12" s="1"/>
  <c r="FP22" i="12"/>
  <c r="FQ21" i="12"/>
  <c r="FP23" i="12" l="1"/>
  <c r="FO22" i="12"/>
  <c r="FS22" i="12" s="1"/>
  <c r="FQ22" i="12"/>
  <c r="FQ23" i="12" l="1"/>
  <c r="FO23" i="12"/>
  <c r="FP24" i="12"/>
  <c r="FS23" i="12" l="1"/>
  <c r="FO24" i="12"/>
  <c r="FP25" i="12"/>
  <c r="FQ24" i="12"/>
  <c r="GH6" i="13" l="1"/>
  <c r="GB6" i="13"/>
  <c r="FS24" i="12"/>
  <c r="FP26" i="12"/>
  <c r="FQ25" i="12"/>
  <c r="FO25" i="12"/>
  <c r="FS25" i="12" l="1"/>
  <c r="FO26" i="12"/>
  <c r="FP27" i="12"/>
  <c r="FQ26" i="12"/>
  <c r="FS26" i="12" l="1"/>
  <c r="FP28" i="12"/>
  <c r="FQ27" i="12"/>
  <c r="FO27" i="12"/>
  <c r="FS27" i="12" s="1"/>
  <c r="FO28" i="12" l="1"/>
  <c r="FS28" i="12" s="1"/>
  <c r="FP29" i="12"/>
  <c r="FQ28" i="12"/>
  <c r="FQ29" i="12" l="1"/>
  <c r="FP30" i="12"/>
  <c r="FO29" i="12"/>
  <c r="FS29" i="12" s="1"/>
  <c r="FQ30" i="12" l="1"/>
  <c r="FO30" i="12"/>
  <c r="FP31" i="12"/>
  <c r="FS30" i="12" l="1"/>
  <c r="FQ31" i="12"/>
  <c r="FO31" i="12"/>
  <c r="FP32" i="12"/>
  <c r="FS31" i="12" l="1"/>
  <c r="FQ32" i="12"/>
  <c r="FO32" i="12"/>
  <c r="FP33" i="12"/>
  <c r="FS32" i="12" l="1"/>
  <c r="FO33" i="12"/>
  <c r="FP34" i="12"/>
  <c r="FQ33" i="12"/>
  <c r="FS33" i="12" l="1"/>
  <c r="FP35" i="12"/>
  <c r="FQ34" i="12"/>
  <c r="FO34" i="12"/>
  <c r="FS34" i="12" s="1"/>
  <c r="FQ35" i="12" l="1"/>
  <c r="FO35" i="12"/>
  <c r="FS35" i="12" s="1"/>
  <c r="FP36" i="12"/>
  <c r="FP37" i="12" l="1"/>
  <c r="FQ36" i="12"/>
  <c r="FO36" i="12"/>
  <c r="FS36" i="12" s="1"/>
  <c r="FQ37" i="12" l="1"/>
  <c r="FO37" i="12"/>
  <c r="FP38" i="12"/>
  <c r="FS37" i="12" l="1"/>
  <c r="FP39" i="12"/>
  <c r="FQ38" i="12"/>
  <c r="FO38" i="12"/>
  <c r="FS38" i="12" l="1"/>
  <c r="FP40" i="12"/>
  <c r="FQ39" i="12"/>
  <c r="FO39" i="12"/>
  <c r="FS39" i="12" l="1"/>
  <c r="FQ40" i="12"/>
  <c r="FO40" i="12"/>
  <c r="FS40" i="12" s="1"/>
  <c r="FP41" i="12"/>
  <c r="FQ41" i="12" l="1"/>
  <c r="FP42" i="12"/>
  <c r="FO41" i="12"/>
  <c r="FS41" i="12" s="1"/>
  <c r="FO42" i="12" l="1"/>
  <c r="FS42" i="12" s="1"/>
  <c r="FP43" i="12"/>
  <c r="FQ42" i="12"/>
  <c r="FO43" i="12" l="1"/>
  <c r="FS43" i="12" s="1"/>
  <c r="FQ43" i="12"/>
  <c r="FP44" i="12"/>
  <c r="FO44" i="12" l="1"/>
  <c r="FS44" i="12" s="1"/>
  <c r="FQ44" i="12"/>
  <c r="FP45" i="12"/>
  <c r="FO45" i="12" l="1"/>
  <c r="FS45" i="12" s="1"/>
  <c r="FP46" i="12"/>
  <c r="FQ45" i="12"/>
  <c r="FU6" i="12" l="1"/>
  <c r="FO46" i="12"/>
  <c r="FS46" i="12" s="1"/>
  <c r="FQ46" i="12"/>
  <c r="FY59" i="12" s="1"/>
  <c r="GC9" i="12"/>
  <c r="FY57" i="12"/>
  <c r="M17" i="3" l="1"/>
  <c r="L17" i="3" s="1"/>
  <c r="K17" i="3"/>
  <c r="FY9" i="12"/>
  <c r="GD9" i="12"/>
  <c r="GB6" i="12"/>
  <c r="GB9" i="12"/>
  <c r="GC10" i="12"/>
  <c r="FY61" i="12"/>
  <c r="FY67" i="12" s="1"/>
  <c r="FY69" i="12"/>
  <c r="FY70" i="12"/>
  <c r="N16" i="3" l="1"/>
  <c r="FY34" i="12"/>
  <c r="FY72" i="12"/>
  <c r="FY32" i="12"/>
  <c r="P16" i="3"/>
  <c r="O16" i="3"/>
  <c r="GF9" i="12"/>
  <c r="GC11" i="12"/>
  <c r="GD10" i="12"/>
  <c r="GB10" i="12"/>
  <c r="GF10" i="12" s="1"/>
  <c r="FY13" i="12"/>
  <c r="FY63" i="12" s="1"/>
  <c r="FY19" i="12"/>
  <c r="FX38" i="12" s="1"/>
  <c r="FX46" i="12" s="1"/>
  <c r="FY73" i="12" l="1"/>
  <c r="FY74" i="12" s="1"/>
  <c r="FY75" i="12" s="1"/>
  <c r="FY36" i="12"/>
  <c r="FY23" i="12"/>
  <c r="FX25" i="12"/>
  <c r="GD11" i="12"/>
  <c r="GB11" i="12"/>
  <c r="GF11" i="12" s="1"/>
  <c r="GC12" i="12"/>
  <c r="GB12" i="12" l="1"/>
  <c r="GF12" i="12" s="1"/>
  <c r="GC13" i="12"/>
  <c r="GD12" i="12"/>
  <c r="GC14" i="12" l="1"/>
  <c r="GD13" i="12"/>
  <c r="GB13" i="12"/>
  <c r="GF13" i="12" l="1"/>
  <c r="GC15" i="12"/>
  <c r="GD14" i="12"/>
  <c r="GB14" i="12"/>
  <c r="GF14" i="12" l="1"/>
  <c r="GD15" i="12"/>
  <c r="GC16" i="12"/>
  <c r="GB15" i="12"/>
  <c r="GF15" i="12" l="1"/>
  <c r="GC17" i="12"/>
  <c r="GD16" i="12"/>
  <c r="GB16" i="12"/>
  <c r="GF16" i="12" l="1"/>
  <c r="GC18" i="12"/>
  <c r="GD17" i="12"/>
  <c r="GB17" i="12"/>
  <c r="GF17" i="12" s="1"/>
  <c r="GD18" i="12" l="1"/>
  <c r="GB18" i="12"/>
  <c r="GF18" i="12" s="1"/>
  <c r="GC19" i="12"/>
  <c r="GB19" i="12" l="1"/>
  <c r="GF19" i="12" s="1"/>
  <c r="GC20" i="12"/>
  <c r="GD19" i="12"/>
  <c r="GD20" i="12" l="1"/>
  <c r="GC21" i="12"/>
  <c r="GB20" i="12"/>
  <c r="GF20" i="12" l="1"/>
  <c r="GB21" i="12"/>
  <c r="GD21" i="12"/>
  <c r="GC22" i="12"/>
  <c r="GF21" i="12" l="1"/>
  <c r="GC23" i="12"/>
  <c r="GD22" i="12"/>
  <c r="GB22" i="12"/>
  <c r="GF22" i="12" l="1"/>
  <c r="GB23" i="12"/>
  <c r="GD23" i="12"/>
  <c r="GC24" i="12"/>
  <c r="GF23" i="12" l="1"/>
  <c r="GC25" i="12"/>
  <c r="GD24" i="12"/>
  <c r="GB24" i="12"/>
  <c r="GF24" i="12" s="1"/>
  <c r="GU6" i="13" l="1"/>
  <c r="GO6" i="13"/>
  <c r="GD25" i="12"/>
  <c r="GB25" i="12"/>
  <c r="GF25" i="12" s="1"/>
  <c r="GC26" i="12"/>
  <c r="GC27" i="12" l="1"/>
  <c r="GD26" i="12"/>
  <c r="GB26" i="12"/>
  <c r="GF26" i="12" s="1"/>
  <c r="GB27" i="12" l="1"/>
  <c r="GC28" i="12"/>
  <c r="GD27" i="12"/>
  <c r="GF27" i="12" l="1"/>
  <c r="GC29" i="12"/>
  <c r="GD28" i="12"/>
  <c r="GB28" i="12"/>
  <c r="GF28" i="12" l="1"/>
  <c r="GC30" i="12"/>
  <c r="GB29" i="12"/>
  <c r="GD29" i="12"/>
  <c r="GF29" i="12" l="1"/>
  <c r="GC31" i="12"/>
  <c r="GB30" i="12"/>
  <c r="GD30" i="12"/>
  <c r="GF30" i="12" l="1"/>
  <c r="GD31" i="12"/>
  <c r="GB31" i="12"/>
  <c r="GF31" i="12" s="1"/>
  <c r="GC32" i="12"/>
  <c r="GB32" i="12" l="1"/>
  <c r="GF32" i="12" s="1"/>
  <c r="GC33" i="12"/>
  <c r="GD32" i="12"/>
  <c r="GD33" i="12" l="1"/>
  <c r="GC34" i="12"/>
  <c r="GB33" i="12"/>
  <c r="GF33" i="12" s="1"/>
  <c r="GB34" i="12" l="1"/>
  <c r="GC35" i="12"/>
  <c r="GD34" i="12"/>
  <c r="GF34" i="12" l="1"/>
  <c r="GC36" i="12"/>
  <c r="GD35" i="12"/>
  <c r="GB35" i="12"/>
  <c r="GF35" i="12" l="1"/>
  <c r="GD36" i="12"/>
  <c r="GC37" i="12"/>
  <c r="GB36" i="12"/>
  <c r="GF36" i="12" l="1"/>
  <c r="GD37" i="12"/>
  <c r="GB37" i="12"/>
  <c r="GC38" i="12"/>
  <c r="GF37" i="12" l="1"/>
  <c r="GC39" i="12"/>
  <c r="GD38" i="12"/>
  <c r="GB38" i="12"/>
  <c r="GF38" i="12" s="1"/>
  <c r="GC40" i="12" l="1"/>
  <c r="GD39" i="12"/>
  <c r="GB39" i="12"/>
  <c r="GF39" i="12" s="1"/>
  <c r="GC41" i="12" l="1"/>
  <c r="GB40" i="12"/>
  <c r="GF40" i="12" s="1"/>
  <c r="GD40" i="12"/>
  <c r="GB41" i="12" l="1"/>
  <c r="GF41" i="12" s="1"/>
  <c r="GD41" i="12"/>
  <c r="GC42" i="12"/>
  <c r="GC43" i="12" l="1"/>
  <c r="GD42" i="12"/>
  <c r="GB42" i="12"/>
  <c r="GF42" i="12" s="1"/>
  <c r="GB43" i="12" l="1"/>
  <c r="GF43" i="12" s="1"/>
  <c r="GC44" i="12"/>
  <c r="GD43" i="12"/>
  <c r="GB44" i="12" l="1"/>
  <c r="GF44" i="12" s="1"/>
  <c r="GD44" i="12"/>
  <c r="GC45" i="12"/>
  <c r="GB45" i="12" l="1"/>
  <c r="GF45" i="12" s="1"/>
  <c r="GD45" i="12"/>
  <c r="GC46" i="12"/>
  <c r="GH6" i="12" l="1"/>
  <c r="GB46" i="12"/>
  <c r="GF46" i="12" s="1"/>
  <c r="GD46" i="12"/>
  <c r="GL59" i="12" s="1"/>
  <c r="GL57" i="12"/>
  <c r="GP9" i="12"/>
  <c r="M18" i="3" l="1"/>
  <c r="L18" i="3" s="1"/>
  <c r="K18" i="3"/>
  <c r="GO6" i="12"/>
  <c r="GP10" i="12"/>
  <c r="GO9" i="12"/>
  <c r="GS9" i="12" s="1"/>
  <c r="GQ9" i="12"/>
  <c r="GL9" i="12"/>
  <c r="GL61" i="12"/>
  <c r="GL67" i="12" s="1"/>
  <c r="GL70" i="12"/>
  <c r="GL69" i="12"/>
  <c r="N17" i="3" l="1"/>
  <c r="GL34" i="12"/>
  <c r="GL72" i="12"/>
  <c r="GL32" i="12"/>
  <c r="P17" i="3"/>
  <c r="O17" i="3"/>
  <c r="GQ10" i="12"/>
  <c r="GO10" i="12"/>
  <c r="GS10" i="12" s="1"/>
  <c r="GP11" i="12"/>
  <c r="GL13" i="12"/>
  <c r="GL63" i="12" s="1"/>
  <c r="GL19" i="12"/>
  <c r="GK38" i="12" s="1"/>
  <c r="GK46" i="12" s="1"/>
  <c r="GL73" i="12" l="1"/>
  <c r="GL74" i="12" s="1"/>
  <c r="GL75" i="12" s="1"/>
  <c r="GL36" i="12"/>
  <c r="GO11" i="12"/>
  <c r="GP12" i="12"/>
  <c r="GQ11" i="12"/>
  <c r="GK25" i="12"/>
  <c r="GL23" i="12"/>
  <c r="GS11" i="12" l="1"/>
  <c r="GQ12" i="12"/>
  <c r="GO12" i="12"/>
  <c r="GP13" i="12"/>
  <c r="GS12" i="12" l="1"/>
  <c r="GO13" i="12"/>
  <c r="GP14" i="12"/>
  <c r="GQ13" i="12"/>
  <c r="GS13" i="12" l="1"/>
  <c r="GP15" i="12"/>
  <c r="GQ14" i="12"/>
  <c r="GO14" i="12"/>
  <c r="GS14" i="12" l="1"/>
  <c r="GP16" i="12"/>
  <c r="GQ15" i="12"/>
  <c r="GO15" i="12"/>
  <c r="GS15" i="12" s="1"/>
  <c r="GP17" i="12" l="1"/>
  <c r="GO16" i="12"/>
  <c r="GS16" i="12" s="1"/>
  <c r="GQ16" i="12"/>
  <c r="GQ17" i="12" l="1"/>
  <c r="GO17" i="12"/>
  <c r="GS17" i="12" s="1"/>
  <c r="GP18" i="12"/>
  <c r="GQ18" i="12" l="1"/>
  <c r="GO18" i="12"/>
  <c r="GP19" i="12"/>
  <c r="GS18" i="12" l="1"/>
  <c r="GQ19" i="12"/>
  <c r="GO19" i="12"/>
  <c r="GP20" i="12"/>
  <c r="GS19" i="12" l="1"/>
  <c r="GO20" i="12"/>
  <c r="GP21" i="12"/>
  <c r="GQ20" i="12"/>
  <c r="GS20" i="12" l="1"/>
  <c r="GP22" i="12"/>
  <c r="GQ21" i="12"/>
  <c r="GO21" i="12"/>
  <c r="GS21" i="12" l="1"/>
  <c r="GP23" i="12"/>
  <c r="GO22" i="12"/>
  <c r="GS22" i="12" s="1"/>
  <c r="GQ22" i="12"/>
  <c r="GQ23" i="12" l="1"/>
  <c r="GP24" i="12"/>
  <c r="GO23" i="12"/>
  <c r="GS23" i="12" s="1"/>
  <c r="GP25" i="12" l="1"/>
  <c r="GO24" i="12"/>
  <c r="GS24" i="12" s="1"/>
  <c r="GQ24" i="12"/>
  <c r="HH6" i="13" l="1"/>
  <c r="HB6" i="13"/>
  <c r="GQ25" i="12"/>
  <c r="GP26" i="12"/>
  <c r="GO25" i="12"/>
  <c r="GS25" i="12" l="1"/>
  <c r="GO26" i="12"/>
  <c r="GP27" i="12"/>
  <c r="GQ26" i="12"/>
  <c r="GS26" i="12" l="1"/>
  <c r="GP28" i="12"/>
  <c r="GQ27" i="12"/>
  <c r="GO27" i="12"/>
  <c r="GS27" i="12" l="1"/>
  <c r="GO28" i="12"/>
  <c r="GP29" i="12"/>
  <c r="GQ28" i="12"/>
  <c r="GS28" i="12" l="1"/>
  <c r="GQ29" i="12"/>
  <c r="GO29" i="12"/>
  <c r="GS29" i="12" s="1"/>
  <c r="GP30" i="12"/>
  <c r="GQ30" i="12" l="1"/>
  <c r="GO30" i="12"/>
  <c r="GS30" i="12" s="1"/>
  <c r="GP31" i="12"/>
  <c r="GO31" i="12" l="1"/>
  <c r="GS31" i="12" s="1"/>
  <c r="GP32" i="12"/>
  <c r="GQ31" i="12"/>
  <c r="GQ32" i="12" l="1"/>
  <c r="GO32" i="12"/>
  <c r="GP33" i="12"/>
  <c r="GS32" i="12" l="1"/>
  <c r="GO33" i="12"/>
  <c r="GP34" i="12"/>
  <c r="GQ33" i="12"/>
  <c r="GS33" i="12" l="1"/>
  <c r="GQ34" i="12"/>
  <c r="GP35" i="12"/>
  <c r="GO34" i="12"/>
  <c r="GS34" i="12" l="1"/>
  <c r="GP36" i="12"/>
  <c r="GQ35" i="12"/>
  <c r="GO35" i="12"/>
  <c r="GS35" i="12" l="1"/>
  <c r="GQ36" i="12"/>
  <c r="GP37" i="12"/>
  <c r="GO36" i="12"/>
  <c r="GS36" i="12" s="1"/>
  <c r="GQ37" i="12" l="1"/>
  <c r="GO37" i="12"/>
  <c r="GS37" i="12" s="1"/>
  <c r="GP38" i="12"/>
  <c r="GQ38" i="12" l="1"/>
  <c r="GP39" i="12"/>
  <c r="GO38" i="12"/>
  <c r="GS38" i="12" s="1"/>
  <c r="GO39" i="12" l="1"/>
  <c r="GP40" i="12"/>
  <c r="GQ39" i="12"/>
  <c r="GS39" i="12" l="1"/>
  <c r="GP41" i="12"/>
  <c r="GQ40" i="12"/>
  <c r="GO40" i="12"/>
  <c r="GS40" i="12" s="1"/>
  <c r="GP42" i="12" l="1"/>
  <c r="GO41" i="12"/>
  <c r="GS41" i="12" s="1"/>
  <c r="GQ41" i="12"/>
  <c r="GP43" i="12" l="1"/>
  <c r="GO42" i="12"/>
  <c r="GS42" i="12" s="1"/>
  <c r="GQ42" i="12"/>
  <c r="GO43" i="12" l="1"/>
  <c r="GS43" i="12" s="1"/>
  <c r="GQ43" i="12"/>
  <c r="GP44" i="12"/>
  <c r="GP45" i="12" l="1"/>
  <c r="GO44" i="12"/>
  <c r="GS44" i="12" s="1"/>
  <c r="GQ44" i="12"/>
  <c r="GP46" i="12" l="1"/>
  <c r="GO45" i="12"/>
  <c r="GS45" i="12" s="1"/>
  <c r="GQ45" i="12"/>
  <c r="GU6" i="12" l="1"/>
  <c r="GO46" i="12"/>
  <c r="GS46" i="12" s="1"/>
  <c r="GQ46" i="12"/>
  <c r="GY59" i="12" s="1"/>
  <c r="HC9" i="12"/>
  <c r="GY57" i="12"/>
  <c r="K19" i="3" l="1"/>
  <c r="M19" i="3"/>
  <c r="L19" i="3" s="1"/>
  <c r="GY9" i="12"/>
  <c r="HB6" i="12"/>
  <c r="HD9" i="12"/>
  <c r="HC10" i="12"/>
  <c r="HB9" i="12"/>
  <c r="GY61" i="12"/>
  <c r="GY67" i="12" s="1"/>
  <c r="GY69" i="12"/>
  <c r="GY70" i="12"/>
  <c r="N18" i="3" l="1"/>
  <c r="GY72" i="12"/>
  <c r="GY34" i="12"/>
  <c r="GY32" i="12"/>
  <c r="O18" i="3"/>
  <c r="P18" i="3"/>
  <c r="HF9" i="12"/>
  <c r="HC11" i="12"/>
  <c r="HD10" i="12"/>
  <c r="HB10" i="12"/>
  <c r="GY19" i="12"/>
  <c r="GX38" i="12" s="1"/>
  <c r="GX46" i="12" s="1"/>
  <c r="GY13" i="12"/>
  <c r="GY63" i="12" s="1"/>
  <c r="GY73" i="12" l="1"/>
  <c r="GY74" i="12" s="1"/>
  <c r="GY75" i="12" s="1"/>
  <c r="GY36" i="12"/>
  <c r="HF10" i="12"/>
  <c r="GY23" i="12"/>
  <c r="GX25" i="12"/>
  <c r="HB11" i="12"/>
  <c r="HC12" i="12"/>
  <c r="HD11" i="12"/>
  <c r="HF11" i="12" l="1"/>
  <c r="HC13" i="12"/>
  <c r="HD12" i="12"/>
  <c r="HB12" i="12"/>
  <c r="HF12" i="12" s="1"/>
  <c r="HC14" i="12" l="1"/>
  <c r="HB13" i="12"/>
  <c r="HF13" i="12" s="1"/>
  <c r="HD13" i="12"/>
  <c r="HC15" i="12" l="1"/>
  <c r="HD14" i="12"/>
  <c r="HB14" i="12"/>
  <c r="HF14" i="12" s="1"/>
  <c r="HB15" i="12" l="1"/>
  <c r="HD15" i="12"/>
  <c r="HC16" i="12"/>
  <c r="HF15" i="12" l="1"/>
  <c r="HC17" i="12"/>
  <c r="HB16" i="12"/>
  <c r="HD16" i="12"/>
  <c r="HF16" i="12" l="1"/>
  <c r="HC18" i="12"/>
  <c r="HD17" i="12"/>
  <c r="HB17" i="12"/>
  <c r="HF17" i="12" l="1"/>
  <c r="HB18" i="12"/>
  <c r="HC19" i="12"/>
  <c r="HD18" i="12"/>
  <c r="HF18" i="12" l="1"/>
  <c r="HC20" i="12"/>
  <c r="HD19" i="12"/>
  <c r="HB19" i="12"/>
  <c r="HF19" i="12" s="1"/>
  <c r="HD20" i="12" l="1"/>
  <c r="HB20" i="12"/>
  <c r="HF20" i="12" s="1"/>
  <c r="HC21" i="12"/>
  <c r="HB21" i="12" l="1"/>
  <c r="HF21" i="12" s="1"/>
  <c r="HC22" i="12"/>
  <c r="HD21" i="12"/>
  <c r="HC23" i="12" l="1"/>
  <c r="HD22" i="12"/>
  <c r="HB22" i="12"/>
  <c r="HF22" i="12" l="1"/>
  <c r="HD23" i="12"/>
  <c r="HC24" i="12"/>
  <c r="HB23" i="12"/>
  <c r="HF23" i="12" l="1"/>
  <c r="HD24" i="12"/>
  <c r="HB24" i="12"/>
  <c r="HC25" i="12"/>
  <c r="HO6" i="13" l="1"/>
  <c r="HU6" i="13"/>
  <c r="HF24" i="12"/>
  <c r="HB25" i="12"/>
  <c r="HC26" i="12"/>
  <c r="HD25" i="12"/>
  <c r="HF25" i="12" l="1"/>
  <c r="HC27" i="12"/>
  <c r="HD26" i="12"/>
  <c r="HB26" i="12"/>
  <c r="HF26" i="12" s="1"/>
  <c r="HB27" i="12" l="1"/>
  <c r="HF27" i="12" s="1"/>
  <c r="HC28" i="12"/>
  <c r="HD27" i="12"/>
  <c r="HC29" i="12" l="1"/>
  <c r="HD28" i="12"/>
  <c r="HB28" i="12"/>
  <c r="HF28" i="12" s="1"/>
  <c r="HB29" i="12" l="1"/>
  <c r="HC30" i="12"/>
  <c r="HD29" i="12"/>
  <c r="HF29" i="12" l="1"/>
  <c r="HC31" i="12"/>
  <c r="HD30" i="12"/>
  <c r="HB30" i="12"/>
  <c r="HF30" i="12" l="1"/>
  <c r="HD31" i="12"/>
  <c r="HB31" i="12"/>
  <c r="HC32" i="12"/>
  <c r="HF31" i="12" l="1"/>
  <c r="HB32" i="12"/>
  <c r="HC33" i="12"/>
  <c r="HD32" i="12"/>
  <c r="HF32" i="12" l="1"/>
  <c r="HC34" i="12"/>
  <c r="HD33" i="12"/>
  <c r="HB33" i="12"/>
  <c r="HF33" i="12" s="1"/>
  <c r="HD34" i="12" l="1"/>
  <c r="HB34" i="12"/>
  <c r="HF34" i="12" s="1"/>
  <c r="HC35" i="12"/>
  <c r="HC36" i="12" l="1"/>
  <c r="HD35" i="12"/>
  <c r="HB35" i="12"/>
  <c r="HF35" i="12" s="1"/>
  <c r="HB36" i="12" l="1"/>
  <c r="HC37" i="12"/>
  <c r="HD36" i="12"/>
  <c r="HF36" i="12" l="1"/>
  <c r="HC38" i="12"/>
  <c r="HD37" i="12"/>
  <c r="HB37" i="12"/>
  <c r="HF37" i="12" l="1"/>
  <c r="HB38" i="12"/>
  <c r="HD38" i="12"/>
  <c r="HC39" i="12"/>
  <c r="HF38" i="12" l="1"/>
  <c r="HD39" i="12"/>
  <c r="HB39" i="12"/>
  <c r="HC40" i="12"/>
  <c r="HF39" i="12" l="1"/>
  <c r="HD40" i="12"/>
  <c r="HC41" i="12"/>
  <c r="HB40" i="12"/>
  <c r="HF40" i="12" s="1"/>
  <c r="HB41" i="12" l="1"/>
  <c r="HF41" i="12" s="1"/>
  <c r="HC42" i="12"/>
  <c r="HD41" i="12"/>
  <c r="HC43" i="12" l="1"/>
  <c r="HB42" i="12"/>
  <c r="HF42" i="12" s="1"/>
  <c r="HD42" i="12"/>
  <c r="HC44" i="12" l="1"/>
  <c r="HB43" i="12"/>
  <c r="HF43" i="12" s="1"/>
  <c r="HD43" i="12"/>
  <c r="HB44" i="12" l="1"/>
  <c r="HF44" i="12" s="1"/>
  <c r="HC45" i="12"/>
  <c r="HD44" i="12"/>
  <c r="HB45" i="12" l="1"/>
  <c r="HF45" i="12" s="1"/>
  <c r="HC46" i="12"/>
  <c r="HD45" i="12"/>
  <c r="HH6" i="12" l="1"/>
  <c r="HB46" i="12"/>
  <c r="HF46" i="12" s="1"/>
  <c r="HD46" i="12"/>
  <c r="HL59" i="12" s="1"/>
  <c r="HP9" i="12"/>
  <c r="HL57" i="12"/>
  <c r="M20" i="3" l="1"/>
  <c r="L20" i="3" s="1"/>
  <c r="K20" i="3"/>
  <c r="HL9" i="12"/>
  <c r="HO6" i="12"/>
  <c r="HP10" i="12"/>
  <c r="HQ9" i="12"/>
  <c r="HO9" i="12"/>
  <c r="HS9" i="12" s="1"/>
  <c r="HL70" i="12"/>
  <c r="HL69" i="12"/>
  <c r="HL61" i="12"/>
  <c r="HL67" i="12" s="1"/>
  <c r="N19" i="3" l="1"/>
  <c r="HL34" i="12"/>
  <c r="HL72" i="12"/>
  <c r="HL32" i="12"/>
  <c r="P19" i="3"/>
  <c r="O19" i="3"/>
  <c r="HO10" i="12"/>
  <c r="HS10" i="12" s="1"/>
  <c r="HP11" i="12"/>
  <c r="HQ10" i="12"/>
  <c r="HL13" i="12"/>
  <c r="HL63" i="12" s="1"/>
  <c r="HL19" i="12"/>
  <c r="HK38" i="12" s="1"/>
  <c r="HK46" i="12" s="1"/>
  <c r="HL73" i="12" l="1"/>
  <c r="HL74" i="12" s="1"/>
  <c r="HL75" i="12" s="1"/>
  <c r="HL36" i="12"/>
  <c r="HK25" i="12"/>
  <c r="HL23" i="12"/>
  <c r="HO11" i="12"/>
  <c r="HS11" i="12" s="1"/>
  <c r="HP12" i="12"/>
  <c r="HQ11" i="12"/>
  <c r="HO12" i="12" l="1"/>
  <c r="HS12" i="12" s="1"/>
  <c r="HQ12" i="12"/>
  <c r="HP13" i="12"/>
  <c r="HQ13" i="12" l="1"/>
  <c r="HO13" i="12"/>
  <c r="HP14" i="12"/>
  <c r="HS13" i="12" l="1"/>
  <c r="HP15" i="12"/>
  <c r="HQ14" i="12"/>
  <c r="HO14" i="12"/>
  <c r="HS14" i="12" l="1"/>
  <c r="HO15" i="12"/>
  <c r="HP16" i="12"/>
  <c r="HQ15" i="12"/>
  <c r="HS15" i="12" l="1"/>
  <c r="HQ16" i="12"/>
  <c r="HP17" i="12"/>
  <c r="HO16" i="12"/>
  <c r="HS16" i="12" s="1"/>
  <c r="HO17" i="12" l="1"/>
  <c r="HS17" i="12" s="1"/>
  <c r="HP18" i="12"/>
  <c r="HQ17" i="12"/>
  <c r="HP19" i="12" l="1"/>
  <c r="HQ18" i="12"/>
  <c r="HO18" i="12"/>
  <c r="HS18" i="12" s="1"/>
  <c r="HP20" i="12" l="1"/>
  <c r="HO19" i="12"/>
  <c r="HS19" i="12" s="1"/>
  <c r="HQ19" i="12"/>
  <c r="HO20" i="12" l="1"/>
  <c r="HP21" i="12"/>
  <c r="HQ20" i="12"/>
  <c r="HS20" i="12" l="1"/>
  <c r="HP22" i="12"/>
  <c r="HQ21" i="12"/>
  <c r="HO21" i="12"/>
  <c r="HS21" i="12" l="1"/>
  <c r="HP23" i="12"/>
  <c r="HO22" i="12"/>
  <c r="HQ22" i="12"/>
  <c r="HS22" i="12" l="1"/>
  <c r="HQ23" i="12"/>
  <c r="HO23" i="12"/>
  <c r="HS23" i="12" s="1"/>
  <c r="HP24" i="12"/>
  <c r="HO24" i="12" l="1"/>
  <c r="HS24" i="12" s="1"/>
  <c r="HP25" i="12"/>
  <c r="HQ24" i="12"/>
  <c r="IH6" i="13" l="1"/>
  <c r="IB6" i="13"/>
  <c r="HP26" i="12"/>
  <c r="HQ25" i="12"/>
  <c r="HO25" i="12"/>
  <c r="HS25" i="12" s="1"/>
  <c r="HO26" i="12" l="1"/>
  <c r="HS26" i="12" s="1"/>
  <c r="HP27" i="12"/>
  <c r="HQ26" i="12"/>
  <c r="HP28" i="12" l="1"/>
  <c r="HQ27" i="12"/>
  <c r="HO27" i="12"/>
  <c r="HS27" i="12" l="1"/>
  <c r="HO28" i="12"/>
  <c r="HP29" i="12"/>
  <c r="HQ28" i="12"/>
  <c r="HS28" i="12" l="1"/>
  <c r="HQ29" i="12"/>
  <c r="HP30" i="12"/>
  <c r="HO29" i="12"/>
  <c r="HS29" i="12" l="1"/>
  <c r="HQ30" i="12"/>
  <c r="HO30" i="12"/>
  <c r="HS30" i="12" s="1"/>
  <c r="HP31" i="12"/>
  <c r="HP32" i="12" l="1"/>
  <c r="HQ31" i="12"/>
  <c r="HO31" i="12"/>
  <c r="HS31" i="12" s="1"/>
  <c r="HO32" i="12" l="1"/>
  <c r="HS32" i="12" s="1"/>
  <c r="HP33" i="12"/>
  <c r="HQ32" i="12"/>
  <c r="HO33" i="12" l="1"/>
  <c r="HS33" i="12" s="1"/>
  <c r="HP34" i="12"/>
  <c r="HQ33" i="12"/>
  <c r="HP35" i="12" l="1"/>
  <c r="HQ34" i="12"/>
  <c r="HO34" i="12"/>
  <c r="HS34" i="12" l="1"/>
  <c r="HQ35" i="12"/>
  <c r="HO35" i="12"/>
  <c r="HP36" i="12"/>
  <c r="HS35" i="12" l="1"/>
  <c r="HP37" i="12"/>
  <c r="HQ36" i="12"/>
  <c r="HO36" i="12"/>
  <c r="HS36" i="12" l="1"/>
  <c r="HQ37" i="12"/>
  <c r="HO37" i="12"/>
  <c r="HS37" i="12" s="1"/>
  <c r="HP38" i="12"/>
  <c r="HQ38" i="12" l="1"/>
  <c r="HO38" i="12"/>
  <c r="HS38" i="12" s="1"/>
  <c r="HP39" i="12"/>
  <c r="HP40" i="12" l="1"/>
  <c r="HO39" i="12"/>
  <c r="HS39" i="12" s="1"/>
  <c r="HQ39" i="12"/>
  <c r="HQ40" i="12" l="1"/>
  <c r="HP41" i="12"/>
  <c r="HO40" i="12"/>
  <c r="HS40" i="12" s="1"/>
  <c r="HO41" i="12" l="1"/>
  <c r="HS41" i="12" s="1"/>
  <c r="HQ41" i="12"/>
  <c r="HP42" i="12"/>
  <c r="HP43" i="12" l="1"/>
  <c r="HO42" i="12"/>
  <c r="HS42" i="12" s="1"/>
  <c r="HQ42" i="12"/>
  <c r="HO43" i="12" l="1"/>
  <c r="HS43" i="12" s="1"/>
  <c r="HP44" i="12"/>
  <c r="HQ43" i="12"/>
  <c r="HP45" i="12" l="1"/>
  <c r="HO44" i="12"/>
  <c r="HS44" i="12" s="1"/>
  <c r="HQ44" i="12"/>
  <c r="HQ45" i="12" l="1"/>
  <c r="HP46" i="12"/>
  <c r="HO45" i="12"/>
  <c r="HS45" i="12" s="1"/>
  <c r="HU6" i="12" l="1"/>
  <c r="HO46" i="12"/>
  <c r="HS46" i="12" s="1"/>
  <c r="HQ46" i="12"/>
  <c r="HY59" i="12" s="1"/>
  <c r="HY57" i="12"/>
  <c r="IC9" i="12"/>
  <c r="K21" i="3" l="1"/>
  <c r="M21" i="3"/>
  <c r="L21" i="3" s="1"/>
  <c r="IB6" i="12"/>
  <c r="ID9" i="12"/>
  <c r="IB9" i="12"/>
  <c r="IF9" i="12" s="1"/>
  <c r="IC10" i="12"/>
  <c r="HY9" i="12"/>
  <c r="HY69" i="12"/>
  <c r="HY61" i="12"/>
  <c r="HY67" i="12" s="1"/>
  <c r="HY70" i="12"/>
  <c r="N20" i="3" l="1"/>
  <c r="HY34" i="12"/>
  <c r="HY72" i="12"/>
  <c r="HY32" i="12"/>
  <c r="O20" i="3"/>
  <c r="P20" i="3"/>
  <c r="HY13" i="12"/>
  <c r="HY63" i="12" s="1"/>
  <c r="HY19" i="12"/>
  <c r="HX38" i="12" s="1"/>
  <c r="HX46" i="12" s="1"/>
  <c r="ID10" i="12"/>
  <c r="IB10" i="12"/>
  <c r="IC11" i="12"/>
  <c r="HY73" i="12" l="1"/>
  <c r="HY74" i="12" s="1"/>
  <c r="HY75" i="12" s="1"/>
  <c r="HY36" i="12"/>
  <c r="IF10" i="12"/>
  <c r="IB11" i="12"/>
  <c r="IC12" i="12"/>
  <c r="ID11" i="12"/>
  <c r="HY23" i="12"/>
  <c r="HX25" i="12"/>
  <c r="IF11" i="12" l="1"/>
  <c r="ID12" i="12"/>
  <c r="IB12" i="12"/>
  <c r="IC13" i="12"/>
  <c r="IF12" i="12" l="1"/>
  <c r="ID13" i="12"/>
  <c r="IC14" i="12"/>
  <c r="IB13" i="12"/>
  <c r="IF13" i="12" l="1"/>
  <c r="IC15" i="12"/>
  <c r="ID14" i="12"/>
  <c r="IB14" i="12"/>
  <c r="IF14" i="12" s="1"/>
  <c r="ID15" i="12" l="1"/>
  <c r="IC16" i="12"/>
  <c r="IB15" i="12"/>
  <c r="IF15" i="12" s="1"/>
  <c r="IB16" i="12" l="1"/>
  <c r="IF16" i="12" s="1"/>
  <c r="IC17" i="12"/>
  <c r="ID16" i="12"/>
  <c r="IC18" i="12" l="1"/>
  <c r="ID17" i="12"/>
  <c r="IB17" i="12"/>
  <c r="IF17" i="12" l="1"/>
  <c r="IB18" i="12"/>
  <c r="ID18" i="12"/>
  <c r="IC19" i="12"/>
  <c r="IF18" i="12" l="1"/>
  <c r="IC20" i="12"/>
  <c r="ID19" i="12"/>
  <c r="IB19" i="12"/>
  <c r="IF19" i="12" l="1"/>
  <c r="ID20" i="12"/>
  <c r="IB20" i="12"/>
  <c r="IC21" i="12"/>
  <c r="IF20" i="12" l="1"/>
  <c r="IC22" i="12"/>
  <c r="ID21" i="12"/>
  <c r="IB21" i="12"/>
  <c r="IF21" i="12" s="1"/>
  <c r="IC23" i="12" l="1"/>
  <c r="ID22" i="12"/>
  <c r="IB22" i="12"/>
  <c r="IF22" i="12" s="1"/>
  <c r="IB23" i="12" l="1"/>
  <c r="IF23" i="12" s="1"/>
  <c r="IC24" i="12"/>
  <c r="ID23" i="12"/>
  <c r="ID24" i="12" l="1"/>
  <c r="IB24" i="12"/>
  <c r="IC25" i="12"/>
  <c r="IU6" i="13" l="1"/>
  <c r="IO6" i="13"/>
  <c r="IF24" i="12"/>
  <c r="IC26" i="12"/>
  <c r="ID25" i="12"/>
  <c r="IB25" i="12"/>
  <c r="IF25" i="12" l="1"/>
  <c r="IC27" i="12"/>
  <c r="ID26" i="12"/>
  <c r="IB26" i="12"/>
  <c r="IF26" i="12" l="1"/>
  <c r="IB27" i="12"/>
  <c r="IC28" i="12"/>
  <c r="ID27" i="12"/>
  <c r="IF27" i="12" l="1"/>
  <c r="IB28" i="12"/>
  <c r="IF28" i="12" s="1"/>
  <c r="IC29" i="12"/>
  <c r="ID28" i="12"/>
  <c r="IC30" i="12" l="1"/>
  <c r="IB29" i="12"/>
  <c r="IF29" i="12" s="1"/>
  <c r="ID29" i="12"/>
  <c r="IC31" i="12" l="1"/>
  <c r="IB30" i="12"/>
  <c r="IF30" i="12" s="1"/>
  <c r="ID30" i="12"/>
  <c r="IB31" i="12" l="1"/>
  <c r="ID31" i="12"/>
  <c r="IC32" i="12"/>
  <c r="IF31" i="12" l="1"/>
  <c r="IC33" i="12"/>
  <c r="IB32" i="12"/>
  <c r="ID32" i="12"/>
  <c r="IF32" i="12" l="1"/>
  <c r="ID33" i="12"/>
  <c r="IC34" i="12"/>
  <c r="IB33" i="12"/>
  <c r="IF33" i="12" l="1"/>
  <c r="ID34" i="12"/>
  <c r="IC35" i="12"/>
  <c r="IB34" i="12"/>
  <c r="IF34" i="12" l="1"/>
  <c r="IC36" i="12"/>
  <c r="ID35" i="12"/>
  <c r="IB35" i="12"/>
  <c r="IF35" i="12" s="1"/>
  <c r="IC37" i="12" l="1"/>
  <c r="IB36" i="12"/>
  <c r="IF36" i="12" s="1"/>
  <c r="ID36" i="12"/>
  <c r="IC38" i="12" l="1"/>
  <c r="IB37" i="12"/>
  <c r="IF37" i="12" s="1"/>
  <c r="ID37" i="12"/>
  <c r="ID38" i="12" l="1"/>
  <c r="IB38" i="12"/>
  <c r="IC39" i="12"/>
  <c r="IF38" i="12" l="1"/>
  <c r="IC40" i="12"/>
  <c r="ID39" i="12"/>
  <c r="IB39" i="12"/>
  <c r="IF39" i="12" l="1"/>
  <c r="IB40" i="12"/>
  <c r="IF40" i="12" s="1"/>
  <c r="ID40" i="12"/>
  <c r="IC41" i="12"/>
  <c r="IB41" i="12" l="1"/>
  <c r="IF41" i="12" s="1"/>
  <c r="IC42" i="12"/>
  <c r="ID41" i="12"/>
  <c r="IC43" i="12" l="1"/>
  <c r="ID42" i="12"/>
  <c r="IB42" i="12"/>
  <c r="IF42" i="12" s="1"/>
  <c r="IB43" i="12" l="1"/>
  <c r="IF43" i="12" s="1"/>
  <c r="IC44" i="12"/>
  <c r="ID43" i="12"/>
  <c r="IB44" i="12" l="1"/>
  <c r="IF44" i="12" s="1"/>
  <c r="IC45" i="12"/>
  <c r="ID44" i="12"/>
  <c r="IB45" i="12" l="1"/>
  <c r="IF45" i="12" s="1"/>
  <c r="IC46" i="12"/>
  <c r="ID45" i="12"/>
  <c r="IH6" i="12" l="1"/>
  <c r="IB46" i="12"/>
  <c r="IF46" i="12" s="1"/>
  <c r="ID46" i="12"/>
  <c r="IL59" i="12" s="1"/>
  <c r="IL57" i="12"/>
  <c r="IP9" i="12"/>
  <c r="M22" i="3" l="1"/>
  <c r="L22" i="3" s="1"/>
  <c r="K22" i="3"/>
  <c r="IQ9" i="12"/>
  <c r="IO6" i="12"/>
  <c r="IO9" i="12"/>
  <c r="IP10" i="12"/>
  <c r="IL9" i="12"/>
  <c r="IL61" i="12"/>
  <c r="IL67" i="12" s="1"/>
  <c r="IL70" i="12"/>
  <c r="IL69" i="12"/>
  <c r="N21" i="3" l="1"/>
  <c r="IL72" i="12"/>
  <c r="IL34" i="12"/>
  <c r="IL32" i="12"/>
  <c r="O21" i="3"/>
  <c r="P21" i="3"/>
  <c r="IS9" i="12"/>
  <c r="IL13" i="12"/>
  <c r="IL63" i="12" s="1"/>
  <c r="IL19" i="12"/>
  <c r="IK38" i="12" s="1"/>
  <c r="IK46" i="12" s="1"/>
  <c r="IP11" i="12"/>
  <c r="IO10" i="12"/>
  <c r="IQ10" i="12"/>
  <c r="IL73" i="12" l="1"/>
  <c r="IL74" i="12" s="1"/>
  <c r="IL75" i="12" s="1"/>
  <c r="IL36" i="12"/>
  <c r="IS10" i="12"/>
  <c r="IO11" i="12"/>
  <c r="IS11" i="12" s="1"/>
  <c r="IQ11" i="12"/>
  <c r="IP12" i="12"/>
  <c r="IK25" i="12"/>
  <c r="IL23" i="12"/>
  <c r="IQ12" i="12" l="1"/>
  <c r="IP13" i="12"/>
  <c r="IO12" i="12"/>
  <c r="IS12" i="12" s="1"/>
  <c r="IO13" i="12" l="1"/>
  <c r="IS13" i="12" s="1"/>
  <c r="IQ13" i="12"/>
  <c r="IP14" i="12"/>
  <c r="IO14" i="12" l="1"/>
  <c r="IQ14" i="12"/>
  <c r="IP15" i="12"/>
  <c r="IS14" i="12" l="1"/>
  <c r="IQ15" i="12"/>
  <c r="IP16" i="12"/>
  <c r="IO15" i="12"/>
  <c r="IS15" i="12" l="1"/>
  <c r="IQ16" i="12"/>
  <c r="IO16" i="12"/>
  <c r="IP17" i="12"/>
  <c r="IS16" i="12" l="1"/>
  <c r="IQ17" i="12"/>
  <c r="IO17" i="12"/>
  <c r="IP18" i="12"/>
  <c r="IS17" i="12" l="1"/>
  <c r="IQ18" i="12"/>
  <c r="IO18" i="12"/>
  <c r="IS18" i="12" s="1"/>
  <c r="IP19" i="12"/>
  <c r="IQ19" i="12" l="1"/>
  <c r="IO19" i="12"/>
  <c r="IS19" i="12" s="1"/>
  <c r="IP20" i="12"/>
  <c r="IP21" i="12" l="1"/>
  <c r="IO20" i="12"/>
  <c r="IS20" i="12" s="1"/>
  <c r="IQ20" i="12"/>
  <c r="IP22" i="12" l="1"/>
  <c r="IO21" i="12"/>
  <c r="IQ21" i="12"/>
  <c r="IS21" i="12" l="1"/>
  <c r="IO22" i="12"/>
  <c r="IQ22" i="12"/>
  <c r="IP23" i="12"/>
  <c r="IS22" i="12" l="1"/>
  <c r="IO23" i="12"/>
  <c r="IQ23" i="12"/>
  <c r="IP24" i="12"/>
  <c r="IS23" i="12" l="1"/>
  <c r="IP25" i="12"/>
  <c r="IO24" i="12"/>
  <c r="IQ24" i="12"/>
  <c r="JH6" i="13" l="1"/>
  <c r="JB6" i="13"/>
  <c r="IS24" i="12"/>
  <c r="IO25" i="12"/>
  <c r="IS25" i="12" s="1"/>
  <c r="IQ25" i="12"/>
  <c r="IP26" i="12"/>
  <c r="IO26" i="12" l="1"/>
  <c r="IS26" i="12" s="1"/>
  <c r="IP27" i="12"/>
  <c r="IQ26" i="12"/>
  <c r="IP28" i="12" l="1"/>
  <c r="IQ27" i="12"/>
  <c r="IO27" i="12"/>
  <c r="IS27" i="12" s="1"/>
  <c r="IO28" i="12" l="1"/>
  <c r="IP29" i="12"/>
  <c r="IQ28" i="12"/>
  <c r="IS28" i="12" l="1"/>
  <c r="IQ29" i="12"/>
  <c r="IP30" i="12"/>
  <c r="IO29" i="12"/>
  <c r="IS29" i="12" l="1"/>
  <c r="IP31" i="12"/>
  <c r="IO30" i="12"/>
  <c r="IQ30" i="12"/>
  <c r="IS30" i="12" l="1"/>
  <c r="IQ31" i="12"/>
  <c r="IP32" i="12"/>
  <c r="IO31" i="12"/>
  <c r="IS31" i="12" l="1"/>
  <c r="IQ32" i="12"/>
  <c r="IP33" i="12"/>
  <c r="IO32" i="12"/>
  <c r="IS32" i="12" s="1"/>
  <c r="IO33" i="12" l="1"/>
  <c r="IS33" i="12" s="1"/>
  <c r="IP34" i="12"/>
  <c r="IQ33" i="12"/>
  <c r="IO34" i="12" l="1"/>
  <c r="IS34" i="12" s="1"/>
  <c r="IP35" i="12"/>
  <c r="IQ34" i="12"/>
  <c r="IO35" i="12" l="1"/>
  <c r="IP36" i="12"/>
  <c r="IQ35" i="12"/>
  <c r="IS35" i="12" l="1"/>
  <c r="IP37" i="12"/>
  <c r="IQ36" i="12"/>
  <c r="IO36" i="12"/>
  <c r="IS36" i="12" l="1"/>
  <c r="IQ37" i="12"/>
  <c r="IO37" i="12"/>
  <c r="IP38" i="12"/>
  <c r="IS37" i="12" l="1"/>
  <c r="IP39" i="12"/>
  <c r="IQ38" i="12"/>
  <c r="IO38" i="12"/>
  <c r="IS38" i="12" l="1"/>
  <c r="IO39" i="12"/>
  <c r="IS39" i="12" s="1"/>
  <c r="IP40" i="12"/>
  <c r="IQ39" i="12"/>
  <c r="IO40" i="12" l="1"/>
  <c r="IS40" i="12" s="1"/>
  <c r="IP41" i="12"/>
  <c r="IQ40" i="12"/>
  <c r="IQ41" i="12" l="1"/>
  <c r="IO41" i="12"/>
  <c r="IS41" i="12" s="1"/>
  <c r="IP42" i="12"/>
  <c r="IO42" i="12" l="1"/>
  <c r="IS42" i="12" s="1"/>
  <c r="IQ42" i="12"/>
  <c r="IP43" i="12"/>
  <c r="IO43" i="12" l="1"/>
  <c r="IS43" i="12" s="1"/>
  <c r="IP44" i="12"/>
  <c r="IQ43" i="12"/>
  <c r="IO44" i="12" l="1"/>
  <c r="IS44" i="12" s="1"/>
  <c r="IP45" i="12"/>
  <c r="IQ44" i="12"/>
  <c r="IQ45" i="12" l="1"/>
  <c r="IO45" i="12"/>
  <c r="IS45" i="12" s="1"/>
  <c r="IP46" i="12"/>
  <c r="IU6" i="12" l="1"/>
  <c r="IO46" i="12"/>
  <c r="IS46" i="12" s="1"/>
  <c r="IQ46" i="12"/>
  <c r="IY59" i="12" s="1"/>
  <c r="JC9" i="12"/>
  <c r="IY57" i="12"/>
  <c r="K23" i="3" l="1"/>
  <c r="M23" i="3"/>
  <c r="L23" i="3" s="1"/>
  <c r="IY9" i="12"/>
  <c r="JB6" i="12"/>
  <c r="JC10" i="12"/>
  <c r="JB9" i="12"/>
  <c r="JF9" i="12" s="1"/>
  <c r="JD9" i="12"/>
  <c r="IY70" i="12"/>
  <c r="IY61" i="12"/>
  <c r="IY67" i="12" s="1"/>
  <c r="IY69" i="12"/>
  <c r="N22" i="3" l="1"/>
  <c r="IY34" i="12"/>
  <c r="IY32" i="12"/>
  <c r="IY72" i="12"/>
  <c r="O22" i="3"/>
  <c r="P22" i="3"/>
  <c r="JD10" i="12"/>
  <c r="JC11" i="12"/>
  <c r="JB10" i="12"/>
  <c r="JF10" i="12" s="1"/>
  <c r="IY13" i="12"/>
  <c r="IY63" i="12" s="1"/>
  <c r="IY19" i="12"/>
  <c r="IX38" i="12" s="1"/>
  <c r="IX46" i="12" s="1"/>
  <c r="IY73" i="12" l="1"/>
  <c r="IY74" i="12" s="1"/>
  <c r="IY75" i="12" s="1"/>
  <c r="IY36" i="12"/>
  <c r="IY23" i="12"/>
  <c r="IX25" i="12"/>
  <c r="JD11" i="12"/>
  <c r="JC12" i="12"/>
  <c r="JB11" i="12"/>
  <c r="JF11" i="12" s="1"/>
  <c r="JC13" i="12" l="1"/>
  <c r="JB12" i="12"/>
  <c r="JF12" i="12" s="1"/>
  <c r="JD12" i="12"/>
  <c r="JD13" i="12" l="1"/>
  <c r="JC14" i="12"/>
  <c r="JB13" i="12"/>
  <c r="JF13" i="12" l="1"/>
  <c r="JB14" i="12"/>
  <c r="JC15" i="12"/>
  <c r="JD14" i="12"/>
  <c r="JF14" i="12" l="1"/>
  <c r="JD15" i="12"/>
  <c r="JB15" i="12"/>
  <c r="JC16" i="12"/>
  <c r="JF15" i="12" l="1"/>
  <c r="JB16" i="12"/>
  <c r="JF16" i="12" s="1"/>
  <c r="JC17" i="12"/>
  <c r="JD16" i="12"/>
  <c r="JC18" i="12" l="1"/>
  <c r="JD17" i="12"/>
  <c r="JB17" i="12"/>
  <c r="JF17" i="12" s="1"/>
  <c r="JD18" i="12" l="1"/>
  <c r="JC19" i="12"/>
  <c r="JB18" i="12"/>
  <c r="JF18" i="12" s="1"/>
  <c r="JD19" i="12" l="1"/>
  <c r="JB19" i="12"/>
  <c r="JF19" i="12" s="1"/>
  <c r="JC20" i="12"/>
  <c r="JC21" i="12" l="1"/>
  <c r="JD20" i="12"/>
  <c r="JB20" i="12"/>
  <c r="JF20" i="12" l="1"/>
  <c r="JD21" i="12"/>
  <c r="JC22" i="12"/>
  <c r="JB21" i="12"/>
  <c r="JF21" i="12" l="1"/>
  <c r="JC23" i="12"/>
  <c r="JD22" i="12"/>
  <c r="JB22" i="12"/>
  <c r="JF22" i="12" l="1"/>
  <c r="JB23" i="12"/>
  <c r="JF23" i="12" s="1"/>
  <c r="JC24" i="12"/>
  <c r="JD23" i="12"/>
  <c r="JD24" i="12" l="1"/>
  <c r="JB24" i="12"/>
  <c r="JF24" i="12" s="1"/>
  <c r="JC25" i="12"/>
  <c r="JO6" i="13" l="1"/>
  <c r="JU6" i="13"/>
  <c r="JD25" i="12"/>
  <c r="JC26" i="12"/>
  <c r="JB25" i="12"/>
  <c r="JF25" i="12" s="1"/>
  <c r="JC27" i="12" l="1"/>
  <c r="JD26" i="12"/>
  <c r="JB26" i="12"/>
  <c r="JF26" i="12" s="1"/>
  <c r="JB27" i="12" l="1"/>
  <c r="JC28" i="12"/>
  <c r="JD27" i="12"/>
  <c r="JF27" i="12" l="1"/>
  <c r="JC29" i="12"/>
  <c r="JD28" i="12"/>
  <c r="JB28" i="12"/>
  <c r="JF28" i="12" l="1"/>
  <c r="JB29" i="12"/>
  <c r="JC30" i="12"/>
  <c r="JD29" i="12"/>
  <c r="JF29" i="12" l="1"/>
  <c r="JC31" i="12"/>
  <c r="JD30" i="12"/>
  <c r="JB30" i="12"/>
  <c r="JF30" i="12" s="1"/>
  <c r="JD31" i="12" l="1"/>
  <c r="JC32" i="12"/>
  <c r="JB31" i="12"/>
  <c r="JF31" i="12" s="1"/>
  <c r="JB32" i="12" l="1"/>
  <c r="JF32" i="12" s="1"/>
  <c r="JC33" i="12"/>
  <c r="JD32" i="12"/>
  <c r="JC34" i="12" l="1"/>
  <c r="JD33" i="12"/>
  <c r="JB33" i="12"/>
  <c r="JF33" i="12" s="1"/>
  <c r="JD34" i="12" l="1"/>
  <c r="JB34" i="12"/>
  <c r="JC35" i="12"/>
  <c r="JF34" i="12" l="1"/>
  <c r="JC36" i="12"/>
  <c r="JD35" i="12"/>
  <c r="JB35" i="12"/>
  <c r="JF35" i="12" l="1"/>
  <c r="JC37" i="12"/>
  <c r="JD36" i="12"/>
  <c r="JB36" i="12"/>
  <c r="JF36" i="12" l="1"/>
  <c r="JD37" i="12"/>
  <c r="JC38" i="12"/>
  <c r="JB37" i="12"/>
  <c r="JF37" i="12" s="1"/>
  <c r="JD38" i="12" l="1"/>
  <c r="JB38" i="12"/>
  <c r="JF38" i="12" s="1"/>
  <c r="JC39" i="12"/>
  <c r="JC40" i="12" l="1"/>
  <c r="JD39" i="12"/>
  <c r="JB39" i="12"/>
  <c r="JF39" i="12" s="1"/>
  <c r="JC41" i="12" l="1"/>
  <c r="JD40" i="12"/>
  <c r="JB40" i="12"/>
  <c r="JF40" i="12" s="1"/>
  <c r="JB41" i="12" l="1"/>
  <c r="JF41" i="12" s="1"/>
  <c r="JD41" i="12"/>
  <c r="JC42" i="12"/>
  <c r="JD42" i="12" l="1"/>
  <c r="JB42" i="12"/>
  <c r="JF42" i="12" s="1"/>
  <c r="JC43" i="12"/>
  <c r="JB43" i="12" l="1"/>
  <c r="JF43" i="12" s="1"/>
  <c r="JD43" i="12"/>
  <c r="JC44" i="12"/>
  <c r="JB44" i="12" l="1"/>
  <c r="JF44" i="12" s="1"/>
  <c r="JD44" i="12"/>
  <c r="JC45" i="12"/>
  <c r="JB45" i="12" l="1"/>
  <c r="JF45" i="12" s="1"/>
  <c r="JC46" i="12"/>
  <c r="JD45" i="12"/>
  <c r="JH6" i="12" l="1"/>
  <c r="JD46" i="12"/>
  <c r="JL59" i="12" s="1"/>
  <c r="JB46" i="12"/>
  <c r="JF46" i="12" s="1"/>
  <c r="JP9" i="12"/>
  <c r="JL57" i="12"/>
  <c r="M24" i="3" l="1"/>
  <c r="L24" i="3" s="1"/>
  <c r="K24" i="3"/>
  <c r="JL9" i="12"/>
  <c r="JO9" i="12"/>
  <c r="JS9" i="12" s="1"/>
  <c r="JP10" i="12"/>
  <c r="JQ9" i="12"/>
  <c r="JO6" i="12"/>
  <c r="JL61" i="12"/>
  <c r="JL67" i="12" s="1"/>
  <c r="JL70" i="12"/>
  <c r="JL69" i="12"/>
  <c r="N23" i="3" l="1"/>
  <c r="JL72" i="12"/>
  <c r="JL34" i="12"/>
  <c r="JL32" i="12"/>
  <c r="O23" i="3"/>
  <c r="P23" i="3"/>
  <c r="JQ10" i="12"/>
  <c r="JO10" i="12"/>
  <c r="JP11" i="12"/>
  <c r="JL13" i="12"/>
  <c r="JL63" i="12" s="1"/>
  <c r="JL19" i="12"/>
  <c r="JK38" i="12" s="1"/>
  <c r="JK46" i="12" s="1"/>
  <c r="JL73" i="12" l="1"/>
  <c r="JL74" i="12" s="1"/>
  <c r="JL75" i="12" s="1"/>
  <c r="JL36" i="12"/>
  <c r="JS10" i="12"/>
  <c r="JL23" i="12"/>
  <c r="JK25" i="12"/>
  <c r="JQ11" i="12"/>
  <c r="JP12" i="12"/>
  <c r="JO11" i="12"/>
  <c r="JS11" i="12" l="1"/>
  <c r="JO12" i="12"/>
  <c r="JP13" i="12"/>
  <c r="JQ12" i="12"/>
  <c r="JS12" i="12" l="1"/>
  <c r="JP14" i="12"/>
  <c r="JO13" i="12"/>
  <c r="JS13" i="12" s="1"/>
  <c r="JQ13" i="12"/>
  <c r="JQ14" i="12" l="1"/>
  <c r="JO14" i="12"/>
  <c r="JS14" i="12" s="1"/>
  <c r="JP15" i="12"/>
  <c r="JO15" i="12" l="1"/>
  <c r="JS15" i="12" s="1"/>
  <c r="JP16" i="12"/>
  <c r="JQ15" i="12"/>
  <c r="JQ16" i="12" l="1"/>
  <c r="JP17" i="12"/>
  <c r="JO16" i="12"/>
  <c r="JS16" i="12" s="1"/>
  <c r="JQ17" i="12" l="1"/>
  <c r="JO17" i="12"/>
  <c r="JP18" i="12"/>
  <c r="JS17" i="12" l="1"/>
  <c r="JO18" i="12"/>
  <c r="JP19" i="12"/>
  <c r="JQ18" i="12"/>
  <c r="JS18" i="12" l="1"/>
  <c r="JQ19" i="12"/>
  <c r="JO19" i="12"/>
  <c r="JP20" i="12"/>
  <c r="JS19" i="12" l="1"/>
  <c r="JQ20" i="12"/>
  <c r="JO20" i="12"/>
  <c r="JS20" i="12" s="1"/>
  <c r="JP21" i="12"/>
  <c r="JO21" i="12" l="1"/>
  <c r="JS21" i="12" s="1"/>
  <c r="JP22" i="12"/>
  <c r="JQ21" i="12"/>
  <c r="JP23" i="12" l="1"/>
  <c r="JO22" i="12"/>
  <c r="JS22" i="12" s="1"/>
  <c r="JQ22" i="12"/>
  <c r="JO23" i="12" l="1"/>
  <c r="JS23" i="12" s="1"/>
  <c r="JQ23" i="12"/>
  <c r="JP24" i="12"/>
  <c r="JO24" i="12" l="1"/>
  <c r="JP25" i="12"/>
  <c r="JQ24" i="12"/>
  <c r="KH6" i="13" l="1"/>
  <c r="KB6" i="13"/>
  <c r="JS24" i="12"/>
  <c r="JO25" i="12"/>
  <c r="JP26" i="12"/>
  <c r="JQ25" i="12"/>
  <c r="JS25" i="12" l="1"/>
  <c r="JO26" i="12"/>
  <c r="JP27" i="12"/>
  <c r="JQ26" i="12"/>
  <c r="JS26" i="12" l="1"/>
  <c r="JO27" i="12"/>
  <c r="JS27" i="12" s="1"/>
  <c r="JP28" i="12"/>
  <c r="JQ27" i="12"/>
  <c r="JO28" i="12" l="1"/>
  <c r="JS28" i="12" s="1"/>
  <c r="JP29" i="12"/>
  <c r="JQ28" i="12"/>
  <c r="JP30" i="12" l="1"/>
  <c r="JQ29" i="12"/>
  <c r="JO29" i="12"/>
  <c r="JS29" i="12" s="1"/>
  <c r="JP31" i="12" l="1"/>
  <c r="JQ30" i="12"/>
  <c r="JO30" i="12"/>
  <c r="JS30" i="12" s="1"/>
  <c r="JQ31" i="12" l="1"/>
  <c r="JO31" i="12"/>
  <c r="JP32" i="12"/>
  <c r="JS31" i="12" l="1"/>
  <c r="JO32" i="12"/>
  <c r="JQ32" i="12"/>
  <c r="JP33" i="12"/>
  <c r="JS32" i="12" l="1"/>
  <c r="JP34" i="12"/>
  <c r="JQ33" i="12"/>
  <c r="JO33" i="12"/>
  <c r="JS33" i="12" l="1"/>
  <c r="JP35" i="12"/>
  <c r="JQ34" i="12"/>
  <c r="JO34" i="12"/>
  <c r="JS34" i="12" s="1"/>
  <c r="JQ35" i="12" l="1"/>
  <c r="JO35" i="12"/>
  <c r="JS35" i="12" s="1"/>
  <c r="JP36" i="12"/>
  <c r="JQ36" i="12" l="1"/>
  <c r="JP37" i="12"/>
  <c r="JO36" i="12"/>
  <c r="JS36" i="12" s="1"/>
  <c r="JQ37" i="12" l="1"/>
  <c r="JO37" i="12"/>
  <c r="JS37" i="12" s="1"/>
  <c r="JP38" i="12"/>
  <c r="JP39" i="12" l="1"/>
  <c r="JQ38" i="12"/>
  <c r="JO38" i="12"/>
  <c r="JS38" i="12" l="1"/>
  <c r="JP40" i="12"/>
  <c r="JQ39" i="12"/>
  <c r="JO39" i="12"/>
  <c r="JS39" i="12" l="1"/>
  <c r="JQ40" i="12"/>
  <c r="JP41" i="12"/>
  <c r="JO40" i="12"/>
  <c r="JS40" i="12" s="1"/>
  <c r="JQ41" i="12" l="1"/>
  <c r="JO41" i="12"/>
  <c r="JS41" i="12" s="1"/>
  <c r="JP42" i="12"/>
  <c r="JO42" i="12" l="1"/>
  <c r="JS42" i="12" s="1"/>
  <c r="JP43" i="12"/>
  <c r="JQ42" i="12"/>
  <c r="JO43" i="12" l="1"/>
  <c r="JS43" i="12" s="1"/>
  <c r="JQ43" i="12"/>
  <c r="JP44" i="12"/>
  <c r="JO44" i="12" l="1"/>
  <c r="JS44" i="12" s="1"/>
  <c r="JQ44" i="12"/>
  <c r="JP45" i="12"/>
  <c r="JO45" i="12" l="1"/>
  <c r="JS45" i="12" s="1"/>
  <c r="JP46" i="12"/>
  <c r="JQ45" i="12"/>
  <c r="JU6" i="12" l="1"/>
  <c r="JO46" i="12"/>
  <c r="JS46" i="12" s="1"/>
  <c r="JQ46" i="12"/>
  <c r="JY59" i="12" s="1"/>
  <c r="JY57" i="12"/>
  <c r="KC9" i="12"/>
  <c r="M25" i="3" l="1"/>
  <c r="L25" i="3" s="1"/>
  <c r="K25" i="3"/>
  <c r="KB6" i="12"/>
  <c r="KD9" i="12"/>
  <c r="KB9" i="12"/>
  <c r="KC10" i="12"/>
  <c r="JY9" i="12"/>
  <c r="JY69" i="12"/>
  <c r="JY61" i="12"/>
  <c r="JY67" i="12" s="1"/>
  <c r="JY70" i="12"/>
  <c r="N24" i="3" l="1"/>
  <c r="JY34" i="12"/>
  <c r="JY72" i="12"/>
  <c r="JY32" i="12"/>
  <c r="O24" i="3"/>
  <c r="P24" i="3"/>
  <c r="KF9" i="12"/>
  <c r="JY13" i="12"/>
  <c r="JY63" i="12" s="1"/>
  <c r="JY19" i="12"/>
  <c r="JX38" i="12" s="1"/>
  <c r="JX46" i="12" s="1"/>
  <c r="KC11" i="12"/>
  <c r="KD10" i="12"/>
  <c r="KB10" i="12"/>
  <c r="JY73" i="12" l="1"/>
  <c r="JY74" i="12" s="1"/>
  <c r="JY75" i="12" s="1"/>
  <c r="JY36" i="12"/>
  <c r="KF10" i="12"/>
  <c r="KD11" i="12"/>
  <c r="KB11" i="12"/>
  <c r="KF11" i="12" s="1"/>
  <c r="KC12" i="12"/>
  <c r="JY23" i="12"/>
  <c r="JX25" i="12"/>
  <c r="KD12" i="12" l="1"/>
  <c r="KC13" i="12"/>
  <c r="KB12" i="12"/>
  <c r="KF12" i="12" s="1"/>
  <c r="KC14" i="12" l="1"/>
  <c r="KD13" i="12"/>
  <c r="KB13" i="12"/>
  <c r="KF13" i="12" s="1"/>
  <c r="KC15" i="12" l="1"/>
  <c r="KD14" i="12"/>
  <c r="KB14" i="12"/>
  <c r="KF14" i="12" l="1"/>
  <c r="KC16" i="12"/>
  <c r="KD15" i="12"/>
  <c r="KB15" i="12"/>
  <c r="KF15" i="12" l="1"/>
  <c r="KB16" i="12"/>
  <c r="KC17" i="12"/>
  <c r="KD16" i="12"/>
  <c r="KF16" i="12" l="1"/>
  <c r="KC18" i="12"/>
  <c r="KD17" i="12"/>
  <c r="KB17" i="12"/>
  <c r="KF17" i="12" l="1"/>
  <c r="KD18" i="12"/>
  <c r="KB18" i="12"/>
  <c r="KF18" i="12" s="1"/>
  <c r="KC19" i="12"/>
  <c r="KB19" i="12" l="1"/>
  <c r="KF19" i="12" s="1"/>
  <c r="KC20" i="12"/>
  <c r="KD19" i="12"/>
  <c r="KC21" i="12" l="1"/>
  <c r="KD20" i="12"/>
  <c r="KB20" i="12"/>
  <c r="KF20" i="12" s="1"/>
  <c r="KB21" i="12" l="1"/>
  <c r="KC22" i="12"/>
  <c r="KD21" i="12"/>
  <c r="KF21" i="12" l="1"/>
  <c r="KD22" i="12"/>
  <c r="KC23" i="12"/>
  <c r="KB22" i="12"/>
  <c r="KF22" i="12" l="1"/>
  <c r="KC24" i="12"/>
  <c r="KD23" i="12"/>
  <c r="KB23" i="12"/>
  <c r="KF23" i="12" l="1"/>
  <c r="KC25" i="12"/>
  <c r="KD24" i="12"/>
  <c r="KB24" i="12"/>
  <c r="KU6" i="13" l="1"/>
  <c r="KO6" i="13"/>
  <c r="KF24" i="12"/>
  <c r="KC26" i="12"/>
  <c r="KD25" i="12"/>
  <c r="KB25" i="12"/>
  <c r="KF25" i="12" s="1"/>
  <c r="KC27" i="12" l="1"/>
  <c r="KD26" i="12"/>
  <c r="KB26" i="12"/>
  <c r="KF26" i="12" s="1"/>
  <c r="KB27" i="12" l="1"/>
  <c r="KF27" i="12" s="1"/>
  <c r="KC28" i="12"/>
  <c r="KD27" i="12"/>
  <c r="KC29" i="12" l="1"/>
  <c r="KD28" i="12"/>
  <c r="KB28" i="12"/>
  <c r="KF28" i="12" l="1"/>
  <c r="KC30" i="12"/>
  <c r="KB29" i="12"/>
  <c r="KD29" i="12"/>
  <c r="KF29" i="12" l="1"/>
  <c r="KC31" i="12"/>
  <c r="KB30" i="12"/>
  <c r="KD30" i="12"/>
  <c r="KF30" i="12" l="1"/>
  <c r="KD31" i="12"/>
  <c r="KB31" i="12"/>
  <c r="KC32" i="12"/>
  <c r="KF31" i="12" l="1"/>
  <c r="KB32" i="12"/>
  <c r="KF32" i="12" s="1"/>
  <c r="KC33" i="12"/>
  <c r="KD32" i="12"/>
  <c r="KD33" i="12" l="1"/>
  <c r="KC34" i="12"/>
  <c r="KB33" i="12"/>
  <c r="KF33" i="12" s="1"/>
  <c r="KD34" i="12" l="1"/>
  <c r="KB34" i="12"/>
  <c r="KF34" i="12" s="1"/>
  <c r="KC35" i="12"/>
  <c r="KC36" i="12" l="1"/>
  <c r="KD35" i="12"/>
  <c r="KB35" i="12"/>
  <c r="KF35" i="12" l="1"/>
  <c r="KC37" i="12"/>
  <c r="KD36" i="12"/>
  <c r="KB36" i="12"/>
  <c r="KF36" i="12" l="1"/>
  <c r="KC38" i="12"/>
  <c r="KD37" i="12"/>
  <c r="KB37" i="12"/>
  <c r="KF37" i="12" l="1"/>
  <c r="KB38" i="12"/>
  <c r="KC39" i="12"/>
  <c r="KD38" i="12"/>
  <c r="KF38" i="12" l="1"/>
  <c r="KC40" i="12"/>
  <c r="KD39" i="12"/>
  <c r="KB39" i="12"/>
  <c r="KF39" i="12" s="1"/>
  <c r="KC41" i="12" l="1"/>
  <c r="KB40" i="12"/>
  <c r="KF40" i="12" s="1"/>
  <c r="KD40" i="12"/>
  <c r="KB41" i="12" l="1"/>
  <c r="KF41" i="12" s="1"/>
  <c r="KC42" i="12"/>
  <c r="KD41" i="12"/>
  <c r="KD42" i="12" l="1"/>
  <c r="KC43" i="12"/>
  <c r="KB42" i="12"/>
  <c r="KF42" i="12" s="1"/>
  <c r="KB43" i="12" l="1"/>
  <c r="KF43" i="12" s="1"/>
  <c r="KC44" i="12"/>
  <c r="KD43" i="12"/>
  <c r="KC45" i="12" l="1"/>
  <c r="KB44" i="12"/>
  <c r="KF44" i="12" s="1"/>
  <c r="KD44" i="12"/>
  <c r="KB45" i="12" l="1"/>
  <c r="KF45" i="12" s="1"/>
  <c r="KC46" i="12"/>
  <c r="KD45" i="12"/>
  <c r="KH6" i="12" l="1"/>
  <c r="KB46" i="12"/>
  <c r="KF46" i="12" s="1"/>
  <c r="KD46" i="12"/>
  <c r="KL59" i="12" s="1"/>
  <c r="KL57" i="12"/>
  <c r="KP9" i="12"/>
  <c r="M26" i="3" l="1"/>
  <c r="L26" i="3" s="1"/>
  <c r="K26" i="3"/>
  <c r="KO6" i="12"/>
  <c r="KP10" i="12"/>
  <c r="KQ9" i="12"/>
  <c r="KO9" i="12"/>
  <c r="KL9" i="12"/>
  <c r="KL69" i="12"/>
  <c r="KL70" i="12"/>
  <c r="KL61" i="12"/>
  <c r="KL67" i="12" s="1"/>
  <c r="N25" i="3" l="1"/>
  <c r="KL72" i="12"/>
  <c r="KL34" i="12"/>
  <c r="KL32" i="12"/>
  <c r="O25" i="3"/>
  <c r="P25" i="3"/>
  <c r="KS9" i="12"/>
  <c r="KO10" i="12"/>
  <c r="KS10" i="12" s="1"/>
  <c r="KQ10" i="12"/>
  <c r="KP11" i="12"/>
  <c r="KL13" i="12"/>
  <c r="KL63" i="12" s="1"/>
  <c r="KL19" i="12"/>
  <c r="KK38" i="12" s="1"/>
  <c r="KK46" i="12" s="1"/>
  <c r="KL73" i="12" l="1"/>
  <c r="KL74" i="12" s="1"/>
  <c r="KL75" i="12" s="1"/>
  <c r="KL36" i="12"/>
  <c r="KL23" i="12"/>
  <c r="KK25" i="12"/>
  <c r="KO11" i="12"/>
  <c r="KS11" i="12" s="1"/>
  <c r="KP12" i="12"/>
  <c r="KQ11" i="12"/>
  <c r="KQ12" i="12" l="1"/>
  <c r="KO12" i="12"/>
  <c r="KS12" i="12" s="1"/>
  <c r="KP13" i="12"/>
  <c r="KO13" i="12" l="1"/>
  <c r="KP14" i="12"/>
  <c r="KQ13" i="12"/>
  <c r="KS13" i="12" l="1"/>
  <c r="KQ14" i="12"/>
  <c r="KO14" i="12"/>
  <c r="KP15" i="12"/>
  <c r="KS14" i="12" l="1"/>
  <c r="KO15" i="12"/>
  <c r="KQ15" i="12"/>
  <c r="KP16" i="12"/>
  <c r="KS15" i="12" l="1"/>
  <c r="KP17" i="12"/>
  <c r="KQ16" i="12"/>
  <c r="KO16" i="12"/>
  <c r="KS16" i="12" l="1"/>
  <c r="KQ17" i="12"/>
  <c r="KO17" i="12"/>
  <c r="KS17" i="12" s="1"/>
  <c r="KP18" i="12"/>
  <c r="KQ18" i="12" l="1"/>
  <c r="KO18" i="12"/>
  <c r="KS18" i="12" s="1"/>
  <c r="KP19" i="12"/>
  <c r="KQ19" i="12" l="1"/>
  <c r="KO19" i="12"/>
  <c r="KS19" i="12" s="1"/>
  <c r="KP20" i="12"/>
  <c r="KO20" i="12" l="1"/>
  <c r="KP21" i="12"/>
  <c r="KQ20" i="12"/>
  <c r="KS20" i="12" l="1"/>
  <c r="KP22" i="12"/>
  <c r="KQ21" i="12"/>
  <c r="KO21" i="12"/>
  <c r="KS21" i="12" l="1"/>
  <c r="KO22" i="12"/>
  <c r="KP23" i="12"/>
  <c r="KQ22" i="12"/>
  <c r="KS22" i="12" l="1"/>
  <c r="KO23" i="12"/>
  <c r="KP24" i="12"/>
  <c r="KQ23" i="12"/>
  <c r="KS23" i="12" l="1"/>
  <c r="KO24" i="12"/>
  <c r="KS24" i="12" s="1"/>
  <c r="KP25" i="12"/>
  <c r="KQ24" i="12"/>
  <c r="LH6" i="13" l="1"/>
  <c r="LB6" i="13"/>
  <c r="KP26" i="12"/>
  <c r="KO25" i="12"/>
  <c r="KS25" i="12" s="1"/>
  <c r="KQ25" i="12"/>
  <c r="KO26" i="12" l="1"/>
  <c r="KS26" i="12" s="1"/>
  <c r="KP27" i="12"/>
  <c r="KQ26" i="12"/>
  <c r="KP28" i="12" l="1"/>
  <c r="KO27" i="12"/>
  <c r="KQ27" i="12"/>
  <c r="KS27" i="12" l="1"/>
  <c r="KO28" i="12"/>
  <c r="KP29" i="12"/>
  <c r="KQ28" i="12"/>
  <c r="KS28" i="12" l="1"/>
  <c r="KQ29" i="12"/>
  <c r="KO29" i="12"/>
  <c r="KP30" i="12"/>
  <c r="KS29" i="12" l="1"/>
  <c r="KQ30" i="12"/>
  <c r="KP31" i="12"/>
  <c r="KO30" i="12"/>
  <c r="KS30" i="12" l="1"/>
  <c r="KO31" i="12"/>
  <c r="KS31" i="12" s="1"/>
  <c r="KP32" i="12"/>
  <c r="KQ31" i="12"/>
  <c r="KQ32" i="12" l="1"/>
  <c r="KO32" i="12"/>
  <c r="KS32" i="12" s="1"/>
  <c r="KP33" i="12"/>
  <c r="KO33" i="12" l="1"/>
  <c r="KS33" i="12" s="1"/>
  <c r="KQ33" i="12"/>
  <c r="KP34" i="12"/>
  <c r="KO34" i="12" l="1"/>
  <c r="KP35" i="12"/>
  <c r="KQ34" i="12"/>
  <c r="KS34" i="12" l="1"/>
  <c r="KO35" i="12"/>
  <c r="KP36" i="12"/>
  <c r="KQ35" i="12"/>
  <c r="KS35" i="12" l="1"/>
  <c r="KP37" i="12"/>
  <c r="KQ36" i="12"/>
  <c r="KO36" i="12"/>
  <c r="KS36" i="12" l="1"/>
  <c r="KQ37" i="12"/>
  <c r="KO37" i="12"/>
  <c r="KP38" i="12"/>
  <c r="KS37" i="12" l="1"/>
  <c r="KQ38" i="12"/>
  <c r="KP39" i="12"/>
  <c r="KO38" i="12"/>
  <c r="KS38" i="12" s="1"/>
  <c r="KP40" i="12" l="1"/>
  <c r="KQ39" i="12"/>
  <c r="KO39" i="12"/>
  <c r="KS39" i="12" s="1"/>
  <c r="KP41" i="12" l="1"/>
  <c r="KQ40" i="12"/>
  <c r="KO40" i="12"/>
  <c r="KS40" i="12" s="1"/>
  <c r="KQ41" i="12" l="1"/>
  <c r="KO41" i="12"/>
  <c r="KS41" i="12" s="1"/>
  <c r="KP42" i="12"/>
  <c r="KP43" i="12" l="1"/>
  <c r="KO42" i="12"/>
  <c r="KS42" i="12" s="1"/>
  <c r="KQ42" i="12"/>
  <c r="KO43" i="12" l="1"/>
  <c r="KS43" i="12" s="1"/>
  <c r="KP44" i="12"/>
  <c r="KQ43" i="12"/>
  <c r="KO44" i="12" l="1"/>
  <c r="KS44" i="12" s="1"/>
  <c r="KP45" i="12"/>
  <c r="KQ44" i="12"/>
  <c r="KO45" i="12" l="1"/>
  <c r="KS45" i="12" s="1"/>
  <c r="KQ45" i="12"/>
  <c r="KP46" i="12"/>
  <c r="KU6" i="12" l="1"/>
  <c r="KO46" i="12"/>
  <c r="KS46" i="12" s="1"/>
  <c r="KQ46" i="12"/>
  <c r="KY59" i="12" s="1"/>
  <c r="KY57" i="12"/>
  <c r="LC9" i="12"/>
  <c r="M27" i="3" l="1"/>
  <c r="L27" i="3" s="1"/>
  <c r="K27" i="3"/>
  <c r="LB6" i="12"/>
  <c r="LC10" i="12"/>
  <c r="LD9" i="12"/>
  <c r="LB9" i="12"/>
  <c r="LF9" i="12" s="1"/>
  <c r="KY9" i="12"/>
  <c r="KY70" i="12"/>
  <c r="KY69" i="12"/>
  <c r="KY61" i="12"/>
  <c r="KY67" i="12" s="1"/>
  <c r="N26" i="3" l="1"/>
  <c r="KY72" i="12"/>
  <c r="KY34" i="12"/>
  <c r="KY32" i="12"/>
  <c r="P26" i="3"/>
  <c r="O26" i="3"/>
  <c r="LC11" i="12"/>
  <c r="LD10" i="12"/>
  <c r="LB10" i="12"/>
  <c r="LF10" i="12" s="1"/>
  <c r="KY13" i="12"/>
  <c r="KY63" i="12" s="1"/>
  <c r="KY19" i="12"/>
  <c r="KX38" i="12" s="1"/>
  <c r="KX46" i="12" s="1"/>
  <c r="KY73" i="12" l="1"/>
  <c r="KY74" i="12" s="1"/>
  <c r="KY75" i="12" s="1"/>
  <c r="KY36" i="12"/>
  <c r="KY23" i="12"/>
  <c r="KX25" i="12"/>
  <c r="LD11" i="12"/>
  <c r="LB11" i="12"/>
  <c r="LC12" i="12"/>
  <c r="LF11" i="12" l="1"/>
  <c r="LC13" i="12"/>
  <c r="LD12" i="12"/>
  <c r="LB12" i="12"/>
  <c r="LF12" i="12" l="1"/>
  <c r="LC14" i="12"/>
  <c r="LD13" i="12"/>
  <c r="LB13" i="12"/>
  <c r="LF13" i="12" l="1"/>
  <c r="LC15" i="12"/>
  <c r="LD14" i="12"/>
  <c r="LB14" i="12"/>
  <c r="LF14" i="12" s="1"/>
  <c r="LC16" i="12" l="1"/>
  <c r="LD15" i="12"/>
  <c r="LB15" i="12"/>
  <c r="LF15" i="12" s="1"/>
  <c r="LD16" i="12" l="1"/>
  <c r="LB16" i="12"/>
  <c r="LF16" i="12" s="1"/>
  <c r="LC17" i="12"/>
  <c r="LB17" i="12" l="1"/>
  <c r="LF17" i="12" s="1"/>
  <c r="LC18" i="12"/>
  <c r="LD17" i="12"/>
  <c r="LC19" i="12" l="1"/>
  <c r="LD18" i="12"/>
  <c r="LB18" i="12"/>
  <c r="LF18" i="12" l="1"/>
  <c r="LC20" i="12"/>
  <c r="LB19" i="12"/>
  <c r="LD19" i="12"/>
  <c r="LF19" i="12" l="1"/>
  <c r="LD20" i="12"/>
  <c r="LB20" i="12"/>
  <c r="LC21" i="12"/>
  <c r="LF20" i="12" l="1"/>
  <c r="LB21" i="12"/>
  <c r="LF21" i="12" s="1"/>
  <c r="LC22" i="12"/>
  <c r="LD21" i="12"/>
  <c r="LC23" i="12" l="1"/>
  <c r="LD22" i="12"/>
  <c r="LB22" i="12"/>
  <c r="LF22" i="12" s="1"/>
  <c r="LC24" i="12" l="1"/>
  <c r="LB23" i="12"/>
  <c r="LF23" i="12" s="1"/>
  <c r="LD23" i="12"/>
  <c r="LD24" i="12" l="1"/>
  <c r="LB24" i="12"/>
  <c r="LF24" i="12" s="1"/>
  <c r="LC25" i="12"/>
  <c r="LO6" i="13" l="1"/>
  <c r="LU6" i="13"/>
  <c r="LB25" i="12"/>
  <c r="LC26" i="12"/>
  <c r="LD25" i="12"/>
  <c r="LF25" i="12" l="1"/>
  <c r="LC27" i="12"/>
  <c r="LD26" i="12"/>
  <c r="LB26" i="12"/>
  <c r="LF26" i="12" l="1"/>
  <c r="LB27" i="12"/>
  <c r="LC28" i="12"/>
  <c r="LD27" i="12"/>
  <c r="LF27" i="12" l="1"/>
  <c r="LC29" i="12"/>
  <c r="LD28" i="12"/>
  <c r="LB28" i="12"/>
  <c r="LF28" i="12" s="1"/>
  <c r="LB29" i="12" l="1"/>
  <c r="LF29" i="12" s="1"/>
  <c r="LC30" i="12"/>
  <c r="LD29" i="12"/>
  <c r="LC31" i="12" l="1"/>
  <c r="LD30" i="12"/>
  <c r="LB30" i="12"/>
  <c r="LF30" i="12" s="1"/>
  <c r="LD31" i="12" l="1"/>
  <c r="LB31" i="12"/>
  <c r="LF31" i="12" s="1"/>
  <c r="LC32" i="12"/>
  <c r="LB32" i="12" l="1"/>
  <c r="LC33" i="12"/>
  <c r="LD32" i="12"/>
  <c r="LF32" i="12" l="1"/>
  <c r="LC34" i="12"/>
  <c r="LD33" i="12"/>
  <c r="LB33" i="12"/>
  <c r="LF33" i="12" l="1"/>
  <c r="LD34" i="12"/>
  <c r="LB34" i="12"/>
  <c r="LC35" i="12"/>
  <c r="LF34" i="12" l="1"/>
  <c r="LC36" i="12"/>
  <c r="LD35" i="12"/>
  <c r="LB35" i="12"/>
  <c r="LF35" i="12" s="1"/>
  <c r="LC37" i="12" l="1"/>
  <c r="LD36" i="12"/>
  <c r="LB36" i="12"/>
  <c r="LF36" i="12" s="1"/>
  <c r="LC38" i="12" l="1"/>
  <c r="LD37" i="12"/>
  <c r="LB37" i="12"/>
  <c r="LF37" i="12" s="1"/>
  <c r="LD38" i="12" l="1"/>
  <c r="LB38" i="12"/>
  <c r="LF38" i="12" s="1"/>
  <c r="LC39" i="12"/>
  <c r="LB39" i="12" l="1"/>
  <c r="LD39" i="12"/>
  <c r="LC40" i="12"/>
  <c r="LF39" i="12" l="1"/>
  <c r="LC41" i="12"/>
  <c r="LB40" i="12"/>
  <c r="LF40" i="12" s="1"/>
  <c r="LD40" i="12"/>
  <c r="LB41" i="12" l="1"/>
  <c r="LF41" i="12" s="1"/>
  <c r="LC42" i="12"/>
  <c r="LD41" i="12"/>
  <c r="LC43" i="12" l="1"/>
  <c r="LD42" i="12"/>
  <c r="LB42" i="12"/>
  <c r="LF42" i="12" s="1"/>
  <c r="LC44" i="12" l="1"/>
  <c r="LB43" i="12"/>
  <c r="LF43" i="12" s="1"/>
  <c r="LD43" i="12"/>
  <c r="LD44" i="12" l="1"/>
  <c r="LC45" i="12"/>
  <c r="LB44" i="12"/>
  <c r="LF44" i="12" s="1"/>
  <c r="LB45" i="12" l="1"/>
  <c r="LF45" i="12" s="1"/>
  <c r="LC46" i="12"/>
  <c r="LD45" i="12"/>
  <c r="LH6" i="12" l="1"/>
  <c r="LB46" i="12"/>
  <c r="LF46" i="12" s="1"/>
  <c r="LD46" i="12"/>
  <c r="LL59" i="12" s="1"/>
  <c r="LP9" i="12"/>
  <c r="LL57" i="12"/>
  <c r="M28" i="3" l="1"/>
  <c r="L28" i="3" s="1"/>
  <c r="K28" i="3"/>
  <c r="LL9" i="12"/>
  <c r="LQ9" i="12"/>
  <c r="LP10" i="12"/>
  <c r="LO9" i="12"/>
  <c r="LO6" i="12"/>
  <c r="LL70" i="12"/>
  <c r="LL61" i="12"/>
  <c r="LL67" i="12" s="1"/>
  <c r="LL69" i="12"/>
  <c r="N27" i="3" l="1"/>
  <c r="LL72" i="12"/>
  <c r="LL34" i="12"/>
  <c r="LL32" i="12"/>
  <c r="P27" i="3"/>
  <c r="O27" i="3"/>
  <c r="LS9" i="12"/>
  <c r="LO10" i="12"/>
  <c r="LP11" i="12"/>
  <c r="LQ10" i="12"/>
  <c r="LL13" i="12"/>
  <c r="LL63" i="12" s="1"/>
  <c r="LL19" i="12"/>
  <c r="LK38" i="12" s="1"/>
  <c r="LK46" i="12" s="1"/>
  <c r="LL73" i="12" l="1"/>
  <c r="LL74" i="12" s="1"/>
  <c r="LL75" i="12" s="1"/>
  <c r="LL36" i="12"/>
  <c r="LS10" i="12"/>
  <c r="LK25" i="12"/>
  <c r="LL23" i="12"/>
  <c r="LO11" i="12"/>
  <c r="LP12" i="12"/>
  <c r="LQ11" i="12"/>
  <c r="LS11" i="12" l="1"/>
  <c r="LO12" i="12"/>
  <c r="LS12" i="12" s="1"/>
  <c r="LQ12" i="12"/>
  <c r="LP13" i="12"/>
  <c r="LO13" i="12" l="1"/>
  <c r="LS13" i="12" s="1"/>
  <c r="LQ13" i="12"/>
  <c r="LP14" i="12"/>
  <c r="LQ14" i="12" l="1"/>
  <c r="LO14" i="12"/>
  <c r="LS14" i="12" s="1"/>
  <c r="LP15" i="12"/>
  <c r="LO15" i="12" l="1"/>
  <c r="LP16" i="12"/>
  <c r="LQ15" i="12"/>
  <c r="LS15" i="12" l="1"/>
  <c r="LP17" i="12"/>
  <c r="LO16" i="12"/>
  <c r="LQ16" i="12"/>
  <c r="LS16" i="12" l="1"/>
  <c r="LQ17" i="12"/>
  <c r="LO17" i="12"/>
  <c r="LP18" i="12"/>
  <c r="LS17" i="12" l="1"/>
  <c r="LQ18" i="12"/>
  <c r="LO18" i="12"/>
  <c r="LP19" i="12"/>
  <c r="LS18" i="12" l="1"/>
  <c r="LO19" i="12"/>
  <c r="LS19" i="12" s="1"/>
  <c r="LP20" i="12"/>
  <c r="LQ19" i="12"/>
  <c r="LO20" i="12" l="1"/>
  <c r="LS20" i="12" s="1"/>
  <c r="LP21" i="12"/>
  <c r="LQ20" i="12"/>
  <c r="LP22" i="12" l="1"/>
  <c r="LQ21" i="12"/>
  <c r="LO21" i="12"/>
  <c r="LS21" i="12" s="1"/>
  <c r="LP23" i="12" l="1"/>
  <c r="LO22" i="12"/>
  <c r="LQ22" i="12"/>
  <c r="LS22" i="12" l="1"/>
  <c r="LQ23" i="12"/>
  <c r="LO23" i="12"/>
  <c r="LP24" i="12"/>
  <c r="LS23" i="12" l="1"/>
  <c r="LO24" i="12"/>
  <c r="LP25" i="12"/>
  <c r="LQ24" i="12"/>
  <c r="MH6" i="13" l="1"/>
  <c r="MB6" i="13"/>
  <c r="LS24" i="12"/>
  <c r="LO25" i="12"/>
  <c r="LP26" i="12"/>
  <c r="LQ25" i="12"/>
  <c r="LS25" i="12" l="1"/>
  <c r="LO26" i="12"/>
  <c r="LS26" i="12" s="1"/>
  <c r="LP27" i="12"/>
  <c r="LQ26" i="12"/>
  <c r="LP28" i="12" l="1"/>
  <c r="LQ27" i="12"/>
  <c r="LO27" i="12"/>
  <c r="LS27" i="12" s="1"/>
  <c r="LO28" i="12" l="1"/>
  <c r="LS28" i="12" s="1"/>
  <c r="LP29" i="12"/>
  <c r="LQ28" i="12"/>
  <c r="LP30" i="12" l="1"/>
  <c r="LQ29" i="12"/>
  <c r="LO29" i="12"/>
  <c r="LS29" i="12" l="1"/>
  <c r="LQ30" i="12"/>
  <c r="LO30" i="12"/>
  <c r="LP31" i="12"/>
  <c r="LS30" i="12" l="1"/>
  <c r="LP32" i="12"/>
  <c r="LQ31" i="12"/>
  <c r="LO31" i="12"/>
  <c r="LS31" i="12" l="1"/>
  <c r="LQ32" i="12"/>
  <c r="LO32" i="12"/>
  <c r="LP33" i="12"/>
  <c r="LS32" i="12" l="1"/>
  <c r="LO33" i="12"/>
  <c r="LS33" i="12" s="1"/>
  <c r="LP34" i="12"/>
  <c r="LQ33" i="12"/>
  <c r="LP35" i="12" l="1"/>
  <c r="LQ34" i="12"/>
  <c r="LO34" i="12"/>
  <c r="LS34" i="12" s="1"/>
  <c r="LQ35" i="12" l="1"/>
  <c r="LP36" i="12"/>
  <c r="LO35" i="12"/>
  <c r="LS35" i="12" s="1"/>
  <c r="LP37" i="12" l="1"/>
  <c r="LQ36" i="12"/>
  <c r="LO36" i="12"/>
  <c r="LS36" i="12" l="1"/>
  <c r="LQ37" i="12"/>
  <c r="LO37" i="12"/>
  <c r="LP38" i="12"/>
  <c r="LS37" i="12" l="1"/>
  <c r="LP39" i="12"/>
  <c r="LQ38" i="12"/>
  <c r="LO38" i="12"/>
  <c r="LS38" i="12" l="1"/>
  <c r="LP40" i="12"/>
  <c r="LO39" i="12"/>
  <c r="LQ39" i="12"/>
  <c r="LS39" i="12" l="1"/>
  <c r="LQ40" i="12"/>
  <c r="LO40" i="12"/>
  <c r="LS40" i="12" s="1"/>
  <c r="LP41" i="12"/>
  <c r="LO41" i="12" l="1"/>
  <c r="LS41" i="12" s="1"/>
  <c r="LQ41" i="12"/>
  <c r="LP42" i="12"/>
  <c r="LP43" i="12" l="1"/>
  <c r="LO42" i="12"/>
  <c r="LS42" i="12" s="1"/>
  <c r="LQ42" i="12"/>
  <c r="LO43" i="12" l="1"/>
  <c r="LS43" i="12" s="1"/>
  <c r="LP44" i="12"/>
  <c r="LQ43" i="12"/>
  <c r="LO44" i="12" l="1"/>
  <c r="LS44" i="12" s="1"/>
  <c r="LP45" i="12"/>
  <c r="LQ44" i="12"/>
  <c r="LP46" i="12" l="1"/>
  <c r="LO45" i="12"/>
  <c r="LS45" i="12" s="1"/>
  <c r="LQ45" i="12"/>
  <c r="LU6" i="12" l="1"/>
  <c r="LO46" i="12"/>
  <c r="LS46" i="12" s="1"/>
  <c r="LQ46" i="12"/>
  <c r="LY59" i="12" s="1"/>
  <c r="MC9" i="12"/>
  <c r="LY57" i="12"/>
  <c r="M29" i="3" l="1"/>
  <c r="L29" i="3" s="1"/>
  <c r="K29" i="3"/>
  <c r="LY9" i="12"/>
  <c r="MD9" i="12"/>
  <c r="MB9" i="12"/>
  <c r="MF9" i="12" s="1"/>
  <c r="MC10" i="12"/>
  <c r="MB6" i="12"/>
  <c r="LY70" i="12"/>
  <c r="LY69" i="12"/>
  <c r="LY61" i="12"/>
  <c r="LY67" i="12" s="1"/>
  <c r="N28" i="3" l="1"/>
  <c r="LY72" i="12"/>
  <c r="LY34" i="12"/>
  <c r="LY32" i="12"/>
  <c r="P28" i="3"/>
  <c r="O28" i="3"/>
  <c r="MD10" i="12"/>
  <c r="MB10" i="12"/>
  <c r="MF10" i="12" s="1"/>
  <c r="MC11" i="12"/>
  <c r="LY13" i="12"/>
  <c r="LY63" i="12" s="1"/>
  <c r="LY19" i="12"/>
  <c r="LX38" i="12" s="1"/>
  <c r="LX46" i="12" s="1"/>
  <c r="LY73" i="12" l="1"/>
  <c r="LY74" i="12" s="1"/>
  <c r="LY75" i="12" s="1"/>
  <c r="LY36" i="12"/>
  <c r="MB11" i="12"/>
  <c r="MF11" i="12" s="1"/>
  <c r="MC12" i="12"/>
  <c r="MD11" i="12"/>
  <c r="LX25" i="12"/>
  <c r="LY23" i="12"/>
  <c r="MD12" i="12" l="1"/>
  <c r="MB12" i="12"/>
  <c r="MC13" i="12"/>
  <c r="MF12" i="12" l="1"/>
  <c r="MD13" i="12"/>
  <c r="MB13" i="12"/>
  <c r="MC14" i="12"/>
  <c r="MF13" i="12" l="1"/>
  <c r="MC15" i="12"/>
  <c r="MD14" i="12"/>
  <c r="MB14" i="12"/>
  <c r="MF14" i="12" l="1"/>
  <c r="MC16" i="12"/>
  <c r="MD15" i="12"/>
  <c r="MB15" i="12"/>
  <c r="MF15" i="12" l="1"/>
  <c r="MB16" i="12"/>
  <c r="MF16" i="12" s="1"/>
  <c r="MD16" i="12"/>
  <c r="MC17" i="12"/>
  <c r="MD17" i="12" l="1"/>
  <c r="MC18" i="12"/>
  <c r="MB17" i="12"/>
  <c r="MF17" i="12" s="1"/>
  <c r="MD18" i="12" l="1"/>
  <c r="MB18" i="12"/>
  <c r="MF18" i="12" s="1"/>
  <c r="MC19" i="12"/>
  <c r="MD19" i="12" l="1"/>
  <c r="MC20" i="12"/>
  <c r="MB19" i="12"/>
  <c r="MF19" i="12" l="1"/>
  <c r="MD20" i="12"/>
  <c r="MB20" i="12"/>
  <c r="MC21" i="12"/>
  <c r="MF20" i="12" l="1"/>
  <c r="MC22" i="12"/>
  <c r="MD21" i="12"/>
  <c r="MB21" i="12"/>
  <c r="MF21" i="12" l="1"/>
  <c r="MC23" i="12"/>
  <c r="MB22" i="12"/>
  <c r="MD22" i="12"/>
  <c r="MF22" i="12" l="1"/>
  <c r="MB23" i="12"/>
  <c r="MF23" i="12" s="1"/>
  <c r="MC24" i="12"/>
  <c r="MD23" i="12"/>
  <c r="MB24" i="12" l="1"/>
  <c r="MF24" i="12" s="1"/>
  <c r="MD24" i="12"/>
  <c r="MC25" i="12"/>
  <c r="MU6" i="13" l="1"/>
  <c r="MO6" i="13"/>
  <c r="MB25" i="12"/>
  <c r="MF25" i="12" s="1"/>
  <c r="MC26" i="12"/>
  <c r="MD25" i="12"/>
  <c r="MC27" i="12" l="1"/>
  <c r="MD26" i="12"/>
  <c r="MB26" i="12"/>
  <c r="MF26" i="12" l="1"/>
  <c r="MB27" i="12"/>
  <c r="MC28" i="12"/>
  <c r="MD27" i="12"/>
  <c r="MF27" i="12" l="1"/>
  <c r="MD28" i="12"/>
  <c r="MB28" i="12"/>
  <c r="MC29" i="12"/>
  <c r="MF28" i="12" l="1"/>
  <c r="MD29" i="12"/>
  <c r="MC30" i="12"/>
  <c r="MB29" i="12"/>
  <c r="MF29" i="12" l="1"/>
  <c r="MC31" i="12"/>
  <c r="MB30" i="12"/>
  <c r="MF30" i="12" s="1"/>
  <c r="MD30" i="12"/>
  <c r="MB31" i="12" l="1"/>
  <c r="MF31" i="12" s="1"/>
  <c r="MD31" i="12"/>
  <c r="MC32" i="12"/>
  <c r="MB32" i="12" l="1"/>
  <c r="MF32" i="12" s="1"/>
  <c r="MC33" i="12"/>
  <c r="MD32" i="12"/>
  <c r="MD33" i="12" l="1"/>
  <c r="MC34" i="12"/>
  <c r="MB33" i="12"/>
  <c r="MF33" i="12" l="1"/>
  <c r="MB34" i="12"/>
  <c r="MC35" i="12"/>
  <c r="MD34" i="12"/>
  <c r="MF34" i="12" l="1"/>
  <c r="MC36" i="12"/>
  <c r="MD35" i="12"/>
  <c r="MB35" i="12"/>
  <c r="MF35" i="12" l="1"/>
  <c r="MC37" i="12"/>
  <c r="MB36" i="12"/>
  <c r="MD36" i="12"/>
  <c r="MF36" i="12" l="1"/>
  <c r="MC38" i="12"/>
  <c r="MD37" i="12"/>
  <c r="MB37" i="12"/>
  <c r="MF37" i="12" s="1"/>
  <c r="MC39" i="12" l="1"/>
  <c r="MD38" i="12"/>
  <c r="MB38" i="12"/>
  <c r="MF38" i="12" s="1"/>
  <c r="MB39" i="12" l="1"/>
  <c r="MF39" i="12" s="1"/>
  <c r="MD39" i="12"/>
  <c r="MC40" i="12"/>
  <c r="MB40" i="12" l="1"/>
  <c r="MF40" i="12" s="1"/>
  <c r="MC41" i="12"/>
  <c r="MD40" i="12"/>
  <c r="MB41" i="12" l="1"/>
  <c r="MF41" i="12" s="1"/>
  <c r="MC42" i="12"/>
  <c r="MD41" i="12"/>
  <c r="MC43" i="12" l="1"/>
  <c r="MB42" i="12"/>
  <c r="MF42" i="12" s="1"/>
  <c r="MD42" i="12"/>
  <c r="MB43" i="12" l="1"/>
  <c r="MF43" i="12" s="1"/>
  <c r="MC44" i="12"/>
  <c r="MD43" i="12"/>
  <c r="MD44" i="12" l="1"/>
  <c r="MC45" i="12"/>
  <c r="MB44" i="12"/>
  <c r="MF44" i="12" s="1"/>
  <c r="MC46" i="12" l="1"/>
  <c r="MB45" i="12"/>
  <c r="MF45" i="12" s="1"/>
  <c r="MD45" i="12"/>
  <c r="MH6" i="12" l="1"/>
  <c r="MD46" i="12"/>
  <c r="ML59" i="12" s="1"/>
  <c r="MB46" i="12"/>
  <c r="MF46" i="12" s="1"/>
  <c r="ML57" i="12"/>
  <c r="MP9" i="12"/>
  <c r="K30" i="3" l="1"/>
  <c r="M30" i="3"/>
  <c r="L30" i="3" s="1"/>
  <c r="MO6" i="12"/>
  <c r="MP10" i="12"/>
  <c r="MQ9" i="12"/>
  <c r="MO9" i="12"/>
  <c r="MS9" i="12" s="1"/>
  <c r="ML9" i="12"/>
  <c r="ML61" i="12"/>
  <c r="ML67" i="12" s="1"/>
  <c r="ML69" i="12"/>
  <c r="ML70" i="12"/>
  <c r="N29" i="3" l="1"/>
  <c r="ML72" i="12"/>
  <c r="ML34" i="12"/>
  <c r="ML32" i="12"/>
  <c r="P29" i="3"/>
  <c r="O29" i="3"/>
  <c r="MQ10" i="12"/>
  <c r="MP11" i="12"/>
  <c r="MO10" i="12"/>
  <c r="ML13" i="12"/>
  <c r="ML63" i="12" s="1"/>
  <c r="ML19" i="12"/>
  <c r="MK38" i="12" s="1"/>
  <c r="MK46" i="12" s="1"/>
  <c r="ML73" i="12" l="1"/>
  <c r="ML74" i="12" s="1"/>
  <c r="ML75" i="12" s="1"/>
  <c r="ML36" i="12"/>
  <c r="MS10" i="12"/>
  <c r="MQ11" i="12"/>
  <c r="MP12" i="12"/>
  <c r="MO11" i="12"/>
  <c r="MK25" i="12"/>
  <c r="ML23" i="12"/>
  <c r="MS11" i="12" l="1"/>
  <c r="MQ12" i="12"/>
  <c r="MP13" i="12"/>
  <c r="MO12" i="12"/>
  <c r="MS12" i="12" l="1"/>
  <c r="MO13" i="12"/>
  <c r="MQ13" i="12"/>
  <c r="MP14" i="12"/>
  <c r="MS13" i="12" l="1"/>
  <c r="MQ14" i="12"/>
  <c r="MO14" i="12"/>
  <c r="MS14" i="12" s="1"/>
  <c r="MP15" i="12"/>
  <c r="MO15" i="12" l="1"/>
  <c r="MS15" i="12" s="1"/>
  <c r="MP16" i="12"/>
  <c r="MQ15" i="12"/>
  <c r="MP17" i="12" l="1"/>
  <c r="MQ16" i="12"/>
  <c r="MO16" i="12"/>
  <c r="MS16" i="12" s="1"/>
  <c r="MQ17" i="12" l="1"/>
  <c r="MO17" i="12"/>
  <c r="MP18" i="12"/>
  <c r="MS17" i="12" l="1"/>
  <c r="MO18" i="12"/>
  <c r="MP19" i="12"/>
  <c r="MQ18" i="12"/>
  <c r="MS18" i="12" l="1"/>
  <c r="MO19" i="12"/>
  <c r="MQ19" i="12"/>
  <c r="MP20" i="12"/>
  <c r="MS19" i="12" l="1"/>
  <c r="MP21" i="12"/>
  <c r="MO20" i="12"/>
  <c r="MQ20" i="12"/>
  <c r="MS20" i="12" l="1"/>
  <c r="MP22" i="12"/>
  <c r="MO21" i="12"/>
  <c r="MS21" i="12" s="1"/>
  <c r="MQ21" i="12"/>
  <c r="MP23" i="12" l="1"/>
  <c r="MO22" i="12"/>
  <c r="MS22" i="12" s="1"/>
  <c r="MQ22" i="12"/>
  <c r="MO23" i="12" l="1"/>
  <c r="MS23" i="12" s="1"/>
  <c r="MQ23" i="12"/>
  <c r="MP24" i="12"/>
  <c r="NC9" i="13" l="1"/>
  <c r="MP25" i="12"/>
  <c r="MO24" i="12"/>
  <c r="MQ24" i="12"/>
  <c r="ND9" i="13" l="1"/>
  <c r="NC10" i="13"/>
  <c r="NB9" i="13"/>
  <c r="NF9" i="13" s="1"/>
  <c r="NH6" i="13"/>
  <c r="NB6" i="13"/>
  <c r="MS24" i="12"/>
  <c r="MP26" i="12"/>
  <c r="MO25" i="12"/>
  <c r="MQ25" i="12"/>
  <c r="NC11" i="13" l="1"/>
  <c r="ND10" i="13"/>
  <c r="NB10" i="13"/>
  <c r="NF10" i="13" s="1"/>
  <c r="MS25" i="12"/>
  <c r="MO26" i="12"/>
  <c r="MP27" i="12"/>
  <c r="MQ26" i="12"/>
  <c r="ND11" i="13" l="1"/>
  <c r="NC12" i="13"/>
  <c r="NB11" i="13"/>
  <c r="NF11" i="13" s="1"/>
  <c r="MS26" i="12"/>
  <c r="MP28" i="12"/>
  <c r="MQ27" i="12"/>
  <c r="MO27" i="12"/>
  <c r="NB12" i="13" l="1"/>
  <c r="NF12" i="13" s="1"/>
  <c r="NC13" i="13"/>
  <c r="ND12" i="13"/>
  <c r="MS27" i="12"/>
  <c r="MO28" i="12"/>
  <c r="MS28" i="12" s="1"/>
  <c r="MQ28" i="12"/>
  <c r="MP29" i="12"/>
  <c r="NB13" i="13" l="1"/>
  <c r="NF13" i="13" s="1"/>
  <c r="NC14" i="13"/>
  <c r="ND13" i="13"/>
  <c r="MO29" i="12"/>
  <c r="MS29" i="12" s="1"/>
  <c r="MP30" i="12"/>
  <c r="MQ29" i="12"/>
  <c r="NC15" i="13" l="1"/>
  <c r="ND14" i="13"/>
  <c r="NB14" i="13"/>
  <c r="NF14" i="13" s="1"/>
  <c r="MP31" i="12"/>
  <c r="MO30" i="12"/>
  <c r="MS30" i="12" s="1"/>
  <c r="MQ30" i="12"/>
  <c r="NB15" i="13" l="1"/>
  <c r="NF15" i="13" s="1"/>
  <c r="NC16" i="13"/>
  <c r="ND15" i="13"/>
  <c r="MQ31" i="12"/>
  <c r="MP32" i="12"/>
  <c r="MO31" i="12"/>
  <c r="ND16" i="13" l="1"/>
  <c r="NB16" i="13"/>
  <c r="NF16" i="13" s="1"/>
  <c r="NC17" i="13"/>
  <c r="MS31" i="12"/>
  <c r="MQ32" i="12"/>
  <c r="MO32" i="12"/>
  <c r="MP33" i="12"/>
  <c r="NB17" i="13" l="1"/>
  <c r="NF17" i="13" s="1"/>
  <c r="ND17" i="13"/>
  <c r="NC18" i="13"/>
  <c r="MS32" i="12"/>
  <c r="MO33" i="12"/>
  <c r="MP34" i="12"/>
  <c r="MQ33" i="12"/>
  <c r="ND18" i="13" l="1"/>
  <c r="NC19" i="13"/>
  <c r="NB18" i="13"/>
  <c r="NF18" i="13" s="1"/>
  <c r="MS33" i="12"/>
  <c r="MP35" i="12"/>
  <c r="MQ34" i="12"/>
  <c r="MO34" i="12"/>
  <c r="NB19" i="13" l="1"/>
  <c r="NF19" i="13" s="1"/>
  <c r="ND19" i="13"/>
  <c r="NC20" i="13"/>
  <c r="MS34" i="12"/>
  <c r="MO35" i="12"/>
  <c r="MS35" i="12" s="1"/>
  <c r="MQ35" i="12"/>
  <c r="MP36" i="12"/>
  <c r="NB20" i="13" l="1"/>
  <c r="NF20" i="13" s="1"/>
  <c r="NC21" i="13"/>
  <c r="ND20" i="13"/>
  <c r="MP37" i="12"/>
  <c r="MO36" i="12"/>
  <c r="MS36" i="12" s="1"/>
  <c r="MQ36" i="12"/>
  <c r="NC22" i="13" l="1"/>
  <c r="NB21" i="13"/>
  <c r="NF21" i="13" s="1"/>
  <c r="ND21" i="13"/>
  <c r="MQ37" i="12"/>
  <c r="MO37" i="12"/>
  <c r="MS37" i="12" s="1"/>
  <c r="MP38" i="12"/>
  <c r="NC23" i="13" l="1"/>
  <c r="NB22" i="13"/>
  <c r="NF22" i="13" s="1"/>
  <c r="ND22" i="13"/>
  <c r="MQ38" i="12"/>
  <c r="MP39" i="12"/>
  <c r="MO38" i="12"/>
  <c r="NB23" i="13" l="1"/>
  <c r="NF23" i="13" s="1"/>
  <c r="NC24" i="13"/>
  <c r="ND23" i="13"/>
  <c r="MS38" i="12"/>
  <c r="MQ39" i="12"/>
  <c r="MO39" i="12"/>
  <c r="MP40" i="12"/>
  <c r="ND24" i="13" l="1"/>
  <c r="NB24" i="13"/>
  <c r="NF24" i="13" s="1"/>
  <c r="NC25" i="13"/>
  <c r="MS39" i="12"/>
  <c r="MO40" i="12"/>
  <c r="MS40" i="12" s="1"/>
  <c r="MP41" i="12"/>
  <c r="MQ40" i="12"/>
  <c r="ND25" i="13" l="1"/>
  <c r="NC26" i="13"/>
  <c r="NB25" i="13"/>
  <c r="NF25" i="13" s="1"/>
  <c r="MQ41" i="12"/>
  <c r="MP42" i="12"/>
  <c r="MO41" i="12"/>
  <c r="MS41" i="12" s="1"/>
  <c r="NB26" i="13" l="1"/>
  <c r="NF26" i="13" s="1"/>
  <c r="NC27" i="13"/>
  <c r="ND26" i="13"/>
  <c r="MO42" i="12"/>
  <c r="MS42" i="12" s="1"/>
  <c r="MP43" i="12"/>
  <c r="MQ42" i="12"/>
  <c r="ND27" i="13" l="1"/>
  <c r="NC28" i="13"/>
  <c r="NB27" i="13"/>
  <c r="NF27" i="13" s="1"/>
  <c r="MO43" i="12"/>
  <c r="MS43" i="12" s="1"/>
  <c r="MQ43" i="12"/>
  <c r="MP44" i="12"/>
  <c r="NB28" i="13" l="1"/>
  <c r="NF28" i="13" s="1"/>
  <c r="NC29" i="13"/>
  <c r="ND28" i="13"/>
  <c r="MO44" i="12"/>
  <c r="MS44" i="12" s="1"/>
  <c r="MP45" i="12"/>
  <c r="MQ44" i="12"/>
  <c r="NC30" i="13" l="1"/>
  <c r="ND29" i="13"/>
  <c r="NB29" i="13"/>
  <c r="NF29" i="13" s="1"/>
  <c r="MQ45" i="12"/>
  <c r="MP46" i="12"/>
  <c r="MO45" i="12"/>
  <c r="MS45" i="12" s="1"/>
  <c r="ND30" i="13" l="1"/>
  <c r="NC31" i="13"/>
  <c r="NB30" i="13"/>
  <c r="NF30" i="13" s="1"/>
  <c r="MU6" i="12"/>
  <c r="MO46" i="12"/>
  <c r="MS46" i="12" s="1"/>
  <c r="MQ46" i="12"/>
  <c r="MY59" i="12" s="1"/>
  <c r="MY57" i="12"/>
  <c r="NC9" i="12"/>
  <c r="ND31" i="13" l="1"/>
  <c r="NC32" i="13"/>
  <c r="NB31" i="13"/>
  <c r="NF31" i="13" s="1"/>
  <c r="M31" i="3"/>
  <c r="L31" i="3" s="1"/>
  <c r="K31" i="3"/>
  <c r="NB9" i="12"/>
  <c r="NC10" i="12"/>
  <c r="ND9" i="12"/>
  <c r="NB6" i="12"/>
  <c r="MY9" i="12"/>
  <c r="MY61" i="12"/>
  <c r="MY67" i="12" s="1"/>
  <c r="MY70" i="12"/>
  <c r="MY69" i="12"/>
  <c r="N30" i="3" l="1"/>
  <c r="MY72" i="12"/>
  <c r="MY34" i="12"/>
  <c r="MY32" i="12"/>
  <c r="ND32" i="13"/>
  <c r="NC33" i="13"/>
  <c r="NB32" i="13"/>
  <c r="NF32" i="13" s="1"/>
  <c r="O30" i="3"/>
  <c r="P30" i="3"/>
  <c r="NF9" i="12"/>
  <c r="ND10" i="12"/>
  <c r="NC11" i="12"/>
  <c r="NB10" i="12"/>
  <c r="MY13" i="12"/>
  <c r="MY63" i="12" s="1"/>
  <c r="MY19" i="12"/>
  <c r="MX38" i="12" s="1"/>
  <c r="MX46" i="12" s="1"/>
  <c r="MY73" i="12" l="1"/>
  <c r="MY74" i="12" s="1"/>
  <c r="MY75" i="12" s="1"/>
  <c r="MY36" i="12"/>
  <c r="NC34" i="13"/>
  <c r="ND33" i="13"/>
  <c r="NB33" i="13"/>
  <c r="NF33" i="13" s="1"/>
  <c r="NF10" i="12"/>
  <c r="MY23" i="12"/>
  <c r="MX25" i="12"/>
  <c r="ND11" i="12"/>
  <c r="NC12" i="12"/>
  <c r="NB11" i="12"/>
  <c r="NF11" i="12" s="1"/>
  <c r="NC35" i="13" l="1"/>
  <c r="ND34" i="13"/>
  <c r="NB34" i="13"/>
  <c r="NF34" i="13" s="1"/>
  <c r="ND12" i="12"/>
  <c r="NB12" i="12"/>
  <c r="NF12" i="12" s="1"/>
  <c r="NC13" i="12"/>
  <c r="NC36" i="13" l="1"/>
  <c r="ND35" i="13"/>
  <c r="NB35" i="13"/>
  <c r="NF35" i="13" s="1"/>
  <c r="NB13" i="12"/>
  <c r="NF13" i="12" s="1"/>
  <c r="ND13" i="12"/>
  <c r="NC14" i="12"/>
  <c r="NB36" i="13" l="1"/>
  <c r="NF36" i="13" s="1"/>
  <c r="ND36" i="13"/>
  <c r="NC37" i="13"/>
  <c r="NC15" i="12"/>
  <c r="ND14" i="12"/>
  <c r="NB14" i="12"/>
  <c r="ND37" i="13" l="1"/>
  <c r="NC38" i="13"/>
  <c r="NB37" i="13"/>
  <c r="NF37" i="13" s="1"/>
  <c r="NF14" i="12"/>
  <c r="ND15" i="12"/>
  <c r="NB15" i="12"/>
  <c r="NC16" i="12"/>
  <c r="ND38" i="13" l="1"/>
  <c r="NC39" i="13"/>
  <c r="NB38" i="13"/>
  <c r="NF38" i="13" s="1"/>
  <c r="NF15" i="12"/>
  <c r="NC17" i="12"/>
  <c r="ND16" i="12"/>
  <c r="NB16" i="12"/>
  <c r="NB39" i="13" l="1"/>
  <c r="NF39" i="13" s="1"/>
  <c r="ND39" i="13"/>
  <c r="NC40" i="13"/>
  <c r="NF16" i="12"/>
  <c r="NC18" i="12"/>
  <c r="ND17" i="12"/>
  <c r="NB17" i="12"/>
  <c r="NC41" i="13" l="1"/>
  <c r="ND40" i="13"/>
  <c r="NB40" i="13"/>
  <c r="NF40" i="13" s="1"/>
  <c r="NF17" i="12"/>
  <c r="NB18" i="12"/>
  <c r="NF18" i="12" s="1"/>
  <c r="ND18" i="12"/>
  <c r="NC19" i="12"/>
  <c r="NB41" i="13" l="1"/>
  <c r="NF41" i="13" s="1"/>
  <c r="NC42" i="13"/>
  <c r="ND41" i="13"/>
  <c r="ND19" i="12"/>
  <c r="NC20" i="12"/>
  <c r="NB19" i="12"/>
  <c r="NF19" i="12" s="1"/>
  <c r="ND42" i="13" l="1"/>
  <c r="NC43" i="13"/>
  <c r="NB42" i="13"/>
  <c r="NF42" i="13" s="1"/>
  <c r="ND20" i="12"/>
  <c r="NC21" i="12"/>
  <c r="NB20" i="12"/>
  <c r="NF20" i="12" s="1"/>
  <c r="NB43" i="13" l="1"/>
  <c r="NF43" i="13" s="1"/>
  <c r="ND43" i="13"/>
  <c r="NC44" i="13"/>
  <c r="ND21" i="12"/>
  <c r="NC22" i="12"/>
  <c r="NB21" i="12"/>
  <c r="NB44" i="13" l="1"/>
  <c r="NF44" i="13" s="1"/>
  <c r="ND44" i="13"/>
  <c r="NC45" i="13"/>
  <c r="NF21" i="12"/>
  <c r="ND22" i="12"/>
  <c r="NC23" i="12"/>
  <c r="NB22" i="12"/>
  <c r="NB45" i="13" l="1"/>
  <c r="NF45" i="13" s="1"/>
  <c r="NC46" i="13"/>
  <c r="ND45" i="13"/>
  <c r="NF22" i="12"/>
  <c r="ND23" i="12"/>
  <c r="NB23" i="12"/>
  <c r="NC24" i="12"/>
  <c r="NB46" i="13" l="1"/>
  <c r="NF46" i="13" s="1"/>
  <c r="ND46" i="13"/>
  <c r="NF23" i="12"/>
  <c r="ND24" i="12"/>
  <c r="NB24" i="12"/>
  <c r="NC25" i="12"/>
  <c r="NO6" i="13" l="1"/>
  <c r="NU6" i="13"/>
  <c r="NF24" i="12"/>
  <c r="ND25" i="12"/>
  <c r="NC26" i="12"/>
  <c r="NB25" i="12"/>
  <c r="NF25" i="12" s="1"/>
  <c r="NC27" i="12" l="1"/>
  <c r="ND26" i="12"/>
  <c r="NB26" i="12"/>
  <c r="NF26" i="12" s="1"/>
  <c r="NB27" i="12" l="1"/>
  <c r="NF27" i="12" s="1"/>
  <c r="ND27" i="12"/>
  <c r="NC28" i="12"/>
  <c r="NC29" i="12" l="1"/>
  <c r="NB28" i="12"/>
  <c r="ND28" i="12"/>
  <c r="NF28" i="12" l="1"/>
  <c r="NB29" i="12"/>
  <c r="NC30" i="12"/>
  <c r="ND29" i="12"/>
  <c r="NF29" i="12" l="1"/>
  <c r="NC31" i="12"/>
  <c r="ND30" i="12"/>
  <c r="NB30" i="12"/>
  <c r="NF30" i="12" l="1"/>
  <c r="ND31" i="12"/>
  <c r="NC32" i="12"/>
  <c r="NB31" i="12"/>
  <c r="NF31" i="12" l="1"/>
  <c r="NB32" i="12"/>
  <c r="NF32" i="12" s="1"/>
  <c r="NC33" i="12"/>
  <c r="ND32" i="12"/>
  <c r="NC34" i="12" l="1"/>
  <c r="ND33" i="12"/>
  <c r="NB33" i="12"/>
  <c r="NF33" i="12" s="1"/>
  <c r="NB34" i="12" l="1"/>
  <c r="NF34" i="12" s="1"/>
  <c r="NC35" i="12"/>
  <c r="ND34" i="12"/>
  <c r="NC36" i="12" l="1"/>
  <c r="ND35" i="12"/>
  <c r="NB35" i="12"/>
  <c r="NF35" i="12" l="1"/>
  <c r="NB36" i="12"/>
  <c r="NC37" i="12"/>
  <c r="ND36" i="12"/>
  <c r="NF36" i="12" l="1"/>
  <c r="NC38" i="12"/>
  <c r="ND37" i="12"/>
  <c r="NB37" i="12"/>
  <c r="NF37" i="12" l="1"/>
  <c r="ND38" i="12"/>
  <c r="NB38" i="12"/>
  <c r="NC39" i="12"/>
  <c r="NF38" i="12" l="1"/>
  <c r="ND39" i="12"/>
  <c r="NC40" i="12"/>
  <c r="NB39" i="12"/>
  <c r="NF39" i="12" s="1"/>
  <c r="NB40" i="12" l="1"/>
  <c r="NF40" i="12" s="1"/>
  <c r="NC41" i="12"/>
  <c r="ND40" i="12"/>
  <c r="NB41" i="12" l="1"/>
  <c r="NF41" i="12" s="1"/>
  <c r="ND41" i="12"/>
  <c r="NC42" i="12"/>
  <c r="NB42" i="12" l="1"/>
  <c r="NF42" i="12" s="1"/>
  <c r="NC43" i="12"/>
  <c r="ND42" i="12"/>
  <c r="NB43" i="12" l="1"/>
  <c r="NF43" i="12" s="1"/>
  <c r="NC44" i="12"/>
  <c r="ND43" i="12"/>
  <c r="ND44" i="12" l="1"/>
  <c r="NB44" i="12"/>
  <c r="NF44" i="12" s="1"/>
  <c r="NC45" i="12"/>
  <c r="NB45" i="12" l="1"/>
  <c r="NF45" i="12" s="1"/>
  <c r="ND45" i="12"/>
  <c r="NC46" i="12"/>
  <c r="NH6" i="12" l="1"/>
  <c r="ND46" i="12"/>
  <c r="NL59" i="12" s="1"/>
  <c r="NB46" i="12"/>
  <c r="NF46" i="12" s="1"/>
  <c r="NP9" i="12"/>
  <c r="NL57" i="12"/>
  <c r="K32" i="3" l="1"/>
  <c r="M32" i="3"/>
  <c r="L32" i="3" s="1"/>
  <c r="NL9" i="12"/>
  <c r="NO6" i="12"/>
  <c r="NQ9" i="12"/>
  <c r="NP10" i="12"/>
  <c r="NO9" i="12"/>
  <c r="NS9" i="12" s="1"/>
  <c r="NL69" i="12"/>
  <c r="NL70" i="12"/>
  <c r="NL61" i="12"/>
  <c r="NL67" i="12" s="1"/>
  <c r="N31" i="3" l="1"/>
  <c r="NL34" i="12"/>
  <c r="NL72" i="12"/>
  <c r="NL32" i="12"/>
  <c r="P31" i="3"/>
  <c r="O31" i="3"/>
  <c r="NO10" i="12"/>
  <c r="NS10" i="12" s="1"/>
  <c r="NP11" i="12"/>
  <c r="NQ10" i="12"/>
  <c r="NL13" i="12"/>
  <c r="NL63" i="12" s="1"/>
  <c r="NL19" i="12"/>
  <c r="NK38" i="12" s="1"/>
  <c r="NK46" i="12" s="1"/>
  <c r="NL73" i="12" l="1"/>
  <c r="NL74" i="12" s="1"/>
  <c r="NL75" i="12" s="1"/>
  <c r="NL36" i="12"/>
  <c r="NK25" i="12"/>
  <c r="NL23" i="12"/>
  <c r="NQ11" i="12"/>
  <c r="NO11" i="12"/>
  <c r="NS11" i="12" s="1"/>
  <c r="NP12" i="12"/>
  <c r="NP13" i="12" l="1"/>
  <c r="NQ12" i="12"/>
  <c r="NO12" i="12"/>
  <c r="NS12" i="12" l="1"/>
  <c r="NQ13" i="12"/>
  <c r="NO13" i="12"/>
  <c r="NP14" i="12"/>
  <c r="NS13" i="12" l="1"/>
  <c r="NP15" i="12"/>
  <c r="NQ14" i="12"/>
  <c r="NO14" i="12"/>
  <c r="NS14" i="12" l="1"/>
  <c r="NO15" i="12"/>
  <c r="NS15" i="12" s="1"/>
  <c r="NQ15" i="12"/>
  <c r="NP16" i="12"/>
  <c r="NO16" i="12" l="1"/>
  <c r="NS16" i="12" s="1"/>
  <c r="NP17" i="12"/>
  <c r="NQ16" i="12"/>
  <c r="NP18" i="12" l="1"/>
  <c r="NQ17" i="12"/>
  <c r="NO17" i="12"/>
  <c r="NS17" i="12" s="1"/>
  <c r="NP19" i="12" l="1"/>
  <c r="NQ18" i="12"/>
  <c r="NO18" i="12"/>
  <c r="NS18" i="12" s="1"/>
  <c r="NP20" i="12" l="1"/>
  <c r="NQ19" i="12"/>
  <c r="NO19" i="12"/>
  <c r="NS19" i="12" l="1"/>
  <c r="NO20" i="12"/>
  <c r="NP21" i="12"/>
  <c r="NQ20" i="12"/>
  <c r="NS20" i="12" l="1"/>
  <c r="NP22" i="12"/>
  <c r="NQ21" i="12"/>
  <c r="NO21" i="12"/>
  <c r="NS21" i="12" l="1"/>
  <c r="NP23" i="12"/>
  <c r="NO22" i="12"/>
  <c r="NS22" i="12" s="1"/>
  <c r="NQ22" i="12"/>
  <c r="NQ23" i="12" l="1"/>
  <c r="NP24" i="12"/>
  <c r="NO23" i="12"/>
  <c r="NS23" i="12" s="1"/>
  <c r="NO24" i="12" l="1"/>
  <c r="NS24" i="12" s="1"/>
  <c r="NP25" i="12"/>
  <c r="NQ24" i="12"/>
  <c r="OH6" i="13" l="1"/>
  <c r="OB6" i="13"/>
  <c r="NP26" i="12"/>
  <c r="NQ25" i="12"/>
  <c r="NO25" i="12"/>
  <c r="NS25" i="12" s="1"/>
  <c r="NO26" i="12" l="1"/>
  <c r="NP27" i="12"/>
  <c r="NQ26" i="12"/>
  <c r="NS26" i="12" l="1"/>
  <c r="NP28" i="12"/>
  <c r="NQ27" i="12"/>
  <c r="NO27" i="12"/>
  <c r="NS27" i="12" l="1"/>
  <c r="NO28" i="12"/>
  <c r="NP29" i="12"/>
  <c r="NQ28" i="12"/>
  <c r="NS28" i="12" l="1"/>
  <c r="NP30" i="12"/>
  <c r="NO29" i="12"/>
  <c r="NS29" i="12" s="1"/>
  <c r="NQ29" i="12"/>
  <c r="NP31" i="12" l="1"/>
  <c r="NQ30" i="12"/>
  <c r="NO30" i="12"/>
  <c r="NS30" i="12" s="1"/>
  <c r="NP32" i="12" l="1"/>
  <c r="NQ31" i="12"/>
  <c r="NO31" i="12"/>
  <c r="NS31" i="12" s="1"/>
  <c r="NQ32" i="12" l="1"/>
  <c r="NO32" i="12"/>
  <c r="NS32" i="12" s="1"/>
  <c r="NP33" i="12"/>
  <c r="NO33" i="12" l="1"/>
  <c r="NP34" i="12"/>
  <c r="NQ33" i="12"/>
  <c r="NS33" i="12" l="1"/>
  <c r="NP35" i="12"/>
  <c r="NQ34" i="12"/>
  <c r="NO34" i="12"/>
  <c r="NS34" i="12" l="1"/>
  <c r="NP36" i="12"/>
  <c r="NQ35" i="12"/>
  <c r="NO35" i="12"/>
  <c r="NS35" i="12" l="1"/>
  <c r="NP37" i="12"/>
  <c r="NO36" i="12"/>
  <c r="NS36" i="12" s="1"/>
  <c r="NQ36" i="12"/>
  <c r="NQ37" i="12" l="1"/>
  <c r="NO37" i="12"/>
  <c r="NS37" i="12" s="1"/>
  <c r="NP38" i="12"/>
  <c r="NP39" i="12" l="1"/>
  <c r="NQ38" i="12"/>
  <c r="NO38" i="12"/>
  <c r="NS38" i="12" s="1"/>
  <c r="NP40" i="12" l="1"/>
  <c r="NQ39" i="12"/>
  <c r="NO39" i="12"/>
  <c r="NS39" i="12" s="1"/>
  <c r="NQ40" i="12" l="1"/>
  <c r="NO40" i="12"/>
  <c r="NS40" i="12" s="1"/>
  <c r="NP41" i="12"/>
  <c r="NQ41" i="12" l="1"/>
  <c r="NP42" i="12"/>
  <c r="NO41" i="12"/>
  <c r="NS41" i="12" s="1"/>
  <c r="NP43" i="12" l="1"/>
  <c r="NO42" i="12"/>
  <c r="NS42" i="12" s="1"/>
  <c r="NQ42" i="12"/>
  <c r="NP44" i="12" l="1"/>
  <c r="NO43" i="12"/>
  <c r="NS43" i="12" s="1"/>
  <c r="NQ43" i="12"/>
  <c r="NP45" i="12" l="1"/>
  <c r="NO44" i="12"/>
  <c r="NS44" i="12" s="1"/>
  <c r="NQ44" i="12"/>
  <c r="NO45" i="12" l="1"/>
  <c r="NS45" i="12" s="1"/>
  <c r="NQ45" i="12"/>
  <c r="NP46" i="12"/>
  <c r="NU6" i="12" l="1"/>
  <c r="NO46" i="12"/>
  <c r="NS46" i="12" s="1"/>
  <c r="NQ46" i="12"/>
  <c r="NY59" i="12" s="1"/>
  <c r="NY57" i="12"/>
  <c r="OC9" i="12"/>
  <c r="M33" i="3" l="1"/>
  <c r="L33" i="3" s="1"/>
  <c r="K33" i="3"/>
  <c r="OC10" i="12"/>
  <c r="OB6" i="12"/>
  <c r="OB9" i="12"/>
  <c r="OD9" i="12"/>
  <c r="NY9" i="12"/>
  <c r="NY61" i="12"/>
  <c r="NY67" i="12" s="1"/>
  <c r="NY69" i="12"/>
  <c r="NY70" i="12"/>
  <c r="N32" i="3" l="1"/>
  <c r="NY34" i="12"/>
  <c r="NY72" i="12"/>
  <c r="NY32" i="12"/>
  <c r="O32" i="3"/>
  <c r="P32" i="3"/>
  <c r="OF9" i="12"/>
  <c r="NY13" i="12"/>
  <c r="NY63" i="12" s="1"/>
  <c r="NY19" i="12"/>
  <c r="NX38" i="12" s="1"/>
  <c r="NX46" i="12" s="1"/>
  <c r="OC11" i="12"/>
  <c r="OD10" i="12"/>
  <c r="OB10" i="12"/>
  <c r="NY73" i="12" l="1"/>
  <c r="NY74" i="12" s="1"/>
  <c r="NY75" i="12" s="1"/>
  <c r="NY36" i="12"/>
  <c r="OF10" i="12"/>
  <c r="OD11" i="12"/>
  <c r="OB11" i="12"/>
  <c r="OC12" i="12"/>
  <c r="NY23" i="12"/>
  <c r="NX25" i="12"/>
  <c r="OF11" i="12" l="1"/>
  <c r="OD12" i="12"/>
  <c r="OC13" i="12"/>
  <c r="OB12" i="12"/>
  <c r="OF12" i="12" l="1"/>
  <c r="OC14" i="12"/>
  <c r="OD13" i="12"/>
  <c r="OB13" i="12"/>
  <c r="OF13" i="12" s="1"/>
  <c r="OC15" i="12" l="1"/>
  <c r="OD14" i="12"/>
  <c r="OB14" i="12"/>
  <c r="OF14" i="12" s="1"/>
  <c r="OD15" i="12" l="1"/>
  <c r="OB15" i="12"/>
  <c r="OF15" i="12" s="1"/>
  <c r="OC16" i="12"/>
  <c r="OC17" i="12" l="1"/>
  <c r="OD16" i="12"/>
  <c r="OB16" i="12"/>
  <c r="OF16" i="12" l="1"/>
  <c r="OC18" i="12"/>
  <c r="OD17" i="12"/>
  <c r="OB17" i="12"/>
  <c r="OF17" i="12" l="1"/>
  <c r="OB18" i="12"/>
  <c r="OC19" i="12"/>
  <c r="OD18" i="12"/>
  <c r="OF18" i="12" l="1"/>
  <c r="OB19" i="12"/>
  <c r="OD19" i="12"/>
  <c r="OC20" i="12"/>
  <c r="OF19" i="12" l="1"/>
  <c r="OC21" i="12"/>
  <c r="OD20" i="12"/>
  <c r="OB20" i="12"/>
  <c r="OF20" i="12" s="1"/>
  <c r="OC22" i="12" l="1"/>
  <c r="OD21" i="12"/>
  <c r="OB21" i="12"/>
  <c r="OF21" i="12" s="1"/>
  <c r="OC23" i="12" l="1"/>
  <c r="OD22" i="12"/>
  <c r="OB22" i="12"/>
  <c r="OF22" i="12" s="1"/>
  <c r="OB23" i="12" l="1"/>
  <c r="OC24" i="12"/>
  <c r="OD23" i="12"/>
  <c r="OF23" i="12" l="1"/>
  <c r="OC25" i="12"/>
  <c r="OD24" i="12"/>
  <c r="OB24" i="12"/>
  <c r="OO6" i="13" l="1"/>
  <c r="OU6" i="13"/>
  <c r="OF24" i="12"/>
  <c r="OD25" i="12"/>
  <c r="OB25" i="12"/>
  <c r="OC26" i="12"/>
  <c r="OF25" i="12" l="1"/>
  <c r="OC27" i="12"/>
  <c r="OD26" i="12"/>
  <c r="OB26" i="12"/>
  <c r="OF26" i="12" l="1"/>
  <c r="OB27" i="12"/>
  <c r="OF27" i="12" s="1"/>
  <c r="OC28" i="12"/>
  <c r="OD27" i="12"/>
  <c r="OC29" i="12" l="1"/>
  <c r="OD28" i="12"/>
  <c r="OB28" i="12"/>
  <c r="OF28" i="12" s="1"/>
  <c r="OC30" i="12" l="1"/>
  <c r="OB29" i="12"/>
  <c r="OF29" i="12" s="1"/>
  <c r="OD29" i="12"/>
  <c r="OC31" i="12" l="1"/>
  <c r="OD30" i="12"/>
  <c r="OB30" i="12"/>
  <c r="OF30" i="12" l="1"/>
  <c r="OB31" i="12"/>
  <c r="OC32" i="12"/>
  <c r="OD31" i="12"/>
  <c r="OF31" i="12" l="1"/>
  <c r="OB32" i="12"/>
  <c r="OC33" i="12"/>
  <c r="OD32" i="12"/>
  <c r="OF32" i="12" l="1"/>
  <c r="OD33" i="12"/>
  <c r="OC34" i="12"/>
  <c r="OB33" i="12"/>
  <c r="OF33" i="12" l="1"/>
  <c r="OD34" i="12"/>
  <c r="OB34" i="12"/>
  <c r="OF34" i="12" s="1"/>
  <c r="OC35" i="12"/>
  <c r="OB35" i="12" l="1"/>
  <c r="OF35" i="12" s="1"/>
  <c r="OC36" i="12"/>
  <c r="OD35" i="12"/>
  <c r="OB36" i="12" l="1"/>
  <c r="OF36" i="12" s="1"/>
  <c r="OC37" i="12"/>
  <c r="OD36" i="12"/>
  <c r="OC38" i="12" l="1"/>
  <c r="OD37" i="12"/>
  <c r="OB37" i="12"/>
  <c r="OF37" i="12" l="1"/>
  <c r="OC39" i="12"/>
  <c r="OD38" i="12"/>
  <c r="OB38" i="12"/>
  <c r="OF38" i="12" l="1"/>
  <c r="OB39" i="12"/>
  <c r="OC40" i="12"/>
  <c r="OD39" i="12"/>
  <c r="OF39" i="12" l="1"/>
  <c r="OC41" i="12"/>
  <c r="OB40" i="12"/>
  <c r="OF40" i="12" s="1"/>
  <c r="OD40" i="12"/>
  <c r="OC42" i="12" l="1"/>
  <c r="OB41" i="12"/>
  <c r="OF41" i="12" s="1"/>
  <c r="OD41" i="12"/>
  <c r="OC43" i="12" l="1"/>
  <c r="OD42" i="12"/>
  <c r="OB42" i="12"/>
  <c r="OF42" i="12" s="1"/>
  <c r="OB43" i="12" l="1"/>
  <c r="OF43" i="12" s="1"/>
  <c r="OD43" i="12"/>
  <c r="OC44" i="12"/>
  <c r="OB44" i="12" l="1"/>
  <c r="OF44" i="12" s="1"/>
  <c r="OC45" i="12"/>
  <c r="OD44" i="12"/>
  <c r="OB45" i="12" l="1"/>
  <c r="OF45" i="12" s="1"/>
  <c r="OD45" i="12"/>
  <c r="OC46" i="12"/>
  <c r="OH6" i="12" l="1"/>
  <c r="OD46" i="12"/>
  <c r="OL59" i="12" s="1"/>
  <c r="OB46" i="12"/>
  <c r="OF46" i="12" s="1"/>
  <c r="OL57" i="12"/>
  <c r="OP9" i="12"/>
  <c r="M34" i="3" l="1"/>
  <c r="L34" i="3" s="1"/>
  <c r="K34" i="3"/>
  <c r="OO9" i="12"/>
  <c r="OO6" i="12"/>
  <c r="OQ9" i="12"/>
  <c r="OP10" i="12"/>
  <c r="OL9" i="12"/>
  <c r="OL61" i="12"/>
  <c r="OL67" i="12" s="1"/>
  <c r="OL70" i="12"/>
  <c r="OL69" i="12"/>
  <c r="N33" i="3" l="1"/>
  <c r="OL34" i="12"/>
  <c r="OL72" i="12"/>
  <c r="OL32" i="12"/>
  <c r="O33" i="3"/>
  <c r="P33" i="3"/>
  <c r="OS9" i="12"/>
  <c r="OL13" i="12"/>
  <c r="OL63" i="12" s="1"/>
  <c r="OL19" i="12"/>
  <c r="OK38" i="12" s="1"/>
  <c r="OK46" i="12" s="1"/>
  <c r="OO10" i="12"/>
  <c r="OS10" i="12" s="1"/>
  <c r="OP11" i="12"/>
  <c r="OQ10" i="12"/>
  <c r="OL73" i="12" l="1"/>
  <c r="OL74" i="12" s="1"/>
  <c r="OL75" i="12" s="1"/>
  <c r="OL36" i="12"/>
  <c r="OP12" i="12"/>
  <c r="OQ11" i="12"/>
  <c r="OO11" i="12"/>
  <c r="OS11" i="12" s="1"/>
  <c r="OL23" i="12"/>
  <c r="OK25" i="12"/>
  <c r="OQ12" i="12" l="1"/>
  <c r="OO12" i="12"/>
  <c r="OP13" i="12"/>
  <c r="OS12" i="12" l="1"/>
  <c r="OO13" i="12"/>
  <c r="OP14" i="12"/>
  <c r="OQ13" i="12"/>
  <c r="OS13" i="12" l="1"/>
  <c r="OP15" i="12"/>
  <c r="OQ14" i="12"/>
  <c r="OO14" i="12"/>
  <c r="OS14" i="12" l="1"/>
  <c r="OO15" i="12"/>
  <c r="OP16" i="12"/>
  <c r="OQ15" i="12"/>
  <c r="OS15" i="12" l="1"/>
  <c r="OP17" i="12"/>
  <c r="OO16" i="12"/>
  <c r="OQ16" i="12"/>
  <c r="OS16" i="12" l="1"/>
  <c r="OP18" i="12"/>
  <c r="OQ17" i="12"/>
  <c r="OO17" i="12"/>
  <c r="OS17" i="12" s="1"/>
  <c r="OQ18" i="12" l="1"/>
  <c r="OO18" i="12"/>
  <c r="OS18" i="12" s="1"/>
  <c r="OP19" i="12"/>
  <c r="OP20" i="12" l="1"/>
  <c r="OQ19" i="12"/>
  <c r="OO19" i="12"/>
  <c r="OS19" i="12" s="1"/>
  <c r="OO20" i="12" l="1"/>
  <c r="OP21" i="12"/>
  <c r="OQ20" i="12"/>
  <c r="OS20" i="12" l="1"/>
  <c r="OP22" i="12"/>
  <c r="OO21" i="12"/>
  <c r="OQ21" i="12"/>
  <c r="OS21" i="12" l="1"/>
  <c r="OP23" i="12"/>
  <c r="OQ22" i="12"/>
  <c r="OO22" i="12"/>
  <c r="OS22" i="12" l="1"/>
  <c r="OO23" i="12"/>
  <c r="OQ23" i="12"/>
  <c r="OP24" i="12"/>
  <c r="OS23" i="12" l="1"/>
  <c r="OO24" i="12"/>
  <c r="OS24" i="12" s="1"/>
  <c r="OP25" i="12"/>
  <c r="OQ24" i="12"/>
  <c r="PH6" i="13" l="1"/>
  <c r="PB6" i="13"/>
  <c r="OP26" i="12"/>
  <c r="OO25" i="12"/>
  <c r="OS25" i="12" s="1"/>
  <c r="OQ25" i="12"/>
  <c r="OO26" i="12" l="1"/>
  <c r="OS26" i="12" s="1"/>
  <c r="OP27" i="12"/>
  <c r="OQ26" i="12"/>
  <c r="OP28" i="12" l="1"/>
  <c r="OO27" i="12"/>
  <c r="OQ27" i="12"/>
  <c r="OS27" i="12" l="1"/>
  <c r="OP29" i="12"/>
  <c r="OQ28" i="12"/>
  <c r="OO28" i="12"/>
  <c r="OS28" i="12" l="1"/>
  <c r="OP30" i="12"/>
  <c r="OQ29" i="12"/>
  <c r="OO29" i="12"/>
  <c r="OS29" i="12" l="1"/>
  <c r="OQ30" i="12"/>
  <c r="OP31" i="12"/>
  <c r="OO30" i="12"/>
  <c r="OS30" i="12" l="1"/>
  <c r="OO31" i="12"/>
  <c r="OS31" i="12" s="1"/>
  <c r="OQ31" i="12"/>
  <c r="OP32" i="12"/>
  <c r="OP33" i="12" l="1"/>
  <c r="OQ32" i="12"/>
  <c r="OO32" i="12"/>
  <c r="OS32" i="12" s="1"/>
  <c r="OO33" i="12" l="1"/>
  <c r="OS33" i="12" s="1"/>
  <c r="OQ33" i="12"/>
  <c r="OP34" i="12"/>
  <c r="OP35" i="12" l="1"/>
  <c r="OQ34" i="12"/>
  <c r="OO34" i="12"/>
  <c r="OS34" i="12" l="1"/>
  <c r="OP36" i="12"/>
  <c r="OQ35" i="12"/>
  <c r="OO35" i="12"/>
  <c r="OS35" i="12" l="1"/>
  <c r="OP37" i="12"/>
  <c r="OQ36" i="12"/>
  <c r="OO36" i="12"/>
  <c r="OS36" i="12" l="1"/>
  <c r="OQ37" i="12"/>
  <c r="OO37" i="12"/>
  <c r="OP38" i="12"/>
  <c r="OS37" i="12" l="1"/>
  <c r="OQ38" i="12"/>
  <c r="OO38" i="12"/>
  <c r="OS38" i="12" s="1"/>
  <c r="OP39" i="12"/>
  <c r="OP40" i="12" l="1"/>
  <c r="OO39" i="12"/>
  <c r="OS39" i="12" s="1"/>
  <c r="OQ39" i="12"/>
  <c r="OP41" i="12" l="1"/>
  <c r="OQ40" i="12"/>
  <c r="OO40" i="12"/>
  <c r="OS40" i="12" s="1"/>
  <c r="OP42" i="12" l="1"/>
  <c r="OO41" i="12"/>
  <c r="OS41" i="12" s="1"/>
  <c r="OQ41" i="12"/>
  <c r="OP43" i="12" l="1"/>
  <c r="OO42" i="12"/>
  <c r="OS42" i="12" s="1"/>
  <c r="OQ42" i="12"/>
  <c r="OP44" i="12" l="1"/>
  <c r="OO43" i="12"/>
  <c r="OS43" i="12" s="1"/>
  <c r="OQ43" i="12"/>
  <c r="OO44" i="12" l="1"/>
  <c r="OS44" i="12" s="1"/>
  <c r="OP45" i="12"/>
  <c r="OQ44" i="12"/>
  <c r="OP46" i="12" l="1"/>
  <c r="OO45" i="12"/>
  <c r="OS45" i="12" s="1"/>
  <c r="OQ45" i="12"/>
  <c r="OU6" i="12" l="1"/>
  <c r="OO46" i="12"/>
  <c r="OS46" i="12" s="1"/>
  <c r="OQ46" i="12"/>
  <c r="OY59" i="12" s="1"/>
  <c r="PC9" i="12"/>
  <c r="OY57" i="12"/>
  <c r="M35" i="3" l="1"/>
  <c r="L35" i="3" s="1"/>
  <c r="K35" i="3"/>
  <c r="OY9" i="12"/>
  <c r="PB6" i="12"/>
  <c r="PC10" i="12"/>
  <c r="PD9" i="12"/>
  <c r="PB9" i="12"/>
  <c r="PF9" i="12" s="1"/>
  <c r="OY61" i="12"/>
  <c r="OY67" i="12" s="1"/>
  <c r="OY69" i="12"/>
  <c r="OY70" i="12"/>
  <c r="N34" i="3" l="1"/>
  <c r="OY72" i="12"/>
  <c r="OY34" i="12"/>
  <c r="OY32" i="12"/>
  <c r="O34" i="3"/>
  <c r="P34" i="3"/>
  <c r="PC11" i="12"/>
  <c r="PD10" i="12"/>
  <c r="PB10" i="12"/>
  <c r="PF10" i="12" s="1"/>
  <c r="OY13" i="12"/>
  <c r="OY63" i="12" s="1"/>
  <c r="OY19" i="12"/>
  <c r="OX38" i="12" s="1"/>
  <c r="OX46" i="12" s="1"/>
  <c r="OY73" i="12" l="1"/>
  <c r="OY74" i="12" s="1"/>
  <c r="OY75" i="12" s="1"/>
  <c r="OY36" i="12"/>
  <c r="OX25" i="12"/>
  <c r="OY23" i="12"/>
  <c r="PB11" i="12"/>
  <c r="PF11" i="12" s="1"/>
  <c r="PC12" i="12"/>
  <c r="PD11" i="12"/>
  <c r="PB12" i="12" l="1"/>
  <c r="PD12" i="12"/>
  <c r="PC13" i="12"/>
  <c r="PF12" i="12" l="1"/>
  <c r="PC14" i="12"/>
  <c r="PB13" i="12"/>
  <c r="PD13" i="12"/>
  <c r="PF13" i="12" l="1"/>
  <c r="PC15" i="12"/>
  <c r="PD14" i="12"/>
  <c r="PB14" i="12"/>
  <c r="PF14" i="12" l="1"/>
  <c r="PD15" i="12"/>
  <c r="PB15" i="12"/>
  <c r="PF15" i="12" s="1"/>
  <c r="PC16" i="12"/>
  <c r="PC17" i="12" l="1"/>
  <c r="PD16" i="12"/>
  <c r="PB16" i="12"/>
  <c r="PF16" i="12" s="1"/>
  <c r="PC18" i="12" l="1"/>
  <c r="PD17" i="12"/>
  <c r="PB17" i="12"/>
  <c r="PF17" i="12" s="1"/>
  <c r="PB18" i="12" l="1"/>
  <c r="PF18" i="12" s="1"/>
  <c r="PC19" i="12"/>
  <c r="PD18" i="12"/>
  <c r="PC20" i="12" l="1"/>
  <c r="PD19" i="12"/>
  <c r="PB19" i="12"/>
  <c r="PF19" i="12" l="1"/>
  <c r="PD20" i="12"/>
  <c r="PB20" i="12"/>
  <c r="PC21" i="12"/>
  <c r="PF20" i="12" l="1"/>
  <c r="PC22" i="12"/>
  <c r="PB21" i="12"/>
  <c r="PD21" i="12"/>
  <c r="PF21" i="12" l="1"/>
  <c r="PC23" i="12"/>
  <c r="PB22" i="12"/>
  <c r="PF22" i="12" s="1"/>
  <c r="PD22" i="12"/>
  <c r="PD23" i="12" l="1"/>
  <c r="PC24" i="12"/>
  <c r="PB23" i="12"/>
  <c r="PF23" i="12" s="1"/>
  <c r="PD24" i="12" l="1"/>
  <c r="PB24" i="12"/>
  <c r="PF24" i="12" s="1"/>
  <c r="PC25" i="12"/>
  <c r="PO6" i="13" l="1"/>
  <c r="PU6" i="13"/>
  <c r="PB25" i="12"/>
  <c r="PF25" i="12" s="1"/>
  <c r="PC26" i="12"/>
  <c r="PD25" i="12"/>
  <c r="PC27" i="12" l="1"/>
  <c r="PD26" i="12"/>
  <c r="PB26" i="12"/>
  <c r="PF26" i="12" l="1"/>
  <c r="PB27" i="12"/>
  <c r="PC28" i="12"/>
  <c r="PD27" i="12"/>
  <c r="PF27" i="12" l="1"/>
  <c r="PC29" i="12"/>
  <c r="PD28" i="12"/>
  <c r="PB28" i="12"/>
  <c r="PF28" i="12" l="1"/>
  <c r="PC30" i="12"/>
  <c r="PB29" i="12"/>
  <c r="PF29" i="12" s="1"/>
  <c r="PD29" i="12"/>
  <c r="PC31" i="12" l="1"/>
  <c r="PD30" i="12"/>
  <c r="PB30" i="12"/>
  <c r="PF30" i="12" s="1"/>
  <c r="PD31" i="12" l="1"/>
  <c r="PC32" i="12"/>
  <c r="PB31" i="12"/>
  <c r="PF31" i="12" s="1"/>
  <c r="PB32" i="12" l="1"/>
  <c r="PF32" i="12" s="1"/>
  <c r="PC33" i="12"/>
  <c r="PD32" i="12"/>
  <c r="PC34" i="12" l="1"/>
  <c r="PD33" i="12"/>
  <c r="PB33" i="12"/>
  <c r="PF33" i="12" l="1"/>
  <c r="PD34" i="12"/>
  <c r="PB34" i="12"/>
  <c r="PC35" i="12"/>
  <c r="PF34" i="12" l="1"/>
  <c r="PD35" i="12"/>
  <c r="PC36" i="12"/>
  <c r="PB35" i="12"/>
  <c r="PF35" i="12" l="1"/>
  <c r="PB36" i="12"/>
  <c r="PF36" i="12" s="1"/>
  <c r="PC37" i="12"/>
  <c r="PD36" i="12"/>
  <c r="PC38" i="12" l="1"/>
  <c r="PD37" i="12"/>
  <c r="PB37" i="12"/>
  <c r="PF37" i="12" s="1"/>
  <c r="PD38" i="12" l="1"/>
  <c r="PB38" i="12"/>
  <c r="PF38" i="12" s="1"/>
  <c r="PC39" i="12"/>
  <c r="PB39" i="12" l="1"/>
  <c r="PF39" i="12" s="1"/>
  <c r="PD39" i="12"/>
  <c r="PC40" i="12"/>
  <c r="PC41" i="12" l="1"/>
  <c r="PD40" i="12"/>
  <c r="PB40" i="12"/>
  <c r="PF40" i="12" s="1"/>
  <c r="PB41" i="12" l="1"/>
  <c r="PF41" i="12" s="1"/>
  <c r="PC42" i="12"/>
  <c r="PD41" i="12"/>
  <c r="PC43" i="12" l="1"/>
  <c r="PB42" i="12"/>
  <c r="PF42" i="12" s="1"/>
  <c r="PD42" i="12"/>
  <c r="PB43" i="12" l="1"/>
  <c r="PF43" i="12" s="1"/>
  <c r="PD43" i="12"/>
  <c r="PC44" i="12"/>
  <c r="PC45" i="12" l="1"/>
  <c r="PD44" i="12"/>
  <c r="PB44" i="12"/>
  <c r="PF44" i="12" s="1"/>
  <c r="PB45" i="12" l="1"/>
  <c r="PF45" i="12" s="1"/>
  <c r="PD45" i="12"/>
  <c r="PC46" i="12"/>
  <c r="PH6" i="12" l="1"/>
  <c r="PB46" i="12"/>
  <c r="PF46" i="12" s="1"/>
  <c r="PD46" i="12"/>
  <c r="PL59" i="12" s="1"/>
  <c r="PL57" i="12"/>
  <c r="PP9" i="12"/>
  <c r="K36" i="3" l="1"/>
  <c r="M36" i="3"/>
  <c r="L36" i="3" s="1"/>
  <c r="PO6" i="12"/>
  <c r="PQ9" i="12"/>
  <c r="PO9" i="12"/>
  <c r="PP10" i="12"/>
  <c r="PL9" i="12"/>
  <c r="PL61" i="12"/>
  <c r="PL67" i="12" s="1"/>
  <c r="PL69" i="12"/>
  <c r="PL70" i="12"/>
  <c r="N35" i="3" l="1"/>
  <c r="PL72" i="12"/>
  <c r="PL34" i="12"/>
  <c r="PL32" i="12"/>
  <c r="P35" i="3"/>
  <c r="O35" i="3"/>
  <c r="PS9" i="12"/>
  <c r="PL13" i="12"/>
  <c r="PL63" i="12" s="1"/>
  <c r="PL19" i="12"/>
  <c r="PK38" i="12" s="1"/>
  <c r="PK46" i="12" s="1"/>
  <c r="PQ10" i="12"/>
  <c r="PO10" i="12"/>
  <c r="PP11" i="12"/>
  <c r="PL73" i="12" l="1"/>
  <c r="PL74" i="12" s="1"/>
  <c r="PL75" i="12" s="1"/>
  <c r="PL36" i="12"/>
  <c r="PS10" i="12"/>
  <c r="PK25" i="12"/>
  <c r="PL23" i="12"/>
  <c r="PO11" i="12"/>
  <c r="PQ11" i="12"/>
  <c r="PP12" i="12"/>
  <c r="PS11" i="12" l="1"/>
  <c r="PQ12" i="12"/>
  <c r="PO12" i="12"/>
  <c r="PS12" i="12" s="1"/>
  <c r="PP13" i="12"/>
  <c r="PO13" i="12" l="1"/>
  <c r="PS13" i="12" s="1"/>
  <c r="PP14" i="12"/>
  <c r="PQ13" i="12"/>
  <c r="PO14" i="12" l="1"/>
  <c r="PS14" i="12" s="1"/>
  <c r="PP15" i="12"/>
  <c r="PQ14" i="12"/>
  <c r="PO15" i="12" l="1"/>
  <c r="PS15" i="12" s="1"/>
  <c r="PP16" i="12"/>
  <c r="PQ15" i="12"/>
  <c r="PQ16" i="12" l="1"/>
  <c r="PO16" i="12"/>
  <c r="PP17" i="12"/>
  <c r="PS16" i="12" l="1"/>
  <c r="PP18" i="12"/>
  <c r="PQ17" i="12"/>
  <c r="PO17" i="12"/>
  <c r="PS17" i="12" l="1"/>
  <c r="PP19" i="12"/>
  <c r="PQ18" i="12"/>
  <c r="PO18" i="12"/>
  <c r="PS18" i="12" l="1"/>
  <c r="PP20" i="12"/>
  <c r="PQ19" i="12"/>
  <c r="PO19" i="12"/>
  <c r="PS19" i="12" s="1"/>
  <c r="PO20" i="12" l="1"/>
  <c r="PS20" i="12" s="1"/>
  <c r="PP21" i="12"/>
  <c r="PQ20" i="12"/>
  <c r="PP22" i="12" l="1"/>
  <c r="PO21" i="12"/>
  <c r="PS21" i="12" s="1"/>
  <c r="PQ21" i="12"/>
  <c r="PP23" i="12" l="1"/>
  <c r="PQ22" i="12"/>
  <c r="PO22" i="12"/>
  <c r="PS22" i="12" s="1"/>
  <c r="PQ23" i="12" l="1"/>
  <c r="PO23" i="12"/>
  <c r="PP24" i="12"/>
  <c r="PS23" i="12" l="1"/>
  <c r="PO24" i="12"/>
  <c r="PP25" i="12"/>
  <c r="PQ24" i="12"/>
  <c r="QH6" i="13" l="1"/>
  <c r="QB6" i="13"/>
  <c r="PS24" i="12"/>
  <c r="PP26" i="12"/>
  <c r="PQ25" i="12"/>
  <c r="PO25" i="12"/>
  <c r="PS25" i="12" l="1"/>
  <c r="PO26" i="12"/>
  <c r="PS26" i="12" s="1"/>
  <c r="PP27" i="12"/>
  <c r="PQ26" i="12"/>
  <c r="PP28" i="12" l="1"/>
  <c r="PQ27" i="12"/>
  <c r="PO27" i="12"/>
  <c r="PS27" i="12" s="1"/>
  <c r="PO28" i="12" l="1"/>
  <c r="PS28" i="12" s="1"/>
  <c r="PP29" i="12"/>
  <c r="PQ28" i="12"/>
  <c r="PP30" i="12" l="1"/>
  <c r="PQ29" i="12"/>
  <c r="PO29" i="12"/>
  <c r="PS29" i="12" s="1"/>
  <c r="PQ30" i="12" l="1"/>
  <c r="PP31" i="12"/>
  <c r="PO30" i="12"/>
  <c r="PS30" i="12" l="1"/>
  <c r="PP32" i="12"/>
  <c r="PQ31" i="12"/>
  <c r="PO31" i="12"/>
  <c r="PS31" i="12" l="1"/>
  <c r="PQ32" i="12"/>
  <c r="PO32" i="12"/>
  <c r="PP33" i="12"/>
  <c r="PS32" i="12" l="1"/>
  <c r="PO33" i="12"/>
  <c r="PS33" i="12" s="1"/>
  <c r="PQ33" i="12"/>
  <c r="PP34" i="12"/>
  <c r="PP35" i="12" l="1"/>
  <c r="PQ34" i="12"/>
  <c r="PO34" i="12"/>
  <c r="PS34" i="12" s="1"/>
  <c r="PQ35" i="12" l="1"/>
  <c r="PP36" i="12"/>
  <c r="PO35" i="12"/>
  <c r="PS35" i="12" s="1"/>
  <c r="PQ36" i="12" l="1"/>
  <c r="PO36" i="12"/>
  <c r="PS36" i="12" s="1"/>
  <c r="PP37" i="12"/>
  <c r="PQ37" i="12" l="1"/>
  <c r="PO37" i="12"/>
  <c r="PP38" i="12"/>
  <c r="PS37" i="12" l="1"/>
  <c r="PP39" i="12"/>
  <c r="PQ38" i="12"/>
  <c r="PO38" i="12"/>
  <c r="PS38" i="12" l="1"/>
  <c r="PP40" i="12"/>
  <c r="PO39" i="12"/>
  <c r="PQ39" i="12"/>
  <c r="PS39" i="12" l="1"/>
  <c r="PQ40" i="12"/>
  <c r="PO40" i="12"/>
  <c r="PS40" i="12" s="1"/>
  <c r="PP41" i="12"/>
  <c r="PO41" i="12" l="1"/>
  <c r="PS41" i="12" s="1"/>
  <c r="PQ41" i="12"/>
  <c r="PP42" i="12"/>
  <c r="PP43" i="12" l="1"/>
  <c r="PO42" i="12"/>
  <c r="PS42" i="12" s="1"/>
  <c r="PQ42" i="12"/>
  <c r="PO43" i="12" l="1"/>
  <c r="PS43" i="12" s="1"/>
  <c r="PP44" i="12"/>
  <c r="PQ43" i="12"/>
  <c r="PO44" i="12" l="1"/>
  <c r="PS44" i="12" s="1"/>
  <c r="PP45" i="12"/>
  <c r="PQ44" i="12"/>
  <c r="PQ45" i="12" l="1"/>
  <c r="PP46" i="12"/>
  <c r="PO45" i="12"/>
  <c r="PS45" i="12" s="1"/>
  <c r="PU6" i="12" l="1"/>
  <c r="PO46" i="12"/>
  <c r="PS46" i="12" s="1"/>
  <c r="PQ46" i="12"/>
  <c r="PY59" i="12" s="1"/>
  <c r="QC9" i="12"/>
  <c r="PY57" i="12"/>
  <c r="K37" i="3" l="1"/>
  <c r="M37" i="3"/>
  <c r="L37" i="3" s="1"/>
  <c r="PY9" i="12"/>
  <c r="QB9" i="12"/>
  <c r="QF9" i="12" s="1"/>
  <c r="QB6" i="12"/>
  <c r="QD9" i="12"/>
  <c r="QC10" i="12"/>
  <c r="PY70" i="12"/>
  <c r="PY69" i="12"/>
  <c r="PY61" i="12"/>
  <c r="PY67" i="12" s="1"/>
  <c r="N36" i="3" l="1"/>
  <c r="PY34" i="12"/>
  <c r="PY72" i="12"/>
  <c r="PY32" i="12"/>
  <c r="O36" i="3"/>
  <c r="P36" i="3"/>
  <c r="QD10" i="12"/>
  <c r="QB10" i="12"/>
  <c r="QF10" i="12" s="1"/>
  <c r="QC11" i="12"/>
  <c r="PY19" i="12"/>
  <c r="PX38" i="12" s="1"/>
  <c r="PX46" i="12" s="1"/>
  <c r="PY13" i="12"/>
  <c r="PY63" i="12" s="1"/>
  <c r="PY73" i="12" l="1"/>
  <c r="PY74" i="12" s="1"/>
  <c r="PY75" i="12" s="1"/>
  <c r="PY36" i="12"/>
  <c r="PX25" i="12"/>
  <c r="PY23" i="12"/>
  <c r="QC12" i="12"/>
  <c r="QD11" i="12"/>
  <c r="QB11" i="12"/>
  <c r="QF11" i="12" s="1"/>
  <c r="QD12" i="12" l="1"/>
  <c r="QB12" i="12"/>
  <c r="QF12" i="12" s="1"/>
  <c r="QC13" i="12"/>
  <c r="QD13" i="12" l="1"/>
  <c r="QB13" i="12"/>
  <c r="QC14" i="12"/>
  <c r="QF13" i="12" l="1"/>
  <c r="QC15" i="12"/>
  <c r="QD14" i="12"/>
  <c r="QB14" i="12"/>
  <c r="QF14" i="12" l="1"/>
  <c r="QB15" i="12"/>
  <c r="QC16" i="12"/>
  <c r="QD15" i="12"/>
  <c r="QF15" i="12" l="1"/>
  <c r="QB16" i="12"/>
  <c r="QF16" i="12" s="1"/>
  <c r="QD16" i="12"/>
  <c r="QC17" i="12"/>
  <c r="QC18" i="12" l="1"/>
  <c r="QD17" i="12"/>
  <c r="QB17" i="12"/>
  <c r="QF17" i="12" s="1"/>
  <c r="QD18" i="12" l="1"/>
  <c r="QB18" i="12"/>
  <c r="QF18" i="12" s="1"/>
  <c r="QC19" i="12"/>
  <c r="QB19" i="12" l="1"/>
  <c r="QF19" i="12" s="1"/>
  <c r="QC20" i="12"/>
  <c r="QD19" i="12"/>
  <c r="QD20" i="12" l="1"/>
  <c r="QB20" i="12"/>
  <c r="QC21" i="12"/>
  <c r="QF20" i="12" l="1"/>
  <c r="QC22" i="12"/>
  <c r="QD21" i="12"/>
  <c r="QB21" i="12"/>
  <c r="QF21" i="12" l="1"/>
  <c r="QC23" i="12"/>
  <c r="QB22" i="12"/>
  <c r="QD22" i="12"/>
  <c r="QF22" i="12" l="1"/>
  <c r="QB23" i="12"/>
  <c r="QF23" i="12" s="1"/>
  <c r="QD23" i="12"/>
  <c r="QC24" i="12"/>
  <c r="QD24" i="12" l="1"/>
  <c r="QB24" i="12"/>
  <c r="QF24" i="12" s="1"/>
  <c r="QC25" i="12"/>
  <c r="QU6" i="13" l="1"/>
  <c r="QO6" i="13"/>
  <c r="QB25" i="12"/>
  <c r="QF25" i="12" s="1"/>
  <c r="QC26" i="12"/>
  <c r="QD25" i="12"/>
  <c r="QC27" i="12" l="1"/>
  <c r="QD26" i="12"/>
  <c r="QB26" i="12"/>
  <c r="QF26" i="12" s="1"/>
  <c r="QB27" i="12" l="1"/>
  <c r="QD27" i="12"/>
  <c r="QC28" i="12"/>
  <c r="QF27" i="12" l="1"/>
  <c r="QD28" i="12"/>
  <c r="QC29" i="12"/>
  <c r="QB28" i="12"/>
  <c r="QF28" i="12" l="1"/>
  <c r="QC30" i="12"/>
  <c r="QB29" i="12"/>
  <c r="QD29" i="12"/>
  <c r="QF29" i="12" l="1"/>
  <c r="QC31" i="12"/>
  <c r="QD30" i="12"/>
  <c r="QB30" i="12"/>
  <c r="QF30" i="12" s="1"/>
  <c r="QC32" i="12" l="1"/>
  <c r="QB31" i="12"/>
  <c r="QF31" i="12" s="1"/>
  <c r="QD31" i="12"/>
  <c r="QC33" i="12" l="1"/>
  <c r="QB32" i="12"/>
  <c r="QF32" i="12" s="1"/>
  <c r="QD32" i="12"/>
  <c r="QB33" i="12" l="1"/>
  <c r="QF33" i="12" s="1"/>
  <c r="QC34" i="12"/>
  <c r="QD33" i="12"/>
  <c r="QD34" i="12" l="1"/>
  <c r="QB34" i="12"/>
  <c r="QC35" i="12"/>
  <c r="QF34" i="12" l="1"/>
  <c r="QD35" i="12"/>
  <c r="QB35" i="12"/>
  <c r="QC36" i="12"/>
  <c r="QF35" i="12" l="1"/>
  <c r="QC37" i="12"/>
  <c r="QD36" i="12"/>
  <c r="QB36" i="12"/>
  <c r="QF36" i="12" l="1"/>
  <c r="QB37" i="12"/>
  <c r="QF37" i="12" s="1"/>
  <c r="QD37" i="12"/>
  <c r="QC38" i="12"/>
  <c r="QC39" i="12" l="1"/>
  <c r="QD38" i="12"/>
  <c r="QB38" i="12"/>
  <c r="QF38" i="12" s="1"/>
  <c r="QB39" i="12" l="1"/>
  <c r="QF39" i="12" s="1"/>
  <c r="QD39" i="12"/>
  <c r="QC40" i="12"/>
  <c r="QD40" i="12" l="1"/>
  <c r="QB40" i="12"/>
  <c r="QF40" i="12" s="1"/>
  <c r="QC41" i="12"/>
  <c r="QB41" i="12" l="1"/>
  <c r="QF41" i="12" s="1"/>
  <c r="QC42" i="12"/>
  <c r="QD41" i="12"/>
  <c r="QC43" i="12" l="1"/>
  <c r="QD42" i="12"/>
  <c r="QB42" i="12"/>
  <c r="QF42" i="12" s="1"/>
  <c r="QB43" i="12" l="1"/>
  <c r="QF43" i="12" s="1"/>
  <c r="QD43" i="12"/>
  <c r="QC44" i="12"/>
  <c r="QD44" i="12" l="1"/>
  <c r="QC45" i="12"/>
  <c r="QB44" i="12"/>
  <c r="QF44" i="12" s="1"/>
  <c r="QB45" i="12" l="1"/>
  <c r="QF45" i="12" s="1"/>
  <c r="QC46" i="12"/>
  <c r="QD45" i="12"/>
  <c r="QH6" i="12" l="1"/>
  <c r="QB46" i="12"/>
  <c r="QF46" i="12" s="1"/>
  <c r="QD46" i="12"/>
  <c r="QL59" i="12" s="1"/>
  <c r="QL57" i="12"/>
  <c r="QP9" i="12"/>
  <c r="M38" i="3" l="1"/>
  <c r="L38" i="3" s="1"/>
  <c r="K38" i="3"/>
  <c r="QO9" i="12"/>
  <c r="QS9" i="12" s="1"/>
  <c r="QO6" i="12"/>
  <c r="QQ9" i="12"/>
  <c r="QP10" i="12"/>
  <c r="QL9" i="12"/>
  <c r="QL61" i="12"/>
  <c r="QL67" i="12" s="1"/>
  <c r="QL70" i="12"/>
  <c r="QL69" i="12"/>
  <c r="N37" i="3" l="1"/>
  <c r="QL34" i="12"/>
  <c r="QL72" i="12"/>
  <c r="QL32" i="12"/>
  <c r="P37" i="3"/>
  <c r="O37" i="3"/>
  <c r="QP11" i="12"/>
  <c r="QO10" i="12"/>
  <c r="QS10" i="12" s="1"/>
  <c r="QQ10" i="12"/>
  <c r="QL13" i="12"/>
  <c r="QL63" i="12" s="1"/>
  <c r="QL19" i="12"/>
  <c r="QK38" i="12" s="1"/>
  <c r="QK46" i="12" s="1"/>
  <c r="QL73" i="12" l="1"/>
  <c r="QL74" i="12" s="1"/>
  <c r="QL75" i="12" s="1"/>
  <c r="QL36" i="12"/>
  <c r="QL23" i="12"/>
  <c r="QK25" i="12"/>
  <c r="QO11" i="12"/>
  <c r="QQ11" i="12"/>
  <c r="QP12" i="12"/>
  <c r="QS11" i="12" l="1"/>
  <c r="QQ12" i="12"/>
  <c r="QP13" i="12"/>
  <c r="QO12" i="12"/>
  <c r="QS12" i="12" l="1"/>
  <c r="QQ13" i="12"/>
  <c r="QP14" i="12"/>
  <c r="QO13" i="12"/>
  <c r="QS13" i="12" l="1"/>
  <c r="QO14" i="12"/>
  <c r="QP15" i="12"/>
  <c r="QQ14" i="12"/>
  <c r="QS14" i="12" l="1"/>
  <c r="QO15" i="12"/>
  <c r="QQ15" i="12"/>
  <c r="QP16" i="12"/>
  <c r="QS15" i="12" l="1"/>
  <c r="QQ16" i="12"/>
  <c r="QO16" i="12"/>
  <c r="QS16" i="12" s="1"/>
  <c r="QP17" i="12"/>
  <c r="QO17" i="12" l="1"/>
  <c r="QS17" i="12" s="1"/>
  <c r="QP18" i="12"/>
  <c r="QQ17" i="12"/>
  <c r="QP19" i="12" l="1"/>
  <c r="QO18" i="12"/>
  <c r="QQ18" i="12"/>
  <c r="QS18" i="12" l="1"/>
  <c r="QO19" i="12"/>
  <c r="QQ19" i="12"/>
  <c r="QP20" i="12"/>
  <c r="QS19" i="12" l="1"/>
  <c r="QP21" i="12"/>
  <c r="QO20" i="12"/>
  <c r="QQ20" i="12"/>
  <c r="QS20" i="12" l="1"/>
  <c r="QP22" i="12"/>
  <c r="QO21" i="12"/>
  <c r="QQ21" i="12"/>
  <c r="QS21" i="12" l="1"/>
  <c r="QQ22" i="12"/>
  <c r="QO22" i="12"/>
  <c r="QP23" i="12"/>
  <c r="QS22" i="12" l="1"/>
  <c r="QO23" i="12"/>
  <c r="QS23" i="12" s="1"/>
  <c r="QQ23" i="12"/>
  <c r="QP24" i="12"/>
  <c r="QP25" i="12" l="1"/>
  <c r="QO24" i="12"/>
  <c r="QS24" i="12" s="1"/>
  <c r="QQ24" i="12"/>
  <c r="RH6" i="13" l="1"/>
  <c r="RB6" i="13"/>
  <c r="QP26" i="12"/>
  <c r="QO25" i="12"/>
  <c r="QQ25" i="12"/>
  <c r="QS25" i="12" l="1"/>
  <c r="QO26" i="12"/>
  <c r="QP27" i="12"/>
  <c r="QQ26" i="12"/>
  <c r="QS26" i="12" l="1"/>
  <c r="QP28" i="12"/>
  <c r="QQ27" i="12"/>
  <c r="QO27" i="12"/>
  <c r="QS27" i="12" l="1"/>
  <c r="QO28" i="12"/>
  <c r="QP29" i="12"/>
  <c r="QQ28" i="12"/>
  <c r="QS28" i="12" l="1"/>
  <c r="QP30" i="12"/>
  <c r="QQ29" i="12"/>
  <c r="QO29" i="12"/>
  <c r="QS29" i="12" l="1"/>
  <c r="QQ30" i="12"/>
  <c r="QP31" i="12"/>
  <c r="QO30" i="12"/>
  <c r="QS30" i="12" s="1"/>
  <c r="QO31" i="12" l="1"/>
  <c r="QS31" i="12" s="1"/>
  <c r="QQ31" i="12"/>
  <c r="QP32" i="12"/>
  <c r="QQ32" i="12" l="1"/>
  <c r="QO32" i="12"/>
  <c r="QP33" i="12"/>
  <c r="QS32" i="12" l="1"/>
  <c r="QO33" i="12"/>
  <c r="QP34" i="12"/>
  <c r="QQ33" i="12"/>
  <c r="QS33" i="12" l="1"/>
  <c r="QP35" i="12"/>
  <c r="QQ34" i="12"/>
  <c r="QO34" i="12"/>
  <c r="QS34" i="12" l="1"/>
  <c r="QP36" i="12"/>
  <c r="QQ35" i="12"/>
  <c r="QO35" i="12"/>
  <c r="QS35" i="12" l="1"/>
  <c r="QP37" i="12"/>
  <c r="QQ36" i="12"/>
  <c r="QO36" i="12"/>
  <c r="QS36" i="12" l="1"/>
  <c r="QQ37" i="12"/>
  <c r="QO37" i="12"/>
  <c r="QS37" i="12" s="1"/>
  <c r="QP38" i="12"/>
  <c r="QO38" i="12" l="1"/>
  <c r="QS38" i="12" s="1"/>
  <c r="QQ38" i="12"/>
  <c r="QP39" i="12"/>
  <c r="QP40" i="12" l="1"/>
  <c r="QO39" i="12"/>
  <c r="QS39" i="12" s="1"/>
  <c r="QQ39" i="12"/>
  <c r="QO40" i="12" l="1"/>
  <c r="QS40" i="12" s="1"/>
  <c r="QP41" i="12"/>
  <c r="QQ40" i="12"/>
  <c r="QQ41" i="12" l="1"/>
  <c r="QO41" i="12"/>
  <c r="QS41" i="12" s="1"/>
  <c r="QP42" i="12"/>
  <c r="QO42" i="12" l="1"/>
  <c r="QS42" i="12" s="1"/>
  <c r="QQ42" i="12"/>
  <c r="QP43" i="12"/>
  <c r="QO43" i="12" l="1"/>
  <c r="QS43" i="12" s="1"/>
  <c r="QP44" i="12"/>
  <c r="QQ43" i="12"/>
  <c r="QO44" i="12" l="1"/>
  <c r="QS44" i="12" s="1"/>
  <c r="QQ44" i="12"/>
  <c r="QP45" i="12"/>
  <c r="QQ45" i="12" l="1"/>
  <c r="QP46" i="12"/>
  <c r="QO45" i="12"/>
  <c r="QS45" i="12" s="1"/>
  <c r="QU6" i="12" l="1"/>
  <c r="QO46" i="12"/>
  <c r="QS46" i="12" s="1"/>
  <c r="QQ46" i="12"/>
  <c r="QY59" i="12" s="1"/>
  <c r="QY57" i="12"/>
  <c r="RC9" i="12"/>
  <c r="K39" i="3" l="1"/>
  <c r="M39" i="3"/>
  <c r="L39" i="3" s="1"/>
  <c r="RB6" i="12"/>
  <c r="RD9" i="12"/>
  <c r="RC10" i="12"/>
  <c r="RB9" i="12"/>
  <c r="QY9" i="12"/>
  <c r="QY61" i="12"/>
  <c r="QY67" i="12" s="1"/>
  <c r="QY70" i="12"/>
  <c r="QY69" i="12"/>
  <c r="N38" i="3" l="1"/>
  <c r="QY72" i="12"/>
  <c r="QY34" i="12"/>
  <c r="QY32" i="12"/>
  <c r="P38" i="3"/>
  <c r="O38" i="3"/>
  <c r="RF9" i="12"/>
  <c r="RD10" i="12"/>
  <c r="RC11" i="12"/>
  <c r="RB10" i="12"/>
  <c r="QY13" i="12"/>
  <c r="QY63" i="12" s="1"/>
  <c r="QY19" i="12"/>
  <c r="QX38" i="12" s="1"/>
  <c r="QX46" i="12" s="1"/>
  <c r="QY73" i="12" l="1"/>
  <c r="QY74" i="12" s="1"/>
  <c r="QY75" i="12" s="1"/>
  <c r="QY36" i="12"/>
  <c r="RF10" i="12"/>
  <c r="QX25" i="12"/>
  <c r="QY23" i="12"/>
  <c r="RD11" i="12"/>
  <c r="RC12" i="12"/>
  <c r="RB11" i="12"/>
  <c r="RF11" i="12" l="1"/>
  <c r="RD12" i="12"/>
  <c r="RB12" i="12"/>
  <c r="RC13" i="12"/>
  <c r="RF12" i="12" l="1"/>
  <c r="RB13" i="12"/>
  <c r="RF13" i="12" s="1"/>
  <c r="RD13" i="12"/>
  <c r="RC14" i="12"/>
  <c r="RC15" i="12" l="1"/>
  <c r="RD14" i="12"/>
  <c r="RB14" i="12"/>
  <c r="RF14" i="12" s="1"/>
  <c r="RB15" i="12" l="1"/>
  <c r="RF15" i="12" s="1"/>
  <c r="RC16" i="12"/>
  <c r="RD15" i="12"/>
  <c r="RB16" i="12" l="1"/>
  <c r="RD16" i="12"/>
  <c r="RC17" i="12"/>
  <c r="RF16" i="12" l="1"/>
  <c r="RC18" i="12"/>
  <c r="RD17" i="12"/>
  <c r="RB17" i="12"/>
  <c r="RF17" i="12" l="1"/>
  <c r="RC19" i="12"/>
  <c r="RB18" i="12"/>
  <c r="RD18" i="12"/>
  <c r="RF18" i="12" l="1"/>
  <c r="RC20" i="12"/>
  <c r="RD19" i="12"/>
  <c r="RB19" i="12"/>
  <c r="RF19" i="12" l="1"/>
  <c r="RD20" i="12"/>
  <c r="RC21" i="12"/>
  <c r="RB20" i="12"/>
  <c r="RF20" i="12" s="1"/>
  <c r="RC22" i="12" l="1"/>
  <c r="RD21" i="12"/>
  <c r="RB21" i="12"/>
  <c r="RF21" i="12" s="1"/>
  <c r="RC23" i="12" l="1"/>
  <c r="RB22" i="12"/>
  <c r="RF22" i="12" s="1"/>
  <c r="RD22" i="12"/>
  <c r="RC24" i="12" l="1"/>
  <c r="RB23" i="12"/>
  <c r="RD23" i="12"/>
  <c r="RF23" i="12" l="1"/>
  <c r="RD24" i="12"/>
  <c r="RB24" i="12"/>
  <c r="RC25" i="12"/>
  <c r="RO6" i="13" l="1"/>
  <c r="RU6" i="13"/>
  <c r="RF24" i="12"/>
  <c r="RD25" i="12"/>
  <c r="RC26" i="12"/>
  <c r="RB25" i="12"/>
  <c r="RF25" i="12" l="1"/>
  <c r="RC27" i="12"/>
  <c r="RD26" i="12"/>
  <c r="RB26" i="12"/>
  <c r="RF26" i="12" l="1"/>
  <c r="RB27" i="12"/>
  <c r="RF27" i="12" s="1"/>
  <c r="RD27" i="12"/>
  <c r="RC28" i="12"/>
  <c r="RB28" i="12" l="1"/>
  <c r="RF28" i="12" s="1"/>
  <c r="RC29" i="12"/>
  <c r="RD28" i="12"/>
  <c r="RD29" i="12" l="1"/>
  <c r="RC30" i="12"/>
  <c r="RB29" i="12"/>
  <c r="RF29" i="12" s="1"/>
  <c r="RD30" i="12" l="1"/>
  <c r="RC31" i="12"/>
  <c r="RB30" i="12"/>
  <c r="RF30" i="12" l="1"/>
  <c r="RD31" i="12"/>
  <c r="RC32" i="12"/>
  <c r="RB31" i="12"/>
  <c r="RF31" i="12" l="1"/>
  <c r="RD32" i="12"/>
  <c r="RB32" i="12"/>
  <c r="RC33" i="12"/>
  <c r="RF32" i="12" l="1"/>
  <c r="RC34" i="12"/>
  <c r="RD33" i="12"/>
  <c r="RB33" i="12"/>
  <c r="RF33" i="12" l="1"/>
  <c r="RD34" i="12"/>
  <c r="RB34" i="12"/>
  <c r="RF34" i="12" s="1"/>
  <c r="RC35" i="12"/>
  <c r="RC36" i="12" l="1"/>
  <c r="RD35" i="12"/>
  <c r="RB35" i="12"/>
  <c r="RF35" i="12" s="1"/>
  <c r="RC37" i="12" l="1"/>
  <c r="RB36" i="12"/>
  <c r="RF36" i="12" s="1"/>
  <c r="RD36" i="12"/>
  <c r="RC38" i="12" l="1"/>
  <c r="RD37" i="12"/>
  <c r="RB37" i="12"/>
  <c r="RF37" i="12" l="1"/>
  <c r="RD38" i="12"/>
  <c r="RB38" i="12"/>
  <c r="RC39" i="12"/>
  <c r="RF38" i="12" l="1"/>
  <c r="RB39" i="12"/>
  <c r="RF39" i="12" s="1"/>
  <c r="RD39" i="12"/>
  <c r="RC40" i="12"/>
  <c r="RB40" i="12" l="1"/>
  <c r="RF40" i="12" s="1"/>
  <c r="RC41" i="12"/>
  <c r="RD40" i="12"/>
  <c r="RB41" i="12" l="1"/>
  <c r="RF41" i="12" s="1"/>
  <c r="RD41" i="12"/>
  <c r="RC42" i="12"/>
  <c r="RD42" i="12" l="1"/>
  <c r="RC43" i="12"/>
  <c r="RB42" i="12"/>
  <c r="RF42" i="12" s="1"/>
  <c r="RD43" i="12" l="1"/>
  <c r="RB43" i="12"/>
  <c r="RF43" i="12" s="1"/>
  <c r="RC44" i="12"/>
  <c r="RB44" i="12" l="1"/>
  <c r="RF44" i="12" s="1"/>
  <c r="RC45" i="12"/>
  <c r="RD44" i="12"/>
  <c r="RB45" i="12" l="1"/>
  <c r="RF45" i="12" s="1"/>
  <c r="RC46" i="12"/>
  <c r="RD45" i="12"/>
  <c r="RH6" i="12" l="1"/>
  <c r="RD46" i="12"/>
  <c r="RL59" i="12" s="1"/>
  <c r="RB46" i="12"/>
  <c r="RF46" i="12" s="1"/>
  <c r="RP9" i="12"/>
  <c r="RL57" i="12"/>
  <c r="M40" i="3" l="1"/>
  <c r="L40" i="3" s="1"/>
  <c r="K40" i="3"/>
  <c r="RL9" i="12"/>
  <c r="RO9" i="12"/>
  <c r="RQ9" i="12"/>
  <c r="RP10" i="12"/>
  <c r="RO6" i="12"/>
  <c r="RL61" i="12"/>
  <c r="RL67" i="12" s="1"/>
  <c r="RL70" i="12"/>
  <c r="RL69" i="12"/>
  <c r="N39" i="3" l="1"/>
  <c r="RL34" i="12"/>
  <c r="RL72" i="12"/>
  <c r="RL32" i="12"/>
  <c r="P39" i="3"/>
  <c r="O39" i="3"/>
  <c r="RS9" i="12"/>
  <c r="RO10" i="12"/>
  <c r="RP11" i="12"/>
  <c r="RQ10" i="12"/>
  <c r="RL13" i="12"/>
  <c r="RL63" i="12" s="1"/>
  <c r="RL19" i="12"/>
  <c r="RK38" i="12" s="1"/>
  <c r="RK46" i="12" s="1"/>
  <c r="RL73" i="12" l="1"/>
  <c r="RL74" i="12" s="1"/>
  <c r="RL75" i="12" s="1"/>
  <c r="RL36" i="12"/>
  <c r="RS10" i="12"/>
  <c r="RK25" i="12"/>
  <c r="RL23" i="12"/>
  <c r="RQ11" i="12"/>
  <c r="RO11" i="12"/>
  <c r="RS11" i="12" s="1"/>
  <c r="RP12" i="12"/>
  <c r="RP13" i="12" l="1"/>
  <c r="RQ12" i="12"/>
  <c r="RO12" i="12"/>
  <c r="RS12" i="12" s="1"/>
  <c r="RQ13" i="12" l="1"/>
  <c r="RO13" i="12"/>
  <c r="RP14" i="12"/>
  <c r="RS13" i="12" l="1"/>
  <c r="RO14" i="12"/>
  <c r="RP15" i="12"/>
  <c r="RQ14" i="12"/>
  <c r="RS14" i="12" l="1"/>
  <c r="RO15" i="12"/>
  <c r="RQ15" i="12"/>
  <c r="RP16" i="12"/>
  <c r="RS15" i="12" l="1"/>
  <c r="RP17" i="12"/>
  <c r="RQ16" i="12"/>
  <c r="RO16" i="12"/>
  <c r="RS16" i="12" l="1"/>
  <c r="RP18" i="12"/>
  <c r="RQ17" i="12"/>
  <c r="RO17" i="12"/>
  <c r="RS17" i="12" l="1"/>
  <c r="RQ18" i="12"/>
  <c r="RP19" i="12"/>
  <c r="RO18" i="12"/>
  <c r="RS18" i="12" s="1"/>
  <c r="RO19" i="12" l="1"/>
  <c r="RS19" i="12" s="1"/>
  <c r="RP20" i="12"/>
  <c r="RQ19" i="12"/>
  <c r="RO20" i="12" l="1"/>
  <c r="RP21" i="12"/>
  <c r="RQ20" i="12"/>
  <c r="RS20" i="12" l="1"/>
  <c r="RO21" i="12"/>
  <c r="RP22" i="12"/>
  <c r="RQ21" i="12"/>
  <c r="RS21" i="12" l="1"/>
  <c r="RP23" i="12"/>
  <c r="RQ22" i="12"/>
  <c r="RO22" i="12"/>
  <c r="RS22" i="12" l="1"/>
  <c r="RO23" i="12"/>
  <c r="RQ23" i="12"/>
  <c r="RP24" i="12"/>
  <c r="RS23" i="12" l="1"/>
  <c r="RO24" i="12"/>
  <c r="RP25" i="12"/>
  <c r="RQ24" i="12"/>
  <c r="SH6" i="13" l="1"/>
  <c r="SB6" i="13"/>
  <c r="RS24" i="12"/>
  <c r="RP26" i="12"/>
  <c r="RQ25" i="12"/>
  <c r="RO25" i="12"/>
  <c r="RS25" i="12" s="1"/>
  <c r="RO26" i="12" l="1"/>
  <c r="RS26" i="12" s="1"/>
  <c r="RP27" i="12"/>
  <c r="RQ26" i="12"/>
  <c r="RP28" i="12" l="1"/>
  <c r="RQ27" i="12"/>
  <c r="RO27" i="12"/>
  <c r="RS27" i="12" l="1"/>
  <c r="RO28" i="12"/>
  <c r="RQ28" i="12"/>
  <c r="RP29" i="12"/>
  <c r="RS28" i="12" l="1"/>
  <c r="RP30" i="12"/>
  <c r="RQ29" i="12"/>
  <c r="RO29" i="12"/>
  <c r="RS29" i="12" l="1"/>
  <c r="RP31" i="12"/>
  <c r="RQ30" i="12"/>
  <c r="RO30" i="12"/>
  <c r="RS30" i="12" l="1"/>
  <c r="RQ31" i="12"/>
  <c r="RO31" i="12"/>
  <c r="RP32" i="12"/>
  <c r="RS31" i="12" l="1"/>
  <c r="RP33" i="12"/>
  <c r="RQ32" i="12"/>
  <c r="RO32" i="12"/>
  <c r="RS32" i="12" s="1"/>
  <c r="RO33" i="12" l="1"/>
  <c r="RS33" i="12" s="1"/>
  <c r="RP34" i="12"/>
  <c r="RQ33" i="12"/>
  <c r="RP35" i="12" l="1"/>
  <c r="RQ34" i="12"/>
  <c r="RO34" i="12"/>
  <c r="RS34" i="12" l="1"/>
  <c r="RQ35" i="12"/>
  <c r="RO35" i="12"/>
  <c r="RP36" i="12"/>
  <c r="RS35" i="12" l="1"/>
  <c r="RQ36" i="12"/>
  <c r="RP37" i="12"/>
  <c r="RO36" i="12"/>
  <c r="RS36" i="12" l="1"/>
  <c r="RQ37" i="12"/>
  <c r="RO37" i="12"/>
  <c r="RP38" i="12"/>
  <c r="RS37" i="12" l="1"/>
  <c r="RP39" i="12"/>
  <c r="RQ38" i="12"/>
  <c r="RO38" i="12"/>
  <c r="RS38" i="12" l="1"/>
  <c r="RP40" i="12"/>
  <c r="RQ39" i="12"/>
  <c r="RO39" i="12"/>
  <c r="RS39" i="12" s="1"/>
  <c r="RQ40" i="12" l="1"/>
  <c r="RO40" i="12"/>
  <c r="RS40" i="12" s="1"/>
  <c r="RP41" i="12"/>
  <c r="RQ41" i="12" l="1"/>
  <c r="RP42" i="12"/>
  <c r="RO41" i="12"/>
  <c r="RS41" i="12" s="1"/>
  <c r="RO42" i="12" l="1"/>
  <c r="RS42" i="12" s="1"/>
  <c r="RQ42" i="12"/>
  <c r="RP43" i="12"/>
  <c r="RQ43" i="12" l="1"/>
  <c r="RO43" i="12"/>
  <c r="RS43" i="12" s="1"/>
  <c r="RP44" i="12"/>
  <c r="RO44" i="12" l="1"/>
  <c r="RS44" i="12" s="1"/>
  <c r="RQ44" i="12"/>
  <c r="RP45" i="12"/>
  <c r="RQ45" i="12" l="1"/>
  <c r="RO45" i="12"/>
  <c r="RS45" i="12" s="1"/>
  <c r="RP46" i="12"/>
  <c r="RU6" i="12" l="1"/>
  <c r="RO46" i="12"/>
  <c r="RS46" i="12" s="1"/>
  <c r="RQ46" i="12"/>
  <c r="RY59" i="12" s="1"/>
  <c r="SC9" i="12"/>
  <c r="RY57" i="12"/>
  <c r="K41" i="3" l="1"/>
  <c r="M41" i="3"/>
  <c r="L41" i="3" s="1"/>
  <c r="RY9" i="12"/>
  <c r="SB9" i="12"/>
  <c r="SF9" i="12" s="1"/>
  <c r="SC10" i="12"/>
  <c r="SB6" i="12"/>
  <c r="SD9" i="12"/>
  <c r="RY69" i="12"/>
  <c r="RY70" i="12"/>
  <c r="RY61" i="12"/>
  <c r="RY67" i="12" s="1"/>
  <c r="N40" i="3" l="1"/>
  <c r="RY34" i="12"/>
  <c r="RY72" i="12"/>
  <c r="RY32" i="12"/>
  <c r="P40" i="3"/>
  <c r="O40" i="3"/>
  <c r="SC11" i="12"/>
  <c r="SD10" i="12"/>
  <c r="SB10" i="12"/>
  <c r="RY13" i="12"/>
  <c r="RY63" i="12" s="1"/>
  <c r="RY19" i="12"/>
  <c r="RX38" i="12" s="1"/>
  <c r="RX46" i="12" s="1"/>
  <c r="RY73" i="12" l="1"/>
  <c r="RY74" i="12" s="1"/>
  <c r="RY75" i="12" s="1"/>
  <c r="RY36" i="12"/>
  <c r="SF10" i="12"/>
  <c r="RY23" i="12"/>
  <c r="RX25" i="12"/>
  <c r="SC12" i="12"/>
  <c r="SD11" i="12"/>
  <c r="SB11" i="12"/>
  <c r="SF11" i="12" l="1"/>
  <c r="SB12" i="12"/>
  <c r="SC13" i="12"/>
  <c r="SD12" i="12"/>
  <c r="SF12" i="12" l="1"/>
  <c r="SC14" i="12"/>
  <c r="SD13" i="12"/>
  <c r="SB13" i="12"/>
  <c r="SF13" i="12" l="1"/>
  <c r="SD14" i="12"/>
  <c r="SC15" i="12"/>
  <c r="SB14" i="12"/>
  <c r="SF14" i="12" l="1"/>
  <c r="SC16" i="12"/>
  <c r="SD15" i="12"/>
  <c r="SB15" i="12"/>
  <c r="SF15" i="12" s="1"/>
  <c r="SB16" i="12" l="1"/>
  <c r="SF16" i="12" s="1"/>
  <c r="SC17" i="12"/>
  <c r="SD16" i="12"/>
  <c r="SC18" i="12" l="1"/>
  <c r="SD17" i="12"/>
  <c r="SB17" i="12"/>
  <c r="SF17" i="12" l="1"/>
  <c r="SB18" i="12"/>
  <c r="SC19" i="12"/>
  <c r="SD18" i="12"/>
  <c r="SF18" i="12" l="1"/>
  <c r="SB19" i="12"/>
  <c r="SC20" i="12"/>
  <c r="SD19" i="12"/>
  <c r="SF19" i="12" l="1"/>
  <c r="SC21" i="12"/>
  <c r="SD20" i="12"/>
  <c r="SB20" i="12"/>
  <c r="SF20" i="12" l="1"/>
  <c r="SC22" i="12"/>
  <c r="SD21" i="12"/>
  <c r="SB21" i="12"/>
  <c r="SF21" i="12" l="1"/>
  <c r="SD22" i="12"/>
  <c r="SB22" i="12"/>
  <c r="SF22" i="12" s="1"/>
  <c r="SC23" i="12"/>
  <c r="SD23" i="12" l="1"/>
  <c r="SB23" i="12"/>
  <c r="SF23" i="12" s="1"/>
  <c r="SC24" i="12"/>
  <c r="SC25" i="12" l="1"/>
  <c r="SD24" i="12"/>
  <c r="SB24" i="12"/>
  <c r="SF24" i="12" l="1"/>
  <c r="SD25" i="12"/>
  <c r="SB25" i="12"/>
  <c r="SC26" i="12"/>
  <c r="SF25" i="12" l="1"/>
  <c r="SC27" i="12"/>
  <c r="SD26" i="12"/>
  <c r="SB26" i="12"/>
  <c r="SF26" i="12" l="1"/>
  <c r="SB27" i="12"/>
  <c r="SD27" i="12"/>
  <c r="SC28" i="12"/>
  <c r="SF27" i="12" l="1"/>
  <c r="SD28" i="12"/>
  <c r="SC29" i="12"/>
  <c r="SB28" i="12"/>
  <c r="SF28" i="12" l="1"/>
  <c r="SC30" i="12"/>
  <c r="SD29" i="12"/>
  <c r="SB29" i="12"/>
  <c r="SF29" i="12" s="1"/>
  <c r="SC31" i="12" l="1"/>
  <c r="SD30" i="12"/>
  <c r="SB30" i="12"/>
  <c r="SF30" i="12" s="1"/>
  <c r="SD31" i="12" l="1"/>
  <c r="SB31" i="12"/>
  <c r="SC32" i="12"/>
  <c r="SF31" i="12" l="1"/>
  <c r="SB32" i="12"/>
  <c r="SC33" i="12"/>
  <c r="SD32" i="12"/>
  <c r="SF32" i="12" l="1"/>
  <c r="SC34" i="12"/>
  <c r="SD33" i="12"/>
  <c r="SB33" i="12"/>
  <c r="SF33" i="12" l="1"/>
  <c r="SD34" i="12"/>
  <c r="SB34" i="12"/>
  <c r="SC35" i="12"/>
  <c r="SF34" i="12" l="1"/>
  <c r="SC36" i="12"/>
  <c r="SD35" i="12"/>
  <c r="SB35" i="12"/>
  <c r="SF35" i="12" l="1"/>
  <c r="SB36" i="12"/>
  <c r="SF36" i="12" s="1"/>
  <c r="SC37" i="12"/>
  <c r="SD36" i="12"/>
  <c r="SC38" i="12" l="1"/>
  <c r="SD37" i="12"/>
  <c r="SB37" i="12"/>
  <c r="SF37" i="12" s="1"/>
  <c r="SD38" i="12" l="1"/>
  <c r="SC39" i="12"/>
  <c r="SB38" i="12"/>
  <c r="SF38" i="12" l="1"/>
  <c r="SB39" i="12"/>
  <c r="SF39" i="12" s="1"/>
  <c r="SC40" i="12"/>
  <c r="SD39" i="12"/>
  <c r="SC41" i="12" l="1"/>
  <c r="SB40" i="12"/>
  <c r="SF40" i="12" s="1"/>
  <c r="SD40" i="12"/>
  <c r="SB41" i="12" l="1"/>
  <c r="SF41" i="12" s="1"/>
  <c r="SC42" i="12"/>
  <c r="SD41" i="12"/>
  <c r="SD42" i="12" l="1"/>
  <c r="SC43" i="12"/>
  <c r="SB42" i="12"/>
  <c r="SF42" i="12" s="1"/>
  <c r="SC44" i="12" l="1"/>
  <c r="SD43" i="12"/>
  <c r="SB43" i="12"/>
  <c r="SF43" i="12" s="1"/>
  <c r="SC45" i="12" l="1"/>
  <c r="SB44" i="12"/>
  <c r="SF44" i="12" s="1"/>
  <c r="SD44" i="12"/>
  <c r="SB45" i="12" l="1"/>
  <c r="SF45" i="12" s="1"/>
  <c r="SC46" i="12"/>
  <c r="SD45" i="12"/>
  <c r="SH6" i="12" l="1"/>
  <c r="SB46" i="12"/>
  <c r="SF46" i="12" s="1"/>
  <c r="SD46" i="12"/>
  <c r="SL59" i="12" s="1"/>
  <c r="SL57" i="12"/>
  <c r="SL9" i="12" l="1"/>
  <c r="SL70" i="12"/>
  <c r="SL69" i="12"/>
  <c r="SL61" i="12"/>
  <c r="SL67" i="12" s="1"/>
  <c r="N41" i="3" l="1"/>
  <c r="SL72" i="12"/>
  <c r="SL34" i="12"/>
  <c r="SL32" i="12"/>
  <c r="P41" i="3"/>
  <c r="O41" i="3"/>
  <c r="O42" i="3" s="1"/>
  <c r="N42" i="3"/>
  <c r="SL13" i="12"/>
  <c r="SL63" i="12" s="1"/>
  <c r="SL19" i="12"/>
  <c r="SK38" i="12" s="1"/>
  <c r="SK46" i="12" s="1"/>
  <c r="O42" i="14" l="1"/>
  <c r="N42" i="14"/>
  <c r="SL73" i="12"/>
  <c r="SL74" i="12" s="1"/>
  <c r="SL75" i="12" s="1"/>
  <c r="SL36" i="12"/>
  <c r="P42" i="3"/>
  <c r="SL23" i="12"/>
  <c r="SK25" i="12"/>
  <c r="P42" i="14" l="1"/>
  <c r="AL30" i="12" l="1"/>
  <c r="AY30" i="12" l="1"/>
  <c r="BY30" i="12" l="1"/>
  <c r="CL30" i="12" l="1"/>
  <c r="CY30" i="12" l="1"/>
  <c r="DL30" i="12" l="1"/>
  <c r="DY30" i="12" l="1"/>
  <c r="EL30" i="12" l="1"/>
  <c r="EY30" i="12" l="1"/>
  <c r="FL30" i="12" l="1"/>
  <c r="FY30" i="12" l="1"/>
  <c r="GL30" i="12" l="1"/>
  <c r="GY30" i="12" l="1"/>
  <c r="HL30" i="12" l="1"/>
  <c r="HY30" i="12" l="1"/>
  <c r="IL30" i="12" l="1"/>
  <c r="IY30" i="12" l="1"/>
  <c r="JL30" i="12" l="1"/>
  <c r="JY30" i="12" l="1"/>
  <c r="KL30" i="12" l="1"/>
  <c r="KY30" i="12" l="1"/>
  <c r="LL30" i="12" l="1"/>
  <c r="LY30" i="12" l="1"/>
  <c r="ML30" i="12" l="1"/>
  <c r="MY30" i="12" l="1"/>
  <c r="NL30" i="12" l="1"/>
  <c r="NY30" i="12" l="1"/>
  <c r="OL30" i="12" l="1"/>
  <c r="OY30" i="12" l="1"/>
  <c r="PL30" i="12" l="1"/>
  <c r="PY30" i="12" l="1"/>
  <c r="QL30" i="12" l="1"/>
  <c r="QY30" i="12" l="1"/>
  <c r="RL30" i="12" l="1"/>
  <c r="RY30" i="12" l="1"/>
  <c r="N44" i="3" l="1"/>
  <c r="SL30" i="12"/>
  <c r="B37" i="3" l="1"/>
</calcChain>
</file>

<file path=xl/sharedStrings.xml><?xml version="1.0" encoding="utf-8"?>
<sst xmlns="http://schemas.openxmlformats.org/spreadsheetml/2006/main" count="3120" uniqueCount="159">
  <si>
    <t>日付</t>
    <rPh sb="0" eb="2">
      <t>ヒヅケ</t>
    </rPh>
    <phoneticPr fontId="3"/>
  </si>
  <si>
    <t>曜日</t>
    <rPh sb="0" eb="2">
      <t>ヨウビ</t>
    </rPh>
    <phoneticPr fontId="3"/>
  </si>
  <si>
    <t>名称</t>
    <rPh sb="0" eb="2">
      <t>メイショウ</t>
    </rPh>
    <phoneticPr fontId="3"/>
  </si>
  <si>
    <t>元日</t>
  </si>
  <si>
    <t>振替休日</t>
  </si>
  <si>
    <t>成人の日</t>
  </si>
  <si>
    <t>建国記念の日</t>
  </si>
  <si>
    <t>春分の日</t>
  </si>
  <si>
    <t>昭和の日</t>
  </si>
  <si>
    <t>憲法記念日</t>
  </si>
  <si>
    <t>みどりの日</t>
  </si>
  <si>
    <t>こどもの日</t>
  </si>
  <si>
    <t>海の日</t>
  </si>
  <si>
    <t>山の日</t>
    <rPh sb="0" eb="1">
      <t>ヤマ</t>
    </rPh>
    <rPh sb="2" eb="3">
      <t>ヒ</t>
    </rPh>
    <phoneticPr fontId="3"/>
  </si>
  <si>
    <t>敬老の日</t>
  </si>
  <si>
    <t>秋分の日</t>
  </si>
  <si>
    <t>体育の日</t>
  </si>
  <si>
    <t>文化の日</t>
  </si>
  <si>
    <t>勤労感謝の日</t>
  </si>
  <si>
    <t>天皇誕生日</t>
  </si>
  <si>
    <t>山の日</t>
  </si>
  <si>
    <t>除外判定</t>
    <rPh sb="0" eb="2">
      <t>ジョガイ</t>
    </rPh>
    <rPh sb="2" eb="4">
      <t>ハンテイ</t>
    </rPh>
    <phoneticPr fontId="1"/>
  </si>
  <si>
    <t>夏休み</t>
    <rPh sb="0" eb="2">
      <t>ナツヤス</t>
    </rPh>
    <phoneticPr fontId="1"/>
  </si>
  <si>
    <t>対象日数</t>
    <rPh sb="0" eb="2">
      <t>タイショウ</t>
    </rPh>
    <rPh sb="2" eb="4">
      <t>ニッスウ</t>
    </rPh>
    <phoneticPr fontId="1"/>
  </si>
  <si>
    <t>日付</t>
    <rPh sb="0" eb="2">
      <t>ヒヅケ</t>
    </rPh>
    <phoneticPr fontId="1"/>
  </si>
  <si>
    <t>曜日</t>
    <rPh sb="0" eb="2">
      <t>ヨウビ</t>
    </rPh>
    <phoneticPr fontId="1"/>
  </si>
  <si>
    <t>○</t>
    <phoneticPr fontId="1"/>
  </si>
  <si>
    <t>○</t>
    <phoneticPr fontId="1"/>
  </si>
  <si>
    <t>工事名</t>
    <rPh sb="0" eb="2">
      <t>コウジ</t>
    </rPh>
    <rPh sb="2" eb="3">
      <t>メイ</t>
    </rPh>
    <phoneticPr fontId="1"/>
  </si>
  <si>
    <t>現場代理人</t>
    <rPh sb="0" eb="2">
      <t>ゲンバ</t>
    </rPh>
    <rPh sb="2" eb="5">
      <t>ダイリニン</t>
    </rPh>
    <phoneticPr fontId="1"/>
  </si>
  <si>
    <t>履行確認</t>
    <rPh sb="0" eb="2">
      <t>リコウ</t>
    </rPh>
    <rPh sb="2" eb="4">
      <t>カクニン</t>
    </rPh>
    <phoneticPr fontId="1"/>
  </si>
  <si>
    <t>～</t>
    <phoneticPr fontId="1"/>
  </si>
  <si>
    <t>全体日数</t>
    <rPh sb="0" eb="2">
      <t>ゼンタイ</t>
    </rPh>
    <rPh sb="2" eb="4">
      <t>ニッスウ</t>
    </rPh>
    <phoneticPr fontId="1"/>
  </si>
  <si>
    <t>発注事務所</t>
    <rPh sb="0" eb="2">
      <t>ハッチュウ</t>
    </rPh>
    <rPh sb="2" eb="4">
      <t>ジム</t>
    </rPh>
    <rPh sb="4" eb="5">
      <t>ショ</t>
    </rPh>
    <phoneticPr fontId="1"/>
  </si>
  <si>
    <t>受注者所在地</t>
    <rPh sb="0" eb="3">
      <t>ジュチュウシャ</t>
    </rPh>
    <rPh sb="3" eb="6">
      <t>ショザイチ</t>
    </rPh>
    <phoneticPr fontId="1"/>
  </si>
  <si>
    <t>主任（監理）技術者</t>
    <rPh sb="0" eb="2">
      <t>シュニン</t>
    </rPh>
    <rPh sb="3" eb="5">
      <t>カンリ</t>
    </rPh>
    <rPh sb="6" eb="9">
      <t>ギジュツシャ</t>
    </rPh>
    <phoneticPr fontId="1"/>
  </si>
  <si>
    <t>連絡先</t>
    <rPh sb="0" eb="3">
      <t>レンラクサキ</t>
    </rPh>
    <phoneticPr fontId="1"/>
  </si>
  <si>
    <t>契約工期</t>
    <rPh sb="0" eb="2">
      <t>ケイヤク</t>
    </rPh>
    <rPh sb="2" eb="4">
      <t>コウキ</t>
    </rPh>
    <phoneticPr fontId="1"/>
  </si>
  <si>
    <t>対象工期</t>
    <rPh sb="0" eb="2">
      <t>タイショウ</t>
    </rPh>
    <rPh sb="2" eb="4">
      <t>コウキ</t>
    </rPh>
    <phoneticPr fontId="1"/>
  </si>
  <si>
    <t>西暦</t>
    <rPh sb="0" eb="2">
      <t>セイレキ</t>
    </rPh>
    <phoneticPr fontId="1"/>
  </si>
  <si>
    <t>年</t>
    <rPh sb="0" eb="1">
      <t>ネン</t>
    </rPh>
    <phoneticPr fontId="1"/>
  </si>
  <si>
    <t>月</t>
    <rPh sb="0" eb="1">
      <t>ガツ</t>
    </rPh>
    <phoneticPr fontId="1"/>
  </si>
  <si>
    <t>日</t>
    <rPh sb="0" eb="1">
      <t>ニチ</t>
    </rPh>
    <phoneticPr fontId="1"/>
  </si>
  <si>
    <t>元日</t>
    <phoneticPr fontId="1"/>
  </si>
  <si>
    <t>成人の日</t>
    <phoneticPr fontId="1"/>
  </si>
  <si>
    <t>○</t>
    <phoneticPr fontId="1"/>
  </si>
  <si>
    <t>事務所</t>
    <rPh sb="0" eb="2">
      <t>ジム</t>
    </rPh>
    <rPh sb="2" eb="3">
      <t>ショ</t>
    </rPh>
    <phoneticPr fontId="1"/>
  </si>
  <si>
    <t>横須賀土木事務所</t>
    <rPh sb="0" eb="3">
      <t>ヨコスカ</t>
    </rPh>
    <rPh sb="3" eb="5">
      <t>ドボク</t>
    </rPh>
    <rPh sb="5" eb="7">
      <t>ジム</t>
    </rPh>
    <rPh sb="7" eb="8">
      <t>ショ</t>
    </rPh>
    <phoneticPr fontId="1"/>
  </si>
  <si>
    <t>県西土木事務所</t>
    <rPh sb="0" eb="2">
      <t>ケンセイ</t>
    </rPh>
    <rPh sb="2" eb="4">
      <t>ドボク</t>
    </rPh>
    <rPh sb="4" eb="6">
      <t>ジム</t>
    </rPh>
    <rPh sb="6" eb="7">
      <t>ショ</t>
    </rPh>
    <phoneticPr fontId="1"/>
  </si>
  <si>
    <t>横浜川崎治水事務所</t>
    <rPh sb="0" eb="2">
      <t>ヨコハマ</t>
    </rPh>
    <rPh sb="2" eb="4">
      <t>カワサキ</t>
    </rPh>
    <rPh sb="4" eb="6">
      <t>チスイ</t>
    </rPh>
    <rPh sb="6" eb="8">
      <t>ジム</t>
    </rPh>
    <rPh sb="8" eb="9">
      <t>ショ</t>
    </rPh>
    <phoneticPr fontId="1"/>
  </si>
  <si>
    <t>流域下水道整備事務所</t>
    <rPh sb="0" eb="2">
      <t>リュウイキ</t>
    </rPh>
    <rPh sb="2" eb="5">
      <t>ゲスイドウ</t>
    </rPh>
    <rPh sb="5" eb="7">
      <t>セイビ</t>
    </rPh>
    <rPh sb="7" eb="9">
      <t>ジム</t>
    </rPh>
    <rPh sb="9" eb="10">
      <t>ショ</t>
    </rPh>
    <phoneticPr fontId="1"/>
  </si>
  <si>
    <t>住宅営繕事務所</t>
    <rPh sb="0" eb="2">
      <t>ジュウタク</t>
    </rPh>
    <rPh sb="2" eb="4">
      <t>エイゼン</t>
    </rPh>
    <rPh sb="4" eb="6">
      <t>ジム</t>
    </rPh>
    <rPh sb="6" eb="7">
      <t>ショ</t>
    </rPh>
    <phoneticPr fontId="1"/>
  </si>
  <si>
    <t>備考</t>
    <rPh sb="0" eb="2">
      <t>ビコウ</t>
    </rPh>
    <phoneticPr fontId="1"/>
  </si>
  <si>
    <t>休日
計画</t>
    <rPh sb="0" eb="2">
      <t>キュウジツ</t>
    </rPh>
    <rPh sb="3" eb="5">
      <t>ケイカク</t>
    </rPh>
    <phoneticPr fontId="1"/>
  </si>
  <si>
    <t>1年目</t>
    <rPh sb="1" eb="3">
      <t>ネンメ</t>
    </rPh>
    <phoneticPr fontId="1"/>
  </si>
  <si>
    <t>2年目</t>
    <rPh sb="1" eb="3">
      <t>ネンメ</t>
    </rPh>
    <phoneticPr fontId="1"/>
  </si>
  <si>
    <t>3年目</t>
    <rPh sb="1" eb="3">
      <t>ネンメ</t>
    </rPh>
    <phoneticPr fontId="1"/>
  </si>
  <si>
    <t>別紙１</t>
    <rPh sb="0" eb="2">
      <t>ベッシ</t>
    </rPh>
    <phoneticPr fontId="1"/>
  </si>
  <si>
    <t>完全
確認</t>
    <rPh sb="0" eb="2">
      <t>カンゼン</t>
    </rPh>
    <rPh sb="3" eb="5">
      <t>カクニン</t>
    </rPh>
    <phoneticPr fontId="1"/>
  </si>
  <si>
    <t>4週5休
判定</t>
    <rPh sb="1" eb="2">
      <t>シュウ</t>
    </rPh>
    <rPh sb="3" eb="4">
      <t>キュウ</t>
    </rPh>
    <rPh sb="5" eb="7">
      <t>ハンテイ</t>
    </rPh>
    <phoneticPr fontId="1"/>
  </si>
  <si>
    <t>日付</t>
  </si>
  <si>
    <t>現場
閉所</t>
    <rPh sb="0" eb="2">
      <t>ゲンバ</t>
    </rPh>
    <rPh sb="3" eb="5">
      <t>ヘイショ</t>
    </rPh>
    <phoneticPr fontId="1"/>
  </si>
  <si>
    <t>除外
対象</t>
    <rPh sb="0" eb="2">
      <t>ジョガイ</t>
    </rPh>
    <rPh sb="3" eb="5">
      <t>タイショウ</t>
    </rPh>
    <phoneticPr fontId="1"/>
  </si>
  <si>
    <t>現場閉所
対象日数</t>
    <rPh sb="0" eb="2">
      <t>ゲンバ</t>
    </rPh>
    <rPh sb="2" eb="4">
      <t>ヘイショ</t>
    </rPh>
    <rPh sb="5" eb="7">
      <t>タイショウ</t>
    </rPh>
    <rPh sb="7" eb="9">
      <t>ニッスウ</t>
    </rPh>
    <phoneticPr fontId="1"/>
  </si>
  <si>
    <t>現場閉所率</t>
    <rPh sb="0" eb="2">
      <t>ゲンバ</t>
    </rPh>
    <rPh sb="2" eb="4">
      <t>ヘイショ</t>
    </rPh>
    <rPh sb="4" eb="5">
      <t>リツ</t>
    </rPh>
    <phoneticPr fontId="1"/>
  </si>
  <si>
    <t>工事場所</t>
    <rPh sb="0" eb="2">
      <t>コウジ</t>
    </rPh>
    <rPh sb="2" eb="4">
      <t>バショ</t>
    </rPh>
    <phoneticPr fontId="1"/>
  </si>
  <si>
    <t>×</t>
    <phoneticPr fontId="1"/>
  </si>
  <si>
    <t>除外日数</t>
    <rPh sb="0" eb="2">
      <t>ジョガイ</t>
    </rPh>
    <rPh sb="2" eb="4">
      <t>ニッスウ</t>
    </rPh>
    <phoneticPr fontId="1"/>
  </si>
  <si>
    <t>受注企業名</t>
    <rPh sb="0" eb="2">
      <t>ジュチュウ</t>
    </rPh>
    <rPh sb="2" eb="4">
      <t>キギョウ</t>
    </rPh>
    <rPh sb="4" eb="5">
      <t>メイ</t>
    </rPh>
    <phoneticPr fontId="1"/>
  </si>
  <si>
    <t>受注企業代表者名</t>
    <rPh sb="0" eb="2">
      <t>ジュチュウ</t>
    </rPh>
    <rPh sb="2" eb="4">
      <t>キギョウ</t>
    </rPh>
    <rPh sb="4" eb="7">
      <t>ダイヒョウシャ</t>
    </rPh>
    <rPh sb="7" eb="8">
      <t>メイ</t>
    </rPh>
    <phoneticPr fontId="1"/>
  </si>
  <si>
    <t>累計</t>
    <rPh sb="0" eb="2">
      <t>ルイケイ</t>
    </rPh>
    <phoneticPr fontId="1"/>
  </si>
  <si>
    <t>当月</t>
    <rPh sb="0" eb="2">
      <t>トウゲツ</t>
    </rPh>
    <phoneticPr fontId="1"/>
  </si>
  <si>
    <t>神奈川県〇〇市〇〇</t>
    <rPh sb="0" eb="4">
      <t>カナガワケン</t>
    </rPh>
    <rPh sb="6" eb="7">
      <t>シ</t>
    </rPh>
    <phoneticPr fontId="1"/>
  </si>
  <si>
    <t>土日休み判定</t>
    <rPh sb="0" eb="2">
      <t>ドニチ</t>
    </rPh>
    <rPh sb="2" eb="3">
      <t>ヤス</t>
    </rPh>
    <rPh sb="4" eb="6">
      <t>ハンテイ</t>
    </rPh>
    <phoneticPr fontId="1"/>
  </si>
  <si>
    <t>除外
期間</t>
    <rPh sb="0" eb="2">
      <t>ジョガイ</t>
    </rPh>
    <rPh sb="3" eb="5">
      <t>キカン</t>
    </rPh>
    <phoneticPr fontId="1"/>
  </si>
  <si>
    <t>神奈川県○○市〇〇地内</t>
    <rPh sb="0" eb="4">
      <t>カナガワケン</t>
    </rPh>
    <rPh sb="6" eb="7">
      <t>シ</t>
    </rPh>
    <rPh sb="9" eb="10">
      <t>チ</t>
    </rPh>
    <rPh sb="10" eb="11">
      <t>ナイ</t>
    </rPh>
    <phoneticPr fontId="1"/>
  </si>
  <si>
    <t>夏季休暇１日目</t>
    <rPh sb="0" eb="2">
      <t>カキ</t>
    </rPh>
    <rPh sb="2" eb="4">
      <t>キュウカ</t>
    </rPh>
    <rPh sb="5" eb="6">
      <t>ニチ</t>
    </rPh>
    <rPh sb="6" eb="7">
      <t>メ</t>
    </rPh>
    <phoneticPr fontId="1"/>
  </si>
  <si>
    <t>夏季休暇２日目</t>
    <rPh sb="0" eb="2">
      <t>カキ</t>
    </rPh>
    <rPh sb="2" eb="4">
      <t>キュウカ</t>
    </rPh>
    <rPh sb="5" eb="6">
      <t>ニチ</t>
    </rPh>
    <rPh sb="6" eb="7">
      <t>メ</t>
    </rPh>
    <phoneticPr fontId="1"/>
  </si>
  <si>
    <t>夏季休暇３日目</t>
    <rPh sb="0" eb="2">
      <t>カキ</t>
    </rPh>
    <rPh sb="2" eb="4">
      <t>キュウカ</t>
    </rPh>
    <rPh sb="5" eb="6">
      <t>ニチ</t>
    </rPh>
    <rPh sb="6" eb="7">
      <t>メ</t>
    </rPh>
    <phoneticPr fontId="1"/>
  </si>
  <si>
    <t>①このファイルは2019年２月１日～2030年３月31日までの間に実施される工事に対応しています。</t>
    <rPh sb="12" eb="13">
      <t>ネン</t>
    </rPh>
    <rPh sb="14" eb="15">
      <t>ガツ</t>
    </rPh>
    <rPh sb="16" eb="17">
      <t>ニチ</t>
    </rPh>
    <rPh sb="22" eb="23">
      <t>ネン</t>
    </rPh>
    <rPh sb="24" eb="25">
      <t>ガツ</t>
    </rPh>
    <rPh sb="27" eb="28">
      <t>ニチ</t>
    </rPh>
    <rPh sb="31" eb="32">
      <t>アイダ</t>
    </rPh>
    <rPh sb="33" eb="35">
      <t>ジッシ</t>
    </rPh>
    <rPh sb="38" eb="40">
      <t>コウジ</t>
    </rPh>
    <rPh sb="41" eb="43">
      <t>タイオウ</t>
    </rPh>
    <phoneticPr fontId="1"/>
  </si>
  <si>
    <t>②このファイルは工期が３年間ある工事まで対応できます。工期がそれ以上になる場合は、神奈川県県土整備局技術管理課まで問い合わせてください。</t>
    <rPh sb="8" eb="10">
      <t>コウキ</t>
    </rPh>
    <rPh sb="12" eb="14">
      <t>ネンカン</t>
    </rPh>
    <rPh sb="16" eb="18">
      <t>コウジ</t>
    </rPh>
    <rPh sb="20" eb="22">
      <t>タイオウ</t>
    </rPh>
    <rPh sb="27" eb="29">
      <t>コウキ</t>
    </rPh>
    <rPh sb="32" eb="34">
      <t>イジョウ</t>
    </rPh>
    <rPh sb="37" eb="39">
      <t>バアイ</t>
    </rPh>
    <rPh sb="41" eb="45">
      <t>カナガワケン</t>
    </rPh>
    <rPh sb="45" eb="47">
      <t>ケンド</t>
    </rPh>
    <rPh sb="47" eb="49">
      <t>セイビ</t>
    </rPh>
    <rPh sb="49" eb="50">
      <t>キョク</t>
    </rPh>
    <rPh sb="50" eb="52">
      <t>ギジュツ</t>
    </rPh>
    <rPh sb="52" eb="54">
      <t>カンリ</t>
    </rPh>
    <rPh sb="54" eb="55">
      <t>カ</t>
    </rPh>
    <rPh sb="57" eb="58">
      <t>ト</t>
    </rPh>
    <rPh sb="59" eb="60">
      <t>ア</t>
    </rPh>
    <phoneticPr fontId="1"/>
  </si>
  <si>
    <t>代表取締役　○○　××</t>
    <phoneticPr fontId="1"/>
  </si>
  <si>
    <t>090-0000-0000</t>
    <phoneticPr fontId="1"/>
  </si>
  <si>
    <t>厚木土木事務所 東部センター所</t>
    <rPh sb="0" eb="2">
      <t>アツギ</t>
    </rPh>
    <rPh sb="2" eb="4">
      <t>ドボク</t>
    </rPh>
    <rPh sb="4" eb="6">
      <t>ジム</t>
    </rPh>
    <rPh sb="6" eb="7">
      <t>ショ</t>
    </rPh>
    <rPh sb="8" eb="10">
      <t>トウブ</t>
    </rPh>
    <rPh sb="14" eb="15">
      <t>ショ</t>
    </rPh>
    <phoneticPr fontId="1"/>
  </si>
  <si>
    <t>県西土木事務所 小田原土木センター所</t>
    <rPh sb="0" eb="2">
      <t>ケンセイ</t>
    </rPh>
    <rPh sb="2" eb="4">
      <t>ドボク</t>
    </rPh>
    <rPh sb="4" eb="6">
      <t>ジム</t>
    </rPh>
    <rPh sb="6" eb="7">
      <t>ショ</t>
    </rPh>
    <rPh sb="8" eb="11">
      <t>オダワラ</t>
    </rPh>
    <rPh sb="11" eb="13">
      <t>ドボク</t>
    </rPh>
    <phoneticPr fontId="1"/>
  </si>
  <si>
    <t>横浜川崎治水事務所 川崎治水センター所</t>
    <rPh sb="0" eb="2">
      <t>ヨコハマ</t>
    </rPh>
    <rPh sb="2" eb="4">
      <t>カワサキ</t>
    </rPh>
    <rPh sb="4" eb="6">
      <t>チスイ</t>
    </rPh>
    <rPh sb="6" eb="8">
      <t>ジム</t>
    </rPh>
    <rPh sb="8" eb="9">
      <t>ショ</t>
    </rPh>
    <rPh sb="10" eb="12">
      <t>カワサキ</t>
    </rPh>
    <rPh sb="12" eb="14">
      <t>チスイ</t>
    </rPh>
    <phoneticPr fontId="1"/>
  </si>
  <si>
    <t>厚木土木事務所 津久井治水センター所</t>
    <rPh sb="0" eb="2">
      <t>アツギ</t>
    </rPh>
    <rPh sb="2" eb="4">
      <t>ドボク</t>
    </rPh>
    <rPh sb="4" eb="6">
      <t>ジム</t>
    </rPh>
    <rPh sb="6" eb="7">
      <t>ショ</t>
    </rPh>
    <rPh sb="8" eb="11">
      <t>ツクイ</t>
    </rPh>
    <rPh sb="11" eb="13">
      <t>チスイ</t>
    </rPh>
    <phoneticPr fontId="1"/>
  </si>
  <si>
    <t>○○○事務所（センター）所</t>
    <rPh sb="12" eb="13">
      <t>ショ</t>
    </rPh>
    <phoneticPr fontId="1"/>
  </si>
  <si>
    <t>平塚土木事務所</t>
    <rPh sb="0" eb="2">
      <t>ヒラツカ</t>
    </rPh>
    <rPh sb="2" eb="4">
      <t>ドボク</t>
    </rPh>
    <rPh sb="4" eb="6">
      <t>ジム</t>
    </rPh>
    <rPh sb="6" eb="7">
      <t>ショ</t>
    </rPh>
    <phoneticPr fontId="1"/>
  </si>
  <si>
    <t>藤沢土木事務所</t>
    <rPh sb="0" eb="2">
      <t>フジサワ</t>
    </rPh>
    <rPh sb="2" eb="4">
      <t>ドボク</t>
    </rPh>
    <rPh sb="4" eb="6">
      <t>ジム</t>
    </rPh>
    <rPh sb="6" eb="7">
      <t>ショ</t>
    </rPh>
    <phoneticPr fontId="1"/>
  </si>
  <si>
    <t>厚木土木事務所</t>
    <rPh sb="0" eb="2">
      <t>アツギ</t>
    </rPh>
    <rPh sb="2" eb="4">
      <t>ドボク</t>
    </rPh>
    <rPh sb="4" eb="6">
      <t>ジム</t>
    </rPh>
    <rPh sb="6" eb="7">
      <t>ショ</t>
    </rPh>
    <phoneticPr fontId="1"/>
  </si>
  <si>
    <t>令和〇年度〇〇〇工事公共（その〇）県単（その〇）</t>
    <rPh sb="0" eb="1">
      <t>レイ</t>
    </rPh>
    <rPh sb="1" eb="2">
      <t>カズ</t>
    </rPh>
    <rPh sb="3" eb="5">
      <t>ネンド</t>
    </rPh>
    <rPh sb="8" eb="10">
      <t>コウジ</t>
    </rPh>
    <rPh sb="10" eb="12">
      <t>コウキョウ</t>
    </rPh>
    <rPh sb="17" eb="18">
      <t>ケン</t>
    </rPh>
    <rPh sb="18" eb="19">
      <t>タン</t>
    </rPh>
    <phoneticPr fontId="1"/>
  </si>
  <si>
    <t>土日日数</t>
    <rPh sb="0" eb="2">
      <t>ドニチ</t>
    </rPh>
    <rPh sb="2" eb="4">
      <t>ニッスウ</t>
    </rPh>
    <phoneticPr fontId="1"/>
  </si>
  <si>
    <t>通期の週休２日
（累計状況）</t>
    <rPh sb="0" eb="2">
      <t>ツウキ</t>
    </rPh>
    <rPh sb="3" eb="7">
      <t>シュウキュウフツカ</t>
    </rPh>
    <rPh sb="9" eb="11">
      <t>ルイケイ</t>
    </rPh>
    <rPh sb="11" eb="13">
      <t>ジョウキョウ</t>
    </rPh>
    <phoneticPr fontId="1"/>
  </si>
  <si>
    <t>別紙１</t>
    <phoneticPr fontId="1"/>
  </si>
  <si>
    <t>④黄色着色してあるセルに必要事項を記入してください。</t>
    <rPh sb="1" eb="3">
      <t>キイロ</t>
    </rPh>
    <rPh sb="3" eb="5">
      <t>チャクショク</t>
    </rPh>
    <rPh sb="12" eb="14">
      <t>ヒツヨウ</t>
    </rPh>
    <rPh sb="14" eb="16">
      <t>ジコウ</t>
    </rPh>
    <rPh sb="17" eb="19">
      <t>キニュウ</t>
    </rPh>
    <phoneticPr fontId="1"/>
  </si>
  <si>
    <t>⑤入力が必要な箇所以外は保護がかけられているため、選択できません。</t>
    <rPh sb="1" eb="3">
      <t>ニュウリョク</t>
    </rPh>
    <rPh sb="4" eb="6">
      <t>ヒツヨウ</t>
    </rPh>
    <rPh sb="7" eb="9">
      <t>カショ</t>
    </rPh>
    <rPh sb="9" eb="11">
      <t>イガイ</t>
    </rPh>
    <rPh sb="12" eb="14">
      <t>ホゴ</t>
    </rPh>
    <rPh sb="25" eb="27">
      <t>センタク</t>
    </rPh>
    <phoneticPr fontId="1"/>
  </si>
  <si>
    <t>⑥週休２日履行確認書類作成マニュアル及び吹出に記載されている注意事項をよく読み、記入してください。</t>
    <rPh sb="1" eb="3">
      <t>シュウキュウ</t>
    </rPh>
    <rPh sb="4" eb="5">
      <t>ニチ</t>
    </rPh>
    <rPh sb="5" eb="7">
      <t>リコウ</t>
    </rPh>
    <rPh sb="7" eb="9">
      <t>カクニン</t>
    </rPh>
    <rPh sb="9" eb="11">
      <t>ショルイ</t>
    </rPh>
    <rPh sb="11" eb="13">
      <t>サクセイ</t>
    </rPh>
    <rPh sb="18" eb="19">
      <t>オヨ</t>
    </rPh>
    <rPh sb="20" eb="22">
      <t>フキダシ</t>
    </rPh>
    <rPh sb="23" eb="25">
      <t>キサイ</t>
    </rPh>
    <rPh sb="30" eb="32">
      <t>チュウイ</t>
    </rPh>
    <rPh sb="32" eb="34">
      <t>ジコウ</t>
    </rPh>
    <rPh sb="37" eb="38">
      <t>ヨ</t>
    </rPh>
    <rPh sb="40" eb="42">
      <t>キニュウ</t>
    </rPh>
    <phoneticPr fontId="1"/>
  </si>
  <si>
    <t>③このファイルは受発注者間の協議により現場閉所日（現場休息日）を原則として土曜日・日曜日としない場合は対応できませんので、神奈川県県土整備局技術管理課まで問い合わせてください。</t>
    <rPh sb="8" eb="11">
      <t>ジュハッチュウ</t>
    </rPh>
    <rPh sb="11" eb="12">
      <t>シャ</t>
    </rPh>
    <rPh sb="12" eb="13">
      <t>アイダ</t>
    </rPh>
    <rPh sb="14" eb="16">
      <t>キョウギ</t>
    </rPh>
    <rPh sb="19" eb="21">
      <t>ゲンバ</t>
    </rPh>
    <rPh sb="21" eb="23">
      <t>ヘイショ</t>
    </rPh>
    <rPh sb="23" eb="24">
      <t>ビ</t>
    </rPh>
    <rPh sb="25" eb="27">
      <t>ゲンバ</t>
    </rPh>
    <rPh sb="27" eb="29">
      <t>キュウソク</t>
    </rPh>
    <rPh sb="29" eb="30">
      <t>ビ</t>
    </rPh>
    <rPh sb="32" eb="34">
      <t>ゲンソク</t>
    </rPh>
    <rPh sb="37" eb="40">
      <t>ドヨウビ</t>
    </rPh>
    <rPh sb="41" eb="44">
      <t>ニチヨウビ</t>
    </rPh>
    <rPh sb="48" eb="50">
      <t>バアイ</t>
    </rPh>
    <rPh sb="51" eb="53">
      <t>タイオウ</t>
    </rPh>
    <phoneticPr fontId="1"/>
  </si>
  <si>
    <t>現場閉所（現
場休息）日数</t>
    <rPh sb="0" eb="2">
      <t>ゲンバ</t>
    </rPh>
    <rPh sb="2" eb="4">
      <t>ヘイショ</t>
    </rPh>
    <rPh sb="5" eb="6">
      <t>ゲン</t>
    </rPh>
    <rPh sb="7" eb="8">
      <t>バ</t>
    </rPh>
    <rPh sb="8" eb="10">
      <t>キュウソク</t>
    </rPh>
    <rPh sb="11" eb="13">
      <t>ニッスウ</t>
    </rPh>
    <phoneticPr fontId="1"/>
  </si>
  <si>
    <t>建築工事・電気設備工事・
機械設備工事</t>
    <rPh sb="2" eb="4">
      <t>コウジ</t>
    </rPh>
    <rPh sb="7" eb="9">
      <t>セツビ</t>
    </rPh>
    <rPh sb="9" eb="11">
      <t>コウジ</t>
    </rPh>
    <phoneticPr fontId="1"/>
  </si>
  <si>
    <t>○○株式会社</t>
    <rPh sb="2" eb="6">
      <t>カブシキガイシャ</t>
    </rPh>
    <phoneticPr fontId="1"/>
  </si>
  <si>
    <t>○○　○○</t>
    <phoneticPr fontId="1"/>
  </si>
  <si>
    <t>△△　△△</t>
    <phoneticPr fontId="1"/>
  </si>
  <si>
    <t>先月までの月単位の週休２日
達成状況</t>
    <rPh sb="0" eb="2">
      <t>センゲツ</t>
    </rPh>
    <rPh sb="5" eb="8">
      <t>ツキタンイ</t>
    </rPh>
    <rPh sb="9" eb="11">
      <t>シュウキュウ</t>
    </rPh>
    <rPh sb="12" eb="13">
      <t>ヒ</t>
    </rPh>
    <rPh sb="14" eb="16">
      <t>タッセイ</t>
    </rPh>
    <rPh sb="16" eb="18">
      <t>ジョウキョウ</t>
    </rPh>
    <phoneticPr fontId="1"/>
  </si>
  <si>
    <t>―</t>
    <phoneticPr fontId="1"/>
  </si>
  <si>
    <t>今月の現場閉所率
達成状況</t>
    <phoneticPr fontId="1"/>
  </si>
  <si>
    <t>今月の現場閉所日数達成状況※</t>
    <phoneticPr fontId="1"/>
  </si>
  <si>
    <t>※暦上の土日の閉所では28.5％に満たない月は、その月の土日の合計日数以上に現場閉所日を設けている場合に、月単位の週休２日を達成しているものとみなす。</t>
    <phoneticPr fontId="1"/>
  </si>
  <si>
    <t>完全週休２日※</t>
    <phoneticPr fontId="1"/>
  </si>
  <si>
    <t>（注）２部作成し、各々保管する。</t>
    <phoneticPr fontId="1"/>
  </si>
  <si>
    <t>今月までの
通期の週休２日
達成状況</t>
    <rPh sb="0" eb="2">
      <t>コンゲツ</t>
    </rPh>
    <phoneticPr fontId="1"/>
  </si>
  <si>
    <t>月単位の週休２日※</t>
    <rPh sb="0" eb="3">
      <t>ツキタンイ</t>
    </rPh>
    <rPh sb="4" eb="6">
      <t>シュウキュウ</t>
    </rPh>
    <rPh sb="6" eb="8">
      <t>フツカ</t>
    </rPh>
    <phoneticPr fontId="1"/>
  </si>
  <si>
    <t>別紙２</t>
  </si>
  <si>
    <t>対象期間</t>
  </si>
  <si>
    <t>工事日数</t>
  </si>
  <si>
    <t>現場閉所
（現場休息）</t>
  </si>
  <si>
    <t>現場閉所
（現場休息）
率</t>
  </si>
  <si>
    <t>（日）</t>
  </si>
  <si>
    <t>〇〇〇〇年〇月〇日</t>
  </si>
  <si>
    <t>現場閉所（現場休息）履行報告書</t>
  </si>
  <si>
    <t>受注者</t>
  </si>
  <si>
    <t>所在地</t>
  </si>
  <si>
    <t>現場代理人</t>
  </si>
  <si>
    <t>主任(監理)技術者</t>
  </si>
  <si>
    <t>電話番号</t>
  </si>
  <si>
    <t>　次のとおり、週休２日制工事の実施結果を報告します。</t>
  </si>
  <si>
    <t>工事名</t>
  </si>
  <si>
    <t>工事場所</t>
  </si>
  <si>
    <t>契約工期</t>
  </si>
  <si>
    <t>～</t>
  </si>
  <si>
    <t>達成状況</t>
  </si>
  <si>
    <t>対象期間全体（通期の週休２日）</t>
  </si>
  <si>
    <t>週休２日制工事達成状況</t>
  </si>
  <si>
    <t>詳細は裏面のとおりです。　　　　　　　　　　（注）２部作成し、各々保管する。</t>
    <phoneticPr fontId="1"/>
  </si>
  <si>
    <t>※月単位の週休２日を達成し、かつ、原則土曜日及び日曜日を現場閉所日等とする。</t>
    <phoneticPr fontId="1"/>
  </si>
  <si>
    <r>
      <t>※月単位の週休２日を達成し、かつ</t>
    </r>
    <r>
      <rPr>
        <sz val="9"/>
        <rFont val="Yu Gothic"/>
        <family val="3"/>
        <charset val="128"/>
        <scheme val="minor"/>
      </rPr>
      <t>、原則土曜日及び日曜日を現場閉所日等とする。</t>
    </r>
    <phoneticPr fontId="1"/>
  </si>
  <si>
    <t>①今月のみの現場閉所率達成状況</t>
  </si>
  <si>
    <t>①今月のみの現場閉所率達成状況</t>
    <phoneticPr fontId="1"/>
  </si>
  <si>
    <t>②今月の現場閉所日数達成状況</t>
  </si>
  <si>
    <t>②今月の現場閉所日数達成状況</t>
    <phoneticPr fontId="1"/>
  </si>
  <si>
    <t>③　①と②両方×なら×　どちらか○なら○</t>
    <rPh sb="5" eb="7">
      <t>リョウホウ</t>
    </rPh>
    <phoneticPr fontId="1"/>
  </si>
  <si>
    <t>④　先月の④と今月の③、両方○なら○　</t>
    <rPh sb="2" eb="4">
      <t>センゲツ</t>
    </rPh>
    <rPh sb="7" eb="9">
      <t>コンゲツ</t>
    </rPh>
    <rPh sb="12" eb="14">
      <t>リョウホウ</t>
    </rPh>
    <phoneticPr fontId="1"/>
  </si>
  <si>
    <t>④　先月の③と今月の③、両方○なら○　</t>
    <rPh sb="2" eb="4">
      <t>センゲツ</t>
    </rPh>
    <rPh sb="7" eb="9">
      <t>コンゲツ</t>
    </rPh>
    <rPh sb="12" eb="14">
      <t>リョウホウ</t>
    </rPh>
    <phoneticPr fontId="1"/>
  </si>
  <si>
    <t>↑④は一度でも×がつくと、以降ずっと×　通期の週休２日を後から達成しても月単位は未達成</t>
    <rPh sb="3" eb="5">
      <t>イチド</t>
    </rPh>
    <rPh sb="13" eb="15">
      <t>イコウ</t>
    </rPh>
    <rPh sb="20" eb="22">
      <t>ツウキ</t>
    </rPh>
    <rPh sb="23" eb="25">
      <t>シュウキュウ</t>
    </rPh>
    <rPh sb="26" eb="27">
      <t>ヒ</t>
    </rPh>
    <rPh sb="28" eb="29">
      <t>アト</t>
    </rPh>
    <rPh sb="31" eb="33">
      <t>タッセイ</t>
    </rPh>
    <rPh sb="36" eb="39">
      <t>ツキタンイ</t>
    </rPh>
    <rPh sb="40" eb="43">
      <t>ミタッセイ</t>
    </rPh>
    <phoneticPr fontId="1"/>
  </si>
  <si>
    <t>⑦このファイルにより算出された結果（達成・未達成、現場閉所率等）に誤りがないか、必ず確認した上で提出してください。</t>
    <phoneticPr fontId="1"/>
  </si>
  <si>
    <t>○○○事務所（センター）所長　殿</t>
  </si>
  <si>
    <t/>
  </si>
  <si>
    <t>○○株式会社</t>
  </si>
  <si>
    <t>代表取締役　○○　××</t>
  </si>
  <si>
    <t>神奈川県〇〇市〇〇</t>
  </si>
  <si>
    <t>○○　○○</t>
  </si>
  <si>
    <t>△△　△△</t>
  </si>
  <si>
    <t>090-0000-0000</t>
  </si>
  <si>
    <t>令和〇年度〇〇〇工事公共（その〇）県単（その〇）</t>
  </si>
  <si>
    <t>神奈川県○○市〇〇地内</t>
  </si>
  <si>
    <t>未達成</t>
  </si>
  <si>
    <t>未達成</t>
    <phoneticPr fontId="1"/>
  </si>
  <si>
    <t>現場閉所（現場休息）実績報告書</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0%"/>
    <numFmt numFmtId="177" formatCode="m&quot;月&quot;d&quot;日&quot;;@"/>
    <numFmt numFmtId="178" formatCode="aaa"/>
    <numFmt numFmtId="179" formatCode="[$-F800]dddd\,\ mmmm\ dd\,\ yyyy"/>
    <numFmt numFmtId="180" formatCode="0&quot;日&quot;"/>
    <numFmt numFmtId="181" formatCode="0&quot;ページ&quot;"/>
  </numFmts>
  <fonts count="32">
    <font>
      <sz val="11"/>
      <color theme="1"/>
      <name val="Yu Gothic"/>
      <family val="2"/>
      <scheme val="minor"/>
    </font>
    <font>
      <sz val="6"/>
      <name val="Yu Gothic"/>
      <family val="3"/>
      <charset val="128"/>
      <scheme val="minor"/>
    </font>
    <font>
      <sz val="12"/>
      <color theme="3"/>
      <name val="Arial"/>
      <family val="2"/>
    </font>
    <font>
      <sz val="6"/>
      <name val="Meiryo UI"/>
      <family val="2"/>
      <charset val="128"/>
    </font>
    <font>
      <sz val="10"/>
      <color rgb="FF222222"/>
      <name val="メイリオ"/>
      <family val="3"/>
      <charset val="128"/>
    </font>
    <font>
      <sz val="12"/>
      <color theme="3"/>
      <name val="メイリオ"/>
      <family val="3"/>
      <charset val="128"/>
    </font>
    <font>
      <sz val="12"/>
      <name val="メイリオ"/>
      <family val="3"/>
      <charset val="128"/>
    </font>
    <font>
      <sz val="12"/>
      <color theme="0"/>
      <name val="メイリオ"/>
      <family val="3"/>
      <charset val="128"/>
    </font>
    <font>
      <sz val="11"/>
      <color theme="1"/>
      <name val="Yu Gothic"/>
      <family val="2"/>
      <scheme val="minor"/>
    </font>
    <font>
      <sz val="11"/>
      <color theme="1"/>
      <name val="ＭＳ 明朝"/>
      <family val="1"/>
      <charset val="128"/>
    </font>
    <font>
      <sz val="14"/>
      <color theme="1"/>
      <name val="ＭＳ 明朝"/>
      <family val="1"/>
      <charset val="128"/>
    </font>
    <font>
      <sz val="16"/>
      <color theme="1"/>
      <name val="ＭＳ 明朝"/>
      <family val="1"/>
      <charset val="128"/>
    </font>
    <font>
      <sz val="12"/>
      <color theme="1"/>
      <name val="ＭＳ 明朝"/>
      <family val="1"/>
      <charset val="128"/>
    </font>
    <font>
      <sz val="11"/>
      <color theme="1"/>
      <name val="ＭＳ Ｐ明朝"/>
      <family val="1"/>
      <charset val="128"/>
    </font>
    <font>
      <b/>
      <sz val="11"/>
      <color theme="1"/>
      <name val="ＭＳ ゴシック"/>
      <family val="3"/>
      <charset val="128"/>
    </font>
    <font>
      <b/>
      <sz val="14"/>
      <color theme="1"/>
      <name val="ＭＳ 明朝"/>
      <family val="1"/>
      <charset val="128"/>
    </font>
    <font>
      <b/>
      <sz val="11"/>
      <color theme="1"/>
      <name val="ＭＳ 明朝"/>
      <family val="1"/>
      <charset val="128"/>
    </font>
    <font>
      <b/>
      <sz val="11"/>
      <color theme="1"/>
      <name val="Yu Gothic"/>
      <family val="2"/>
      <scheme val="minor"/>
    </font>
    <font>
      <b/>
      <sz val="16"/>
      <color rgb="FFFF0000"/>
      <name val="ＭＳ 明朝"/>
      <family val="1"/>
      <charset val="128"/>
    </font>
    <font>
      <sz val="10"/>
      <color theme="1"/>
      <name val="ＭＳ 明朝"/>
      <family val="1"/>
      <charset val="128"/>
    </font>
    <font>
      <sz val="11"/>
      <color theme="1"/>
      <name val="ＭＳ ゴシック"/>
      <family val="3"/>
      <charset val="128"/>
    </font>
    <font>
      <sz val="8"/>
      <color theme="1"/>
      <name val="ＭＳ 明朝"/>
      <family val="1"/>
      <charset val="128"/>
    </font>
    <font>
      <sz val="8"/>
      <color theme="1"/>
      <name val="Yu Gothic"/>
      <family val="3"/>
      <charset val="128"/>
      <scheme val="minor"/>
    </font>
    <font>
      <sz val="11"/>
      <name val="ＭＳ 明朝"/>
      <family val="1"/>
      <charset val="128"/>
    </font>
    <font>
      <sz val="12"/>
      <name val="ＭＳ 明朝"/>
      <family val="1"/>
      <charset val="128"/>
    </font>
    <font>
      <sz val="8"/>
      <name val="ＭＳ 明朝"/>
      <family val="1"/>
      <charset val="128"/>
    </font>
    <font>
      <sz val="8"/>
      <name val="Yu Gothic"/>
      <family val="2"/>
      <scheme val="minor"/>
    </font>
    <font>
      <strike/>
      <sz val="11"/>
      <color theme="1"/>
      <name val="Yu Gothic"/>
      <family val="3"/>
      <charset val="128"/>
      <scheme val="minor"/>
    </font>
    <font>
      <sz val="9"/>
      <name val="ＭＳ 明朝"/>
      <family val="1"/>
      <charset val="128"/>
    </font>
    <font>
      <sz val="9"/>
      <name val="Yu Gothic"/>
      <family val="2"/>
      <scheme val="minor"/>
    </font>
    <font>
      <sz val="9"/>
      <name val="Yu Gothic"/>
      <family val="3"/>
      <charset val="128"/>
      <scheme val="minor"/>
    </font>
    <font>
      <sz val="11"/>
      <name val="Yu Gothic"/>
      <family val="3"/>
      <charset val="128"/>
      <scheme val="minor"/>
    </font>
  </fonts>
  <fills count="6">
    <fill>
      <patternFill patternType="none"/>
    </fill>
    <fill>
      <patternFill patternType="gray125"/>
    </fill>
    <fill>
      <patternFill patternType="solid">
        <fgColor theme="4"/>
        <bgColor indexed="64"/>
      </patternFill>
    </fill>
    <fill>
      <patternFill patternType="solid">
        <fgColor theme="0"/>
        <bgColor indexed="64"/>
      </patternFill>
    </fill>
    <fill>
      <patternFill patternType="solid">
        <fgColor theme="7" tint="0.39997558519241921"/>
        <bgColor indexed="64"/>
      </patternFill>
    </fill>
    <fill>
      <patternFill patternType="solid">
        <fgColor rgb="FFFFCCCC"/>
        <bgColor indexed="64"/>
      </patternFill>
    </fill>
  </fills>
  <borders count="72">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bottom style="thin">
        <color indexed="64"/>
      </bottom>
      <diagonal/>
    </border>
    <border>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theme="4"/>
      </left>
      <right style="thin">
        <color theme="4"/>
      </right>
      <top style="thin">
        <color theme="4"/>
      </top>
      <bottom style="thin">
        <color theme="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hair">
        <color indexed="64"/>
      </top>
      <bottom/>
      <diagonal/>
    </border>
    <border>
      <left style="thin">
        <color indexed="64"/>
      </left>
      <right style="hair">
        <color indexed="64"/>
      </right>
      <top/>
      <bottom style="thin">
        <color indexed="64"/>
      </bottom>
      <diagonal/>
    </border>
    <border>
      <left style="hair">
        <color indexed="64"/>
      </left>
      <right style="thin">
        <color indexed="64"/>
      </right>
      <top style="hair">
        <color indexed="64"/>
      </top>
      <bottom/>
      <diagonal/>
    </border>
    <border>
      <left style="hair">
        <color indexed="64"/>
      </left>
      <right style="thin">
        <color indexed="64"/>
      </right>
      <top/>
      <bottom style="thin">
        <color indexed="64"/>
      </bottom>
      <diagonal/>
    </border>
    <border>
      <left/>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bottom/>
      <diagonal/>
    </border>
    <border>
      <left style="hair">
        <color indexed="64"/>
      </left>
      <right/>
      <top/>
      <bottom style="thin">
        <color indexed="64"/>
      </bottom>
      <diagonal/>
    </border>
    <border>
      <left style="thin">
        <color indexed="64"/>
      </left>
      <right style="hair">
        <color indexed="64"/>
      </right>
      <top style="thin">
        <color indexed="64"/>
      </top>
      <bottom style="hair">
        <color indexed="64"/>
      </bottom>
      <diagonal/>
    </border>
    <border>
      <left/>
      <right style="hair">
        <color indexed="64"/>
      </right>
      <top style="thin">
        <color indexed="64"/>
      </top>
      <bottom/>
      <diagonal/>
    </border>
    <border>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right style="hair">
        <color indexed="64"/>
      </right>
      <top/>
      <bottom style="hair">
        <color indexed="64"/>
      </bottom>
      <diagonal/>
    </border>
    <border>
      <left/>
      <right style="hair">
        <color indexed="64"/>
      </right>
      <top style="hair">
        <color indexed="64"/>
      </top>
      <bottom/>
      <diagonal/>
    </border>
    <border>
      <left/>
      <right style="hair">
        <color indexed="64"/>
      </right>
      <top style="hair">
        <color indexed="64"/>
      </top>
      <bottom style="hair">
        <color indexed="64"/>
      </bottom>
      <diagonal/>
    </border>
    <border>
      <left/>
      <right style="thin">
        <color indexed="64"/>
      </right>
      <top/>
      <bottom/>
      <diagonal/>
    </border>
    <border>
      <left style="thin">
        <color indexed="64"/>
      </left>
      <right/>
      <top/>
      <bottom/>
      <diagonal/>
    </border>
    <border>
      <left style="thin">
        <color indexed="64"/>
      </left>
      <right/>
      <top style="hair">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thin">
        <color indexed="64"/>
      </left>
      <right style="hair">
        <color indexed="64"/>
      </right>
      <top/>
      <bottom/>
      <diagonal/>
    </border>
    <border>
      <left/>
      <right style="thin">
        <color indexed="64"/>
      </right>
      <top style="hair">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diagonal/>
    </border>
    <border>
      <left/>
      <right/>
      <top/>
      <bottom style="medium">
        <color indexed="64"/>
      </bottom>
      <diagonal/>
    </border>
    <border>
      <left style="thin">
        <color indexed="64"/>
      </left>
      <right style="hair">
        <color indexed="64"/>
      </right>
      <top style="hair">
        <color rgb="FFFF0000"/>
      </top>
      <bottom style="thin">
        <color indexed="64"/>
      </bottom>
      <diagonal/>
    </border>
    <border>
      <left/>
      <right style="thin">
        <color indexed="64"/>
      </right>
      <top/>
      <bottom style="hair">
        <color indexed="64"/>
      </bottom>
      <diagonal/>
    </border>
  </borders>
  <cellStyleXfs count="3">
    <xf numFmtId="0" fontId="0" fillId="0" borderId="0"/>
    <xf numFmtId="0" fontId="2" fillId="0" borderId="0">
      <alignment vertical="center"/>
    </xf>
    <xf numFmtId="9" fontId="8" fillId="0" borderId="0" applyFont="0" applyFill="0" applyBorder="0" applyAlignment="0" applyProtection="0">
      <alignment vertical="center"/>
    </xf>
  </cellStyleXfs>
  <cellXfs count="335">
    <xf numFmtId="0" fontId="0" fillId="0" borderId="0" xfId="0"/>
    <xf numFmtId="0" fontId="0" fillId="0" borderId="0" xfId="0" applyAlignment="1">
      <alignment horizontal="center"/>
    </xf>
    <xf numFmtId="0" fontId="5" fillId="0" borderId="0" xfId="1" applyFont="1" applyBorder="1" applyAlignment="1">
      <alignment horizontal="center" vertical="center"/>
    </xf>
    <xf numFmtId="14" fontId="7" fillId="2" borderId="12" xfId="1" applyNumberFormat="1" applyFont="1" applyFill="1" applyBorder="1" applyAlignment="1">
      <alignment horizontal="center" vertical="center"/>
    </xf>
    <xf numFmtId="0" fontId="7" fillId="2" borderId="12" xfId="1" applyFont="1" applyFill="1" applyBorder="1" applyAlignment="1">
      <alignment horizontal="center" vertical="center"/>
    </xf>
    <xf numFmtId="14" fontId="4" fillId="0" borderId="12" xfId="1" applyNumberFormat="1" applyFont="1" applyBorder="1" applyAlignment="1">
      <alignment horizontal="left" vertical="center"/>
    </xf>
    <xf numFmtId="0" fontId="6" fillId="0" borderId="12" xfId="1" applyFont="1" applyBorder="1" applyAlignment="1">
      <alignment horizontal="center" vertical="center"/>
    </xf>
    <xf numFmtId="178" fontId="4" fillId="0" borderId="12" xfId="1" applyNumberFormat="1" applyFont="1" applyBorder="1" applyAlignment="1">
      <alignment horizontal="center" vertical="center"/>
    </xf>
    <xf numFmtId="14" fontId="0" fillId="0" borderId="0" xfId="0" applyNumberFormat="1" applyAlignment="1">
      <alignment horizontal="right"/>
    </xf>
    <xf numFmtId="0" fontId="9" fillId="3" borderId="0" xfId="0" applyFont="1" applyFill="1"/>
    <xf numFmtId="0" fontId="9" fillId="3" borderId="0" xfId="0" applyFont="1" applyFill="1" applyAlignment="1">
      <alignment horizontal="right"/>
    </xf>
    <xf numFmtId="0" fontId="9" fillId="0" borderId="0" xfId="0" applyFont="1"/>
    <xf numFmtId="177" fontId="9" fillId="0" borderId="25" xfId="0" applyNumberFormat="1" applyFont="1" applyBorder="1" applyAlignment="1">
      <alignment vertical="center"/>
    </xf>
    <xf numFmtId="0" fontId="9" fillId="0" borderId="25" xfId="0" applyFont="1" applyBorder="1" applyAlignment="1">
      <alignment horizontal="center" vertical="center"/>
    </xf>
    <xf numFmtId="0" fontId="9" fillId="0" borderId="0" xfId="0" applyFont="1" applyAlignment="1">
      <alignment horizontal="center" vertical="center"/>
    </xf>
    <xf numFmtId="177" fontId="9" fillId="0" borderId="17" xfId="0" applyNumberFormat="1" applyFont="1" applyBorder="1" applyAlignment="1">
      <alignment vertical="center"/>
    </xf>
    <xf numFmtId="0" fontId="9" fillId="3" borderId="0" xfId="0" applyFont="1" applyFill="1" applyBorder="1" applyAlignment="1">
      <alignment horizontal="center" vertical="center"/>
    </xf>
    <xf numFmtId="0" fontId="9" fillId="3" borderId="0" xfId="0" applyFont="1" applyFill="1" applyBorder="1" applyAlignment="1">
      <alignment horizontal="center"/>
    </xf>
    <xf numFmtId="0" fontId="9" fillId="3" borderId="0" xfId="0" applyFont="1" applyFill="1" applyBorder="1"/>
    <xf numFmtId="0" fontId="9" fillId="0" borderId="21" xfId="0" applyFont="1" applyBorder="1" applyAlignment="1">
      <alignment horizontal="center" vertical="center"/>
    </xf>
    <xf numFmtId="177" fontId="9" fillId="0" borderId="22" xfId="0" applyNumberFormat="1" applyFont="1" applyBorder="1" applyAlignment="1">
      <alignment vertical="center"/>
    </xf>
    <xf numFmtId="0" fontId="9" fillId="0" borderId="24" xfId="0" applyFont="1" applyBorder="1" applyAlignment="1">
      <alignment horizontal="center" vertical="center"/>
    </xf>
    <xf numFmtId="0" fontId="9" fillId="0" borderId="0" xfId="0" applyFont="1" applyAlignment="1">
      <alignment vertical="center"/>
    </xf>
    <xf numFmtId="0" fontId="11" fillId="3" borderId="0" xfId="0" applyFont="1" applyFill="1" applyAlignment="1">
      <alignment horizontal="center" vertical="center"/>
    </xf>
    <xf numFmtId="0" fontId="9" fillId="3" borderId="0" xfId="0" applyFont="1" applyFill="1" applyAlignment="1">
      <alignment horizontal="center" vertical="center"/>
    </xf>
    <xf numFmtId="0" fontId="9" fillId="0" borderId="25" xfId="0" applyFont="1" applyBorder="1" applyAlignment="1" applyProtection="1">
      <alignment horizontal="center" vertical="center"/>
      <protection locked="0"/>
    </xf>
    <xf numFmtId="0" fontId="9" fillId="0" borderId="17" xfId="0" applyFont="1" applyBorder="1" applyAlignment="1" applyProtection="1">
      <alignment horizontal="center" vertical="center"/>
      <protection locked="0"/>
    </xf>
    <xf numFmtId="0" fontId="9" fillId="0" borderId="22" xfId="0" applyFont="1" applyBorder="1" applyAlignment="1" applyProtection="1">
      <alignment horizontal="center" vertical="center"/>
      <protection locked="0"/>
    </xf>
    <xf numFmtId="0" fontId="9" fillId="3" borderId="0" xfId="0" applyFont="1" applyFill="1" applyAlignment="1">
      <alignment horizontal="center"/>
    </xf>
    <xf numFmtId="176" fontId="9" fillId="3" borderId="0" xfId="2" applyNumberFormat="1" applyFont="1" applyFill="1" applyAlignment="1"/>
    <xf numFmtId="0" fontId="0" fillId="0" borderId="0" xfId="0" applyAlignment="1">
      <alignment horizontal="center"/>
    </xf>
    <xf numFmtId="0" fontId="9" fillId="3" borderId="0" xfId="0" applyFont="1" applyFill="1" applyProtection="1"/>
    <xf numFmtId="0" fontId="9" fillId="3" borderId="0" xfId="0" applyFont="1" applyFill="1" applyAlignment="1" applyProtection="1">
      <alignment vertical="center" wrapText="1"/>
    </xf>
    <xf numFmtId="0" fontId="9" fillId="3" borderId="0" xfId="0" applyFont="1" applyFill="1" applyAlignment="1" applyProtection="1"/>
    <xf numFmtId="0" fontId="0" fillId="3" borderId="0" xfId="0" applyFill="1" applyAlignment="1">
      <alignment horizontal="left" vertical="center"/>
    </xf>
    <xf numFmtId="0" fontId="0" fillId="3" borderId="1" xfId="0" applyFill="1" applyBorder="1" applyAlignment="1">
      <alignment horizontal="left" vertical="center"/>
    </xf>
    <xf numFmtId="0" fontId="0" fillId="3" borderId="9" xfId="0" applyFill="1" applyBorder="1" applyAlignment="1">
      <alignment horizontal="left" vertical="center"/>
    </xf>
    <xf numFmtId="0" fontId="0" fillId="3" borderId="4" xfId="0" applyFill="1" applyBorder="1" applyAlignment="1">
      <alignment horizontal="left" vertical="center"/>
    </xf>
    <xf numFmtId="0" fontId="0" fillId="3" borderId="33" xfId="0" applyFill="1" applyBorder="1" applyAlignment="1">
      <alignment horizontal="left" vertical="center"/>
    </xf>
    <xf numFmtId="0" fontId="9" fillId="0" borderId="34" xfId="0" applyFont="1" applyBorder="1" applyAlignment="1">
      <alignment horizontal="center" vertical="center"/>
    </xf>
    <xf numFmtId="0" fontId="9" fillId="3" borderId="0" xfId="0" applyFont="1" applyFill="1" applyBorder="1" applyAlignment="1">
      <alignment horizontal="center" vertical="center" wrapText="1"/>
    </xf>
    <xf numFmtId="14" fontId="9" fillId="0" borderId="0" xfId="0" applyNumberFormat="1" applyFont="1" applyAlignment="1">
      <alignment horizontal="center" vertical="center"/>
    </xf>
    <xf numFmtId="0" fontId="9" fillId="3" borderId="18" xfId="0" applyFont="1" applyFill="1" applyBorder="1"/>
    <xf numFmtId="0" fontId="9" fillId="3" borderId="49" xfId="0" applyFont="1" applyFill="1" applyBorder="1"/>
    <xf numFmtId="0" fontId="9" fillId="3" borderId="18" xfId="0" applyFont="1" applyFill="1" applyBorder="1" applyAlignment="1">
      <alignment horizontal="left" vertical="center" wrapText="1"/>
    </xf>
    <xf numFmtId="0" fontId="9" fillId="0" borderId="35" xfId="0" applyNumberFormat="1" applyFont="1" applyBorder="1" applyAlignment="1" applyProtection="1">
      <alignment horizontal="center" vertical="center"/>
      <protection locked="0"/>
    </xf>
    <xf numFmtId="0" fontId="9" fillId="0" borderId="38" xfId="0" applyNumberFormat="1" applyFont="1" applyBorder="1" applyAlignment="1" applyProtection="1">
      <alignment horizontal="center" vertical="center"/>
      <protection locked="0"/>
    </xf>
    <xf numFmtId="0" fontId="0" fillId="4" borderId="33" xfId="0" applyFill="1" applyBorder="1" applyAlignment="1" applyProtection="1">
      <alignment horizontal="right" vertical="center"/>
      <protection locked="0"/>
    </xf>
    <xf numFmtId="177" fontId="9" fillId="0" borderId="0" xfId="0" applyNumberFormat="1" applyFont="1" applyAlignment="1">
      <alignment vertical="center"/>
    </xf>
    <xf numFmtId="0" fontId="16" fillId="3" borderId="0" xfId="0" applyFont="1" applyFill="1" applyAlignment="1">
      <alignment horizontal="right"/>
    </xf>
    <xf numFmtId="0" fontId="15" fillId="3" borderId="1" xfId="0" applyFont="1" applyFill="1" applyBorder="1" applyAlignment="1">
      <alignment horizontal="center" vertical="center"/>
    </xf>
    <xf numFmtId="0" fontId="16" fillId="3" borderId="0" xfId="0" applyFont="1" applyFill="1"/>
    <xf numFmtId="0" fontId="17" fillId="0" borderId="0" xfId="0" applyFont="1"/>
    <xf numFmtId="0" fontId="0" fillId="3" borderId="0" xfId="0" applyFill="1" applyAlignment="1">
      <alignment horizontal="right"/>
    </xf>
    <xf numFmtId="0" fontId="11" fillId="3" borderId="0" xfId="0" applyFont="1" applyFill="1" applyAlignment="1" applyProtection="1">
      <alignment horizontal="center"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9" fillId="3" borderId="0" xfId="0" applyFont="1" applyFill="1" applyAlignment="1" applyProtection="1">
      <alignment vertical="center"/>
    </xf>
    <xf numFmtId="0" fontId="19" fillId="3" borderId="5" xfId="0" applyNumberFormat="1" applyFont="1" applyFill="1" applyBorder="1"/>
    <xf numFmtId="179" fontId="19" fillId="3" borderId="13" xfId="0" applyNumberFormat="1" applyFont="1" applyFill="1" applyBorder="1" applyAlignment="1">
      <alignment horizontal="center"/>
    </xf>
    <xf numFmtId="0" fontId="19" fillId="3" borderId="15" xfId="0" applyNumberFormat="1" applyFont="1" applyFill="1" applyBorder="1"/>
    <xf numFmtId="0" fontId="19" fillId="3" borderId="15" xfId="0" applyFont="1" applyFill="1" applyBorder="1"/>
    <xf numFmtId="0" fontId="19" fillId="3" borderId="0" xfId="0" applyFont="1" applyFill="1" applyBorder="1"/>
    <xf numFmtId="0" fontId="19" fillId="3" borderId="14" xfId="0" applyNumberFormat="1" applyFont="1" applyFill="1" applyBorder="1"/>
    <xf numFmtId="0" fontId="19" fillId="3" borderId="11" xfId="0" applyFont="1" applyFill="1" applyBorder="1"/>
    <xf numFmtId="0" fontId="19" fillId="3" borderId="2" xfId="0" applyFont="1" applyFill="1" applyBorder="1" applyAlignment="1">
      <alignment horizontal="center" vertical="center"/>
    </xf>
    <xf numFmtId="179" fontId="19" fillId="3" borderId="56" xfId="0" applyNumberFormat="1" applyFont="1" applyFill="1" applyBorder="1" applyAlignment="1">
      <alignment horizontal="center"/>
    </xf>
    <xf numFmtId="0" fontId="19" fillId="3" borderId="57" xfId="0" applyNumberFormat="1" applyFont="1" applyFill="1" applyBorder="1"/>
    <xf numFmtId="0" fontId="19" fillId="3" borderId="54" xfId="0" applyFont="1" applyFill="1" applyBorder="1"/>
    <xf numFmtId="0" fontId="19" fillId="3" borderId="0" xfId="0" applyFont="1" applyFill="1" applyBorder="1" applyAlignment="1">
      <alignment horizontal="center" vertical="center"/>
    </xf>
    <xf numFmtId="176" fontId="19" fillId="3" borderId="0" xfId="2" applyNumberFormat="1" applyFont="1" applyFill="1" applyBorder="1" applyAlignment="1"/>
    <xf numFmtId="0" fontId="19" fillId="3" borderId="5" xfId="0" applyFont="1" applyFill="1" applyBorder="1" applyAlignment="1">
      <alignment horizontal="center" vertical="center" wrapText="1"/>
    </xf>
    <xf numFmtId="10" fontId="19" fillId="3" borderId="5" xfId="2" applyNumberFormat="1" applyFont="1" applyFill="1" applyBorder="1" applyAlignment="1"/>
    <xf numFmtId="10" fontId="19" fillId="3" borderId="53" xfId="2" applyNumberFormat="1" applyFont="1" applyFill="1" applyBorder="1" applyAlignment="1"/>
    <xf numFmtId="10" fontId="19" fillId="3" borderId="15" xfId="2" applyNumberFormat="1" applyFont="1" applyFill="1" applyBorder="1" applyAlignment="1"/>
    <xf numFmtId="10" fontId="19" fillId="3" borderId="18" xfId="2" applyNumberFormat="1" applyFont="1" applyFill="1" applyBorder="1" applyAlignment="1"/>
    <xf numFmtId="10" fontId="19" fillId="3" borderId="54" xfId="2" applyNumberFormat="1" applyFont="1" applyFill="1" applyBorder="1" applyAlignment="1"/>
    <xf numFmtId="10" fontId="19" fillId="3" borderId="2" xfId="2" applyNumberFormat="1" applyFont="1" applyFill="1" applyBorder="1" applyAlignment="1"/>
    <xf numFmtId="179" fontId="12" fillId="3" borderId="0" xfId="0" applyNumberFormat="1" applyFont="1" applyFill="1" applyAlignment="1" applyProtection="1">
      <alignment horizontal="right"/>
    </xf>
    <xf numFmtId="0" fontId="9" fillId="3" borderId="0" xfId="0" applyFont="1" applyFill="1" applyAlignment="1" applyProtection="1">
      <alignment horizontal="right"/>
    </xf>
    <xf numFmtId="0" fontId="9" fillId="3" borderId="7" xfId="0" applyFont="1" applyFill="1" applyBorder="1" applyAlignment="1">
      <alignment horizontal="center" vertical="center" wrapText="1"/>
    </xf>
    <xf numFmtId="179" fontId="9" fillId="3" borderId="0" xfId="0" applyNumberFormat="1" applyFont="1" applyFill="1" applyBorder="1" applyAlignment="1">
      <alignment horizontal="left" vertical="center" wrapText="1"/>
    </xf>
    <xf numFmtId="0" fontId="9" fillId="3" borderId="0" xfId="0" applyFont="1" applyFill="1" applyBorder="1" applyAlignment="1">
      <alignment vertical="center" shrinkToFit="1"/>
    </xf>
    <xf numFmtId="179" fontId="9" fillId="3" borderId="0" xfId="0" applyNumberFormat="1" applyFont="1" applyFill="1" applyBorder="1" applyAlignment="1">
      <alignment vertical="center" wrapText="1"/>
    </xf>
    <xf numFmtId="0" fontId="9" fillId="0" borderId="48" xfId="0" applyFont="1" applyBorder="1"/>
    <xf numFmtId="179" fontId="19" fillId="3" borderId="8" xfId="0" applyNumberFormat="1" applyFont="1" applyFill="1" applyBorder="1" applyAlignment="1">
      <alignment horizontal="right"/>
    </xf>
    <xf numFmtId="179" fontId="19" fillId="3" borderId="13" xfId="0" applyNumberFormat="1" applyFont="1" applyFill="1" applyBorder="1" applyAlignment="1">
      <alignment horizontal="right"/>
    </xf>
    <xf numFmtId="179" fontId="19" fillId="3" borderId="6" xfId="0" applyNumberFormat="1" applyFont="1" applyFill="1" applyBorder="1"/>
    <xf numFmtId="179" fontId="19" fillId="3" borderId="16" xfId="0" applyNumberFormat="1" applyFont="1" applyFill="1" applyBorder="1"/>
    <xf numFmtId="179" fontId="19" fillId="3" borderId="55" xfId="0" applyNumberFormat="1" applyFont="1" applyFill="1" applyBorder="1"/>
    <xf numFmtId="177" fontId="19" fillId="3" borderId="10" xfId="0" applyNumberFormat="1" applyFont="1" applyFill="1" applyBorder="1" applyAlignment="1">
      <alignment horizontal="right"/>
    </xf>
    <xf numFmtId="177" fontId="19" fillId="3" borderId="14" xfId="0" applyNumberFormat="1" applyFont="1" applyFill="1" applyBorder="1" applyAlignment="1">
      <alignment horizontal="right"/>
    </xf>
    <xf numFmtId="177" fontId="19" fillId="3" borderId="57" xfId="0" applyNumberFormat="1" applyFont="1" applyFill="1" applyBorder="1" applyAlignment="1">
      <alignment horizontal="right"/>
    </xf>
    <xf numFmtId="14" fontId="5" fillId="0" borderId="0" xfId="1" applyNumberFormat="1" applyFont="1" applyBorder="1" applyAlignment="1">
      <alignment horizontal="center" vertical="center"/>
    </xf>
    <xf numFmtId="0" fontId="9" fillId="3" borderId="0" xfId="0" applyFont="1" applyFill="1" applyAlignment="1">
      <alignment horizontal="right" vertical="center"/>
    </xf>
    <xf numFmtId="181" fontId="9" fillId="3" borderId="0" xfId="0" applyNumberFormat="1" applyFont="1" applyFill="1" applyAlignment="1">
      <alignment horizontal="right" vertical="center"/>
    </xf>
    <xf numFmtId="0" fontId="9" fillId="3" borderId="8" xfId="0" applyFont="1" applyFill="1" applyBorder="1" applyAlignment="1">
      <alignment horizontal="right"/>
    </xf>
    <xf numFmtId="181" fontId="9" fillId="3" borderId="0" xfId="0" applyNumberFormat="1" applyFont="1" applyFill="1" applyAlignment="1">
      <alignment horizontal="right"/>
    </xf>
    <xf numFmtId="0" fontId="9" fillId="3" borderId="9" xfId="0" applyFont="1" applyFill="1" applyBorder="1"/>
    <xf numFmtId="0" fontId="9" fillId="3" borderId="27" xfId="0" applyFont="1" applyFill="1" applyBorder="1"/>
    <xf numFmtId="0" fontId="10" fillId="3" borderId="0" xfId="0" applyFont="1" applyFill="1" applyBorder="1" applyAlignment="1">
      <alignment horizontal="center" vertical="center"/>
    </xf>
    <xf numFmtId="0" fontId="0" fillId="3" borderId="1" xfId="0" applyFill="1" applyBorder="1" applyAlignment="1" applyProtection="1">
      <alignment horizontal="left" vertical="center"/>
      <protection locked="0"/>
    </xf>
    <xf numFmtId="0" fontId="9" fillId="0" borderId="19" xfId="0" applyFont="1" applyBorder="1" applyAlignment="1">
      <alignment horizontal="center" vertical="center"/>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0" fontId="9" fillId="3" borderId="0" xfId="0" applyFont="1" applyFill="1" applyAlignment="1">
      <alignment horizontal="center" vertical="center"/>
    </xf>
    <xf numFmtId="0" fontId="9" fillId="3" borderId="3" xfId="0" applyFont="1" applyFill="1" applyBorder="1" applyAlignment="1">
      <alignment horizontal="center" vertical="center"/>
    </xf>
    <xf numFmtId="0" fontId="9" fillId="3" borderId="30" xfId="0" applyFont="1" applyFill="1" applyBorder="1" applyAlignment="1">
      <alignment horizontal="center" vertical="center"/>
    </xf>
    <xf numFmtId="180" fontId="9" fillId="3" borderId="31" xfId="0" applyNumberFormat="1" applyFont="1" applyFill="1" applyBorder="1" applyAlignment="1">
      <alignment horizontal="right" vertical="center"/>
    </xf>
    <xf numFmtId="180" fontId="9" fillId="3" borderId="26" xfId="0" applyNumberFormat="1" applyFont="1" applyFill="1" applyBorder="1" applyAlignment="1">
      <alignment horizontal="right" vertical="center"/>
    </xf>
    <xf numFmtId="0" fontId="9" fillId="3" borderId="45" xfId="0" applyFont="1" applyFill="1" applyBorder="1" applyAlignment="1">
      <alignment horizontal="center" vertical="center"/>
    </xf>
    <xf numFmtId="0" fontId="9" fillId="3" borderId="29" xfId="0" applyFont="1" applyFill="1" applyBorder="1" applyAlignment="1">
      <alignment horizontal="center" vertical="center" wrapText="1"/>
    </xf>
    <xf numFmtId="0" fontId="9" fillId="3" borderId="24" xfId="0" applyFont="1" applyFill="1" applyBorder="1" applyAlignment="1">
      <alignment horizontal="center" vertical="center" wrapText="1"/>
    </xf>
    <xf numFmtId="0" fontId="9" fillId="3" borderId="8" xfId="0" applyFont="1" applyFill="1" applyBorder="1" applyAlignment="1">
      <alignment horizontal="left" vertical="top" wrapText="1"/>
    </xf>
    <xf numFmtId="0" fontId="9" fillId="3" borderId="44" xfId="0" applyFont="1" applyFill="1" applyBorder="1" applyAlignment="1">
      <alignment horizontal="center" vertical="center"/>
    </xf>
    <xf numFmtId="180" fontId="9" fillId="3" borderId="37" xfId="0" applyNumberFormat="1" applyFont="1" applyFill="1" applyBorder="1" applyAlignment="1">
      <alignment horizontal="right" vertical="center"/>
    </xf>
    <xf numFmtId="0" fontId="9" fillId="3" borderId="1" xfId="0" applyFont="1" applyFill="1" applyBorder="1" applyAlignment="1">
      <alignment horizontal="center"/>
    </xf>
    <xf numFmtId="0" fontId="9" fillId="3" borderId="62" xfId="0" applyFont="1" applyFill="1" applyBorder="1" applyAlignment="1">
      <alignment horizontal="center" vertical="center" wrapText="1"/>
    </xf>
    <xf numFmtId="180" fontId="9" fillId="3" borderId="32" xfId="0" applyNumberFormat="1" applyFont="1" applyFill="1" applyBorder="1" applyAlignment="1">
      <alignment horizontal="right" vertical="center"/>
    </xf>
    <xf numFmtId="0" fontId="9" fillId="3" borderId="50" xfId="0" applyFont="1" applyFill="1" applyBorder="1" applyAlignment="1">
      <alignment horizontal="center" vertical="center" wrapText="1"/>
    </xf>
    <xf numFmtId="0" fontId="14" fillId="3" borderId="31" xfId="0" applyFont="1" applyFill="1" applyBorder="1" applyAlignment="1">
      <alignment horizontal="center" vertical="center"/>
    </xf>
    <xf numFmtId="0" fontId="14" fillId="3" borderId="32" xfId="0" applyFont="1" applyFill="1" applyBorder="1" applyAlignment="1">
      <alignment horizontal="center" vertical="center"/>
    </xf>
    <xf numFmtId="0" fontId="9" fillId="3" borderId="0" xfId="0" applyFont="1" applyFill="1" applyAlignment="1"/>
    <xf numFmtId="0" fontId="9" fillId="3" borderId="27" xfId="0" applyFont="1" applyFill="1" applyBorder="1" applyAlignment="1"/>
    <xf numFmtId="0" fontId="9" fillId="3" borderId="9" xfId="0" applyFont="1" applyFill="1" applyBorder="1" applyAlignment="1"/>
    <xf numFmtId="0" fontId="0" fillId="3" borderId="0" xfId="0" applyFill="1" applyBorder="1" applyAlignment="1">
      <alignment horizontal="left" vertical="center"/>
    </xf>
    <xf numFmtId="0" fontId="27" fillId="0" borderId="7" xfId="0" applyFont="1" applyFill="1" applyBorder="1" applyAlignment="1">
      <alignment horizontal="left" vertical="center"/>
    </xf>
    <xf numFmtId="0" fontId="9" fillId="3" borderId="1" xfId="0" applyFont="1" applyFill="1" applyBorder="1" applyAlignment="1">
      <alignment horizontal="center"/>
    </xf>
    <xf numFmtId="0" fontId="9" fillId="0" borderId="1" xfId="0" applyFont="1" applyBorder="1" applyAlignment="1">
      <alignment horizontal="center"/>
    </xf>
    <xf numFmtId="0" fontId="9" fillId="3" borderId="0" xfId="0" applyFont="1" applyFill="1" applyBorder="1" applyAlignment="1">
      <alignment horizontal="left" vertical="center" wrapText="1"/>
    </xf>
    <xf numFmtId="0" fontId="9" fillId="3" borderId="0" xfId="0" applyFont="1" applyFill="1" applyBorder="1" applyAlignment="1">
      <alignment horizontal="left" vertical="center" shrinkToFit="1"/>
    </xf>
    <xf numFmtId="0" fontId="9" fillId="0" borderId="19" xfId="0" applyFont="1" applyBorder="1" applyAlignment="1">
      <alignment horizontal="center" vertical="center"/>
    </xf>
    <xf numFmtId="0" fontId="9" fillId="3" borderId="0" xfId="0" applyFont="1" applyFill="1" applyAlignment="1" applyProtection="1">
      <alignment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19" fillId="3" borderId="5" xfId="0" applyFont="1" applyFill="1" applyBorder="1" applyAlignment="1">
      <alignment horizontal="center" vertical="center" wrapText="1"/>
    </xf>
    <xf numFmtId="0" fontId="11" fillId="3" borderId="0" xfId="0" applyFont="1" applyFill="1" applyAlignment="1" applyProtection="1">
      <alignment horizontal="center" vertical="center"/>
    </xf>
    <xf numFmtId="0" fontId="15" fillId="3" borderId="0" xfId="0" applyFont="1" applyFill="1" applyBorder="1" applyAlignment="1">
      <alignment horizontal="center" vertical="center"/>
    </xf>
    <xf numFmtId="0" fontId="9" fillId="3" borderId="0" xfId="0" applyFont="1" applyFill="1" applyBorder="1" applyAlignment="1">
      <alignment horizontal="left" vertical="center" wrapText="1"/>
    </xf>
    <xf numFmtId="0" fontId="9" fillId="3" borderId="0" xfId="0" applyFont="1" applyFill="1" applyBorder="1" applyAlignment="1">
      <alignment horizontal="left" vertical="center" shrinkToFit="1"/>
    </xf>
    <xf numFmtId="179" fontId="9" fillId="3" borderId="7" xfId="0" applyNumberFormat="1" applyFont="1" applyFill="1" applyBorder="1" applyAlignment="1">
      <alignment horizontal="center" vertical="center" wrapText="1"/>
    </xf>
    <xf numFmtId="0" fontId="9" fillId="3" borderId="27" xfId="0" applyFont="1" applyFill="1" applyBorder="1" applyAlignment="1">
      <alignment horizontal="center" vertical="center"/>
    </xf>
    <xf numFmtId="0" fontId="9" fillId="3" borderId="28" xfId="0" applyFont="1" applyFill="1" applyBorder="1" applyAlignment="1">
      <alignment horizontal="center" vertical="center"/>
    </xf>
    <xf numFmtId="0" fontId="9" fillId="3" borderId="28" xfId="0" applyFont="1" applyFill="1" applyBorder="1" applyAlignment="1">
      <alignment horizontal="center" vertical="center" wrapText="1"/>
    </xf>
    <xf numFmtId="0" fontId="9" fillId="3" borderId="40" xfId="0" applyFont="1" applyFill="1" applyBorder="1" applyAlignment="1">
      <alignment horizontal="center" vertical="center" wrapText="1"/>
    </xf>
    <xf numFmtId="0" fontId="9" fillId="3" borderId="41" xfId="0" applyFont="1" applyFill="1" applyBorder="1" applyAlignment="1">
      <alignment horizontal="center" vertical="center" wrapText="1"/>
    </xf>
    <xf numFmtId="0" fontId="9" fillId="3" borderId="42" xfId="0" applyFont="1" applyFill="1" applyBorder="1" applyAlignment="1">
      <alignment horizontal="center" vertical="center" wrapText="1"/>
    </xf>
    <xf numFmtId="0" fontId="9" fillId="3" borderId="34" xfId="0" applyFont="1" applyFill="1" applyBorder="1" applyAlignment="1">
      <alignment horizontal="center" vertical="center" wrapText="1"/>
    </xf>
    <xf numFmtId="0" fontId="9" fillId="3" borderId="43" xfId="0" applyFont="1" applyFill="1" applyBorder="1" applyAlignment="1">
      <alignment horizontal="center" vertical="center"/>
    </xf>
    <xf numFmtId="0" fontId="9" fillId="3" borderId="10" xfId="0" applyFont="1" applyFill="1" applyBorder="1" applyAlignment="1">
      <alignment horizontal="center" vertical="center"/>
    </xf>
    <xf numFmtId="0" fontId="9" fillId="3" borderId="38" xfId="0" applyFont="1" applyFill="1" applyBorder="1" applyAlignment="1">
      <alignment horizontal="center" vertical="center"/>
    </xf>
    <xf numFmtId="0" fontId="9" fillId="3" borderId="11" xfId="0" applyFont="1" applyFill="1" applyBorder="1" applyAlignment="1">
      <alignment horizontal="center" vertical="center"/>
    </xf>
    <xf numFmtId="0" fontId="9" fillId="3" borderId="6" xfId="0" applyFont="1" applyFill="1" applyBorder="1" applyAlignment="1">
      <alignment horizontal="center" vertical="center"/>
    </xf>
    <xf numFmtId="0" fontId="9" fillId="3" borderId="3" xfId="0" applyFont="1" applyFill="1" applyBorder="1" applyAlignment="1">
      <alignment horizontal="center" vertical="center"/>
    </xf>
    <xf numFmtId="0" fontId="9" fillId="3" borderId="52" xfId="0" applyFont="1" applyFill="1" applyBorder="1" applyAlignment="1">
      <alignment horizontal="center" vertical="center"/>
    </xf>
    <xf numFmtId="0" fontId="9" fillId="3" borderId="30" xfId="0" applyFont="1" applyFill="1" applyBorder="1" applyAlignment="1">
      <alignment horizontal="center" vertical="center"/>
    </xf>
    <xf numFmtId="0" fontId="9" fillId="3" borderId="42" xfId="0" applyFont="1" applyFill="1" applyBorder="1" applyAlignment="1">
      <alignment horizontal="center" vertical="center"/>
    </xf>
    <xf numFmtId="0" fontId="9" fillId="3" borderId="34" xfId="0" applyFont="1" applyFill="1" applyBorder="1" applyAlignment="1">
      <alignment horizontal="center" vertical="center"/>
    </xf>
    <xf numFmtId="0" fontId="9" fillId="3" borderId="58" xfId="0" applyFont="1" applyFill="1" applyBorder="1" applyAlignment="1" applyProtection="1">
      <alignment horizontal="center" vertical="top" wrapText="1"/>
      <protection locked="0"/>
    </xf>
    <xf numFmtId="0" fontId="9" fillId="3" borderId="59" xfId="0" applyFont="1" applyFill="1" applyBorder="1" applyAlignment="1" applyProtection="1">
      <alignment horizontal="center" vertical="top" wrapText="1"/>
      <protection locked="0"/>
    </xf>
    <xf numFmtId="0" fontId="9" fillId="3" borderId="29" xfId="0" applyFont="1" applyFill="1" applyBorder="1" applyAlignment="1">
      <alignment horizontal="center" vertical="center"/>
    </xf>
    <xf numFmtId="0" fontId="9" fillId="3" borderId="24" xfId="0" applyFont="1" applyFill="1" applyBorder="1" applyAlignment="1">
      <alignment horizontal="center" vertical="center"/>
    </xf>
    <xf numFmtId="180" fontId="9" fillId="3" borderId="31" xfId="0" applyNumberFormat="1" applyFont="1" applyFill="1" applyBorder="1" applyAlignment="1">
      <alignment horizontal="right" vertical="center"/>
    </xf>
    <xf numFmtId="180" fontId="9" fillId="3" borderId="26" xfId="0" applyNumberFormat="1" applyFont="1" applyFill="1" applyBorder="1" applyAlignment="1">
      <alignment horizontal="right" vertical="center"/>
    </xf>
    <xf numFmtId="0" fontId="9" fillId="3" borderId="46" xfId="0" applyFont="1" applyFill="1" applyBorder="1" applyAlignment="1">
      <alignment horizontal="center" vertical="center"/>
    </xf>
    <xf numFmtId="0" fontId="9" fillId="3" borderId="45" xfId="0" applyFont="1" applyFill="1" applyBorder="1" applyAlignment="1">
      <alignment horizontal="center" vertical="center"/>
    </xf>
    <xf numFmtId="180" fontId="9" fillId="3" borderId="51" xfId="0" applyNumberFormat="1" applyFont="1" applyFill="1" applyBorder="1" applyAlignment="1">
      <alignment horizontal="right" vertical="center"/>
    </xf>
    <xf numFmtId="0" fontId="9" fillId="3" borderId="60" xfId="0" applyFont="1" applyFill="1" applyBorder="1" applyAlignment="1" applyProtection="1">
      <alignment horizontal="center" vertical="top" wrapText="1"/>
      <protection locked="0"/>
    </xf>
    <xf numFmtId="0" fontId="9" fillId="3" borderId="14" xfId="0" applyFont="1" applyFill="1" applyBorder="1" applyAlignment="1" applyProtection="1">
      <alignment horizontal="center" vertical="top" wrapText="1"/>
      <protection locked="0"/>
    </xf>
    <xf numFmtId="0" fontId="9" fillId="3" borderId="46" xfId="0" applyFont="1" applyFill="1" applyBorder="1" applyAlignment="1">
      <alignment horizontal="center" vertical="center" wrapText="1"/>
    </xf>
    <xf numFmtId="0" fontId="9" fillId="3" borderId="29" xfId="0" applyFont="1" applyFill="1" applyBorder="1" applyAlignment="1">
      <alignment horizontal="center" vertical="center" wrapText="1"/>
    </xf>
    <xf numFmtId="0" fontId="9" fillId="3" borderId="24" xfId="0" applyFont="1" applyFill="1" applyBorder="1" applyAlignment="1">
      <alignment horizontal="center" vertical="center" wrapText="1"/>
    </xf>
    <xf numFmtId="10" fontId="9" fillId="3" borderId="31" xfId="2" applyNumberFormat="1" applyFont="1" applyFill="1" applyBorder="1" applyAlignment="1">
      <alignment horizontal="right" vertical="center"/>
    </xf>
    <xf numFmtId="10" fontId="9" fillId="3" borderId="32" xfId="2" applyNumberFormat="1" applyFont="1" applyFill="1" applyBorder="1" applyAlignment="1">
      <alignment horizontal="right" vertical="center"/>
    </xf>
    <xf numFmtId="0" fontId="9" fillId="3" borderId="1" xfId="0" applyFont="1" applyFill="1" applyBorder="1" applyAlignment="1">
      <alignment horizontal="center" vertical="center" wrapText="1"/>
    </xf>
    <xf numFmtId="0" fontId="9" fillId="3" borderId="1" xfId="0" applyFont="1" applyFill="1" applyBorder="1" applyAlignment="1">
      <alignment horizontal="center" vertical="center"/>
    </xf>
    <xf numFmtId="0" fontId="9" fillId="3" borderId="39" xfId="0" applyFont="1" applyFill="1" applyBorder="1" applyAlignment="1">
      <alignment horizontal="center" vertical="center"/>
    </xf>
    <xf numFmtId="0" fontId="9" fillId="3" borderId="19" xfId="0" applyFont="1" applyFill="1" applyBorder="1" applyAlignment="1">
      <alignment horizontal="center" vertical="center"/>
    </xf>
    <xf numFmtId="180" fontId="9" fillId="3" borderId="36" xfId="0" applyNumberFormat="1" applyFont="1" applyFill="1" applyBorder="1" applyAlignment="1">
      <alignment horizontal="right" vertical="center"/>
    </xf>
    <xf numFmtId="0" fontId="9" fillId="3" borderId="20" xfId="0" applyFont="1" applyFill="1" applyBorder="1" applyAlignment="1">
      <alignment horizontal="right" vertical="center"/>
    </xf>
    <xf numFmtId="0" fontId="9" fillId="3" borderId="47" xfId="0" applyFont="1" applyFill="1" applyBorder="1" applyAlignment="1">
      <alignment horizontal="center" vertical="center" wrapText="1"/>
    </xf>
    <xf numFmtId="0" fontId="9" fillId="3" borderId="47" xfId="0" applyFont="1" applyFill="1" applyBorder="1" applyAlignment="1">
      <alignment horizontal="center" vertical="center"/>
    </xf>
    <xf numFmtId="180" fontId="9" fillId="3" borderId="20" xfId="0" applyNumberFormat="1" applyFont="1" applyFill="1" applyBorder="1" applyAlignment="1">
      <alignment horizontal="right" vertical="center"/>
    </xf>
    <xf numFmtId="10" fontId="9" fillId="3" borderId="20" xfId="2" applyNumberFormat="1" applyFont="1" applyFill="1" applyBorder="1" applyAlignment="1">
      <alignment horizontal="right" vertical="center"/>
    </xf>
    <xf numFmtId="10" fontId="9" fillId="3" borderId="26" xfId="2" applyNumberFormat="1" applyFont="1" applyFill="1" applyBorder="1" applyAlignment="1">
      <alignment horizontal="right" vertical="center"/>
    </xf>
    <xf numFmtId="0" fontId="9" fillId="3" borderId="50" xfId="0" applyFont="1" applyFill="1" applyBorder="1" applyAlignment="1">
      <alignment horizontal="center" vertical="center"/>
    </xf>
    <xf numFmtId="0" fontId="9" fillId="3" borderId="63" xfId="0" applyFont="1" applyFill="1" applyBorder="1" applyAlignment="1">
      <alignment horizontal="center" vertical="center"/>
    </xf>
    <xf numFmtId="0" fontId="0" fillId="0" borderId="1" xfId="0" applyBorder="1" applyAlignment="1"/>
    <xf numFmtId="0" fontId="0" fillId="0" borderId="5" xfId="0" applyBorder="1" applyAlignment="1"/>
    <xf numFmtId="0" fontId="9" fillId="0" borderId="36" xfId="0" applyFont="1" applyBorder="1" applyAlignment="1">
      <alignment horizontal="center" vertical="center"/>
    </xf>
    <xf numFmtId="0" fontId="9" fillId="0" borderId="20" xfId="0" applyFont="1" applyBorder="1" applyAlignment="1">
      <alignment horizontal="center" vertical="center"/>
    </xf>
    <xf numFmtId="0" fontId="25" fillId="3" borderId="39" xfId="0" applyFont="1" applyFill="1" applyBorder="1" applyAlignment="1">
      <alignment horizontal="center" vertical="center" wrapText="1" shrinkToFit="1"/>
    </xf>
    <xf numFmtId="0" fontId="26" fillId="0" borderId="19" xfId="0" applyFont="1" applyBorder="1" applyAlignment="1">
      <alignment horizontal="center" vertical="center" shrinkToFit="1"/>
    </xf>
    <xf numFmtId="0" fontId="25" fillId="3" borderId="52" xfId="0" applyFont="1" applyFill="1" applyBorder="1" applyAlignment="1">
      <alignment horizontal="center" vertical="center" wrapText="1" shrinkToFit="1"/>
    </xf>
    <xf numFmtId="0" fontId="25" fillId="0" borderId="24" xfId="0" applyFont="1" applyBorder="1" applyAlignment="1">
      <alignment horizontal="center" vertical="center" shrinkToFit="1"/>
    </xf>
    <xf numFmtId="0" fontId="23" fillId="0" borderId="10" xfId="0" applyFont="1" applyBorder="1" applyAlignment="1">
      <alignment horizontal="center" vertical="center"/>
    </xf>
    <xf numFmtId="0" fontId="23" fillId="0" borderId="71" xfId="0" applyFont="1" applyBorder="1" applyAlignment="1">
      <alignment horizontal="center" vertical="center"/>
    </xf>
    <xf numFmtId="0" fontId="25" fillId="3" borderId="19" xfId="0" applyFont="1" applyFill="1" applyBorder="1" applyAlignment="1">
      <alignment horizontal="center" vertical="center" wrapText="1" shrinkToFit="1"/>
    </xf>
    <xf numFmtId="0" fontId="25" fillId="3" borderId="30" xfId="0" applyFont="1" applyFill="1" applyBorder="1" applyAlignment="1">
      <alignment horizontal="center" vertical="center" wrapText="1"/>
    </xf>
    <xf numFmtId="0" fontId="26" fillId="0" borderId="39" xfId="0" applyFont="1" applyBorder="1" applyAlignment="1"/>
    <xf numFmtId="0" fontId="24" fillId="3" borderId="23" xfId="0" applyFont="1" applyFill="1" applyBorder="1" applyAlignment="1">
      <alignment horizontal="center" vertical="center"/>
    </xf>
    <xf numFmtId="0" fontId="24" fillId="0" borderId="36" xfId="0" applyFont="1" applyBorder="1" applyAlignment="1"/>
    <xf numFmtId="0" fontId="25" fillId="3" borderId="19" xfId="0" applyFont="1" applyFill="1" applyBorder="1" applyAlignment="1">
      <alignment horizontal="center" vertical="center" wrapText="1"/>
    </xf>
    <xf numFmtId="0" fontId="12" fillId="3" borderId="20" xfId="0" applyFont="1" applyFill="1" applyBorder="1" applyAlignment="1">
      <alignment horizontal="center" vertical="center"/>
    </xf>
    <xf numFmtId="0" fontId="26" fillId="0" borderId="19" xfId="0" applyFont="1" applyBorder="1" applyAlignment="1"/>
    <xf numFmtId="0" fontId="26" fillId="0" borderId="19" xfId="0" applyFont="1" applyBorder="1" applyAlignment="1">
      <alignment horizontal="center" vertical="center" wrapText="1"/>
    </xf>
    <xf numFmtId="0" fontId="12" fillId="3" borderId="20" xfId="0" applyFont="1" applyFill="1" applyBorder="1" applyAlignment="1">
      <alignment horizontal="center" vertical="center" wrapText="1"/>
    </xf>
    <xf numFmtId="0" fontId="25" fillId="3" borderId="70" xfId="0" applyFont="1" applyFill="1" applyBorder="1" applyAlignment="1">
      <alignment horizontal="center" vertical="center" wrapText="1"/>
    </xf>
    <xf numFmtId="0" fontId="25" fillId="0" borderId="52" xfId="0" applyFont="1" applyBorder="1" applyAlignment="1">
      <alignment horizontal="center" vertical="center" wrapText="1"/>
    </xf>
    <xf numFmtId="0" fontId="24" fillId="3" borderId="23" xfId="0" applyFont="1" applyFill="1" applyBorder="1" applyAlignment="1">
      <alignment horizontal="center" vertical="center" wrapText="1"/>
    </xf>
    <xf numFmtId="0" fontId="24" fillId="0" borderId="36" xfId="0" applyFont="1" applyBorder="1" applyAlignment="1">
      <alignment horizontal="center" vertical="center" wrapText="1"/>
    </xf>
    <xf numFmtId="0" fontId="25" fillId="3" borderId="29" xfId="0" applyFont="1" applyFill="1" applyBorder="1" applyAlignment="1">
      <alignment horizontal="center" vertical="center" wrapText="1"/>
    </xf>
    <xf numFmtId="0" fontId="25" fillId="0" borderId="30" xfId="0" applyFont="1" applyBorder="1" applyAlignment="1">
      <alignment horizontal="center" vertical="center"/>
    </xf>
    <xf numFmtId="0" fontId="24" fillId="0" borderId="48" xfId="0" applyFont="1" applyBorder="1" applyAlignment="1">
      <alignment horizontal="center" vertical="center"/>
    </xf>
    <xf numFmtId="0" fontId="24" fillId="0" borderId="11" xfId="0" applyFont="1" applyBorder="1" applyAlignment="1">
      <alignment horizontal="center" vertical="center"/>
    </xf>
    <xf numFmtId="0" fontId="25" fillId="3" borderId="21" xfId="0" applyFont="1" applyFill="1" applyBorder="1" applyAlignment="1">
      <alignment horizontal="center" vertical="center" wrapText="1"/>
    </xf>
    <xf numFmtId="0" fontId="12" fillId="0" borderId="20" xfId="0" applyFont="1" applyBorder="1" applyAlignment="1">
      <alignment horizontal="center" vertical="center"/>
    </xf>
    <xf numFmtId="0" fontId="12" fillId="0" borderId="23" xfId="0" applyFont="1" applyBorder="1" applyAlignment="1">
      <alignment horizontal="center" vertical="center"/>
    </xf>
    <xf numFmtId="0" fontId="26" fillId="0" borderId="21" xfId="0" applyFont="1" applyBorder="1" applyAlignment="1">
      <alignment horizontal="center" vertical="center"/>
    </xf>
    <xf numFmtId="0" fontId="9" fillId="0" borderId="6" xfId="0" applyFont="1" applyBorder="1" applyAlignment="1">
      <alignment horizontal="center" vertical="center"/>
    </xf>
    <xf numFmtId="0" fontId="9" fillId="0" borderId="10" xfId="0" applyFont="1" applyBorder="1" applyAlignment="1">
      <alignment horizontal="center" vertical="center"/>
    </xf>
    <xf numFmtId="0" fontId="9" fillId="0" borderId="3" xfId="0" applyFont="1" applyBorder="1" applyAlignment="1">
      <alignment horizontal="center" vertical="center"/>
    </xf>
    <xf numFmtId="0" fontId="9" fillId="0" borderId="11" xfId="0" applyFont="1" applyBorder="1" applyAlignment="1">
      <alignment horizontal="center" vertical="center"/>
    </xf>
    <xf numFmtId="0" fontId="21" fillId="0" borderId="0" xfId="0" applyFont="1" applyAlignment="1">
      <alignment vertical="top" wrapText="1"/>
    </xf>
    <xf numFmtId="0" fontId="9" fillId="0" borderId="0" xfId="0" applyFont="1" applyAlignment="1"/>
    <xf numFmtId="0" fontId="9" fillId="0" borderId="0" xfId="0" applyFont="1" applyBorder="1" applyAlignment="1"/>
    <xf numFmtId="0" fontId="22" fillId="0" borderId="0" xfId="0" applyFont="1" applyAlignment="1">
      <alignment vertical="top" wrapText="1"/>
    </xf>
    <xf numFmtId="0" fontId="0" fillId="0" borderId="0" xfId="0" applyAlignment="1"/>
    <xf numFmtId="0" fontId="0" fillId="0" borderId="0" xfId="0" applyBorder="1" applyAlignment="1"/>
    <xf numFmtId="0" fontId="9" fillId="0" borderId="1" xfId="0" applyFont="1" applyBorder="1" applyAlignment="1">
      <alignment horizontal="center" vertical="center"/>
    </xf>
    <xf numFmtId="0" fontId="0" fillId="0" borderId="1" xfId="0" applyBorder="1" applyAlignment="1">
      <alignment horizontal="center" vertical="center"/>
    </xf>
    <xf numFmtId="0" fontId="9" fillId="3" borderId="61" xfId="0" applyFont="1" applyFill="1" applyBorder="1" applyAlignment="1" applyProtection="1">
      <alignment horizontal="center" vertical="top" wrapText="1"/>
      <protection locked="0"/>
    </xf>
    <xf numFmtId="0" fontId="9" fillId="3" borderId="57" xfId="0" applyFont="1" applyFill="1" applyBorder="1" applyAlignment="1" applyProtection="1">
      <alignment horizontal="center" vertical="top" wrapText="1"/>
      <protection locked="0"/>
    </xf>
    <xf numFmtId="0" fontId="9" fillId="0" borderId="1" xfId="0" applyFont="1" applyBorder="1" applyAlignment="1">
      <alignment horizontal="center" vertical="center" wrapText="1"/>
    </xf>
    <xf numFmtId="0" fontId="9" fillId="0" borderId="1" xfId="0" applyFont="1" applyBorder="1" applyAlignment="1">
      <alignment wrapText="1"/>
    </xf>
    <xf numFmtId="0" fontId="28" fillId="0" borderId="8" xfId="0" applyFont="1" applyBorder="1" applyAlignment="1">
      <alignment horizontal="left" vertical="top" wrapText="1"/>
    </xf>
    <xf numFmtId="0" fontId="23" fillId="0" borderId="8" xfId="0" applyFont="1" applyBorder="1" applyAlignment="1">
      <alignment horizontal="left" vertical="top" wrapText="1"/>
    </xf>
    <xf numFmtId="0" fontId="23" fillId="0" borderId="0" xfId="0" applyFont="1" applyAlignment="1">
      <alignment horizontal="left" vertical="top" wrapText="1"/>
    </xf>
    <xf numFmtId="0" fontId="23" fillId="0" borderId="0" xfId="0" applyFont="1" applyAlignment="1"/>
    <xf numFmtId="0" fontId="29" fillId="0" borderId="8" xfId="0" applyFont="1" applyBorder="1" applyAlignment="1">
      <alignment horizontal="left" vertical="top" wrapText="1"/>
    </xf>
    <xf numFmtId="0" fontId="31" fillId="0" borderId="8" xfId="0" applyFont="1" applyBorder="1" applyAlignment="1">
      <alignment horizontal="left" vertical="top" wrapText="1"/>
    </xf>
    <xf numFmtId="0" fontId="31" fillId="0" borderId="0" xfId="0" applyFont="1" applyAlignment="1">
      <alignment horizontal="left" vertical="top" wrapText="1"/>
    </xf>
    <xf numFmtId="0" fontId="31" fillId="0" borderId="0" xfId="0" applyFont="1" applyAlignment="1"/>
    <xf numFmtId="0" fontId="0" fillId="0" borderId="0" xfId="0" applyBorder="1" applyAlignment="1">
      <alignment vertical="top" wrapText="1"/>
    </xf>
    <xf numFmtId="0" fontId="0" fillId="0" borderId="0" xfId="0" applyAlignment="1">
      <alignment vertical="top" wrapText="1"/>
    </xf>
    <xf numFmtId="0" fontId="9" fillId="0" borderId="0" xfId="0" applyFont="1" applyBorder="1" applyAlignment="1">
      <alignment vertical="top" wrapText="1"/>
    </xf>
    <xf numFmtId="0" fontId="9" fillId="0" borderId="0" xfId="0" applyFont="1" applyAlignment="1">
      <alignment vertical="top" wrapText="1"/>
    </xf>
    <xf numFmtId="0" fontId="12" fillId="3" borderId="0" xfId="0" applyFont="1" applyFill="1" applyAlignment="1" applyProtection="1">
      <alignment horizontal="left"/>
    </xf>
    <xf numFmtId="0" fontId="9" fillId="3" borderId="0" xfId="0" applyFont="1" applyFill="1" applyAlignment="1" applyProtection="1">
      <alignment horizontal="center"/>
    </xf>
    <xf numFmtId="0" fontId="9" fillId="3" borderId="48" xfId="0" applyFont="1" applyFill="1" applyBorder="1" applyAlignment="1" applyProtection="1">
      <alignment horizontal="center"/>
    </xf>
    <xf numFmtId="0" fontId="10" fillId="3" borderId="1" xfId="0" applyFont="1" applyFill="1" applyBorder="1" applyAlignment="1">
      <alignment horizontal="center" vertical="center"/>
    </xf>
    <xf numFmtId="0" fontId="19" fillId="3" borderId="1" xfId="0" applyFont="1" applyFill="1" applyBorder="1" applyAlignment="1">
      <alignment horizontal="center" vertical="center"/>
    </xf>
    <xf numFmtId="0" fontId="19" fillId="3" borderId="5" xfId="0" applyFont="1" applyFill="1" applyBorder="1" applyAlignment="1">
      <alignment horizontal="center" vertical="center" wrapText="1"/>
    </xf>
    <xf numFmtId="0" fontId="19" fillId="3" borderId="2" xfId="0" applyFont="1" applyFill="1" applyBorder="1" applyAlignment="1">
      <alignment horizontal="center" vertical="center" wrapText="1"/>
    </xf>
    <xf numFmtId="179" fontId="13" fillId="3" borderId="0" xfId="0" applyNumberFormat="1" applyFont="1" applyFill="1" applyAlignment="1" applyProtection="1">
      <alignment horizontal="right"/>
      <protection locked="0"/>
    </xf>
    <xf numFmtId="0" fontId="18" fillId="3" borderId="0" xfId="0" applyFont="1" applyFill="1" applyAlignment="1" applyProtection="1">
      <alignment horizontal="center"/>
    </xf>
    <xf numFmtId="0" fontId="11" fillId="3" borderId="0" xfId="0" applyFont="1" applyFill="1" applyAlignment="1" applyProtection="1">
      <alignment horizontal="center" vertical="center"/>
    </xf>
    <xf numFmtId="0" fontId="9" fillId="3" borderId="0" xfId="0" applyFont="1" applyFill="1" applyAlignment="1" applyProtection="1">
      <alignment horizontal="left" vertical="center"/>
    </xf>
    <xf numFmtId="0" fontId="9" fillId="3" borderId="0" xfId="0" applyFont="1" applyFill="1" applyAlignment="1" applyProtection="1">
      <alignment horizontal="left" vertical="center" wrapText="1"/>
    </xf>
    <xf numFmtId="0" fontId="9" fillId="3" borderId="0" xfId="0" applyFont="1" applyFill="1" applyBorder="1" applyAlignment="1" applyProtection="1">
      <alignment horizontal="center" vertical="center" wrapText="1"/>
    </xf>
    <xf numFmtId="0" fontId="9" fillId="3" borderId="0" xfId="0" applyFont="1" applyFill="1" applyAlignment="1" applyProtection="1">
      <alignment vertical="center"/>
    </xf>
    <xf numFmtId="0" fontId="9" fillId="3" borderId="0" xfId="0" applyFont="1" applyFill="1" applyAlignment="1" applyProtection="1">
      <alignment vertical="center" wrapText="1" shrinkToFit="1"/>
    </xf>
    <xf numFmtId="0" fontId="9" fillId="3" borderId="0" xfId="0" applyFont="1" applyFill="1" applyAlignment="1">
      <alignment horizontal="left" wrapText="1"/>
    </xf>
    <xf numFmtId="0" fontId="9" fillId="3" borderId="7" xfId="0" applyFont="1" applyFill="1" applyBorder="1" applyAlignment="1">
      <alignment horizontal="left" wrapText="1"/>
    </xf>
    <xf numFmtId="0" fontId="9" fillId="3" borderId="1" xfId="0" applyFont="1" applyFill="1" applyBorder="1" applyAlignment="1" applyProtection="1">
      <alignment horizontal="center" vertical="center"/>
    </xf>
    <xf numFmtId="0" fontId="9" fillId="3" borderId="1" xfId="0" applyFont="1" applyFill="1" applyBorder="1" applyAlignment="1" applyProtection="1">
      <alignment horizontal="left" vertical="center" wrapText="1"/>
    </xf>
    <xf numFmtId="0" fontId="14" fillId="3" borderId="6" xfId="0" applyFont="1" applyFill="1" applyBorder="1" applyAlignment="1">
      <alignment horizontal="center" vertical="center"/>
    </xf>
    <xf numFmtId="0" fontId="14" fillId="3" borderId="8" xfId="0" applyFont="1" applyFill="1" applyBorder="1" applyAlignment="1">
      <alignment horizontal="center" vertical="center"/>
    </xf>
    <xf numFmtId="0" fontId="14" fillId="3" borderId="10" xfId="0" applyFont="1" applyFill="1" applyBorder="1" applyAlignment="1">
      <alignment horizontal="center" vertical="center"/>
    </xf>
    <xf numFmtId="0" fontId="14" fillId="3" borderId="3" xfId="0" applyFont="1" applyFill="1" applyBorder="1" applyAlignment="1">
      <alignment horizontal="center" vertical="center"/>
    </xf>
    <xf numFmtId="0" fontId="14" fillId="3" borderId="7" xfId="0" applyFont="1" applyFill="1" applyBorder="1" applyAlignment="1">
      <alignment horizontal="center" vertical="center"/>
    </xf>
    <xf numFmtId="0" fontId="14" fillId="3" borderId="11" xfId="0" applyFont="1" applyFill="1" applyBorder="1" applyAlignment="1">
      <alignment horizontal="center" vertical="center"/>
    </xf>
    <xf numFmtId="179" fontId="9" fillId="3" borderId="1" xfId="0" applyNumberFormat="1" applyFont="1" applyFill="1" applyBorder="1" applyAlignment="1" applyProtection="1">
      <alignment horizontal="center" vertical="center"/>
    </xf>
    <xf numFmtId="179" fontId="9" fillId="3" borderId="4" xfId="0" applyNumberFormat="1" applyFont="1" applyFill="1" applyBorder="1" applyAlignment="1" applyProtection="1">
      <alignment horizontal="center" vertical="center"/>
    </xf>
    <xf numFmtId="0" fontId="9" fillId="3" borderId="33" xfId="0" applyFont="1" applyFill="1" applyBorder="1" applyAlignment="1">
      <alignment horizontal="center" vertical="center"/>
    </xf>
    <xf numFmtId="179" fontId="9" fillId="3" borderId="9" xfId="0" applyNumberFormat="1" applyFont="1" applyFill="1" applyBorder="1" applyAlignment="1" applyProtection="1">
      <alignment horizontal="center" vertical="center"/>
    </xf>
    <xf numFmtId="0" fontId="9" fillId="3" borderId="5" xfId="0" applyFont="1" applyFill="1" applyBorder="1" applyAlignment="1">
      <alignment horizontal="center" vertical="center"/>
    </xf>
    <xf numFmtId="179" fontId="9" fillId="3" borderId="5" xfId="0" applyNumberFormat="1" applyFont="1" applyFill="1" applyBorder="1" applyAlignment="1" applyProtection="1">
      <alignment horizontal="center" vertical="center"/>
    </xf>
    <xf numFmtId="179" fontId="9" fillId="3" borderId="6" xfId="0" applyNumberFormat="1" applyFont="1" applyFill="1" applyBorder="1" applyAlignment="1" applyProtection="1">
      <alignment horizontal="center" vertical="center"/>
    </xf>
    <xf numFmtId="0" fontId="9" fillId="3" borderId="8" xfId="0" applyFont="1" applyFill="1" applyBorder="1" applyAlignment="1">
      <alignment horizontal="center" vertical="center"/>
    </xf>
    <xf numFmtId="179" fontId="9" fillId="3" borderId="10" xfId="0" applyNumberFormat="1" applyFont="1" applyFill="1" applyBorder="1" applyAlignment="1" applyProtection="1">
      <alignment horizontal="center" vertical="center"/>
    </xf>
    <xf numFmtId="0" fontId="9" fillId="0" borderId="5" xfId="0" applyFont="1" applyBorder="1" applyAlignment="1">
      <alignment horizontal="center" vertical="center"/>
    </xf>
    <xf numFmtId="0" fontId="9" fillId="0" borderId="18" xfId="0" applyFont="1" applyBorder="1" applyAlignment="1">
      <alignment horizontal="center" vertical="center"/>
    </xf>
    <xf numFmtId="0" fontId="9" fillId="0" borderId="2" xfId="0" applyFont="1" applyBorder="1" applyAlignment="1">
      <alignment horizontal="center" vertical="center"/>
    </xf>
    <xf numFmtId="0" fontId="14" fillId="3" borderId="49" xfId="0" applyFont="1" applyFill="1" applyBorder="1" applyAlignment="1">
      <alignment horizontal="center" vertical="center"/>
    </xf>
    <xf numFmtId="0" fontId="14" fillId="3" borderId="0" xfId="0" applyFont="1" applyFill="1" applyBorder="1" applyAlignment="1">
      <alignment horizontal="center" vertical="center"/>
    </xf>
    <xf numFmtId="0" fontId="14" fillId="3" borderId="48" xfId="0" applyFont="1" applyFill="1" applyBorder="1" applyAlignment="1">
      <alignment horizontal="center" vertical="center"/>
    </xf>
    <xf numFmtId="0" fontId="19" fillId="3" borderId="3" xfId="0" applyFont="1" applyFill="1" applyBorder="1" applyAlignment="1">
      <alignment horizontal="center" vertical="center"/>
    </xf>
    <xf numFmtId="0" fontId="19" fillId="3" borderId="7" xfId="0" applyFont="1" applyFill="1" applyBorder="1" applyAlignment="1">
      <alignment horizontal="center" vertical="center"/>
    </xf>
    <xf numFmtId="0" fontId="19" fillId="3" borderId="11" xfId="0" applyFont="1" applyFill="1" applyBorder="1" applyAlignment="1">
      <alignment horizontal="center" vertical="center"/>
    </xf>
    <xf numFmtId="0" fontId="9" fillId="3" borderId="0" xfId="0" applyFont="1" applyFill="1" applyAlignment="1">
      <alignment horizontal="left"/>
    </xf>
    <xf numFmtId="0" fontId="19" fillId="3" borderId="6" xfId="0" applyFont="1" applyFill="1" applyBorder="1" applyAlignment="1">
      <alignment horizontal="center" vertical="center"/>
    </xf>
    <xf numFmtId="0" fontId="19" fillId="3" borderId="8" xfId="0" applyFont="1" applyFill="1" applyBorder="1" applyAlignment="1">
      <alignment horizontal="center" vertical="center"/>
    </xf>
    <xf numFmtId="0" fontId="19" fillId="3" borderId="10" xfId="0" applyFont="1" applyFill="1" applyBorder="1" applyAlignment="1">
      <alignment horizontal="center" vertical="center"/>
    </xf>
    <xf numFmtId="0" fontId="0" fillId="3" borderId="1" xfId="0" applyFill="1" applyBorder="1" applyAlignment="1">
      <alignment horizontal="center" vertical="center"/>
    </xf>
    <xf numFmtId="0" fontId="0" fillId="3" borderId="1" xfId="0" applyFill="1" applyBorder="1" applyAlignment="1">
      <alignment horizontal="right"/>
    </xf>
    <xf numFmtId="0" fontId="0" fillId="3" borderId="4" xfId="0" applyFill="1" applyBorder="1" applyAlignment="1">
      <alignment horizontal="right"/>
    </xf>
    <xf numFmtId="0" fontId="20" fillId="5" borderId="64" xfId="0" applyFont="1" applyFill="1" applyBorder="1" applyAlignment="1">
      <alignment horizontal="center" vertical="center" wrapText="1"/>
    </xf>
    <xf numFmtId="0" fontId="20" fillId="5" borderId="68" xfId="0" applyFont="1" applyFill="1" applyBorder="1" applyAlignment="1">
      <alignment horizontal="center" vertical="center" wrapText="1"/>
    </xf>
    <xf numFmtId="0" fontId="20" fillId="5" borderId="65" xfId="0" applyFont="1" applyFill="1" applyBorder="1" applyAlignment="1">
      <alignment horizontal="center" vertical="center" wrapText="1"/>
    </xf>
    <xf numFmtId="0" fontId="20" fillId="5" borderId="66" xfId="0" applyFont="1" applyFill="1" applyBorder="1" applyAlignment="1">
      <alignment horizontal="center" vertical="center" wrapText="1"/>
    </xf>
    <xf numFmtId="0" fontId="20" fillId="5" borderId="69" xfId="0" applyFont="1" applyFill="1" applyBorder="1" applyAlignment="1">
      <alignment horizontal="center" vertical="center" wrapText="1"/>
    </xf>
    <xf numFmtId="0" fontId="20" fillId="5" borderId="67" xfId="0" applyFont="1" applyFill="1" applyBorder="1" applyAlignment="1">
      <alignment horizontal="center" vertical="center" wrapText="1"/>
    </xf>
    <xf numFmtId="0" fontId="27" fillId="0" borderId="11" xfId="0" applyFont="1" applyFill="1" applyBorder="1" applyAlignment="1" applyProtection="1">
      <alignment horizontal="left" vertical="center"/>
      <protection locked="0"/>
    </xf>
    <xf numFmtId="0" fontId="0" fillId="0" borderId="2" xfId="0" applyFill="1" applyBorder="1" applyAlignment="1" applyProtection="1">
      <alignment horizontal="left" vertical="center"/>
      <protection locked="0"/>
    </xf>
    <xf numFmtId="0" fontId="0" fillId="0" borderId="3" xfId="0" applyFill="1" applyBorder="1" applyAlignment="1" applyProtection="1">
      <alignment horizontal="left" vertical="center"/>
      <protection locked="0"/>
    </xf>
    <xf numFmtId="0" fontId="0" fillId="3" borderId="4" xfId="0" applyFill="1" applyBorder="1" applyAlignment="1">
      <alignment horizontal="center" vertical="center"/>
    </xf>
    <xf numFmtId="0" fontId="0" fillId="3" borderId="33" xfId="0" applyFill="1" applyBorder="1" applyAlignment="1">
      <alignment horizontal="center" vertical="center"/>
    </xf>
    <xf numFmtId="0" fontId="0" fillId="3" borderId="9" xfId="0" applyFill="1" applyBorder="1" applyAlignment="1">
      <alignment horizontal="center" vertical="center"/>
    </xf>
    <xf numFmtId="0" fontId="0" fillId="4" borderId="1" xfId="0" applyFill="1" applyBorder="1" applyAlignment="1" applyProtection="1">
      <alignment horizontal="left" vertical="center" wrapText="1"/>
      <protection locked="0"/>
    </xf>
    <xf numFmtId="0" fontId="0" fillId="4" borderId="1" xfId="0" applyFill="1" applyBorder="1" applyAlignment="1" applyProtection="1">
      <alignment horizontal="left" vertical="center"/>
      <protection locked="0"/>
    </xf>
    <xf numFmtId="0" fontId="0" fillId="4" borderId="4" xfId="0" applyFill="1" applyBorder="1" applyAlignment="1" applyProtection="1">
      <alignment horizontal="left" vertical="center" wrapText="1"/>
      <protection locked="0"/>
    </xf>
    <xf numFmtId="0" fontId="0" fillId="4" borderId="33" xfId="0" applyFill="1" applyBorder="1" applyAlignment="1" applyProtection="1">
      <alignment horizontal="left" vertical="center" wrapText="1"/>
      <protection locked="0"/>
    </xf>
    <xf numFmtId="0" fontId="0" fillId="4" borderId="9" xfId="0" applyFill="1" applyBorder="1" applyAlignment="1" applyProtection="1">
      <alignment horizontal="left" vertical="center" wrapText="1"/>
      <protection locked="0"/>
    </xf>
    <xf numFmtId="0" fontId="9" fillId="0" borderId="19" xfId="0" applyFont="1" applyBorder="1" applyAlignment="1">
      <alignment horizontal="center" vertical="center" wrapText="1"/>
    </xf>
    <xf numFmtId="0" fontId="9" fillId="0" borderId="19" xfId="0" applyFont="1" applyBorder="1" applyAlignment="1">
      <alignment horizontal="center" vertical="center"/>
    </xf>
    <xf numFmtId="180" fontId="9" fillId="0" borderId="31" xfId="0" applyNumberFormat="1" applyFont="1" applyBorder="1" applyAlignment="1">
      <alignment horizontal="right" vertical="center"/>
    </xf>
    <xf numFmtId="180" fontId="9" fillId="0" borderId="26" xfId="0" applyNumberFormat="1" applyFont="1" applyBorder="1" applyAlignment="1">
      <alignment horizontal="right" vertical="center"/>
    </xf>
    <xf numFmtId="0" fontId="9" fillId="0" borderId="29" xfId="0" applyFont="1" applyBorder="1" applyAlignment="1">
      <alignment horizontal="center" vertical="center" wrapText="1"/>
    </xf>
    <xf numFmtId="0" fontId="9" fillId="0" borderId="24" xfId="0" applyFont="1" applyBorder="1" applyAlignment="1">
      <alignment horizontal="center" vertical="center" wrapText="1"/>
    </xf>
    <xf numFmtId="0" fontId="9" fillId="3" borderId="1" xfId="0" applyFont="1" applyFill="1" applyBorder="1" applyAlignment="1">
      <alignment horizontal="center"/>
    </xf>
    <xf numFmtId="0" fontId="9" fillId="3" borderId="39" xfId="0" applyFont="1" applyFill="1" applyBorder="1" applyAlignment="1">
      <alignment horizontal="center" vertical="center" wrapText="1"/>
    </xf>
    <xf numFmtId="0" fontId="9" fillId="3" borderId="21" xfId="0" applyFont="1" applyFill="1" applyBorder="1" applyAlignment="1">
      <alignment horizontal="center" vertical="center"/>
    </xf>
    <xf numFmtId="180" fontId="9" fillId="3" borderId="32" xfId="0" applyNumberFormat="1" applyFont="1" applyFill="1" applyBorder="1" applyAlignment="1">
      <alignment horizontal="right" vertical="center"/>
    </xf>
    <xf numFmtId="0" fontId="9" fillId="0" borderId="30" xfId="0" applyFont="1" applyBorder="1" applyAlignment="1">
      <alignment horizontal="center" vertical="center"/>
    </xf>
    <xf numFmtId="0" fontId="14" fillId="0" borderId="31" xfId="0" applyFont="1" applyBorder="1" applyAlignment="1">
      <alignment horizontal="center" vertical="center"/>
    </xf>
    <xf numFmtId="0" fontId="14" fillId="0" borderId="32" xfId="0" applyFont="1" applyBorder="1" applyAlignment="1">
      <alignment horizontal="center" vertical="center"/>
    </xf>
    <xf numFmtId="0" fontId="14" fillId="3" borderId="31" xfId="0" applyFont="1" applyFill="1" applyBorder="1" applyAlignment="1">
      <alignment horizontal="center" vertical="center"/>
    </xf>
    <xf numFmtId="0" fontId="14" fillId="3" borderId="32" xfId="0" applyFont="1" applyFill="1" applyBorder="1" applyAlignment="1">
      <alignment horizontal="center" vertical="center"/>
    </xf>
    <xf numFmtId="0" fontId="9" fillId="0" borderId="30" xfId="0" applyFont="1" applyBorder="1" applyAlignment="1">
      <alignment horizontal="center" vertical="center" wrapText="1"/>
    </xf>
    <xf numFmtId="0" fontId="9" fillId="3" borderId="5" xfId="0" applyFont="1" applyFill="1" applyBorder="1" applyAlignment="1">
      <alignment horizontal="center"/>
    </xf>
    <xf numFmtId="0" fontId="9" fillId="3" borderId="52" xfId="0" applyFont="1" applyFill="1" applyBorder="1" applyAlignment="1">
      <alignment horizontal="center" vertical="center" wrapText="1"/>
    </xf>
    <xf numFmtId="0" fontId="0" fillId="0" borderId="30" xfId="0" applyBorder="1" applyAlignment="1">
      <alignment horizontal="center" vertical="center"/>
    </xf>
    <xf numFmtId="0" fontId="0" fillId="0" borderId="32" xfId="0" applyBorder="1" applyAlignment="1">
      <alignment horizontal="right" vertical="center"/>
    </xf>
    <xf numFmtId="0" fontId="9" fillId="0" borderId="1" xfId="0" applyFont="1" applyBorder="1" applyAlignment="1"/>
  </cellXfs>
  <cellStyles count="3">
    <cellStyle name="パーセント" xfId="2" builtinId="5"/>
    <cellStyle name="標準" xfId="0" builtinId="0"/>
    <cellStyle name="標準 2" xfId="1" xr:uid="{00000000-0005-0000-0000-000002000000}"/>
  </cellStyles>
  <dxfs count="164">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5" tint="0.39994506668294322"/>
        </patternFill>
      </fill>
    </dxf>
    <dxf>
      <fill>
        <patternFill>
          <bgColor theme="1"/>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border>
        <left/>
        <right/>
        <top/>
        <bottom/>
        <vertical/>
        <horizontal/>
      </border>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5" tint="0.39994506668294322"/>
        </patternFill>
      </fill>
    </dxf>
    <dxf>
      <fill>
        <patternFill>
          <bgColor theme="1"/>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border>
        <left/>
        <right/>
        <top/>
        <bottom/>
        <vertical/>
        <horizontal/>
      </border>
    </dxf>
    <dxf>
      <fill>
        <patternFill>
          <bgColor theme="5" tint="0.39994506668294322"/>
        </patternFill>
      </fill>
    </dxf>
  </dxfs>
  <tableStyles count="0" defaultTableStyle="TableStyleMedium2"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0</xdr:col>
      <xdr:colOff>108857</xdr:colOff>
      <xdr:row>3</xdr:row>
      <xdr:rowOff>88046</xdr:rowOff>
    </xdr:from>
    <xdr:to>
      <xdr:col>12</xdr:col>
      <xdr:colOff>27214</xdr:colOff>
      <xdr:row>7</xdr:row>
      <xdr:rowOff>175292</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4269377" y="857666"/>
          <a:ext cx="1838597" cy="9559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xdr:col>
      <xdr:colOff>54428</xdr:colOff>
      <xdr:row>3</xdr:row>
      <xdr:rowOff>76841</xdr:rowOff>
    </xdr:from>
    <xdr:to>
      <xdr:col>24</xdr:col>
      <xdr:colOff>938892</xdr:colOff>
      <xdr:row>7</xdr:row>
      <xdr:rowOff>164087</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10417628" y="846461"/>
          <a:ext cx="1844584" cy="9559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xdr:col>
      <xdr:colOff>68034</xdr:colOff>
      <xdr:row>3</xdr:row>
      <xdr:rowOff>89065</xdr:rowOff>
    </xdr:from>
    <xdr:to>
      <xdr:col>37</xdr:col>
      <xdr:colOff>952498</xdr:colOff>
      <xdr:row>7</xdr:row>
      <xdr:rowOff>179367</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16633914"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xdr:col>
      <xdr:colOff>56903</xdr:colOff>
      <xdr:row>3</xdr:row>
      <xdr:rowOff>89065</xdr:rowOff>
    </xdr:from>
    <xdr:to>
      <xdr:col>50</xdr:col>
      <xdr:colOff>945078</xdr:colOff>
      <xdr:row>7</xdr:row>
      <xdr:rowOff>179367</xdr:rowOff>
    </xdr:to>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22909283" y="858685"/>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62</xdr:col>
      <xdr:colOff>2473</xdr:colOff>
      <xdr:row>3</xdr:row>
      <xdr:rowOff>89065</xdr:rowOff>
    </xdr:from>
    <xdr:to>
      <xdr:col>63</xdr:col>
      <xdr:colOff>886937</xdr:colOff>
      <xdr:row>7</xdr:row>
      <xdr:rowOff>179367</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29141353"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75</xdr:col>
      <xdr:colOff>16080</xdr:colOff>
      <xdr:row>3</xdr:row>
      <xdr:rowOff>106383</xdr:rowOff>
    </xdr:from>
    <xdr:to>
      <xdr:col>76</xdr:col>
      <xdr:colOff>900544</xdr:colOff>
      <xdr:row>7</xdr:row>
      <xdr:rowOff>196685</xdr:rowOff>
    </xdr:to>
    <xdr:sp macro="" textlink="">
      <xdr:nvSpPr>
        <xdr:cNvPr id="7" name="テキスト ボックス 6">
          <a:extLst>
            <a:ext uri="{FF2B5EF4-FFF2-40B4-BE49-F238E27FC236}">
              <a16:creationId xmlns:a16="http://schemas.microsoft.com/office/drawing/2014/main" id="{00000000-0008-0000-0000-000007000000}"/>
            </a:ext>
          </a:extLst>
        </xdr:cNvPr>
        <xdr:cNvSpPr txBox="1"/>
      </xdr:nvSpPr>
      <xdr:spPr>
        <a:xfrm>
          <a:off x="3544146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8</xdr:col>
      <xdr:colOff>56903</xdr:colOff>
      <xdr:row>3</xdr:row>
      <xdr:rowOff>106383</xdr:rowOff>
    </xdr:from>
    <xdr:to>
      <xdr:col>89</xdr:col>
      <xdr:colOff>945078</xdr:colOff>
      <xdr:row>7</xdr:row>
      <xdr:rowOff>196685</xdr:rowOff>
    </xdr:to>
    <xdr:sp macro="" textlink="">
      <xdr:nvSpPr>
        <xdr:cNvPr id="8" name="テキスト ボックス 7">
          <a:extLst>
            <a:ext uri="{FF2B5EF4-FFF2-40B4-BE49-F238E27FC236}">
              <a16:creationId xmlns:a16="http://schemas.microsoft.com/office/drawing/2014/main" id="{00000000-0008-0000-0000-000008000000}"/>
            </a:ext>
          </a:extLst>
        </xdr:cNvPr>
        <xdr:cNvSpPr txBox="1"/>
      </xdr:nvSpPr>
      <xdr:spPr>
        <a:xfrm>
          <a:off x="41684963" y="876003"/>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01</xdr:col>
      <xdr:colOff>2474</xdr:colOff>
      <xdr:row>3</xdr:row>
      <xdr:rowOff>106383</xdr:rowOff>
    </xdr:from>
    <xdr:to>
      <xdr:col>102</xdr:col>
      <xdr:colOff>886938</xdr:colOff>
      <xdr:row>7</xdr:row>
      <xdr:rowOff>196685</xdr:rowOff>
    </xdr:to>
    <xdr:sp macro="" textlink="">
      <xdr:nvSpPr>
        <xdr:cNvPr id="9" name="テキスト ボックス 8">
          <a:extLst>
            <a:ext uri="{FF2B5EF4-FFF2-40B4-BE49-F238E27FC236}">
              <a16:creationId xmlns:a16="http://schemas.microsoft.com/office/drawing/2014/main" id="{00000000-0008-0000-0000-000009000000}"/>
            </a:ext>
          </a:extLst>
        </xdr:cNvPr>
        <xdr:cNvSpPr txBox="1"/>
      </xdr:nvSpPr>
      <xdr:spPr>
        <a:xfrm>
          <a:off x="47833214"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14</xdr:col>
      <xdr:colOff>16081</xdr:colOff>
      <xdr:row>3</xdr:row>
      <xdr:rowOff>106383</xdr:rowOff>
    </xdr:from>
    <xdr:to>
      <xdr:col>115</xdr:col>
      <xdr:colOff>900544</xdr:colOff>
      <xdr:row>7</xdr:row>
      <xdr:rowOff>196685</xdr:rowOff>
    </xdr:to>
    <xdr:sp macro="" textlink="">
      <xdr:nvSpPr>
        <xdr:cNvPr id="10" name="テキスト ボックス 9">
          <a:extLst>
            <a:ext uri="{FF2B5EF4-FFF2-40B4-BE49-F238E27FC236}">
              <a16:creationId xmlns:a16="http://schemas.microsoft.com/office/drawing/2014/main" id="{00000000-0008-0000-0000-00000A000000}"/>
            </a:ext>
          </a:extLst>
        </xdr:cNvPr>
        <xdr:cNvSpPr txBox="1"/>
      </xdr:nvSpPr>
      <xdr:spPr>
        <a:xfrm>
          <a:off x="54049501" y="876003"/>
          <a:ext cx="1844583"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27</xdr:col>
      <xdr:colOff>91540</xdr:colOff>
      <xdr:row>3</xdr:row>
      <xdr:rowOff>106383</xdr:rowOff>
    </xdr:from>
    <xdr:to>
      <xdr:col>129</xdr:col>
      <xdr:colOff>9897</xdr:colOff>
      <xdr:row>7</xdr:row>
      <xdr:rowOff>196685</xdr:rowOff>
    </xdr:to>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60327640" y="876003"/>
          <a:ext cx="183859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40</xdr:col>
      <xdr:colOff>37111</xdr:colOff>
      <xdr:row>3</xdr:row>
      <xdr:rowOff>106383</xdr:rowOff>
    </xdr:from>
    <xdr:to>
      <xdr:col>141</xdr:col>
      <xdr:colOff>921574</xdr:colOff>
      <xdr:row>7</xdr:row>
      <xdr:rowOff>196685</xdr:rowOff>
    </xdr:to>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66475891" y="876003"/>
          <a:ext cx="1844583"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53</xdr:col>
      <xdr:colOff>50717</xdr:colOff>
      <xdr:row>3</xdr:row>
      <xdr:rowOff>106383</xdr:rowOff>
    </xdr:from>
    <xdr:to>
      <xdr:col>154</xdr:col>
      <xdr:colOff>935181</xdr:colOff>
      <xdr:row>7</xdr:row>
      <xdr:rowOff>196685</xdr:rowOff>
    </xdr:to>
    <xdr:sp macro="" textlink="">
      <xdr:nvSpPr>
        <xdr:cNvPr id="13" name="テキスト ボックス 12">
          <a:extLst>
            <a:ext uri="{FF2B5EF4-FFF2-40B4-BE49-F238E27FC236}">
              <a16:creationId xmlns:a16="http://schemas.microsoft.com/office/drawing/2014/main" id="{00000000-0008-0000-0000-00000D000000}"/>
            </a:ext>
          </a:extLst>
        </xdr:cNvPr>
        <xdr:cNvSpPr txBox="1"/>
      </xdr:nvSpPr>
      <xdr:spPr>
        <a:xfrm>
          <a:off x="72692177"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66</xdr:col>
      <xdr:colOff>22267</xdr:colOff>
      <xdr:row>3</xdr:row>
      <xdr:rowOff>106383</xdr:rowOff>
    </xdr:from>
    <xdr:to>
      <xdr:col>167</xdr:col>
      <xdr:colOff>910442</xdr:colOff>
      <xdr:row>7</xdr:row>
      <xdr:rowOff>196685</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78866407" y="876003"/>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78</xdr:col>
      <xdr:colOff>89065</xdr:colOff>
      <xdr:row>3</xdr:row>
      <xdr:rowOff>106383</xdr:rowOff>
    </xdr:from>
    <xdr:to>
      <xdr:col>180</xdr:col>
      <xdr:colOff>852301</xdr:colOff>
      <xdr:row>7</xdr:row>
      <xdr:rowOff>196685</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85013965" y="876003"/>
          <a:ext cx="1845276"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91</xdr:col>
      <xdr:colOff>102671</xdr:colOff>
      <xdr:row>3</xdr:row>
      <xdr:rowOff>106383</xdr:rowOff>
    </xdr:from>
    <xdr:to>
      <xdr:col>193</xdr:col>
      <xdr:colOff>865908</xdr:colOff>
      <xdr:row>7</xdr:row>
      <xdr:rowOff>196685</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91230251" y="876003"/>
          <a:ext cx="184527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05</xdr:col>
      <xdr:colOff>91539</xdr:colOff>
      <xdr:row>3</xdr:row>
      <xdr:rowOff>106383</xdr:rowOff>
    </xdr:from>
    <xdr:to>
      <xdr:col>207</xdr:col>
      <xdr:colOff>9896</xdr:colOff>
      <xdr:row>7</xdr:row>
      <xdr:rowOff>196685</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97543719" y="876003"/>
          <a:ext cx="183859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18</xdr:col>
      <xdr:colOff>37110</xdr:colOff>
      <xdr:row>3</xdr:row>
      <xdr:rowOff>106383</xdr:rowOff>
    </xdr:from>
    <xdr:to>
      <xdr:col>219</xdr:col>
      <xdr:colOff>921574</xdr:colOff>
      <xdr:row>7</xdr:row>
      <xdr:rowOff>196685</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10369197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1</xdr:col>
      <xdr:colOff>37110</xdr:colOff>
      <xdr:row>3</xdr:row>
      <xdr:rowOff>106383</xdr:rowOff>
    </xdr:from>
    <xdr:to>
      <xdr:col>232</xdr:col>
      <xdr:colOff>921574</xdr:colOff>
      <xdr:row>7</xdr:row>
      <xdr:rowOff>196685</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10984893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44</xdr:col>
      <xdr:colOff>37110</xdr:colOff>
      <xdr:row>3</xdr:row>
      <xdr:rowOff>106383</xdr:rowOff>
    </xdr:from>
    <xdr:to>
      <xdr:col>245</xdr:col>
      <xdr:colOff>921574</xdr:colOff>
      <xdr:row>7</xdr:row>
      <xdr:rowOff>196685</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1605161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57</xdr:col>
      <xdr:colOff>37110</xdr:colOff>
      <xdr:row>3</xdr:row>
      <xdr:rowOff>106383</xdr:rowOff>
    </xdr:from>
    <xdr:to>
      <xdr:col>258</xdr:col>
      <xdr:colOff>921574</xdr:colOff>
      <xdr:row>7</xdr:row>
      <xdr:rowOff>196685</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12225429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70</xdr:col>
      <xdr:colOff>37110</xdr:colOff>
      <xdr:row>3</xdr:row>
      <xdr:rowOff>106383</xdr:rowOff>
    </xdr:from>
    <xdr:to>
      <xdr:col>271</xdr:col>
      <xdr:colOff>921574</xdr:colOff>
      <xdr:row>7</xdr:row>
      <xdr:rowOff>196685</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12845697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83</xdr:col>
      <xdr:colOff>37110</xdr:colOff>
      <xdr:row>3</xdr:row>
      <xdr:rowOff>106383</xdr:rowOff>
    </xdr:from>
    <xdr:to>
      <xdr:col>284</xdr:col>
      <xdr:colOff>921574</xdr:colOff>
      <xdr:row>7</xdr:row>
      <xdr:rowOff>196685</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3465965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96</xdr:col>
      <xdr:colOff>37110</xdr:colOff>
      <xdr:row>3</xdr:row>
      <xdr:rowOff>89065</xdr:rowOff>
    </xdr:from>
    <xdr:to>
      <xdr:col>297</xdr:col>
      <xdr:colOff>921574</xdr:colOff>
      <xdr:row>7</xdr:row>
      <xdr:rowOff>179367</xdr:rowOff>
    </xdr:to>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14086233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09</xdr:col>
      <xdr:colOff>37110</xdr:colOff>
      <xdr:row>3</xdr:row>
      <xdr:rowOff>89065</xdr:rowOff>
    </xdr:from>
    <xdr:to>
      <xdr:col>310</xdr:col>
      <xdr:colOff>921574</xdr:colOff>
      <xdr:row>7</xdr:row>
      <xdr:rowOff>179367</xdr:rowOff>
    </xdr:to>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14706501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22</xdr:col>
      <xdr:colOff>37110</xdr:colOff>
      <xdr:row>3</xdr:row>
      <xdr:rowOff>89065</xdr:rowOff>
    </xdr:from>
    <xdr:to>
      <xdr:col>323</xdr:col>
      <xdr:colOff>921574</xdr:colOff>
      <xdr:row>7</xdr:row>
      <xdr:rowOff>179367</xdr:rowOff>
    </xdr:to>
    <xdr:sp macro="" textlink="">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5326769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35</xdr:col>
      <xdr:colOff>37110</xdr:colOff>
      <xdr:row>3</xdr:row>
      <xdr:rowOff>89065</xdr:rowOff>
    </xdr:from>
    <xdr:to>
      <xdr:col>336</xdr:col>
      <xdr:colOff>921574</xdr:colOff>
      <xdr:row>7</xdr:row>
      <xdr:rowOff>179367</xdr:rowOff>
    </xdr:to>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5947037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48</xdr:col>
      <xdr:colOff>37110</xdr:colOff>
      <xdr:row>3</xdr:row>
      <xdr:rowOff>89065</xdr:rowOff>
    </xdr:from>
    <xdr:to>
      <xdr:col>349</xdr:col>
      <xdr:colOff>921574</xdr:colOff>
      <xdr:row>7</xdr:row>
      <xdr:rowOff>179367</xdr:rowOff>
    </xdr:to>
    <xdr:sp macro="" textlink="">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67305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1</xdr:col>
      <xdr:colOff>37110</xdr:colOff>
      <xdr:row>3</xdr:row>
      <xdr:rowOff>89065</xdr:rowOff>
    </xdr:from>
    <xdr:to>
      <xdr:col>362</xdr:col>
      <xdr:colOff>921574</xdr:colOff>
      <xdr:row>7</xdr:row>
      <xdr:rowOff>179367</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7187573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74</xdr:col>
      <xdr:colOff>37110</xdr:colOff>
      <xdr:row>3</xdr:row>
      <xdr:rowOff>106383</xdr:rowOff>
    </xdr:from>
    <xdr:to>
      <xdr:col>375</xdr:col>
      <xdr:colOff>921574</xdr:colOff>
      <xdr:row>7</xdr:row>
      <xdr:rowOff>196685</xdr:rowOff>
    </xdr:to>
    <xdr:sp macro="" textlink="">
      <xdr:nvSpPr>
        <xdr:cNvPr id="30" name="テキスト ボックス 29">
          <a:extLst>
            <a:ext uri="{FF2B5EF4-FFF2-40B4-BE49-F238E27FC236}">
              <a16:creationId xmlns:a16="http://schemas.microsoft.com/office/drawing/2014/main" id="{00000000-0008-0000-0000-00001E000000}"/>
            </a:ext>
          </a:extLst>
        </xdr:cNvPr>
        <xdr:cNvSpPr txBox="1"/>
      </xdr:nvSpPr>
      <xdr:spPr>
        <a:xfrm>
          <a:off x="17807841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87</xdr:col>
      <xdr:colOff>37110</xdr:colOff>
      <xdr:row>3</xdr:row>
      <xdr:rowOff>106383</xdr:rowOff>
    </xdr:from>
    <xdr:to>
      <xdr:col>388</xdr:col>
      <xdr:colOff>921574</xdr:colOff>
      <xdr:row>7</xdr:row>
      <xdr:rowOff>196685</xdr:rowOff>
    </xdr:to>
    <xdr:sp macro="" textlink="">
      <xdr:nvSpPr>
        <xdr:cNvPr id="31" name="テキスト ボックス 30">
          <a:extLst>
            <a:ext uri="{FF2B5EF4-FFF2-40B4-BE49-F238E27FC236}">
              <a16:creationId xmlns:a16="http://schemas.microsoft.com/office/drawing/2014/main" id="{00000000-0008-0000-0000-00001F000000}"/>
            </a:ext>
          </a:extLst>
        </xdr:cNvPr>
        <xdr:cNvSpPr txBox="1"/>
      </xdr:nvSpPr>
      <xdr:spPr>
        <a:xfrm>
          <a:off x="18428109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00</xdr:col>
      <xdr:colOff>37110</xdr:colOff>
      <xdr:row>3</xdr:row>
      <xdr:rowOff>106383</xdr:rowOff>
    </xdr:from>
    <xdr:to>
      <xdr:col>401</xdr:col>
      <xdr:colOff>921574</xdr:colOff>
      <xdr:row>7</xdr:row>
      <xdr:rowOff>196685</xdr:rowOff>
    </xdr:to>
    <xdr:sp macro="" textlink="">
      <xdr:nvSpPr>
        <xdr:cNvPr id="32" name="テキスト ボックス 31">
          <a:extLst>
            <a:ext uri="{FF2B5EF4-FFF2-40B4-BE49-F238E27FC236}">
              <a16:creationId xmlns:a16="http://schemas.microsoft.com/office/drawing/2014/main" id="{00000000-0008-0000-0000-000020000000}"/>
            </a:ext>
          </a:extLst>
        </xdr:cNvPr>
        <xdr:cNvSpPr txBox="1"/>
      </xdr:nvSpPr>
      <xdr:spPr>
        <a:xfrm>
          <a:off x="19048377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13</xdr:col>
      <xdr:colOff>37110</xdr:colOff>
      <xdr:row>3</xdr:row>
      <xdr:rowOff>106384</xdr:rowOff>
    </xdr:from>
    <xdr:to>
      <xdr:col>414</xdr:col>
      <xdr:colOff>921574</xdr:colOff>
      <xdr:row>7</xdr:row>
      <xdr:rowOff>196686</xdr:rowOff>
    </xdr:to>
    <xdr:sp macro="" textlink="">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9668645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26</xdr:col>
      <xdr:colOff>37110</xdr:colOff>
      <xdr:row>3</xdr:row>
      <xdr:rowOff>106384</xdr:rowOff>
    </xdr:from>
    <xdr:to>
      <xdr:col>427</xdr:col>
      <xdr:colOff>921574</xdr:colOff>
      <xdr:row>7</xdr:row>
      <xdr:rowOff>196686</xdr:rowOff>
    </xdr:to>
    <xdr:sp macro="" textlink="">
      <xdr:nvSpPr>
        <xdr:cNvPr id="34" name="テキスト ボックス 33">
          <a:extLst>
            <a:ext uri="{FF2B5EF4-FFF2-40B4-BE49-F238E27FC236}">
              <a16:creationId xmlns:a16="http://schemas.microsoft.com/office/drawing/2014/main" id="{00000000-0008-0000-0000-000022000000}"/>
            </a:ext>
          </a:extLst>
        </xdr:cNvPr>
        <xdr:cNvSpPr txBox="1"/>
      </xdr:nvSpPr>
      <xdr:spPr>
        <a:xfrm>
          <a:off x="20288913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39</xdr:col>
      <xdr:colOff>37110</xdr:colOff>
      <xdr:row>3</xdr:row>
      <xdr:rowOff>106384</xdr:rowOff>
    </xdr:from>
    <xdr:to>
      <xdr:col>440</xdr:col>
      <xdr:colOff>921574</xdr:colOff>
      <xdr:row>7</xdr:row>
      <xdr:rowOff>196686</xdr:rowOff>
    </xdr:to>
    <xdr:sp macro="" textlink="">
      <xdr:nvSpPr>
        <xdr:cNvPr id="35" name="テキスト ボックス 34">
          <a:extLst>
            <a:ext uri="{FF2B5EF4-FFF2-40B4-BE49-F238E27FC236}">
              <a16:creationId xmlns:a16="http://schemas.microsoft.com/office/drawing/2014/main" id="{00000000-0008-0000-0000-000023000000}"/>
            </a:ext>
          </a:extLst>
        </xdr:cNvPr>
        <xdr:cNvSpPr txBox="1"/>
      </xdr:nvSpPr>
      <xdr:spPr>
        <a:xfrm>
          <a:off x="20909181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52</xdr:col>
      <xdr:colOff>37110</xdr:colOff>
      <xdr:row>3</xdr:row>
      <xdr:rowOff>106384</xdr:rowOff>
    </xdr:from>
    <xdr:to>
      <xdr:col>453</xdr:col>
      <xdr:colOff>921574</xdr:colOff>
      <xdr:row>7</xdr:row>
      <xdr:rowOff>196686</xdr:rowOff>
    </xdr:to>
    <xdr:sp macro="" textlink="">
      <xdr:nvSpPr>
        <xdr:cNvPr id="36" name="テキスト ボックス 35">
          <a:extLst>
            <a:ext uri="{FF2B5EF4-FFF2-40B4-BE49-F238E27FC236}">
              <a16:creationId xmlns:a16="http://schemas.microsoft.com/office/drawing/2014/main" id="{00000000-0008-0000-0000-000024000000}"/>
            </a:ext>
          </a:extLst>
        </xdr:cNvPr>
        <xdr:cNvSpPr txBox="1"/>
      </xdr:nvSpPr>
      <xdr:spPr>
        <a:xfrm>
          <a:off x="21529449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65</xdr:col>
      <xdr:colOff>37110</xdr:colOff>
      <xdr:row>3</xdr:row>
      <xdr:rowOff>106384</xdr:rowOff>
    </xdr:from>
    <xdr:to>
      <xdr:col>466</xdr:col>
      <xdr:colOff>921574</xdr:colOff>
      <xdr:row>7</xdr:row>
      <xdr:rowOff>196686</xdr:rowOff>
    </xdr:to>
    <xdr:sp macro="" textlink="">
      <xdr:nvSpPr>
        <xdr:cNvPr id="37" name="テキスト ボックス 36">
          <a:extLst>
            <a:ext uri="{FF2B5EF4-FFF2-40B4-BE49-F238E27FC236}">
              <a16:creationId xmlns:a16="http://schemas.microsoft.com/office/drawing/2014/main" id="{00000000-0008-0000-0000-000025000000}"/>
            </a:ext>
          </a:extLst>
        </xdr:cNvPr>
        <xdr:cNvSpPr txBox="1"/>
      </xdr:nvSpPr>
      <xdr:spPr>
        <a:xfrm>
          <a:off x="22149717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78</xdr:col>
      <xdr:colOff>37110</xdr:colOff>
      <xdr:row>3</xdr:row>
      <xdr:rowOff>106384</xdr:rowOff>
    </xdr:from>
    <xdr:to>
      <xdr:col>479</xdr:col>
      <xdr:colOff>921574</xdr:colOff>
      <xdr:row>7</xdr:row>
      <xdr:rowOff>196686</xdr:rowOff>
    </xdr:to>
    <xdr:sp macro="" textlink="">
      <xdr:nvSpPr>
        <xdr:cNvPr id="38" name="テキスト ボックス 37">
          <a:extLst>
            <a:ext uri="{FF2B5EF4-FFF2-40B4-BE49-F238E27FC236}">
              <a16:creationId xmlns:a16="http://schemas.microsoft.com/office/drawing/2014/main" id="{00000000-0008-0000-0000-000026000000}"/>
            </a:ext>
          </a:extLst>
        </xdr:cNvPr>
        <xdr:cNvSpPr txBox="1"/>
      </xdr:nvSpPr>
      <xdr:spPr>
        <a:xfrm>
          <a:off x="22769985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1</xdr:col>
      <xdr:colOff>37110</xdr:colOff>
      <xdr:row>3</xdr:row>
      <xdr:rowOff>106384</xdr:rowOff>
    </xdr:from>
    <xdr:to>
      <xdr:col>492</xdr:col>
      <xdr:colOff>921574</xdr:colOff>
      <xdr:row>7</xdr:row>
      <xdr:rowOff>196686</xdr:rowOff>
    </xdr:to>
    <xdr:sp macro="" textlink="">
      <xdr:nvSpPr>
        <xdr:cNvPr id="39" name="テキスト ボックス 38">
          <a:extLst>
            <a:ext uri="{FF2B5EF4-FFF2-40B4-BE49-F238E27FC236}">
              <a16:creationId xmlns:a16="http://schemas.microsoft.com/office/drawing/2014/main" id="{00000000-0008-0000-0000-000027000000}"/>
            </a:ext>
          </a:extLst>
        </xdr:cNvPr>
        <xdr:cNvSpPr txBox="1"/>
      </xdr:nvSpPr>
      <xdr:spPr>
        <a:xfrm>
          <a:off x="23390253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504</xdr:col>
      <xdr:colOff>37110</xdr:colOff>
      <xdr:row>3</xdr:row>
      <xdr:rowOff>89066</xdr:rowOff>
    </xdr:from>
    <xdr:to>
      <xdr:col>505</xdr:col>
      <xdr:colOff>921574</xdr:colOff>
      <xdr:row>7</xdr:row>
      <xdr:rowOff>179368</xdr:rowOff>
    </xdr:to>
    <xdr:sp macro="" textlink="">
      <xdr:nvSpPr>
        <xdr:cNvPr id="40" name="テキスト ボックス 39">
          <a:extLst>
            <a:ext uri="{FF2B5EF4-FFF2-40B4-BE49-F238E27FC236}">
              <a16:creationId xmlns:a16="http://schemas.microsoft.com/office/drawing/2014/main" id="{00000000-0008-0000-0000-000028000000}"/>
            </a:ext>
          </a:extLst>
        </xdr:cNvPr>
        <xdr:cNvSpPr txBox="1"/>
      </xdr:nvSpPr>
      <xdr:spPr>
        <a:xfrm>
          <a:off x="240105210" y="858686"/>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0</xdr:col>
      <xdr:colOff>0</xdr:colOff>
      <xdr:row>46</xdr:row>
      <xdr:rowOff>152401</xdr:rowOff>
    </xdr:from>
    <xdr:to>
      <xdr:col>10</xdr:col>
      <xdr:colOff>228600</xdr:colOff>
      <xdr:row>54</xdr:row>
      <xdr:rowOff>180639</xdr:rowOff>
    </xdr:to>
    <xdr:sp macro="" textlink="">
      <xdr:nvSpPr>
        <xdr:cNvPr id="80" name="テキスト ボックス 79">
          <a:extLst>
            <a:ext uri="{FF2B5EF4-FFF2-40B4-BE49-F238E27FC236}">
              <a16:creationId xmlns:a16="http://schemas.microsoft.com/office/drawing/2014/main" id="{00000000-0008-0000-0000-000050000000}"/>
            </a:ext>
          </a:extLst>
        </xdr:cNvPr>
        <xdr:cNvSpPr txBox="1"/>
      </xdr:nvSpPr>
      <xdr:spPr>
        <a:xfrm>
          <a:off x="0" y="9593581"/>
          <a:ext cx="4389120" cy="18265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4</xdr:col>
      <xdr:colOff>32656</xdr:colOff>
      <xdr:row>46</xdr:row>
      <xdr:rowOff>163286</xdr:rowOff>
    </xdr:from>
    <xdr:to>
      <xdr:col>23</xdr:col>
      <xdr:colOff>380999</xdr:colOff>
      <xdr:row>54</xdr:row>
      <xdr:rowOff>191524</xdr:rowOff>
    </xdr:to>
    <xdr:sp macro="" textlink="">
      <xdr:nvSpPr>
        <xdr:cNvPr id="119" name="テキスト ボックス 118">
          <a:extLst>
            <a:ext uri="{FF2B5EF4-FFF2-40B4-BE49-F238E27FC236}">
              <a16:creationId xmlns:a16="http://schemas.microsoft.com/office/drawing/2014/main" id="{00000000-0008-0000-0000-000077000000}"/>
            </a:ext>
          </a:extLst>
        </xdr:cNvPr>
        <xdr:cNvSpPr txBox="1"/>
      </xdr:nvSpPr>
      <xdr:spPr>
        <a:xfrm>
          <a:off x="6335485" y="9546772"/>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7</xdr:col>
      <xdr:colOff>65314</xdr:colOff>
      <xdr:row>46</xdr:row>
      <xdr:rowOff>163286</xdr:rowOff>
    </xdr:from>
    <xdr:to>
      <xdr:col>36</xdr:col>
      <xdr:colOff>413656</xdr:colOff>
      <xdr:row>54</xdr:row>
      <xdr:rowOff>191524</xdr:rowOff>
    </xdr:to>
    <xdr:sp macro="" textlink="">
      <xdr:nvSpPr>
        <xdr:cNvPr id="120" name="テキスト ボックス 119">
          <a:extLst>
            <a:ext uri="{FF2B5EF4-FFF2-40B4-BE49-F238E27FC236}">
              <a16:creationId xmlns:a16="http://schemas.microsoft.com/office/drawing/2014/main" id="{00000000-0008-0000-0000-000078000000}"/>
            </a:ext>
          </a:extLst>
        </xdr:cNvPr>
        <xdr:cNvSpPr txBox="1"/>
      </xdr:nvSpPr>
      <xdr:spPr>
        <a:xfrm>
          <a:off x="12551228" y="9546772"/>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0</xdr:col>
      <xdr:colOff>54428</xdr:colOff>
      <xdr:row>46</xdr:row>
      <xdr:rowOff>130629</xdr:rowOff>
    </xdr:from>
    <xdr:to>
      <xdr:col>49</xdr:col>
      <xdr:colOff>315685</xdr:colOff>
      <xdr:row>54</xdr:row>
      <xdr:rowOff>158867</xdr:rowOff>
    </xdr:to>
    <xdr:sp macro="" textlink="">
      <xdr:nvSpPr>
        <xdr:cNvPr id="121" name="テキスト ボックス 120">
          <a:extLst>
            <a:ext uri="{FF2B5EF4-FFF2-40B4-BE49-F238E27FC236}">
              <a16:creationId xmlns:a16="http://schemas.microsoft.com/office/drawing/2014/main" id="{00000000-0008-0000-0000-000079000000}"/>
            </a:ext>
          </a:extLst>
        </xdr:cNvPr>
        <xdr:cNvSpPr txBox="1"/>
      </xdr:nvSpPr>
      <xdr:spPr>
        <a:xfrm>
          <a:off x="18723428" y="9514115"/>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53</xdr:col>
      <xdr:colOff>0</xdr:colOff>
      <xdr:row>47</xdr:row>
      <xdr:rowOff>0</xdr:rowOff>
    </xdr:from>
    <xdr:to>
      <xdr:col>62</xdr:col>
      <xdr:colOff>261257</xdr:colOff>
      <xdr:row>54</xdr:row>
      <xdr:rowOff>224181</xdr:rowOff>
    </xdr:to>
    <xdr:sp macro="" textlink="">
      <xdr:nvSpPr>
        <xdr:cNvPr id="122" name="テキスト ボックス 121">
          <a:extLst>
            <a:ext uri="{FF2B5EF4-FFF2-40B4-BE49-F238E27FC236}">
              <a16:creationId xmlns:a16="http://schemas.microsoft.com/office/drawing/2014/main" id="{00000000-0008-0000-0000-00007A000000}"/>
            </a:ext>
          </a:extLst>
        </xdr:cNvPr>
        <xdr:cNvSpPr txBox="1"/>
      </xdr:nvSpPr>
      <xdr:spPr>
        <a:xfrm>
          <a:off x="24939171"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66</xdr:col>
      <xdr:colOff>0</xdr:colOff>
      <xdr:row>47</xdr:row>
      <xdr:rowOff>0</xdr:rowOff>
    </xdr:from>
    <xdr:to>
      <xdr:col>75</xdr:col>
      <xdr:colOff>261257</xdr:colOff>
      <xdr:row>54</xdr:row>
      <xdr:rowOff>224181</xdr:rowOff>
    </xdr:to>
    <xdr:sp macro="" textlink="">
      <xdr:nvSpPr>
        <xdr:cNvPr id="123" name="テキスト ボックス 122">
          <a:extLst>
            <a:ext uri="{FF2B5EF4-FFF2-40B4-BE49-F238E27FC236}">
              <a16:creationId xmlns:a16="http://schemas.microsoft.com/office/drawing/2014/main" id="{00000000-0008-0000-0000-00007B000000}"/>
            </a:ext>
          </a:extLst>
        </xdr:cNvPr>
        <xdr:cNvSpPr txBox="1"/>
      </xdr:nvSpPr>
      <xdr:spPr>
        <a:xfrm>
          <a:off x="31209343"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79</xdr:col>
      <xdr:colOff>0</xdr:colOff>
      <xdr:row>47</xdr:row>
      <xdr:rowOff>0</xdr:rowOff>
    </xdr:from>
    <xdr:to>
      <xdr:col>88</xdr:col>
      <xdr:colOff>348342</xdr:colOff>
      <xdr:row>54</xdr:row>
      <xdr:rowOff>224181</xdr:rowOff>
    </xdr:to>
    <xdr:sp macro="" textlink="">
      <xdr:nvSpPr>
        <xdr:cNvPr id="124" name="テキスト ボックス 123">
          <a:extLst>
            <a:ext uri="{FF2B5EF4-FFF2-40B4-BE49-F238E27FC236}">
              <a16:creationId xmlns:a16="http://schemas.microsoft.com/office/drawing/2014/main" id="{00000000-0008-0000-0000-00007C000000}"/>
            </a:ext>
          </a:extLst>
        </xdr:cNvPr>
        <xdr:cNvSpPr txBox="1"/>
      </xdr:nvSpPr>
      <xdr:spPr>
        <a:xfrm>
          <a:off x="37479514"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92</xdr:col>
      <xdr:colOff>0</xdr:colOff>
      <xdr:row>47</xdr:row>
      <xdr:rowOff>0</xdr:rowOff>
    </xdr:from>
    <xdr:to>
      <xdr:col>101</xdr:col>
      <xdr:colOff>348343</xdr:colOff>
      <xdr:row>54</xdr:row>
      <xdr:rowOff>224181</xdr:rowOff>
    </xdr:to>
    <xdr:sp macro="" textlink="">
      <xdr:nvSpPr>
        <xdr:cNvPr id="125" name="テキスト ボックス 124">
          <a:extLst>
            <a:ext uri="{FF2B5EF4-FFF2-40B4-BE49-F238E27FC236}">
              <a16:creationId xmlns:a16="http://schemas.microsoft.com/office/drawing/2014/main" id="{00000000-0008-0000-0000-00007D000000}"/>
            </a:ext>
          </a:extLst>
        </xdr:cNvPr>
        <xdr:cNvSpPr txBox="1"/>
      </xdr:nvSpPr>
      <xdr:spPr>
        <a:xfrm>
          <a:off x="43662600"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05</xdr:col>
      <xdr:colOff>0</xdr:colOff>
      <xdr:row>47</xdr:row>
      <xdr:rowOff>0</xdr:rowOff>
    </xdr:from>
    <xdr:to>
      <xdr:col>114</xdr:col>
      <xdr:colOff>348343</xdr:colOff>
      <xdr:row>54</xdr:row>
      <xdr:rowOff>224181</xdr:rowOff>
    </xdr:to>
    <xdr:sp macro="" textlink="">
      <xdr:nvSpPr>
        <xdr:cNvPr id="126" name="テキスト ボックス 125">
          <a:extLst>
            <a:ext uri="{FF2B5EF4-FFF2-40B4-BE49-F238E27FC236}">
              <a16:creationId xmlns:a16="http://schemas.microsoft.com/office/drawing/2014/main" id="{00000000-0008-0000-0000-00007E000000}"/>
            </a:ext>
          </a:extLst>
        </xdr:cNvPr>
        <xdr:cNvSpPr txBox="1"/>
      </xdr:nvSpPr>
      <xdr:spPr>
        <a:xfrm>
          <a:off x="49845686"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18</xdr:col>
      <xdr:colOff>0</xdr:colOff>
      <xdr:row>47</xdr:row>
      <xdr:rowOff>0</xdr:rowOff>
    </xdr:from>
    <xdr:to>
      <xdr:col>127</xdr:col>
      <xdr:colOff>348342</xdr:colOff>
      <xdr:row>54</xdr:row>
      <xdr:rowOff>224181</xdr:rowOff>
    </xdr:to>
    <xdr:sp macro="" textlink="">
      <xdr:nvSpPr>
        <xdr:cNvPr id="127" name="テキスト ボックス 126">
          <a:extLst>
            <a:ext uri="{FF2B5EF4-FFF2-40B4-BE49-F238E27FC236}">
              <a16:creationId xmlns:a16="http://schemas.microsoft.com/office/drawing/2014/main" id="{00000000-0008-0000-0000-00007F000000}"/>
            </a:ext>
          </a:extLst>
        </xdr:cNvPr>
        <xdr:cNvSpPr txBox="1"/>
      </xdr:nvSpPr>
      <xdr:spPr>
        <a:xfrm>
          <a:off x="56028771"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31</xdr:col>
      <xdr:colOff>0</xdr:colOff>
      <xdr:row>47</xdr:row>
      <xdr:rowOff>0</xdr:rowOff>
    </xdr:from>
    <xdr:to>
      <xdr:col>140</xdr:col>
      <xdr:colOff>348343</xdr:colOff>
      <xdr:row>54</xdr:row>
      <xdr:rowOff>224181</xdr:rowOff>
    </xdr:to>
    <xdr:sp macro="" textlink="">
      <xdr:nvSpPr>
        <xdr:cNvPr id="128" name="テキスト ボックス 127">
          <a:extLst>
            <a:ext uri="{FF2B5EF4-FFF2-40B4-BE49-F238E27FC236}">
              <a16:creationId xmlns:a16="http://schemas.microsoft.com/office/drawing/2014/main" id="{00000000-0008-0000-0000-000080000000}"/>
            </a:ext>
          </a:extLst>
        </xdr:cNvPr>
        <xdr:cNvSpPr txBox="1"/>
      </xdr:nvSpPr>
      <xdr:spPr>
        <a:xfrm>
          <a:off x="62211857"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44</xdr:col>
      <xdr:colOff>0</xdr:colOff>
      <xdr:row>47</xdr:row>
      <xdr:rowOff>0</xdr:rowOff>
    </xdr:from>
    <xdr:to>
      <xdr:col>153</xdr:col>
      <xdr:colOff>348343</xdr:colOff>
      <xdr:row>54</xdr:row>
      <xdr:rowOff>224181</xdr:rowOff>
    </xdr:to>
    <xdr:sp macro="" textlink="">
      <xdr:nvSpPr>
        <xdr:cNvPr id="129" name="テキスト ボックス 128">
          <a:extLst>
            <a:ext uri="{FF2B5EF4-FFF2-40B4-BE49-F238E27FC236}">
              <a16:creationId xmlns:a16="http://schemas.microsoft.com/office/drawing/2014/main" id="{00000000-0008-0000-0000-000081000000}"/>
            </a:ext>
          </a:extLst>
        </xdr:cNvPr>
        <xdr:cNvSpPr txBox="1"/>
      </xdr:nvSpPr>
      <xdr:spPr>
        <a:xfrm>
          <a:off x="68394943"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57</xdr:col>
      <xdr:colOff>0</xdr:colOff>
      <xdr:row>47</xdr:row>
      <xdr:rowOff>0</xdr:rowOff>
    </xdr:from>
    <xdr:to>
      <xdr:col>166</xdr:col>
      <xdr:colOff>348343</xdr:colOff>
      <xdr:row>54</xdr:row>
      <xdr:rowOff>224181</xdr:rowOff>
    </xdr:to>
    <xdr:sp macro="" textlink="">
      <xdr:nvSpPr>
        <xdr:cNvPr id="130" name="テキスト ボックス 129">
          <a:extLst>
            <a:ext uri="{FF2B5EF4-FFF2-40B4-BE49-F238E27FC236}">
              <a16:creationId xmlns:a16="http://schemas.microsoft.com/office/drawing/2014/main" id="{00000000-0008-0000-0000-000082000000}"/>
            </a:ext>
          </a:extLst>
        </xdr:cNvPr>
        <xdr:cNvSpPr txBox="1"/>
      </xdr:nvSpPr>
      <xdr:spPr>
        <a:xfrm>
          <a:off x="74578029"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70</xdr:col>
      <xdr:colOff>0</xdr:colOff>
      <xdr:row>47</xdr:row>
      <xdr:rowOff>0</xdr:rowOff>
    </xdr:from>
    <xdr:to>
      <xdr:col>179</xdr:col>
      <xdr:colOff>348342</xdr:colOff>
      <xdr:row>54</xdr:row>
      <xdr:rowOff>224181</xdr:rowOff>
    </xdr:to>
    <xdr:sp macro="" textlink="">
      <xdr:nvSpPr>
        <xdr:cNvPr id="131" name="テキスト ボックス 130">
          <a:extLst>
            <a:ext uri="{FF2B5EF4-FFF2-40B4-BE49-F238E27FC236}">
              <a16:creationId xmlns:a16="http://schemas.microsoft.com/office/drawing/2014/main" id="{00000000-0008-0000-0000-000083000000}"/>
            </a:ext>
          </a:extLst>
        </xdr:cNvPr>
        <xdr:cNvSpPr txBox="1"/>
      </xdr:nvSpPr>
      <xdr:spPr>
        <a:xfrm>
          <a:off x="80761114"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83</xdr:col>
      <xdr:colOff>0</xdr:colOff>
      <xdr:row>47</xdr:row>
      <xdr:rowOff>0</xdr:rowOff>
    </xdr:from>
    <xdr:to>
      <xdr:col>192</xdr:col>
      <xdr:colOff>348343</xdr:colOff>
      <xdr:row>54</xdr:row>
      <xdr:rowOff>224181</xdr:rowOff>
    </xdr:to>
    <xdr:sp macro="" textlink="">
      <xdr:nvSpPr>
        <xdr:cNvPr id="132" name="テキスト ボックス 131">
          <a:extLst>
            <a:ext uri="{FF2B5EF4-FFF2-40B4-BE49-F238E27FC236}">
              <a16:creationId xmlns:a16="http://schemas.microsoft.com/office/drawing/2014/main" id="{00000000-0008-0000-0000-000084000000}"/>
            </a:ext>
          </a:extLst>
        </xdr:cNvPr>
        <xdr:cNvSpPr txBox="1"/>
      </xdr:nvSpPr>
      <xdr:spPr>
        <a:xfrm>
          <a:off x="86944200"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96</xdr:col>
      <xdr:colOff>0</xdr:colOff>
      <xdr:row>47</xdr:row>
      <xdr:rowOff>0</xdr:rowOff>
    </xdr:from>
    <xdr:to>
      <xdr:col>205</xdr:col>
      <xdr:colOff>348343</xdr:colOff>
      <xdr:row>54</xdr:row>
      <xdr:rowOff>224181</xdr:rowOff>
    </xdr:to>
    <xdr:sp macro="" textlink="">
      <xdr:nvSpPr>
        <xdr:cNvPr id="133" name="テキスト ボックス 132">
          <a:extLst>
            <a:ext uri="{FF2B5EF4-FFF2-40B4-BE49-F238E27FC236}">
              <a16:creationId xmlns:a16="http://schemas.microsoft.com/office/drawing/2014/main" id="{00000000-0008-0000-0000-000085000000}"/>
            </a:ext>
          </a:extLst>
        </xdr:cNvPr>
        <xdr:cNvSpPr txBox="1"/>
      </xdr:nvSpPr>
      <xdr:spPr>
        <a:xfrm>
          <a:off x="93127286"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09</xdr:col>
      <xdr:colOff>0</xdr:colOff>
      <xdr:row>47</xdr:row>
      <xdr:rowOff>0</xdr:rowOff>
    </xdr:from>
    <xdr:to>
      <xdr:col>218</xdr:col>
      <xdr:colOff>348342</xdr:colOff>
      <xdr:row>54</xdr:row>
      <xdr:rowOff>224181</xdr:rowOff>
    </xdr:to>
    <xdr:sp macro="" textlink="">
      <xdr:nvSpPr>
        <xdr:cNvPr id="134" name="テキスト ボックス 133">
          <a:extLst>
            <a:ext uri="{FF2B5EF4-FFF2-40B4-BE49-F238E27FC236}">
              <a16:creationId xmlns:a16="http://schemas.microsoft.com/office/drawing/2014/main" id="{00000000-0008-0000-0000-000086000000}"/>
            </a:ext>
          </a:extLst>
        </xdr:cNvPr>
        <xdr:cNvSpPr txBox="1"/>
      </xdr:nvSpPr>
      <xdr:spPr>
        <a:xfrm>
          <a:off x="99310371"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22</xdr:col>
      <xdr:colOff>0</xdr:colOff>
      <xdr:row>47</xdr:row>
      <xdr:rowOff>0</xdr:rowOff>
    </xdr:from>
    <xdr:to>
      <xdr:col>231</xdr:col>
      <xdr:colOff>391885</xdr:colOff>
      <xdr:row>54</xdr:row>
      <xdr:rowOff>224181</xdr:rowOff>
    </xdr:to>
    <xdr:sp macro="" textlink="">
      <xdr:nvSpPr>
        <xdr:cNvPr id="135" name="テキスト ボックス 134">
          <a:extLst>
            <a:ext uri="{FF2B5EF4-FFF2-40B4-BE49-F238E27FC236}">
              <a16:creationId xmlns:a16="http://schemas.microsoft.com/office/drawing/2014/main" id="{00000000-0008-0000-0000-000087000000}"/>
            </a:ext>
          </a:extLst>
        </xdr:cNvPr>
        <xdr:cNvSpPr txBox="1"/>
      </xdr:nvSpPr>
      <xdr:spPr>
        <a:xfrm>
          <a:off x="105493457"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35</xdr:col>
      <xdr:colOff>0</xdr:colOff>
      <xdr:row>47</xdr:row>
      <xdr:rowOff>0</xdr:rowOff>
    </xdr:from>
    <xdr:to>
      <xdr:col>244</xdr:col>
      <xdr:colOff>348343</xdr:colOff>
      <xdr:row>54</xdr:row>
      <xdr:rowOff>224181</xdr:rowOff>
    </xdr:to>
    <xdr:sp macro="" textlink="">
      <xdr:nvSpPr>
        <xdr:cNvPr id="136" name="テキスト ボックス 135">
          <a:extLst>
            <a:ext uri="{FF2B5EF4-FFF2-40B4-BE49-F238E27FC236}">
              <a16:creationId xmlns:a16="http://schemas.microsoft.com/office/drawing/2014/main" id="{00000000-0008-0000-0000-000088000000}"/>
            </a:ext>
          </a:extLst>
        </xdr:cNvPr>
        <xdr:cNvSpPr txBox="1"/>
      </xdr:nvSpPr>
      <xdr:spPr>
        <a:xfrm>
          <a:off x="111633000"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48</xdr:col>
      <xdr:colOff>0</xdr:colOff>
      <xdr:row>47</xdr:row>
      <xdr:rowOff>0</xdr:rowOff>
    </xdr:from>
    <xdr:to>
      <xdr:col>257</xdr:col>
      <xdr:colOff>348343</xdr:colOff>
      <xdr:row>54</xdr:row>
      <xdr:rowOff>224181</xdr:rowOff>
    </xdr:to>
    <xdr:sp macro="" textlink="">
      <xdr:nvSpPr>
        <xdr:cNvPr id="137" name="テキスト ボックス 136">
          <a:extLst>
            <a:ext uri="{FF2B5EF4-FFF2-40B4-BE49-F238E27FC236}">
              <a16:creationId xmlns:a16="http://schemas.microsoft.com/office/drawing/2014/main" id="{00000000-0008-0000-0000-000089000000}"/>
            </a:ext>
          </a:extLst>
        </xdr:cNvPr>
        <xdr:cNvSpPr txBox="1"/>
      </xdr:nvSpPr>
      <xdr:spPr>
        <a:xfrm>
          <a:off x="117816086"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61</xdr:col>
      <xdr:colOff>0</xdr:colOff>
      <xdr:row>47</xdr:row>
      <xdr:rowOff>0</xdr:rowOff>
    </xdr:from>
    <xdr:to>
      <xdr:col>270</xdr:col>
      <xdr:colOff>348342</xdr:colOff>
      <xdr:row>54</xdr:row>
      <xdr:rowOff>224181</xdr:rowOff>
    </xdr:to>
    <xdr:sp macro="" textlink="">
      <xdr:nvSpPr>
        <xdr:cNvPr id="138" name="テキスト ボックス 137">
          <a:extLst>
            <a:ext uri="{FF2B5EF4-FFF2-40B4-BE49-F238E27FC236}">
              <a16:creationId xmlns:a16="http://schemas.microsoft.com/office/drawing/2014/main" id="{00000000-0008-0000-0000-00008A000000}"/>
            </a:ext>
          </a:extLst>
        </xdr:cNvPr>
        <xdr:cNvSpPr txBox="1"/>
      </xdr:nvSpPr>
      <xdr:spPr>
        <a:xfrm>
          <a:off x="123999171"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74</xdr:col>
      <xdr:colOff>0</xdr:colOff>
      <xdr:row>47</xdr:row>
      <xdr:rowOff>0</xdr:rowOff>
    </xdr:from>
    <xdr:to>
      <xdr:col>283</xdr:col>
      <xdr:colOff>348343</xdr:colOff>
      <xdr:row>54</xdr:row>
      <xdr:rowOff>224181</xdr:rowOff>
    </xdr:to>
    <xdr:sp macro="" textlink="">
      <xdr:nvSpPr>
        <xdr:cNvPr id="139" name="テキスト ボックス 138">
          <a:extLst>
            <a:ext uri="{FF2B5EF4-FFF2-40B4-BE49-F238E27FC236}">
              <a16:creationId xmlns:a16="http://schemas.microsoft.com/office/drawing/2014/main" id="{00000000-0008-0000-0000-00008B000000}"/>
            </a:ext>
          </a:extLst>
        </xdr:cNvPr>
        <xdr:cNvSpPr txBox="1"/>
      </xdr:nvSpPr>
      <xdr:spPr>
        <a:xfrm>
          <a:off x="130182257"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87</xdr:col>
      <xdr:colOff>0</xdr:colOff>
      <xdr:row>47</xdr:row>
      <xdr:rowOff>0</xdr:rowOff>
    </xdr:from>
    <xdr:to>
      <xdr:col>296</xdr:col>
      <xdr:colOff>348343</xdr:colOff>
      <xdr:row>54</xdr:row>
      <xdr:rowOff>224181</xdr:rowOff>
    </xdr:to>
    <xdr:sp macro="" textlink="">
      <xdr:nvSpPr>
        <xdr:cNvPr id="140" name="テキスト ボックス 139">
          <a:extLst>
            <a:ext uri="{FF2B5EF4-FFF2-40B4-BE49-F238E27FC236}">
              <a16:creationId xmlns:a16="http://schemas.microsoft.com/office/drawing/2014/main" id="{00000000-0008-0000-0000-00008C000000}"/>
            </a:ext>
          </a:extLst>
        </xdr:cNvPr>
        <xdr:cNvSpPr txBox="1"/>
      </xdr:nvSpPr>
      <xdr:spPr>
        <a:xfrm>
          <a:off x="136365343"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00</xdr:col>
      <xdr:colOff>0</xdr:colOff>
      <xdr:row>47</xdr:row>
      <xdr:rowOff>0</xdr:rowOff>
    </xdr:from>
    <xdr:to>
      <xdr:col>309</xdr:col>
      <xdr:colOff>348343</xdr:colOff>
      <xdr:row>54</xdr:row>
      <xdr:rowOff>224181</xdr:rowOff>
    </xdr:to>
    <xdr:sp macro="" textlink="">
      <xdr:nvSpPr>
        <xdr:cNvPr id="141" name="テキスト ボックス 140">
          <a:extLst>
            <a:ext uri="{FF2B5EF4-FFF2-40B4-BE49-F238E27FC236}">
              <a16:creationId xmlns:a16="http://schemas.microsoft.com/office/drawing/2014/main" id="{00000000-0008-0000-0000-00008D000000}"/>
            </a:ext>
          </a:extLst>
        </xdr:cNvPr>
        <xdr:cNvSpPr txBox="1"/>
      </xdr:nvSpPr>
      <xdr:spPr>
        <a:xfrm>
          <a:off x="142548429"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13</xdr:col>
      <xdr:colOff>0</xdr:colOff>
      <xdr:row>47</xdr:row>
      <xdr:rowOff>0</xdr:rowOff>
    </xdr:from>
    <xdr:to>
      <xdr:col>322</xdr:col>
      <xdr:colOff>348342</xdr:colOff>
      <xdr:row>54</xdr:row>
      <xdr:rowOff>224181</xdr:rowOff>
    </xdr:to>
    <xdr:sp macro="" textlink="">
      <xdr:nvSpPr>
        <xdr:cNvPr id="142" name="テキスト ボックス 141">
          <a:extLst>
            <a:ext uri="{FF2B5EF4-FFF2-40B4-BE49-F238E27FC236}">
              <a16:creationId xmlns:a16="http://schemas.microsoft.com/office/drawing/2014/main" id="{00000000-0008-0000-0000-00008E000000}"/>
            </a:ext>
          </a:extLst>
        </xdr:cNvPr>
        <xdr:cNvSpPr txBox="1"/>
      </xdr:nvSpPr>
      <xdr:spPr>
        <a:xfrm>
          <a:off x="148731514"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26</xdr:col>
      <xdr:colOff>0</xdr:colOff>
      <xdr:row>47</xdr:row>
      <xdr:rowOff>0</xdr:rowOff>
    </xdr:from>
    <xdr:to>
      <xdr:col>335</xdr:col>
      <xdr:colOff>348343</xdr:colOff>
      <xdr:row>54</xdr:row>
      <xdr:rowOff>224181</xdr:rowOff>
    </xdr:to>
    <xdr:sp macro="" textlink="">
      <xdr:nvSpPr>
        <xdr:cNvPr id="143" name="テキスト ボックス 142">
          <a:extLst>
            <a:ext uri="{FF2B5EF4-FFF2-40B4-BE49-F238E27FC236}">
              <a16:creationId xmlns:a16="http://schemas.microsoft.com/office/drawing/2014/main" id="{00000000-0008-0000-0000-00008F000000}"/>
            </a:ext>
          </a:extLst>
        </xdr:cNvPr>
        <xdr:cNvSpPr txBox="1"/>
      </xdr:nvSpPr>
      <xdr:spPr>
        <a:xfrm>
          <a:off x="154914600"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39</xdr:col>
      <xdr:colOff>0</xdr:colOff>
      <xdr:row>47</xdr:row>
      <xdr:rowOff>0</xdr:rowOff>
    </xdr:from>
    <xdr:to>
      <xdr:col>348</xdr:col>
      <xdr:colOff>348343</xdr:colOff>
      <xdr:row>54</xdr:row>
      <xdr:rowOff>224181</xdr:rowOff>
    </xdr:to>
    <xdr:sp macro="" textlink="">
      <xdr:nvSpPr>
        <xdr:cNvPr id="144" name="テキスト ボックス 143">
          <a:extLst>
            <a:ext uri="{FF2B5EF4-FFF2-40B4-BE49-F238E27FC236}">
              <a16:creationId xmlns:a16="http://schemas.microsoft.com/office/drawing/2014/main" id="{00000000-0008-0000-0000-000090000000}"/>
            </a:ext>
          </a:extLst>
        </xdr:cNvPr>
        <xdr:cNvSpPr txBox="1"/>
      </xdr:nvSpPr>
      <xdr:spPr>
        <a:xfrm>
          <a:off x="161097686"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52</xdr:col>
      <xdr:colOff>0</xdr:colOff>
      <xdr:row>47</xdr:row>
      <xdr:rowOff>0</xdr:rowOff>
    </xdr:from>
    <xdr:to>
      <xdr:col>361</xdr:col>
      <xdr:colOff>348342</xdr:colOff>
      <xdr:row>54</xdr:row>
      <xdr:rowOff>224181</xdr:rowOff>
    </xdr:to>
    <xdr:sp macro="" textlink="">
      <xdr:nvSpPr>
        <xdr:cNvPr id="145" name="テキスト ボックス 144">
          <a:extLst>
            <a:ext uri="{FF2B5EF4-FFF2-40B4-BE49-F238E27FC236}">
              <a16:creationId xmlns:a16="http://schemas.microsoft.com/office/drawing/2014/main" id="{00000000-0008-0000-0000-000091000000}"/>
            </a:ext>
          </a:extLst>
        </xdr:cNvPr>
        <xdr:cNvSpPr txBox="1"/>
      </xdr:nvSpPr>
      <xdr:spPr>
        <a:xfrm>
          <a:off x="167280771"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65</xdr:col>
      <xdr:colOff>0</xdr:colOff>
      <xdr:row>47</xdr:row>
      <xdr:rowOff>0</xdr:rowOff>
    </xdr:from>
    <xdr:to>
      <xdr:col>374</xdr:col>
      <xdr:colOff>348343</xdr:colOff>
      <xdr:row>54</xdr:row>
      <xdr:rowOff>224181</xdr:rowOff>
    </xdr:to>
    <xdr:sp macro="" textlink="">
      <xdr:nvSpPr>
        <xdr:cNvPr id="146" name="テキスト ボックス 145">
          <a:extLst>
            <a:ext uri="{FF2B5EF4-FFF2-40B4-BE49-F238E27FC236}">
              <a16:creationId xmlns:a16="http://schemas.microsoft.com/office/drawing/2014/main" id="{00000000-0008-0000-0000-000092000000}"/>
            </a:ext>
          </a:extLst>
        </xdr:cNvPr>
        <xdr:cNvSpPr txBox="1"/>
      </xdr:nvSpPr>
      <xdr:spPr>
        <a:xfrm>
          <a:off x="173463857"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78</xdr:col>
      <xdr:colOff>0</xdr:colOff>
      <xdr:row>47</xdr:row>
      <xdr:rowOff>0</xdr:rowOff>
    </xdr:from>
    <xdr:to>
      <xdr:col>387</xdr:col>
      <xdr:colOff>348343</xdr:colOff>
      <xdr:row>54</xdr:row>
      <xdr:rowOff>224181</xdr:rowOff>
    </xdr:to>
    <xdr:sp macro="" textlink="">
      <xdr:nvSpPr>
        <xdr:cNvPr id="147" name="テキスト ボックス 146">
          <a:extLst>
            <a:ext uri="{FF2B5EF4-FFF2-40B4-BE49-F238E27FC236}">
              <a16:creationId xmlns:a16="http://schemas.microsoft.com/office/drawing/2014/main" id="{00000000-0008-0000-0000-000093000000}"/>
            </a:ext>
          </a:extLst>
        </xdr:cNvPr>
        <xdr:cNvSpPr txBox="1"/>
      </xdr:nvSpPr>
      <xdr:spPr>
        <a:xfrm>
          <a:off x="179646943"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91</xdr:col>
      <xdr:colOff>0</xdr:colOff>
      <xdr:row>47</xdr:row>
      <xdr:rowOff>0</xdr:rowOff>
    </xdr:from>
    <xdr:to>
      <xdr:col>400</xdr:col>
      <xdr:colOff>348343</xdr:colOff>
      <xdr:row>54</xdr:row>
      <xdr:rowOff>224181</xdr:rowOff>
    </xdr:to>
    <xdr:sp macro="" textlink="">
      <xdr:nvSpPr>
        <xdr:cNvPr id="148" name="テキスト ボックス 147">
          <a:extLst>
            <a:ext uri="{FF2B5EF4-FFF2-40B4-BE49-F238E27FC236}">
              <a16:creationId xmlns:a16="http://schemas.microsoft.com/office/drawing/2014/main" id="{00000000-0008-0000-0000-000094000000}"/>
            </a:ext>
          </a:extLst>
        </xdr:cNvPr>
        <xdr:cNvSpPr txBox="1"/>
      </xdr:nvSpPr>
      <xdr:spPr>
        <a:xfrm>
          <a:off x="185830029"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04</xdr:col>
      <xdr:colOff>0</xdr:colOff>
      <xdr:row>47</xdr:row>
      <xdr:rowOff>0</xdr:rowOff>
    </xdr:from>
    <xdr:to>
      <xdr:col>413</xdr:col>
      <xdr:colOff>348342</xdr:colOff>
      <xdr:row>54</xdr:row>
      <xdr:rowOff>224181</xdr:rowOff>
    </xdr:to>
    <xdr:sp macro="" textlink="">
      <xdr:nvSpPr>
        <xdr:cNvPr id="149" name="テキスト ボックス 148">
          <a:extLst>
            <a:ext uri="{FF2B5EF4-FFF2-40B4-BE49-F238E27FC236}">
              <a16:creationId xmlns:a16="http://schemas.microsoft.com/office/drawing/2014/main" id="{00000000-0008-0000-0000-000095000000}"/>
            </a:ext>
          </a:extLst>
        </xdr:cNvPr>
        <xdr:cNvSpPr txBox="1"/>
      </xdr:nvSpPr>
      <xdr:spPr>
        <a:xfrm>
          <a:off x="192013114"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17</xdr:col>
      <xdr:colOff>0</xdr:colOff>
      <xdr:row>47</xdr:row>
      <xdr:rowOff>0</xdr:rowOff>
    </xdr:from>
    <xdr:to>
      <xdr:col>426</xdr:col>
      <xdr:colOff>348343</xdr:colOff>
      <xdr:row>54</xdr:row>
      <xdr:rowOff>224181</xdr:rowOff>
    </xdr:to>
    <xdr:sp macro="" textlink="">
      <xdr:nvSpPr>
        <xdr:cNvPr id="150" name="テキスト ボックス 149">
          <a:extLst>
            <a:ext uri="{FF2B5EF4-FFF2-40B4-BE49-F238E27FC236}">
              <a16:creationId xmlns:a16="http://schemas.microsoft.com/office/drawing/2014/main" id="{00000000-0008-0000-0000-000096000000}"/>
            </a:ext>
          </a:extLst>
        </xdr:cNvPr>
        <xdr:cNvSpPr txBox="1"/>
      </xdr:nvSpPr>
      <xdr:spPr>
        <a:xfrm>
          <a:off x="198196200"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30</xdr:col>
      <xdr:colOff>0</xdr:colOff>
      <xdr:row>47</xdr:row>
      <xdr:rowOff>0</xdr:rowOff>
    </xdr:from>
    <xdr:to>
      <xdr:col>439</xdr:col>
      <xdr:colOff>348343</xdr:colOff>
      <xdr:row>54</xdr:row>
      <xdr:rowOff>224181</xdr:rowOff>
    </xdr:to>
    <xdr:sp macro="" textlink="">
      <xdr:nvSpPr>
        <xdr:cNvPr id="151" name="テキスト ボックス 150">
          <a:extLst>
            <a:ext uri="{FF2B5EF4-FFF2-40B4-BE49-F238E27FC236}">
              <a16:creationId xmlns:a16="http://schemas.microsoft.com/office/drawing/2014/main" id="{00000000-0008-0000-0000-000097000000}"/>
            </a:ext>
          </a:extLst>
        </xdr:cNvPr>
        <xdr:cNvSpPr txBox="1"/>
      </xdr:nvSpPr>
      <xdr:spPr>
        <a:xfrm>
          <a:off x="204379286"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43</xdr:col>
      <xdr:colOff>0</xdr:colOff>
      <xdr:row>47</xdr:row>
      <xdr:rowOff>0</xdr:rowOff>
    </xdr:from>
    <xdr:to>
      <xdr:col>452</xdr:col>
      <xdr:colOff>348342</xdr:colOff>
      <xdr:row>54</xdr:row>
      <xdr:rowOff>224181</xdr:rowOff>
    </xdr:to>
    <xdr:sp macro="" textlink="">
      <xdr:nvSpPr>
        <xdr:cNvPr id="152" name="テキスト ボックス 151">
          <a:extLst>
            <a:ext uri="{FF2B5EF4-FFF2-40B4-BE49-F238E27FC236}">
              <a16:creationId xmlns:a16="http://schemas.microsoft.com/office/drawing/2014/main" id="{00000000-0008-0000-0000-000098000000}"/>
            </a:ext>
          </a:extLst>
        </xdr:cNvPr>
        <xdr:cNvSpPr txBox="1"/>
      </xdr:nvSpPr>
      <xdr:spPr>
        <a:xfrm>
          <a:off x="210562371"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56</xdr:col>
      <xdr:colOff>0</xdr:colOff>
      <xdr:row>47</xdr:row>
      <xdr:rowOff>0</xdr:rowOff>
    </xdr:from>
    <xdr:to>
      <xdr:col>465</xdr:col>
      <xdr:colOff>348343</xdr:colOff>
      <xdr:row>54</xdr:row>
      <xdr:rowOff>224181</xdr:rowOff>
    </xdr:to>
    <xdr:sp macro="" textlink="">
      <xdr:nvSpPr>
        <xdr:cNvPr id="153" name="テキスト ボックス 152">
          <a:extLst>
            <a:ext uri="{FF2B5EF4-FFF2-40B4-BE49-F238E27FC236}">
              <a16:creationId xmlns:a16="http://schemas.microsoft.com/office/drawing/2014/main" id="{00000000-0008-0000-0000-000099000000}"/>
            </a:ext>
          </a:extLst>
        </xdr:cNvPr>
        <xdr:cNvSpPr txBox="1"/>
      </xdr:nvSpPr>
      <xdr:spPr>
        <a:xfrm>
          <a:off x="216745457"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69</xdr:col>
      <xdr:colOff>0</xdr:colOff>
      <xdr:row>47</xdr:row>
      <xdr:rowOff>0</xdr:rowOff>
    </xdr:from>
    <xdr:to>
      <xdr:col>478</xdr:col>
      <xdr:colOff>348343</xdr:colOff>
      <xdr:row>54</xdr:row>
      <xdr:rowOff>224181</xdr:rowOff>
    </xdr:to>
    <xdr:sp macro="" textlink="">
      <xdr:nvSpPr>
        <xdr:cNvPr id="154" name="テキスト ボックス 153">
          <a:extLst>
            <a:ext uri="{FF2B5EF4-FFF2-40B4-BE49-F238E27FC236}">
              <a16:creationId xmlns:a16="http://schemas.microsoft.com/office/drawing/2014/main" id="{00000000-0008-0000-0000-00009A000000}"/>
            </a:ext>
          </a:extLst>
        </xdr:cNvPr>
        <xdr:cNvSpPr txBox="1"/>
      </xdr:nvSpPr>
      <xdr:spPr>
        <a:xfrm>
          <a:off x="222928543"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82</xdr:col>
      <xdr:colOff>0</xdr:colOff>
      <xdr:row>47</xdr:row>
      <xdr:rowOff>0</xdr:rowOff>
    </xdr:from>
    <xdr:to>
      <xdr:col>491</xdr:col>
      <xdr:colOff>348343</xdr:colOff>
      <xdr:row>54</xdr:row>
      <xdr:rowOff>224181</xdr:rowOff>
    </xdr:to>
    <xdr:sp macro="" textlink="">
      <xdr:nvSpPr>
        <xdr:cNvPr id="155" name="テキスト ボックス 154">
          <a:extLst>
            <a:ext uri="{FF2B5EF4-FFF2-40B4-BE49-F238E27FC236}">
              <a16:creationId xmlns:a16="http://schemas.microsoft.com/office/drawing/2014/main" id="{00000000-0008-0000-0000-00009B000000}"/>
            </a:ext>
          </a:extLst>
        </xdr:cNvPr>
        <xdr:cNvSpPr txBox="1"/>
      </xdr:nvSpPr>
      <xdr:spPr>
        <a:xfrm>
          <a:off x="229111629"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95</xdr:col>
      <xdr:colOff>0</xdr:colOff>
      <xdr:row>47</xdr:row>
      <xdr:rowOff>0</xdr:rowOff>
    </xdr:from>
    <xdr:to>
      <xdr:col>504</xdr:col>
      <xdr:colOff>348342</xdr:colOff>
      <xdr:row>54</xdr:row>
      <xdr:rowOff>224181</xdr:rowOff>
    </xdr:to>
    <xdr:sp macro="" textlink="">
      <xdr:nvSpPr>
        <xdr:cNvPr id="156" name="テキスト ボックス 155">
          <a:extLst>
            <a:ext uri="{FF2B5EF4-FFF2-40B4-BE49-F238E27FC236}">
              <a16:creationId xmlns:a16="http://schemas.microsoft.com/office/drawing/2014/main" id="{00000000-0008-0000-0000-00009C000000}"/>
            </a:ext>
          </a:extLst>
        </xdr:cNvPr>
        <xdr:cNvSpPr txBox="1"/>
      </xdr:nvSpPr>
      <xdr:spPr>
        <a:xfrm>
          <a:off x="235294714" y="9579429"/>
          <a:ext cx="437605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記載内容（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wsDr>
</file>

<file path=xl/drawings/drawing2.xml><?xml version="1.0" encoding="utf-8"?>
<xdr:wsDr xmlns:xdr="http://schemas.openxmlformats.org/drawingml/2006/spreadsheetDrawing" xmlns:a="http://schemas.openxmlformats.org/drawingml/2006/main">
  <xdr:twoCellAnchor>
    <xdr:from>
      <xdr:col>1</xdr:col>
      <xdr:colOff>525780</xdr:colOff>
      <xdr:row>0</xdr:row>
      <xdr:rowOff>0</xdr:rowOff>
    </xdr:from>
    <xdr:to>
      <xdr:col>5</xdr:col>
      <xdr:colOff>379655</xdr:colOff>
      <xdr:row>2</xdr:row>
      <xdr:rowOff>158516</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1409700" y="0"/>
          <a:ext cx="2886635" cy="6766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solidFill>
                <a:srgbClr val="FF0000"/>
              </a:solidFill>
            </a:rPr>
            <a:t>両面印刷してください。</a:t>
          </a:r>
        </a:p>
      </xdr:txBody>
    </xdr:sp>
    <xdr:clientData fPrintsWithSheet="0"/>
  </xdr:twoCellAnchor>
  <xdr:twoCellAnchor>
    <xdr:from>
      <xdr:col>5</xdr:col>
      <xdr:colOff>198120</xdr:colOff>
      <xdr:row>3</xdr:row>
      <xdr:rowOff>137160</xdr:rowOff>
    </xdr:from>
    <xdr:to>
      <xdr:col>9</xdr:col>
      <xdr:colOff>47513</xdr:colOff>
      <xdr:row>6</xdr:row>
      <xdr:rowOff>196327</xdr:rowOff>
    </xdr:to>
    <xdr:sp macro="" textlink="">
      <xdr:nvSpPr>
        <xdr:cNvPr id="3" name="四角形吹き出し 2">
          <a:extLst>
            <a:ext uri="{FF2B5EF4-FFF2-40B4-BE49-F238E27FC236}">
              <a16:creationId xmlns:a16="http://schemas.microsoft.com/office/drawing/2014/main" id="{00000000-0008-0000-0100-000003000000}"/>
            </a:ext>
          </a:extLst>
        </xdr:cNvPr>
        <xdr:cNvSpPr/>
      </xdr:nvSpPr>
      <xdr:spPr>
        <a:xfrm>
          <a:off x="4114800" y="868680"/>
          <a:ext cx="1891553" cy="699247"/>
        </a:xfrm>
        <a:prstGeom prst="wedgeRectCallout">
          <a:avLst>
            <a:gd name="adj1" fmla="val 20585"/>
            <a:gd name="adj2" fmla="val -75145"/>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日を入力してください。</a:t>
          </a:r>
        </a:p>
      </xdr:txBody>
    </xdr:sp>
    <xdr:clientData fPrintsWithSheet="0"/>
  </xdr:twoCellAnchor>
  <xdr:twoCellAnchor>
    <xdr:from>
      <xdr:col>3</xdr:col>
      <xdr:colOff>57150</xdr:colOff>
      <xdr:row>28</xdr:row>
      <xdr:rowOff>104775</xdr:rowOff>
    </xdr:from>
    <xdr:to>
      <xdr:col>8</xdr:col>
      <xdr:colOff>192741</xdr:colOff>
      <xdr:row>32</xdr:row>
      <xdr:rowOff>149711</xdr:rowOff>
    </xdr:to>
    <xdr:sp macro="" textlink="">
      <xdr:nvSpPr>
        <xdr:cNvPr id="4" name="四角形吹き出し 3">
          <a:extLst>
            <a:ext uri="{FF2B5EF4-FFF2-40B4-BE49-F238E27FC236}">
              <a16:creationId xmlns:a16="http://schemas.microsoft.com/office/drawing/2014/main" id="{00000000-0008-0000-0100-000004000000}"/>
            </a:ext>
          </a:extLst>
        </xdr:cNvPr>
        <xdr:cNvSpPr/>
      </xdr:nvSpPr>
      <xdr:spPr>
        <a:xfrm>
          <a:off x="2438400" y="6067425"/>
          <a:ext cx="3478866" cy="883136"/>
        </a:xfrm>
        <a:prstGeom prst="wedgeRectCallout">
          <a:avLst>
            <a:gd name="adj1" fmla="val -27559"/>
            <a:gd name="adj2" fmla="val 18791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rgbClr val="FF0000"/>
              </a:solidFill>
            </a:rPr>
            <a:t>達成状況に応じて、「月単位の週休２日達成」、「通期の週休２日達成」、「完全週休２日達成」、「未達成」のどれかが表示されます。</a:t>
          </a:r>
          <a:endParaRPr kumimoji="1" lang="en-US" altLang="ja-JP" sz="1200" b="1">
            <a:solidFill>
              <a:srgbClr val="FF0000"/>
            </a:solidFill>
          </a:endParaRPr>
        </a:p>
        <a:p>
          <a:pPr algn="l"/>
          <a:endParaRPr kumimoji="1" lang="en-US" altLang="ja-JP" sz="1200" b="1">
            <a:solidFill>
              <a:srgbClr val="FF0000"/>
            </a:solidFill>
          </a:endParaRP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16</xdr:col>
      <xdr:colOff>514829</xdr:colOff>
      <xdr:row>16</xdr:row>
      <xdr:rowOff>1028699</xdr:rowOff>
    </xdr:from>
    <xdr:to>
      <xdr:col>23</xdr:col>
      <xdr:colOff>825393</xdr:colOff>
      <xdr:row>17</xdr:row>
      <xdr:rowOff>233082</xdr:rowOff>
    </xdr:to>
    <xdr:sp macro="" textlink="">
      <xdr:nvSpPr>
        <xdr:cNvPr id="7" name="四角形吹き出し 6">
          <a:extLst>
            <a:ext uri="{FF2B5EF4-FFF2-40B4-BE49-F238E27FC236}">
              <a16:creationId xmlns:a16="http://schemas.microsoft.com/office/drawing/2014/main" id="{00000000-0008-0000-0200-000007000000}"/>
            </a:ext>
          </a:extLst>
        </xdr:cNvPr>
        <xdr:cNvSpPr/>
      </xdr:nvSpPr>
      <xdr:spPr>
        <a:xfrm>
          <a:off x="6736335" y="5322793"/>
          <a:ext cx="5268046" cy="468407"/>
        </a:xfrm>
        <a:prstGeom prst="wedgeRectCallout">
          <a:avLst>
            <a:gd name="adj1" fmla="val -59269"/>
            <a:gd name="adj2" fmla="val 1400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契約工期が変更となった場合は、変更後の工期に記入しなおしてください。</a:t>
          </a:r>
        </a:p>
      </xdr:txBody>
    </xdr:sp>
    <xdr:clientData/>
  </xdr:twoCellAnchor>
  <xdr:twoCellAnchor>
    <xdr:from>
      <xdr:col>16</xdr:col>
      <xdr:colOff>517071</xdr:colOff>
      <xdr:row>13</xdr:row>
      <xdr:rowOff>123263</xdr:rowOff>
    </xdr:from>
    <xdr:to>
      <xdr:col>22</xdr:col>
      <xdr:colOff>784411</xdr:colOff>
      <xdr:row>15</xdr:row>
      <xdr:rowOff>40821</xdr:rowOff>
    </xdr:to>
    <xdr:sp macro="" textlink="">
      <xdr:nvSpPr>
        <xdr:cNvPr id="3" name="四角形吹き出し 2">
          <a:extLst>
            <a:ext uri="{FF2B5EF4-FFF2-40B4-BE49-F238E27FC236}">
              <a16:creationId xmlns:a16="http://schemas.microsoft.com/office/drawing/2014/main" id="{00000000-0008-0000-0200-000003000000}"/>
            </a:ext>
          </a:extLst>
        </xdr:cNvPr>
        <xdr:cNvSpPr/>
      </xdr:nvSpPr>
      <xdr:spPr>
        <a:xfrm>
          <a:off x="6681107" y="3797192"/>
          <a:ext cx="4349483" cy="407415"/>
        </a:xfrm>
        <a:prstGeom prst="wedgeRectCallout">
          <a:avLst>
            <a:gd name="adj1" fmla="val -60005"/>
            <a:gd name="adj2" fmla="val 593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主任（監理）技術者と連絡がとれる番号を記載してください。</a:t>
          </a:r>
        </a:p>
      </xdr:txBody>
    </xdr:sp>
    <xdr:clientData/>
  </xdr:twoCellAnchor>
  <xdr:twoCellAnchor>
    <xdr:from>
      <xdr:col>16</xdr:col>
      <xdr:colOff>517072</xdr:colOff>
      <xdr:row>16</xdr:row>
      <xdr:rowOff>3202</xdr:rowOff>
    </xdr:from>
    <xdr:to>
      <xdr:col>22</xdr:col>
      <xdr:colOff>784411</xdr:colOff>
      <xdr:row>16</xdr:row>
      <xdr:rowOff>394607</xdr:rowOff>
    </xdr:to>
    <xdr:sp macro="" textlink="">
      <xdr:nvSpPr>
        <xdr:cNvPr id="4" name="四角形吹き出し 3">
          <a:extLst>
            <a:ext uri="{FF2B5EF4-FFF2-40B4-BE49-F238E27FC236}">
              <a16:creationId xmlns:a16="http://schemas.microsoft.com/office/drawing/2014/main" id="{00000000-0008-0000-0200-000004000000}"/>
            </a:ext>
          </a:extLst>
        </xdr:cNvPr>
        <xdr:cNvSpPr/>
      </xdr:nvSpPr>
      <xdr:spPr>
        <a:xfrm>
          <a:off x="6681108" y="4411916"/>
          <a:ext cx="4349482" cy="391405"/>
        </a:xfrm>
        <a:prstGeom prst="wedgeRectCallout">
          <a:avLst>
            <a:gd name="adj1" fmla="val -60206"/>
            <a:gd name="adj2" fmla="val 4396"/>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工事名が変更となった場合は、随時変更してください。</a:t>
          </a:r>
        </a:p>
      </xdr:txBody>
    </xdr:sp>
    <xdr:clientData/>
  </xdr:twoCellAnchor>
  <xdr:twoCellAnchor>
    <xdr:from>
      <xdr:col>16</xdr:col>
      <xdr:colOff>505864</xdr:colOff>
      <xdr:row>17</xdr:row>
      <xdr:rowOff>537882</xdr:rowOff>
    </xdr:from>
    <xdr:to>
      <xdr:col>23</xdr:col>
      <xdr:colOff>816428</xdr:colOff>
      <xdr:row>24</xdr:row>
      <xdr:rowOff>1</xdr:rowOff>
    </xdr:to>
    <xdr:sp macro="" textlink="">
      <xdr:nvSpPr>
        <xdr:cNvPr id="5" name="四角形吹き出し 4">
          <a:extLst>
            <a:ext uri="{FF2B5EF4-FFF2-40B4-BE49-F238E27FC236}">
              <a16:creationId xmlns:a16="http://schemas.microsoft.com/office/drawing/2014/main" id="{00000000-0008-0000-0200-000005000000}"/>
            </a:ext>
          </a:extLst>
        </xdr:cNvPr>
        <xdr:cNvSpPr/>
      </xdr:nvSpPr>
      <xdr:spPr>
        <a:xfrm>
          <a:off x="6727370" y="6096000"/>
          <a:ext cx="5268046" cy="1497107"/>
        </a:xfrm>
        <a:prstGeom prst="wedgeRectCallout">
          <a:avLst>
            <a:gd name="adj1" fmla="val -58765"/>
            <a:gd name="adj2" fmla="val -2017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対象工期」は、現場着手日（現場事務所の設置、資機材の搬入または仮設工事等を開始した日）から、</a:t>
          </a:r>
          <a:r>
            <a:rPr kumimoji="1" lang="ja-JP" altLang="en-US" sz="1100" u="sng">
              <a:solidFill>
                <a:srgbClr val="FF0000"/>
              </a:solidFill>
            </a:rPr>
            <a:t>現場完成日（施工終了後の後片付け、清掃等の作業が完了した日）までの日付</a:t>
          </a:r>
          <a:r>
            <a:rPr kumimoji="1" lang="ja-JP" altLang="en-US" sz="1100">
              <a:solidFill>
                <a:sysClr val="windowText" lastClr="000000"/>
              </a:solidFill>
            </a:rPr>
            <a:t>を入力してください。</a:t>
          </a:r>
        </a:p>
        <a:p>
          <a:pPr algn="l"/>
          <a:r>
            <a:rPr kumimoji="1" lang="ja-JP" altLang="en-US" sz="1100">
              <a:solidFill>
                <a:sysClr val="windowText" lastClr="000000"/>
              </a:solidFill>
            </a:rPr>
            <a:t>契約当初、現場完成日が確定しない場合は、</a:t>
          </a:r>
          <a:r>
            <a:rPr kumimoji="1" lang="ja-JP" altLang="en-US" sz="1100" u="sng">
              <a:solidFill>
                <a:srgbClr val="FF0000"/>
              </a:solidFill>
            </a:rPr>
            <a:t>暫定として工期末日の</a:t>
          </a:r>
          <a:r>
            <a:rPr kumimoji="1" lang="en-US" altLang="ja-JP" sz="1100" u="sng">
              <a:solidFill>
                <a:srgbClr val="FF0000"/>
              </a:solidFill>
            </a:rPr>
            <a:t>30</a:t>
          </a:r>
          <a:r>
            <a:rPr kumimoji="1" lang="ja-JP" altLang="en-US" sz="1100" u="sng">
              <a:solidFill>
                <a:srgbClr val="FF0000"/>
              </a:solidFill>
            </a:rPr>
            <a:t>日前（設計金額（税込み）が２億円以上の工事は</a:t>
          </a:r>
          <a:r>
            <a:rPr kumimoji="1" lang="en-US" altLang="ja-JP" sz="1100" u="sng">
              <a:solidFill>
                <a:srgbClr val="FF0000"/>
              </a:solidFill>
            </a:rPr>
            <a:t>45</a:t>
          </a:r>
          <a:r>
            <a:rPr kumimoji="1" lang="ja-JP" altLang="en-US" sz="1100" u="sng">
              <a:solidFill>
                <a:srgbClr val="FF0000"/>
              </a:solidFill>
            </a:rPr>
            <a:t>日前）の日付</a:t>
          </a:r>
          <a:r>
            <a:rPr kumimoji="1" lang="ja-JP" altLang="en-US" sz="1100">
              <a:solidFill>
                <a:sysClr val="windowText" lastClr="000000"/>
              </a:solidFill>
            </a:rPr>
            <a:t>を入力し、現場完成日が確定次第、確定した日付に変更してください。 </a:t>
          </a:r>
        </a:p>
      </xdr:txBody>
    </xdr:sp>
    <xdr:clientData/>
  </xdr:twoCellAnchor>
  <xdr:twoCellAnchor>
    <xdr:from>
      <xdr:col>16</xdr:col>
      <xdr:colOff>505864</xdr:colOff>
      <xdr:row>24</xdr:row>
      <xdr:rowOff>57629</xdr:rowOff>
    </xdr:from>
    <xdr:to>
      <xdr:col>23</xdr:col>
      <xdr:colOff>816428</xdr:colOff>
      <xdr:row>31</xdr:row>
      <xdr:rowOff>0</xdr:rowOff>
    </xdr:to>
    <xdr:sp macro="" textlink="">
      <xdr:nvSpPr>
        <xdr:cNvPr id="6" name="四角形吹き出し 5">
          <a:extLst>
            <a:ext uri="{FF2B5EF4-FFF2-40B4-BE49-F238E27FC236}">
              <a16:creationId xmlns:a16="http://schemas.microsoft.com/office/drawing/2014/main" id="{00000000-0008-0000-0200-000006000000}"/>
            </a:ext>
          </a:extLst>
        </xdr:cNvPr>
        <xdr:cNvSpPr/>
      </xdr:nvSpPr>
      <xdr:spPr>
        <a:xfrm>
          <a:off x="6727370" y="7650735"/>
          <a:ext cx="5268046" cy="1573947"/>
        </a:xfrm>
        <a:prstGeom prst="wedgeRectCallout">
          <a:avLst>
            <a:gd name="adj1" fmla="val -58956"/>
            <a:gd name="adj2" fmla="val -5622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各年度で</a:t>
          </a:r>
          <a:r>
            <a:rPr kumimoji="1" lang="ja-JP" altLang="en-US" sz="1100" u="sng">
              <a:solidFill>
                <a:sysClr val="windowText" lastClr="000000"/>
              </a:solidFill>
            </a:rPr>
            <a:t>夏季休暇を４日以上取得する場合は、４日目以降の夏季休暇を「現場閉所日（現場休息日）」として扱い、現場閉所（現場休息）実績報告書に記入</a:t>
          </a:r>
          <a:r>
            <a:rPr kumimoji="1" lang="ja-JP" altLang="en-US" sz="1100">
              <a:solidFill>
                <a:sysClr val="windowText" lastClr="000000"/>
              </a:solidFill>
            </a:rPr>
            <a:t>してください。</a:t>
          </a:r>
          <a:endParaRPr kumimoji="1" lang="en-US" altLang="ja-JP" sz="1100">
            <a:solidFill>
              <a:sysClr val="windowText" lastClr="000000"/>
            </a:solidFill>
          </a:endParaRPr>
        </a:p>
        <a:p>
          <a:pPr algn="l"/>
          <a:r>
            <a:rPr kumimoji="1" lang="ja-JP" altLang="en-US" sz="1100">
              <a:solidFill>
                <a:sysClr val="windowText" lastClr="000000"/>
              </a:solidFill>
            </a:rPr>
            <a:t>夏季休暇を取得しない場合は、記入する必要はありません。</a:t>
          </a:r>
          <a:endParaRPr kumimoji="1" lang="en-US" altLang="ja-JP" sz="1100">
            <a:solidFill>
              <a:sysClr val="windowText" lastClr="000000"/>
            </a:solidFill>
          </a:endParaRPr>
        </a:p>
        <a:p>
          <a:pPr algn="l"/>
          <a:r>
            <a:rPr kumimoji="1" lang="ja-JP" altLang="en-US" sz="1100">
              <a:solidFill>
                <a:sysClr val="windowText" lastClr="000000"/>
              </a:solidFill>
            </a:rPr>
            <a:t>１年以上実施する工事において、２年目以降夏季休暇を取得する場合は、２年目、３年目の夏季休暇欄に取得日を記載してください。</a:t>
          </a:r>
          <a:endParaRPr kumimoji="1" lang="en-US" altLang="ja-JP" sz="110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0</xdr:col>
      <xdr:colOff>108857</xdr:colOff>
      <xdr:row>3</xdr:row>
      <xdr:rowOff>88046</xdr:rowOff>
    </xdr:from>
    <xdr:to>
      <xdr:col>12</xdr:col>
      <xdr:colOff>27214</xdr:colOff>
      <xdr:row>7</xdr:row>
      <xdr:rowOff>175292</xdr:rowOff>
    </xdr:to>
    <xdr:sp macro="" textlink="">
      <xdr:nvSpPr>
        <xdr:cNvPr id="2" name="テキスト ボックス 1">
          <a:extLst>
            <a:ext uri="{FF2B5EF4-FFF2-40B4-BE49-F238E27FC236}">
              <a16:creationId xmlns:a16="http://schemas.microsoft.com/office/drawing/2014/main" id="{00000000-0008-0000-0300-000002000000}"/>
            </a:ext>
          </a:extLst>
        </xdr:cNvPr>
        <xdr:cNvSpPr txBox="1"/>
      </xdr:nvSpPr>
      <xdr:spPr>
        <a:xfrm>
          <a:off x="4269377" y="857666"/>
          <a:ext cx="1838597" cy="9559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xdr:col>
      <xdr:colOff>54428</xdr:colOff>
      <xdr:row>3</xdr:row>
      <xdr:rowOff>76841</xdr:rowOff>
    </xdr:from>
    <xdr:to>
      <xdr:col>24</xdr:col>
      <xdr:colOff>938892</xdr:colOff>
      <xdr:row>7</xdr:row>
      <xdr:rowOff>164087</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10417628" y="846461"/>
          <a:ext cx="1844584" cy="9559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xdr:col>
      <xdr:colOff>68034</xdr:colOff>
      <xdr:row>3</xdr:row>
      <xdr:rowOff>89065</xdr:rowOff>
    </xdr:from>
    <xdr:to>
      <xdr:col>37</xdr:col>
      <xdr:colOff>952498</xdr:colOff>
      <xdr:row>7</xdr:row>
      <xdr:rowOff>179367</xdr:rowOff>
    </xdr:to>
    <xdr:sp macro="" textlink="">
      <xdr:nvSpPr>
        <xdr:cNvPr id="4" name="テキスト ボックス 3">
          <a:extLst>
            <a:ext uri="{FF2B5EF4-FFF2-40B4-BE49-F238E27FC236}">
              <a16:creationId xmlns:a16="http://schemas.microsoft.com/office/drawing/2014/main" id="{00000000-0008-0000-0300-000004000000}"/>
            </a:ext>
          </a:extLst>
        </xdr:cNvPr>
        <xdr:cNvSpPr txBox="1"/>
      </xdr:nvSpPr>
      <xdr:spPr>
        <a:xfrm>
          <a:off x="16633914"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xdr:col>
      <xdr:colOff>56903</xdr:colOff>
      <xdr:row>3</xdr:row>
      <xdr:rowOff>89065</xdr:rowOff>
    </xdr:from>
    <xdr:to>
      <xdr:col>50</xdr:col>
      <xdr:colOff>945078</xdr:colOff>
      <xdr:row>7</xdr:row>
      <xdr:rowOff>179367</xdr:rowOff>
    </xdr:to>
    <xdr:sp macro="" textlink="">
      <xdr:nvSpPr>
        <xdr:cNvPr id="5" name="テキスト ボックス 4">
          <a:extLst>
            <a:ext uri="{FF2B5EF4-FFF2-40B4-BE49-F238E27FC236}">
              <a16:creationId xmlns:a16="http://schemas.microsoft.com/office/drawing/2014/main" id="{00000000-0008-0000-0300-000005000000}"/>
            </a:ext>
          </a:extLst>
        </xdr:cNvPr>
        <xdr:cNvSpPr txBox="1"/>
      </xdr:nvSpPr>
      <xdr:spPr>
        <a:xfrm>
          <a:off x="22825463" y="858685"/>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62</xdr:col>
      <xdr:colOff>2473</xdr:colOff>
      <xdr:row>3</xdr:row>
      <xdr:rowOff>89065</xdr:rowOff>
    </xdr:from>
    <xdr:to>
      <xdr:col>63</xdr:col>
      <xdr:colOff>886937</xdr:colOff>
      <xdr:row>7</xdr:row>
      <xdr:rowOff>179367</xdr:rowOff>
    </xdr:to>
    <xdr:sp macro="" textlink="">
      <xdr:nvSpPr>
        <xdr:cNvPr id="6" name="テキスト ボックス 5">
          <a:extLst>
            <a:ext uri="{FF2B5EF4-FFF2-40B4-BE49-F238E27FC236}">
              <a16:creationId xmlns:a16="http://schemas.microsoft.com/office/drawing/2014/main" id="{00000000-0008-0000-0300-000006000000}"/>
            </a:ext>
          </a:extLst>
        </xdr:cNvPr>
        <xdr:cNvSpPr txBox="1"/>
      </xdr:nvSpPr>
      <xdr:spPr>
        <a:xfrm>
          <a:off x="28973713"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75</xdr:col>
      <xdr:colOff>16080</xdr:colOff>
      <xdr:row>3</xdr:row>
      <xdr:rowOff>106383</xdr:rowOff>
    </xdr:from>
    <xdr:to>
      <xdr:col>76</xdr:col>
      <xdr:colOff>900544</xdr:colOff>
      <xdr:row>7</xdr:row>
      <xdr:rowOff>196685</xdr:rowOff>
    </xdr:to>
    <xdr:sp macro="" textlink="">
      <xdr:nvSpPr>
        <xdr:cNvPr id="7" name="テキスト ボックス 6">
          <a:extLst>
            <a:ext uri="{FF2B5EF4-FFF2-40B4-BE49-F238E27FC236}">
              <a16:creationId xmlns:a16="http://schemas.microsoft.com/office/drawing/2014/main" id="{00000000-0008-0000-0300-000007000000}"/>
            </a:ext>
          </a:extLst>
        </xdr:cNvPr>
        <xdr:cNvSpPr txBox="1"/>
      </xdr:nvSpPr>
      <xdr:spPr>
        <a:xfrm>
          <a:off x="3519000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8</xdr:col>
      <xdr:colOff>56903</xdr:colOff>
      <xdr:row>3</xdr:row>
      <xdr:rowOff>106383</xdr:rowOff>
    </xdr:from>
    <xdr:to>
      <xdr:col>89</xdr:col>
      <xdr:colOff>945078</xdr:colOff>
      <xdr:row>7</xdr:row>
      <xdr:rowOff>196685</xdr:rowOff>
    </xdr:to>
    <xdr:sp macro="" textlink="">
      <xdr:nvSpPr>
        <xdr:cNvPr id="8" name="テキスト ボックス 7">
          <a:extLst>
            <a:ext uri="{FF2B5EF4-FFF2-40B4-BE49-F238E27FC236}">
              <a16:creationId xmlns:a16="http://schemas.microsoft.com/office/drawing/2014/main" id="{00000000-0008-0000-0300-000008000000}"/>
            </a:ext>
          </a:extLst>
        </xdr:cNvPr>
        <xdr:cNvSpPr txBox="1"/>
      </xdr:nvSpPr>
      <xdr:spPr>
        <a:xfrm>
          <a:off x="41433503" y="876003"/>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01</xdr:col>
      <xdr:colOff>2474</xdr:colOff>
      <xdr:row>3</xdr:row>
      <xdr:rowOff>106383</xdr:rowOff>
    </xdr:from>
    <xdr:to>
      <xdr:col>102</xdr:col>
      <xdr:colOff>886938</xdr:colOff>
      <xdr:row>7</xdr:row>
      <xdr:rowOff>196685</xdr:rowOff>
    </xdr:to>
    <xdr:sp macro="" textlink="">
      <xdr:nvSpPr>
        <xdr:cNvPr id="9" name="テキスト ボックス 8">
          <a:extLst>
            <a:ext uri="{FF2B5EF4-FFF2-40B4-BE49-F238E27FC236}">
              <a16:creationId xmlns:a16="http://schemas.microsoft.com/office/drawing/2014/main" id="{00000000-0008-0000-0300-000009000000}"/>
            </a:ext>
          </a:extLst>
        </xdr:cNvPr>
        <xdr:cNvSpPr txBox="1"/>
      </xdr:nvSpPr>
      <xdr:spPr>
        <a:xfrm>
          <a:off x="47581754"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14</xdr:col>
      <xdr:colOff>16081</xdr:colOff>
      <xdr:row>3</xdr:row>
      <xdr:rowOff>106383</xdr:rowOff>
    </xdr:from>
    <xdr:to>
      <xdr:col>115</xdr:col>
      <xdr:colOff>900544</xdr:colOff>
      <xdr:row>7</xdr:row>
      <xdr:rowOff>196685</xdr:rowOff>
    </xdr:to>
    <xdr:sp macro="" textlink="">
      <xdr:nvSpPr>
        <xdr:cNvPr id="10" name="テキスト ボックス 9">
          <a:extLst>
            <a:ext uri="{FF2B5EF4-FFF2-40B4-BE49-F238E27FC236}">
              <a16:creationId xmlns:a16="http://schemas.microsoft.com/office/drawing/2014/main" id="{00000000-0008-0000-0300-00000A000000}"/>
            </a:ext>
          </a:extLst>
        </xdr:cNvPr>
        <xdr:cNvSpPr txBox="1"/>
      </xdr:nvSpPr>
      <xdr:spPr>
        <a:xfrm>
          <a:off x="53798041" y="876003"/>
          <a:ext cx="1844583"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27</xdr:col>
      <xdr:colOff>91540</xdr:colOff>
      <xdr:row>3</xdr:row>
      <xdr:rowOff>106383</xdr:rowOff>
    </xdr:from>
    <xdr:to>
      <xdr:col>129</xdr:col>
      <xdr:colOff>9897</xdr:colOff>
      <xdr:row>7</xdr:row>
      <xdr:rowOff>196685</xdr:rowOff>
    </xdr:to>
    <xdr:sp macro="" textlink="">
      <xdr:nvSpPr>
        <xdr:cNvPr id="11" name="テキスト ボックス 10">
          <a:extLst>
            <a:ext uri="{FF2B5EF4-FFF2-40B4-BE49-F238E27FC236}">
              <a16:creationId xmlns:a16="http://schemas.microsoft.com/office/drawing/2014/main" id="{00000000-0008-0000-0300-00000B000000}"/>
            </a:ext>
          </a:extLst>
        </xdr:cNvPr>
        <xdr:cNvSpPr txBox="1"/>
      </xdr:nvSpPr>
      <xdr:spPr>
        <a:xfrm>
          <a:off x="60076180" y="876003"/>
          <a:ext cx="183859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40</xdr:col>
      <xdr:colOff>37111</xdr:colOff>
      <xdr:row>3</xdr:row>
      <xdr:rowOff>106383</xdr:rowOff>
    </xdr:from>
    <xdr:to>
      <xdr:col>141</xdr:col>
      <xdr:colOff>921574</xdr:colOff>
      <xdr:row>7</xdr:row>
      <xdr:rowOff>196685</xdr:rowOff>
    </xdr:to>
    <xdr:sp macro="" textlink="">
      <xdr:nvSpPr>
        <xdr:cNvPr id="12" name="テキスト ボックス 11">
          <a:extLst>
            <a:ext uri="{FF2B5EF4-FFF2-40B4-BE49-F238E27FC236}">
              <a16:creationId xmlns:a16="http://schemas.microsoft.com/office/drawing/2014/main" id="{00000000-0008-0000-0300-00000C000000}"/>
            </a:ext>
          </a:extLst>
        </xdr:cNvPr>
        <xdr:cNvSpPr txBox="1"/>
      </xdr:nvSpPr>
      <xdr:spPr>
        <a:xfrm>
          <a:off x="66224431" y="876003"/>
          <a:ext cx="1844583"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53</xdr:col>
      <xdr:colOff>50717</xdr:colOff>
      <xdr:row>3</xdr:row>
      <xdr:rowOff>106383</xdr:rowOff>
    </xdr:from>
    <xdr:to>
      <xdr:col>154</xdr:col>
      <xdr:colOff>935181</xdr:colOff>
      <xdr:row>7</xdr:row>
      <xdr:rowOff>196685</xdr:rowOff>
    </xdr:to>
    <xdr:sp macro="" textlink="">
      <xdr:nvSpPr>
        <xdr:cNvPr id="13" name="テキスト ボックス 12">
          <a:extLst>
            <a:ext uri="{FF2B5EF4-FFF2-40B4-BE49-F238E27FC236}">
              <a16:creationId xmlns:a16="http://schemas.microsoft.com/office/drawing/2014/main" id="{00000000-0008-0000-0300-00000D000000}"/>
            </a:ext>
          </a:extLst>
        </xdr:cNvPr>
        <xdr:cNvSpPr txBox="1"/>
      </xdr:nvSpPr>
      <xdr:spPr>
        <a:xfrm>
          <a:off x="72440717"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66</xdr:col>
      <xdr:colOff>22267</xdr:colOff>
      <xdr:row>3</xdr:row>
      <xdr:rowOff>106383</xdr:rowOff>
    </xdr:from>
    <xdr:to>
      <xdr:col>167</xdr:col>
      <xdr:colOff>910442</xdr:colOff>
      <xdr:row>7</xdr:row>
      <xdr:rowOff>196685</xdr:rowOff>
    </xdr:to>
    <xdr:sp macro="" textlink="">
      <xdr:nvSpPr>
        <xdr:cNvPr id="14" name="テキスト ボックス 13">
          <a:extLst>
            <a:ext uri="{FF2B5EF4-FFF2-40B4-BE49-F238E27FC236}">
              <a16:creationId xmlns:a16="http://schemas.microsoft.com/office/drawing/2014/main" id="{00000000-0008-0000-0300-00000E000000}"/>
            </a:ext>
          </a:extLst>
        </xdr:cNvPr>
        <xdr:cNvSpPr txBox="1"/>
      </xdr:nvSpPr>
      <xdr:spPr>
        <a:xfrm>
          <a:off x="78614947" y="876003"/>
          <a:ext cx="1848295"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78</xdr:col>
      <xdr:colOff>89065</xdr:colOff>
      <xdr:row>3</xdr:row>
      <xdr:rowOff>106383</xdr:rowOff>
    </xdr:from>
    <xdr:to>
      <xdr:col>180</xdr:col>
      <xdr:colOff>852301</xdr:colOff>
      <xdr:row>7</xdr:row>
      <xdr:rowOff>196685</xdr:rowOff>
    </xdr:to>
    <xdr:sp macro="" textlink="">
      <xdr:nvSpPr>
        <xdr:cNvPr id="15" name="テキスト ボックス 14">
          <a:extLst>
            <a:ext uri="{FF2B5EF4-FFF2-40B4-BE49-F238E27FC236}">
              <a16:creationId xmlns:a16="http://schemas.microsoft.com/office/drawing/2014/main" id="{00000000-0008-0000-0300-00000F000000}"/>
            </a:ext>
          </a:extLst>
        </xdr:cNvPr>
        <xdr:cNvSpPr txBox="1"/>
      </xdr:nvSpPr>
      <xdr:spPr>
        <a:xfrm>
          <a:off x="84762505" y="876003"/>
          <a:ext cx="1845276"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191</xdr:col>
      <xdr:colOff>102671</xdr:colOff>
      <xdr:row>3</xdr:row>
      <xdr:rowOff>106383</xdr:rowOff>
    </xdr:from>
    <xdr:to>
      <xdr:col>193</xdr:col>
      <xdr:colOff>865908</xdr:colOff>
      <xdr:row>7</xdr:row>
      <xdr:rowOff>196685</xdr:rowOff>
    </xdr:to>
    <xdr:sp macro="" textlink="">
      <xdr:nvSpPr>
        <xdr:cNvPr id="16" name="テキスト ボックス 15">
          <a:extLst>
            <a:ext uri="{FF2B5EF4-FFF2-40B4-BE49-F238E27FC236}">
              <a16:creationId xmlns:a16="http://schemas.microsoft.com/office/drawing/2014/main" id="{00000000-0008-0000-0300-000010000000}"/>
            </a:ext>
          </a:extLst>
        </xdr:cNvPr>
        <xdr:cNvSpPr txBox="1"/>
      </xdr:nvSpPr>
      <xdr:spPr>
        <a:xfrm>
          <a:off x="90978791" y="876003"/>
          <a:ext cx="184527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05</xdr:col>
      <xdr:colOff>91539</xdr:colOff>
      <xdr:row>3</xdr:row>
      <xdr:rowOff>106383</xdr:rowOff>
    </xdr:from>
    <xdr:to>
      <xdr:col>207</xdr:col>
      <xdr:colOff>9896</xdr:colOff>
      <xdr:row>7</xdr:row>
      <xdr:rowOff>196685</xdr:rowOff>
    </xdr:to>
    <xdr:sp macro="" textlink="">
      <xdr:nvSpPr>
        <xdr:cNvPr id="17" name="テキスト ボックス 16">
          <a:extLst>
            <a:ext uri="{FF2B5EF4-FFF2-40B4-BE49-F238E27FC236}">
              <a16:creationId xmlns:a16="http://schemas.microsoft.com/office/drawing/2014/main" id="{00000000-0008-0000-0300-000011000000}"/>
            </a:ext>
          </a:extLst>
        </xdr:cNvPr>
        <xdr:cNvSpPr txBox="1"/>
      </xdr:nvSpPr>
      <xdr:spPr>
        <a:xfrm>
          <a:off x="97292259" y="876003"/>
          <a:ext cx="1838597"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18</xdr:col>
      <xdr:colOff>37110</xdr:colOff>
      <xdr:row>3</xdr:row>
      <xdr:rowOff>106383</xdr:rowOff>
    </xdr:from>
    <xdr:to>
      <xdr:col>219</xdr:col>
      <xdr:colOff>921574</xdr:colOff>
      <xdr:row>7</xdr:row>
      <xdr:rowOff>196685</xdr:rowOff>
    </xdr:to>
    <xdr:sp macro="" textlink="">
      <xdr:nvSpPr>
        <xdr:cNvPr id="18" name="テキスト ボックス 17">
          <a:extLst>
            <a:ext uri="{FF2B5EF4-FFF2-40B4-BE49-F238E27FC236}">
              <a16:creationId xmlns:a16="http://schemas.microsoft.com/office/drawing/2014/main" id="{00000000-0008-0000-0300-000012000000}"/>
            </a:ext>
          </a:extLst>
        </xdr:cNvPr>
        <xdr:cNvSpPr txBox="1"/>
      </xdr:nvSpPr>
      <xdr:spPr>
        <a:xfrm>
          <a:off x="10344051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31</xdr:col>
      <xdr:colOff>37110</xdr:colOff>
      <xdr:row>3</xdr:row>
      <xdr:rowOff>106383</xdr:rowOff>
    </xdr:from>
    <xdr:to>
      <xdr:col>232</xdr:col>
      <xdr:colOff>921574</xdr:colOff>
      <xdr:row>7</xdr:row>
      <xdr:rowOff>196685</xdr:rowOff>
    </xdr:to>
    <xdr:sp macro="" textlink="">
      <xdr:nvSpPr>
        <xdr:cNvPr id="19" name="テキスト ボックス 18">
          <a:extLst>
            <a:ext uri="{FF2B5EF4-FFF2-40B4-BE49-F238E27FC236}">
              <a16:creationId xmlns:a16="http://schemas.microsoft.com/office/drawing/2014/main" id="{00000000-0008-0000-0300-000013000000}"/>
            </a:ext>
          </a:extLst>
        </xdr:cNvPr>
        <xdr:cNvSpPr txBox="1"/>
      </xdr:nvSpPr>
      <xdr:spPr>
        <a:xfrm>
          <a:off x="10959747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44</xdr:col>
      <xdr:colOff>37110</xdr:colOff>
      <xdr:row>3</xdr:row>
      <xdr:rowOff>106383</xdr:rowOff>
    </xdr:from>
    <xdr:to>
      <xdr:col>245</xdr:col>
      <xdr:colOff>921574</xdr:colOff>
      <xdr:row>7</xdr:row>
      <xdr:rowOff>196685</xdr:rowOff>
    </xdr:to>
    <xdr:sp macro="" textlink="">
      <xdr:nvSpPr>
        <xdr:cNvPr id="20" name="テキスト ボックス 19">
          <a:extLst>
            <a:ext uri="{FF2B5EF4-FFF2-40B4-BE49-F238E27FC236}">
              <a16:creationId xmlns:a16="http://schemas.microsoft.com/office/drawing/2014/main" id="{00000000-0008-0000-0300-000014000000}"/>
            </a:ext>
          </a:extLst>
        </xdr:cNvPr>
        <xdr:cNvSpPr txBox="1"/>
      </xdr:nvSpPr>
      <xdr:spPr>
        <a:xfrm>
          <a:off x="11580015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57</xdr:col>
      <xdr:colOff>37110</xdr:colOff>
      <xdr:row>3</xdr:row>
      <xdr:rowOff>106383</xdr:rowOff>
    </xdr:from>
    <xdr:to>
      <xdr:col>258</xdr:col>
      <xdr:colOff>921574</xdr:colOff>
      <xdr:row>7</xdr:row>
      <xdr:rowOff>196685</xdr:rowOff>
    </xdr:to>
    <xdr:sp macro="" textlink="">
      <xdr:nvSpPr>
        <xdr:cNvPr id="21" name="テキスト ボックス 20">
          <a:extLst>
            <a:ext uri="{FF2B5EF4-FFF2-40B4-BE49-F238E27FC236}">
              <a16:creationId xmlns:a16="http://schemas.microsoft.com/office/drawing/2014/main" id="{00000000-0008-0000-0300-000015000000}"/>
            </a:ext>
          </a:extLst>
        </xdr:cNvPr>
        <xdr:cNvSpPr txBox="1"/>
      </xdr:nvSpPr>
      <xdr:spPr>
        <a:xfrm>
          <a:off x="12200283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70</xdr:col>
      <xdr:colOff>37110</xdr:colOff>
      <xdr:row>3</xdr:row>
      <xdr:rowOff>106383</xdr:rowOff>
    </xdr:from>
    <xdr:to>
      <xdr:col>271</xdr:col>
      <xdr:colOff>921574</xdr:colOff>
      <xdr:row>7</xdr:row>
      <xdr:rowOff>196685</xdr:rowOff>
    </xdr:to>
    <xdr:sp macro="" textlink="">
      <xdr:nvSpPr>
        <xdr:cNvPr id="22" name="テキスト ボックス 21">
          <a:extLst>
            <a:ext uri="{FF2B5EF4-FFF2-40B4-BE49-F238E27FC236}">
              <a16:creationId xmlns:a16="http://schemas.microsoft.com/office/drawing/2014/main" id="{00000000-0008-0000-0300-000016000000}"/>
            </a:ext>
          </a:extLst>
        </xdr:cNvPr>
        <xdr:cNvSpPr txBox="1"/>
      </xdr:nvSpPr>
      <xdr:spPr>
        <a:xfrm>
          <a:off x="12820551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83</xdr:col>
      <xdr:colOff>37110</xdr:colOff>
      <xdr:row>3</xdr:row>
      <xdr:rowOff>106383</xdr:rowOff>
    </xdr:from>
    <xdr:to>
      <xdr:col>284</xdr:col>
      <xdr:colOff>921574</xdr:colOff>
      <xdr:row>7</xdr:row>
      <xdr:rowOff>196685</xdr:rowOff>
    </xdr:to>
    <xdr:sp macro="" textlink="">
      <xdr:nvSpPr>
        <xdr:cNvPr id="23" name="テキスト ボックス 22">
          <a:extLst>
            <a:ext uri="{FF2B5EF4-FFF2-40B4-BE49-F238E27FC236}">
              <a16:creationId xmlns:a16="http://schemas.microsoft.com/office/drawing/2014/main" id="{00000000-0008-0000-0300-000017000000}"/>
            </a:ext>
          </a:extLst>
        </xdr:cNvPr>
        <xdr:cNvSpPr txBox="1"/>
      </xdr:nvSpPr>
      <xdr:spPr>
        <a:xfrm>
          <a:off x="13440819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296</xdr:col>
      <xdr:colOff>37110</xdr:colOff>
      <xdr:row>3</xdr:row>
      <xdr:rowOff>89065</xdr:rowOff>
    </xdr:from>
    <xdr:to>
      <xdr:col>297</xdr:col>
      <xdr:colOff>921574</xdr:colOff>
      <xdr:row>7</xdr:row>
      <xdr:rowOff>179367</xdr:rowOff>
    </xdr:to>
    <xdr:sp macro="" textlink="">
      <xdr:nvSpPr>
        <xdr:cNvPr id="24" name="テキスト ボックス 23">
          <a:extLst>
            <a:ext uri="{FF2B5EF4-FFF2-40B4-BE49-F238E27FC236}">
              <a16:creationId xmlns:a16="http://schemas.microsoft.com/office/drawing/2014/main" id="{00000000-0008-0000-0300-000018000000}"/>
            </a:ext>
          </a:extLst>
        </xdr:cNvPr>
        <xdr:cNvSpPr txBox="1"/>
      </xdr:nvSpPr>
      <xdr:spPr>
        <a:xfrm>
          <a:off x="14061087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09</xdr:col>
      <xdr:colOff>37110</xdr:colOff>
      <xdr:row>3</xdr:row>
      <xdr:rowOff>89065</xdr:rowOff>
    </xdr:from>
    <xdr:to>
      <xdr:col>310</xdr:col>
      <xdr:colOff>921574</xdr:colOff>
      <xdr:row>7</xdr:row>
      <xdr:rowOff>179367</xdr:rowOff>
    </xdr:to>
    <xdr:sp macro="" textlink="">
      <xdr:nvSpPr>
        <xdr:cNvPr id="25" name="テキスト ボックス 24">
          <a:extLst>
            <a:ext uri="{FF2B5EF4-FFF2-40B4-BE49-F238E27FC236}">
              <a16:creationId xmlns:a16="http://schemas.microsoft.com/office/drawing/2014/main" id="{00000000-0008-0000-0300-000019000000}"/>
            </a:ext>
          </a:extLst>
        </xdr:cNvPr>
        <xdr:cNvSpPr txBox="1"/>
      </xdr:nvSpPr>
      <xdr:spPr>
        <a:xfrm>
          <a:off x="14681355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22</xdr:col>
      <xdr:colOff>37110</xdr:colOff>
      <xdr:row>3</xdr:row>
      <xdr:rowOff>89065</xdr:rowOff>
    </xdr:from>
    <xdr:to>
      <xdr:col>323</xdr:col>
      <xdr:colOff>921574</xdr:colOff>
      <xdr:row>7</xdr:row>
      <xdr:rowOff>179367</xdr:rowOff>
    </xdr:to>
    <xdr:sp macro="" textlink="">
      <xdr:nvSpPr>
        <xdr:cNvPr id="26" name="テキスト ボックス 25">
          <a:extLst>
            <a:ext uri="{FF2B5EF4-FFF2-40B4-BE49-F238E27FC236}">
              <a16:creationId xmlns:a16="http://schemas.microsoft.com/office/drawing/2014/main" id="{00000000-0008-0000-0300-00001A000000}"/>
            </a:ext>
          </a:extLst>
        </xdr:cNvPr>
        <xdr:cNvSpPr txBox="1"/>
      </xdr:nvSpPr>
      <xdr:spPr>
        <a:xfrm>
          <a:off x="15301623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35</xdr:col>
      <xdr:colOff>37110</xdr:colOff>
      <xdr:row>3</xdr:row>
      <xdr:rowOff>89065</xdr:rowOff>
    </xdr:from>
    <xdr:to>
      <xdr:col>336</xdr:col>
      <xdr:colOff>921574</xdr:colOff>
      <xdr:row>7</xdr:row>
      <xdr:rowOff>179367</xdr:rowOff>
    </xdr:to>
    <xdr:sp macro="" textlink="">
      <xdr:nvSpPr>
        <xdr:cNvPr id="27" name="テキスト ボックス 26">
          <a:extLst>
            <a:ext uri="{FF2B5EF4-FFF2-40B4-BE49-F238E27FC236}">
              <a16:creationId xmlns:a16="http://schemas.microsoft.com/office/drawing/2014/main" id="{00000000-0008-0000-0300-00001B000000}"/>
            </a:ext>
          </a:extLst>
        </xdr:cNvPr>
        <xdr:cNvSpPr txBox="1"/>
      </xdr:nvSpPr>
      <xdr:spPr>
        <a:xfrm>
          <a:off x="15921891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48</xdr:col>
      <xdr:colOff>37110</xdr:colOff>
      <xdr:row>3</xdr:row>
      <xdr:rowOff>89065</xdr:rowOff>
    </xdr:from>
    <xdr:to>
      <xdr:col>349</xdr:col>
      <xdr:colOff>921574</xdr:colOff>
      <xdr:row>7</xdr:row>
      <xdr:rowOff>179367</xdr:rowOff>
    </xdr:to>
    <xdr:sp macro="" textlink="">
      <xdr:nvSpPr>
        <xdr:cNvPr id="28" name="テキスト ボックス 27">
          <a:extLst>
            <a:ext uri="{FF2B5EF4-FFF2-40B4-BE49-F238E27FC236}">
              <a16:creationId xmlns:a16="http://schemas.microsoft.com/office/drawing/2014/main" id="{00000000-0008-0000-0300-00001C000000}"/>
            </a:ext>
          </a:extLst>
        </xdr:cNvPr>
        <xdr:cNvSpPr txBox="1"/>
      </xdr:nvSpPr>
      <xdr:spPr>
        <a:xfrm>
          <a:off x="16542159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61</xdr:col>
      <xdr:colOff>37110</xdr:colOff>
      <xdr:row>3</xdr:row>
      <xdr:rowOff>89065</xdr:rowOff>
    </xdr:from>
    <xdr:to>
      <xdr:col>362</xdr:col>
      <xdr:colOff>921574</xdr:colOff>
      <xdr:row>7</xdr:row>
      <xdr:rowOff>179367</xdr:rowOff>
    </xdr:to>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171624270" y="858685"/>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74</xdr:col>
      <xdr:colOff>37110</xdr:colOff>
      <xdr:row>3</xdr:row>
      <xdr:rowOff>106383</xdr:rowOff>
    </xdr:from>
    <xdr:to>
      <xdr:col>375</xdr:col>
      <xdr:colOff>921574</xdr:colOff>
      <xdr:row>7</xdr:row>
      <xdr:rowOff>196685</xdr:rowOff>
    </xdr:to>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17782695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387</xdr:col>
      <xdr:colOff>37110</xdr:colOff>
      <xdr:row>3</xdr:row>
      <xdr:rowOff>106383</xdr:rowOff>
    </xdr:from>
    <xdr:to>
      <xdr:col>388</xdr:col>
      <xdr:colOff>921574</xdr:colOff>
      <xdr:row>7</xdr:row>
      <xdr:rowOff>196685</xdr:rowOff>
    </xdr:to>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18402963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00</xdr:col>
      <xdr:colOff>37110</xdr:colOff>
      <xdr:row>3</xdr:row>
      <xdr:rowOff>106383</xdr:rowOff>
    </xdr:from>
    <xdr:to>
      <xdr:col>401</xdr:col>
      <xdr:colOff>921574</xdr:colOff>
      <xdr:row>7</xdr:row>
      <xdr:rowOff>196685</xdr:rowOff>
    </xdr:to>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190232310" y="876003"/>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13</xdr:col>
      <xdr:colOff>37110</xdr:colOff>
      <xdr:row>3</xdr:row>
      <xdr:rowOff>106384</xdr:rowOff>
    </xdr:from>
    <xdr:to>
      <xdr:col>414</xdr:col>
      <xdr:colOff>921574</xdr:colOff>
      <xdr:row>7</xdr:row>
      <xdr:rowOff>196686</xdr:rowOff>
    </xdr:to>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19643499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26</xdr:col>
      <xdr:colOff>37110</xdr:colOff>
      <xdr:row>3</xdr:row>
      <xdr:rowOff>106384</xdr:rowOff>
    </xdr:from>
    <xdr:to>
      <xdr:col>427</xdr:col>
      <xdr:colOff>921574</xdr:colOff>
      <xdr:row>7</xdr:row>
      <xdr:rowOff>196686</xdr:rowOff>
    </xdr:to>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20263767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39</xdr:col>
      <xdr:colOff>37110</xdr:colOff>
      <xdr:row>3</xdr:row>
      <xdr:rowOff>106384</xdr:rowOff>
    </xdr:from>
    <xdr:to>
      <xdr:col>440</xdr:col>
      <xdr:colOff>921574</xdr:colOff>
      <xdr:row>7</xdr:row>
      <xdr:rowOff>196686</xdr:rowOff>
    </xdr:to>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20884035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52</xdr:col>
      <xdr:colOff>37110</xdr:colOff>
      <xdr:row>3</xdr:row>
      <xdr:rowOff>106384</xdr:rowOff>
    </xdr:from>
    <xdr:to>
      <xdr:col>453</xdr:col>
      <xdr:colOff>921574</xdr:colOff>
      <xdr:row>7</xdr:row>
      <xdr:rowOff>196686</xdr:rowOff>
    </xdr:to>
    <xdr:sp macro="" textlink="">
      <xdr:nvSpPr>
        <xdr:cNvPr id="36" name="テキスト ボックス 35">
          <a:extLst>
            <a:ext uri="{FF2B5EF4-FFF2-40B4-BE49-F238E27FC236}">
              <a16:creationId xmlns:a16="http://schemas.microsoft.com/office/drawing/2014/main" id="{00000000-0008-0000-0300-000024000000}"/>
            </a:ext>
          </a:extLst>
        </xdr:cNvPr>
        <xdr:cNvSpPr txBox="1"/>
      </xdr:nvSpPr>
      <xdr:spPr>
        <a:xfrm>
          <a:off x="21504303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65</xdr:col>
      <xdr:colOff>37110</xdr:colOff>
      <xdr:row>3</xdr:row>
      <xdr:rowOff>106384</xdr:rowOff>
    </xdr:from>
    <xdr:to>
      <xdr:col>466</xdr:col>
      <xdr:colOff>921574</xdr:colOff>
      <xdr:row>7</xdr:row>
      <xdr:rowOff>196686</xdr:rowOff>
    </xdr:to>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22124571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78</xdr:col>
      <xdr:colOff>37110</xdr:colOff>
      <xdr:row>3</xdr:row>
      <xdr:rowOff>106384</xdr:rowOff>
    </xdr:from>
    <xdr:to>
      <xdr:col>479</xdr:col>
      <xdr:colOff>921574</xdr:colOff>
      <xdr:row>7</xdr:row>
      <xdr:rowOff>196686</xdr:rowOff>
    </xdr:to>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22744839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491</xdr:col>
      <xdr:colOff>37110</xdr:colOff>
      <xdr:row>3</xdr:row>
      <xdr:rowOff>106384</xdr:rowOff>
    </xdr:from>
    <xdr:to>
      <xdr:col>492</xdr:col>
      <xdr:colOff>921574</xdr:colOff>
      <xdr:row>7</xdr:row>
      <xdr:rowOff>196686</xdr:rowOff>
    </xdr:to>
    <xdr:sp macro="" textlink="">
      <xdr:nvSpPr>
        <xdr:cNvPr id="39" name="テキスト ボックス 38">
          <a:extLst>
            <a:ext uri="{FF2B5EF4-FFF2-40B4-BE49-F238E27FC236}">
              <a16:creationId xmlns:a16="http://schemas.microsoft.com/office/drawing/2014/main" id="{00000000-0008-0000-0300-000027000000}"/>
            </a:ext>
          </a:extLst>
        </xdr:cNvPr>
        <xdr:cNvSpPr txBox="1"/>
      </xdr:nvSpPr>
      <xdr:spPr>
        <a:xfrm>
          <a:off x="233651070" y="876004"/>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504</xdr:col>
      <xdr:colOff>37110</xdr:colOff>
      <xdr:row>3</xdr:row>
      <xdr:rowOff>89066</xdr:rowOff>
    </xdr:from>
    <xdr:to>
      <xdr:col>505</xdr:col>
      <xdr:colOff>921574</xdr:colOff>
      <xdr:row>7</xdr:row>
      <xdr:rowOff>179368</xdr:rowOff>
    </xdr:to>
    <xdr:sp macro="" textlink="">
      <xdr:nvSpPr>
        <xdr:cNvPr id="40" name="テキスト ボックス 39">
          <a:extLst>
            <a:ext uri="{FF2B5EF4-FFF2-40B4-BE49-F238E27FC236}">
              <a16:creationId xmlns:a16="http://schemas.microsoft.com/office/drawing/2014/main" id="{00000000-0008-0000-0300-000028000000}"/>
            </a:ext>
          </a:extLst>
        </xdr:cNvPr>
        <xdr:cNvSpPr txBox="1"/>
      </xdr:nvSpPr>
      <xdr:spPr>
        <a:xfrm>
          <a:off x="239853750" y="858686"/>
          <a:ext cx="1844584" cy="95898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印刷時にページを指定してください。</a:t>
          </a:r>
        </a:p>
      </xdr:txBody>
    </xdr:sp>
    <xdr:clientData fPrintsWithSheet="0"/>
  </xdr:twoCellAnchor>
  <xdr:twoCellAnchor>
    <xdr:from>
      <xdr:col>8</xdr:col>
      <xdr:colOff>142474</xdr:colOff>
      <xdr:row>7</xdr:row>
      <xdr:rowOff>268941</xdr:rowOff>
    </xdr:from>
    <xdr:to>
      <xdr:col>9</xdr:col>
      <xdr:colOff>44822</xdr:colOff>
      <xdr:row>46</xdr:row>
      <xdr:rowOff>56029</xdr:rowOff>
    </xdr:to>
    <xdr:sp macro="" textlink="">
      <xdr:nvSpPr>
        <xdr:cNvPr id="41" name="テキスト ボックス 40">
          <a:extLst>
            <a:ext uri="{FF2B5EF4-FFF2-40B4-BE49-F238E27FC236}">
              <a16:creationId xmlns:a16="http://schemas.microsoft.com/office/drawing/2014/main" id="{00000000-0008-0000-0300-000029000000}"/>
            </a:ext>
          </a:extLst>
        </xdr:cNvPr>
        <xdr:cNvSpPr txBox="1"/>
      </xdr:nvSpPr>
      <xdr:spPr>
        <a:xfrm>
          <a:off x="367815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1</xdr:col>
      <xdr:colOff>142474</xdr:colOff>
      <xdr:row>7</xdr:row>
      <xdr:rowOff>268941</xdr:rowOff>
    </xdr:from>
    <xdr:to>
      <xdr:col>22</xdr:col>
      <xdr:colOff>44822</xdr:colOff>
      <xdr:row>46</xdr:row>
      <xdr:rowOff>56029</xdr:rowOff>
    </xdr:to>
    <xdr:sp macro="" textlink="">
      <xdr:nvSpPr>
        <xdr:cNvPr id="42" name="テキスト ボックス 41">
          <a:extLst>
            <a:ext uri="{FF2B5EF4-FFF2-40B4-BE49-F238E27FC236}">
              <a16:creationId xmlns:a16="http://schemas.microsoft.com/office/drawing/2014/main" id="{00000000-0008-0000-0300-00002A000000}"/>
            </a:ext>
          </a:extLst>
        </xdr:cNvPr>
        <xdr:cNvSpPr txBox="1"/>
      </xdr:nvSpPr>
      <xdr:spPr>
        <a:xfrm>
          <a:off x="988083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4</xdr:col>
      <xdr:colOff>142474</xdr:colOff>
      <xdr:row>7</xdr:row>
      <xdr:rowOff>268941</xdr:rowOff>
    </xdr:from>
    <xdr:to>
      <xdr:col>35</xdr:col>
      <xdr:colOff>44822</xdr:colOff>
      <xdr:row>46</xdr:row>
      <xdr:rowOff>56029</xdr:rowOff>
    </xdr:to>
    <xdr:sp macro="" textlink="">
      <xdr:nvSpPr>
        <xdr:cNvPr id="43" name="テキスト ボックス 42">
          <a:extLst>
            <a:ext uri="{FF2B5EF4-FFF2-40B4-BE49-F238E27FC236}">
              <a16:creationId xmlns:a16="http://schemas.microsoft.com/office/drawing/2014/main" id="{00000000-0008-0000-0300-00002B000000}"/>
            </a:ext>
          </a:extLst>
        </xdr:cNvPr>
        <xdr:cNvSpPr txBox="1"/>
      </xdr:nvSpPr>
      <xdr:spPr>
        <a:xfrm>
          <a:off x="1608351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7</xdr:col>
      <xdr:colOff>142474</xdr:colOff>
      <xdr:row>7</xdr:row>
      <xdr:rowOff>268941</xdr:rowOff>
    </xdr:from>
    <xdr:to>
      <xdr:col>48</xdr:col>
      <xdr:colOff>44822</xdr:colOff>
      <xdr:row>46</xdr:row>
      <xdr:rowOff>56029</xdr:rowOff>
    </xdr:to>
    <xdr:sp macro="" textlink="">
      <xdr:nvSpPr>
        <xdr:cNvPr id="44" name="テキスト ボックス 43">
          <a:extLst>
            <a:ext uri="{FF2B5EF4-FFF2-40B4-BE49-F238E27FC236}">
              <a16:creationId xmlns:a16="http://schemas.microsoft.com/office/drawing/2014/main" id="{00000000-0008-0000-0300-00002C000000}"/>
            </a:ext>
          </a:extLst>
        </xdr:cNvPr>
        <xdr:cNvSpPr txBox="1"/>
      </xdr:nvSpPr>
      <xdr:spPr>
        <a:xfrm>
          <a:off x="2228619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60</xdr:col>
      <xdr:colOff>142474</xdr:colOff>
      <xdr:row>7</xdr:row>
      <xdr:rowOff>268941</xdr:rowOff>
    </xdr:from>
    <xdr:to>
      <xdr:col>61</xdr:col>
      <xdr:colOff>44822</xdr:colOff>
      <xdr:row>46</xdr:row>
      <xdr:rowOff>56029</xdr:rowOff>
    </xdr:to>
    <xdr:sp macro="" textlink="">
      <xdr:nvSpPr>
        <xdr:cNvPr id="45" name="テキスト ボックス 44">
          <a:extLst>
            <a:ext uri="{FF2B5EF4-FFF2-40B4-BE49-F238E27FC236}">
              <a16:creationId xmlns:a16="http://schemas.microsoft.com/office/drawing/2014/main" id="{00000000-0008-0000-0300-00002D000000}"/>
            </a:ext>
          </a:extLst>
        </xdr:cNvPr>
        <xdr:cNvSpPr txBox="1"/>
      </xdr:nvSpPr>
      <xdr:spPr>
        <a:xfrm>
          <a:off x="2848887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73</xdr:col>
      <xdr:colOff>142474</xdr:colOff>
      <xdr:row>7</xdr:row>
      <xdr:rowOff>268941</xdr:rowOff>
    </xdr:from>
    <xdr:to>
      <xdr:col>74</xdr:col>
      <xdr:colOff>44822</xdr:colOff>
      <xdr:row>46</xdr:row>
      <xdr:rowOff>56029</xdr:rowOff>
    </xdr:to>
    <xdr:sp macro="" textlink="">
      <xdr:nvSpPr>
        <xdr:cNvPr id="46" name="テキスト ボックス 45">
          <a:extLst>
            <a:ext uri="{FF2B5EF4-FFF2-40B4-BE49-F238E27FC236}">
              <a16:creationId xmlns:a16="http://schemas.microsoft.com/office/drawing/2014/main" id="{00000000-0008-0000-0300-00002E000000}"/>
            </a:ext>
          </a:extLst>
        </xdr:cNvPr>
        <xdr:cNvSpPr txBox="1"/>
      </xdr:nvSpPr>
      <xdr:spPr>
        <a:xfrm>
          <a:off x="3469155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86</xdr:col>
      <xdr:colOff>142474</xdr:colOff>
      <xdr:row>7</xdr:row>
      <xdr:rowOff>268941</xdr:rowOff>
    </xdr:from>
    <xdr:to>
      <xdr:col>87</xdr:col>
      <xdr:colOff>44822</xdr:colOff>
      <xdr:row>46</xdr:row>
      <xdr:rowOff>56029</xdr:rowOff>
    </xdr:to>
    <xdr:sp macro="" textlink="">
      <xdr:nvSpPr>
        <xdr:cNvPr id="47" name="テキスト ボックス 46">
          <a:extLst>
            <a:ext uri="{FF2B5EF4-FFF2-40B4-BE49-F238E27FC236}">
              <a16:creationId xmlns:a16="http://schemas.microsoft.com/office/drawing/2014/main" id="{00000000-0008-0000-0300-00002F000000}"/>
            </a:ext>
          </a:extLst>
        </xdr:cNvPr>
        <xdr:cNvSpPr txBox="1"/>
      </xdr:nvSpPr>
      <xdr:spPr>
        <a:xfrm>
          <a:off x="4089423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99</xdr:col>
      <xdr:colOff>142474</xdr:colOff>
      <xdr:row>7</xdr:row>
      <xdr:rowOff>268941</xdr:rowOff>
    </xdr:from>
    <xdr:to>
      <xdr:col>100</xdr:col>
      <xdr:colOff>44822</xdr:colOff>
      <xdr:row>46</xdr:row>
      <xdr:rowOff>56029</xdr:rowOff>
    </xdr:to>
    <xdr:sp macro="" textlink="">
      <xdr:nvSpPr>
        <xdr:cNvPr id="48" name="テキスト ボックス 47">
          <a:extLst>
            <a:ext uri="{FF2B5EF4-FFF2-40B4-BE49-F238E27FC236}">
              <a16:creationId xmlns:a16="http://schemas.microsoft.com/office/drawing/2014/main" id="{00000000-0008-0000-0300-000030000000}"/>
            </a:ext>
          </a:extLst>
        </xdr:cNvPr>
        <xdr:cNvSpPr txBox="1"/>
      </xdr:nvSpPr>
      <xdr:spPr>
        <a:xfrm>
          <a:off x="4709691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12</xdr:col>
      <xdr:colOff>142474</xdr:colOff>
      <xdr:row>7</xdr:row>
      <xdr:rowOff>268941</xdr:rowOff>
    </xdr:from>
    <xdr:to>
      <xdr:col>113</xdr:col>
      <xdr:colOff>44822</xdr:colOff>
      <xdr:row>46</xdr:row>
      <xdr:rowOff>56029</xdr:rowOff>
    </xdr:to>
    <xdr:sp macro="" textlink="">
      <xdr:nvSpPr>
        <xdr:cNvPr id="49" name="テキスト ボックス 48">
          <a:extLst>
            <a:ext uri="{FF2B5EF4-FFF2-40B4-BE49-F238E27FC236}">
              <a16:creationId xmlns:a16="http://schemas.microsoft.com/office/drawing/2014/main" id="{00000000-0008-0000-0300-000031000000}"/>
            </a:ext>
          </a:extLst>
        </xdr:cNvPr>
        <xdr:cNvSpPr txBox="1"/>
      </xdr:nvSpPr>
      <xdr:spPr>
        <a:xfrm>
          <a:off x="5329959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25</xdr:col>
      <xdr:colOff>142474</xdr:colOff>
      <xdr:row>7</xdr:row>
      <xdr:rowOff>268941</xdr:rowOff>
    </xdr:from>
    <xdr:to>
      <xdr:col>126</xdr:col>
      <xdr:colOff>44822</xdr:colOff>
      <xdr:row>46</xdr:row>
      <xdr:rowOff>56029</xdr:rowOff>
    </xdr:to>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5950227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38</xdr:col>
      <xdr:colOff>142474</xdr:colOff>
      <xdr:row>7</xdr:row>
      <xdr:rowOff>268941</xdr:rowOff>
    </xdr:from>
    <xdr:to>
      <xdr:col>139</xdr:col>
      <xdr:colOff>44822</xdr:colOff>
      <xdr:row>46</xdr:row>
      <xdr:rowOff>56029</xdr:rowOff>
    </xdr:to>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6570495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51</xdr:col>
      <xdr:colOff>142474</xdr:colOff>
      <xdr:row>7</xdr:row>
      <xdr:rowOff>268941</xdr:rowOff>
    </xdr:from>
    <xdr:to>
      <xdr:col>152</xdr:col>
      <xdr:colOff>44822</xdr:colOff>
      <xdr:row>46</xdr:row>
      <xdr:rowOff>56029</xdr:rowOff>
    </xdr:to>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7190763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64</xdr:col>
      <xdr:colOff>142474</xdr:colOff>
      <xdr:row>7</xdr:row>
      <xdr:rowOff>268941</xdr:rowOff>
    </xdr:from>
    <xdr:to>
      <xdr:col>165</xdr:col>
      <xdr:colOff>44822</xdr:colOff>
      <xdr:row>46</xdr:row>
      <xdr:rowOff>56029</xdr:rowOff>
    </xdr:to>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7811031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77</xdr:col>
      <xdr:colOff>142474</xdr:colOff>
      <xdr:row>7</xdr:row>
      <xdr:rowOff>268941</xdr:rowOff>
    </xdr:from>
    <xdr:to>
      <xdr:col>178</xdr:col>
      <xdr:colOff>44822</xdr:colOff>
      <xdr:row>46</xdr:row>
      <xdr:rowOff>56029</xdr:rowOff>
    </xdr:to>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8431299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190</xdr:col>
      <xdr:colOff>142474</xdr:colOff>
      <xdr:row>7</xdr:row>
      <xdr:rowOff>268941</xdr:rowOff>
    </xdr:from>
    <xdr:to>
      <xdr:col>191</xdr:col>
      <xdr:colOff>44822</xdr:colOff>
      <xdr:row>46</xdr:row>
      <xdr:rowOff>56029</xdr:rowOff>
    </xdr:to>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9051567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03</xdr:col>
      <xdr:colOff>142474</xdr:colOff>
      <xdr:row>7</xdr:row>
      <xdr:rowOff>268941</xdr:rowOff>
    </xdr:from>
    <xdr:to>
      <xdr:col>204</xdr:col>
      <xdr:colOff>44822</xdr:colOff>
      <xdr:row>46</xdr:row>
      <xdr:rowOff>56029</xdr:rowOff>
    </xdr:to>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9671835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16</xdr:col>
      <xdr:colOff>142474</xdr:colOff>
      <xdr:row>7</xdr:row>
      <xdr:rowOff>268941</xdr:rowOff>
    </xdr:from>
    <xdr:to>
      <xdr:col>217</xdr:col>
      <xdr:colOff>44822</xdr:colOff>
      <xdr:row>46</xdr:row>
      <xdr:rowOff>56029</xdr:rowOff>
    </xdr:to>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10292103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29</xdr:col>
      <xdr:colOff>142474</xdr:colOff>
      <xdr:row>7</xdr:row>
      <xdr:rowOff>268941</xdr:rowOff>
    </xdr:from>
    <xdr:to>
      <xdr:col>230</xdr:col>
      <xdr:colOff>44822</xdr:colOff>
      <xdr:row>46</xdr:row>
      <xdr:rowOff>56029</xdr:rowOff>
    </xdr:to>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10907799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42</xdr:col>
      <xdr:colOff>142474</xdr:colOff>
      <xdr:row>7</xdr:row>
      <xdr:rowOff>268941</xdr:rowOff>
    </xdr:from>
    <xdr:to>
      <xdr:col>243</xdr:col>
      <xdr:colOff>44822</xdr:colOff>
      <xdr:row>46</xdr:row>
      <xdr:rowOff>56029</xdr:rowOff>
    </xdr:to>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11528067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55</xdr:col>
      <xdr:colOff>142474</xdr:colOff>
      <xdr:row>7</xdr:row>
      <xdr:rowOff>268941</xdr:rowOff>
    </xdr:from>
    <xdr:to>
      <xdr:col>256</xdr:col>
      <xdr:colOff>44822</xdr:colOff>
      <xdr:row>46</xdr:row>
      <xdr:rowOff>56029</xdr:rowOff>
    </xdr:to>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12148335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68</xdr:col>
      <xdr:colOff>142474</xdr:colOff>
      <xdr:row>7</xdr:row>
      <xdr:rowOff>268941</xdr:rowOff>
    </xdr:from>
    <xdr:to>
      <xdr:col>269</xdr:col>
      <xdr:colOff>44822</xdr:colOff>
      <xdr:row>46</xdr:row>
      <xdr:rowOff>56029</xdr:rowOff>
    </xdr:to>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12768603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81</xdr:col>
      <xdr:colOff>142474</xdr:colOff>
      <xdr:row>7</xdr:row>
      <xdr:rowOff>268941</xdr:rowOff>
    </xdr:from>
    <xdr:to>
      <xdr:col>282</xdr:col>
      <xdr:colOff>44822</xdr:colOff>
      <xdr:row>46</xdr:row>
      <xdr:rowOff>56029</xdr:rowOff>
    </xdr:to>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13388871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294</xdr:col>
      <xdr:colOff>142474</xdr:colOff>
      <xdr:row>7</xdr:row>
      <xdr:rowOff>268941</xdr:rowOff>
    </xdr:from>
    <xdr:to>
      <xdr:col>295</xdr:col>
      <xdr:colOff>44822</xdr:colOff>
      <xdr:row>46</xdr:row>
      <xdr:rowOff>56029</xdr:rowOff>
    </xdr:to>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14009139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07</xdr:col>
      <xdr:colOff>142474</xdr:colOff>
      <xdr:row>7</xdr:row>
      <xdr:rowOff>268941</xdr:rowOff>
    </xdr:from>
    <xdr:to>
      <xdr:col>308</xdr:col>
      <xdr:colOff>44822</xdr:colOff>
      <xdr:row>46</xdr:row>
      <xdr:rowOff>56029</xdr:rowOff>
    </xdr:to>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14629407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20</xdr:col>
      <xdr:colOff>142474</xdr:colOff>
      <xdr:row>7</xdr:row>
      <xdr:rowOff>268941</xdr:rowOff>
    </xdr:from>
    <xdr:to>
      <xdr:col>321</xdr:col>
      <xdr:colOff>44822</xdr:colOff>
      <xdr:row>46</xdr:row>
      <xdr:rowOff>56029</xdr:rowOff>
    </xdr:to>
    <xdr:sp macro="" textlink="">
      <xdr:nvSpPr>
        <xdr:cNvPr id="65" name="テキスト ボックス 64">
          <a:extLst>
            <a:ext uri="{FF2B5EF4-FFF2-40B4-BE49-F238E27FC236}">
              <a16:creationId xmlns:a16="http://schemas.microsoft.com/office/drawing/2014/main" id="{00000000-0008-0000-0300-000041000000}"/>
            </a:ext>
          </a:extLst>
        </xdr:cNvPr>
        <xdr:cNvSpPr txBox="1"/>
      </xdr:nvSpPr>
      <xdr:spPr>
        <a:xfrm>
          <a:off x="15249675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33</xdr:col>
      <xdr:colOff>142474</xdr:colOff>
      <xdr:row>7</xdr:row>
      <xdr:rowOff>268941</xdr:rowOff>
    </xdr:from>
    <xdr:to>
      <xdr:col>334</xdr:col>
      <xdr:colOff>44822</xdr:colOff>
      <xdr:row>46</xdr:row>
      <xdr:rowOff>56029</xdr:rowOff>
    </xdr:to>
    <xdr:sp macro="" textlink="">
      <xdr:nvSpPr>
        <xdr:cNvPr id="66" name="テキスト ボックス 65">
          <a:extLst>
            <a:ext uri="{FF2B5EF4-FFF2-40B4-BE49-F238E27FC236}">
              <a16:creationId xmlns:a16="http://schemas.microsoft.com/office/drawing/2014/main" id="{00000000-0008-0000-0300-000042000000}"/>
            </a:ext>
          </a:extLst>
        </xdr:cNvPr>
        <xdr:cNvSpPr txBox="1"/>
      </xdr:nvSpPr>
      <xdr:spPr>
        <a:xfrm>
          <a:off x="15869943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46</xdr:col>
      <xdr:colOff>142474</xdr:colOff>
      <xdr:row>7</xdr:row>
      <xdr:rowOff>268941</xdr:rowOff>
    </xdr:from>
    <xdr:to>
      <xdr:col>347</xdr:col>
      <xdr:colOff>44822</xdr:colOff>
      <xdr:row>46</xdr:row>
      <xdr:rowOff>56029</xdr:rowOff>
    </xdr:to>
    <xdr:sp macro="" textlink="">
      <xdr:nvSpPr>
        <xdr:cNvPr id="67" name="テキスト ボックス 66">
          <a:extLst>
            <a:ext uri="{FF2B5EF4-FFF2-40B4-BE49-F238E27FC236}">
              <a16:creationId xmlns:a16="http://schemas.microsoft.com/office/drawing/2014/main" id="{00000000-0008-0000-0300-000043000000}"/>
            </a:ext>
          </a:extLst>
        </xdr:cNvPr>
        <xdr:cNvSpPr txBox="1"/>
      </xdr:nvSpPr>
      <xdr:spPr>
        <a:xfrm>
          <a:off x="16490211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59</xdr:col>
      <xdr:colOff>142474</xdr:colOff>
      <xdr:row>7</xdr:row>
      <xdr:rowOff>268941</xdr:rowOff>
    </xdr:from>
    <xdr:to>
      <xdr:col>360</xdr:col>
      <xdr:colOff>44822</xdr:colOff>
      <xdr:row>46</xdr:row>
      <xdr:rowOff>56029</xdr:rowOff>
    </xdr:to>
    <xdr:sp macro="" textlink="">
      <xdr:nvSpPr>
        <xdr:cNvPr id="68" name="テキスト ボックス 67">
          <a:extLst>
            <a:ext uri="{FF2B5EF4-FFF2-40B4-BE49-F238E27FC236}">
              <a16:creationId xmlns:a16="http://schemas.microsoft.com/office/drawing/2014/main" id="{00000000-0008-0000-0300-000044000000}"/>
            </a:ext>
          </a:extLst>
        </xdr:cNvPr>
        <xdr:cNvSpPr txBox="1"/>
      </xdr:nvSpPr>
      <xdr:spPr>
        <a:xfrm>
          <a:off x="17110479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72</xdr:col>
      <xdr:colOff>142474</xdr:colOff>
      <xdr:row>7</xdr:row>
      <xdr:rowOff>268941</xdr:rowOff>
    </xdr:from>
    <xdr:to>
      <xdr:col>373</xdr:col>
      <xdr:colOff>44822</xdr:colOff>
      <xdr:row>46</xdr:row>
      <xdr:rowOff>56029</xdr:rowOff>
    </xdr:to>
    <xdr:sp macro="" textlink="">
      <xdr:nvSpPr>
        <xdr:cNvPr id="69" name="テキスト ボックス 68">
          <a:extLst>
            <a:ext uri="{FF2B5EF4-FFF2-40B4-BE49-F238E27FC236}">
              <a16:creationId xmlns:a16="http://schemas.microsoft.com/office/drawing/2014/main" id="{00000000-0008-0000-0300-000045000000}"/>
            </a:ext>
          </a:extLst>
        </xdr:cNvPr>
        <xdr:cNvSpPr txBox="1"/>
      </xdr:nvSpPr>
      <xdr:spPr>
        <a:xfrm>
          <a:off x="17730747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85</xdr:col>
      <xdr:colOff>142474</xdr:colOff>
      <xdr:row>7</xdr:row>
      <xdr:rowOff>268941</xdr:rowOff>
    </xdr:from>
    <xdr:to>
      <xdr:col>386</xdr:col>
      <xdr:colOff>44822</xdr:colOff>
      <xdr:row>46</xdr:row>
      <xdr:rowOff>56029</xdr:rowOff>
    </xdr:to>
    <xdr:sp macro="" textlink="">
      <xdr:nvSpPr>
        <xdr:cNvPr id="70" name="テキスト ボックス 69">
          <a:extLst>
            <a:ext uri="{FF2B5EF4-FFF2-40B4-BE49-F238E27FC236}">
              <a16:creationId xmlns:a16="http://schemas.microsoft.com/office/drawing/2014/main" id="{00000000-0008-0000-0300-000046000000}"/>
            </a:ext>
          </a:extLst>
        </xdr:cNvPr>
        <xdr:cNvSpPr txBox="1"/>
      </xdr:nvSpPr>
      <xdr:spPr>
        <a:xfrm>
          <a:off x="18351015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398</xdr:col>
      <xdr:colOff>142474</xdr:colOff>
      <xdr:row>7</xdr:row>
      <xdr:rowOff>268941</xdr:rowOff>
    </xdr:from>
    <xdr:to>
      <xdr:col>399</xdr:col>
      <xdr:colOff>44822</xdr:colOff>
      <xdr:row>46</xdr:row>
      <xdr:rowOff>56029</xdr:rowOff>
    </xdr:to>
    <xdr:sp macro="" textlink="">
      <xdr:nvSpPr>
        <xdr:cNvPr id="71" name="テキスト ボックス 70">
          <a:extLst>
            <a:ext uri="{FF2B5EF4-FFF2-40B4-BE49-F238E27FC236}">
              <a16:creationId xmlns:a16="http://schemas.microsoft.com/office/drawing/2014/main" id="{00000000-0008-0000-0300-000047000000}"/>
            </a:ext>
          </a:extLst>
        </xdr:cNvPr>
        <xdr:cNvSpPr txBox="1"/>
      </xdr:nvSpPr>
      <xdr:spPr>
        <a:xfrm>
          <a:off x="18971283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11</xdr:col>
      <xdr:colOff>142474</xdr:colOff>
      <xdr:row>7</xdr:row>
      <xdr:rowOff>268941</xdr:rowOff>
    </xdr:from>
    <xdr:to>
      <xdr:col>412</xdr:col>
      <xdr:colOff>44822</xdr:colOff>
      <xdr:row>46</xdr:row>
      <xdr:rowOff>56029</xdr:rowOff>
    </xdr:to>
    <xdr:sp macro="" textlink="">
      <xdr:nvSpPr>
        <xdr:cNvPr id="72" name="テキスト ボックス 71">
          <a:extLst>
            <a:ext uri="{FF2B5EF4-FFF2-40B4-BE49-F238E27FC236}">
              <a16:creationId xmlns:a16="http://schemas.microsoft.com/office/drawing/2014/main" id="{00000000-0008-0000-0300-000048000000}"/>
            </a:ext>
          </a:extLst>
        </xdr:cNvPr>
        <xdr:cNvSpPr txBox="1"/>
      </xdr:nvSpPr>
      <xdr:spPr>
        <a:xfrm>
          <a:off x="19591551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24</xdr:col>
      <xdr:colOff>142474</xdr:colOff>
      <xdr:row>7</xdr:row>
      <xdr:rowOff>268941</xdr:rowOff>
    </xdr:from>
    <xdr:to>
      <xdr:col>425</xdr:col>
      <xdr:colOff>44822</xdr:colOff>
      <xdr:row>46</xdr:row>
      <xdr:rowOff>56029</xdr:rowOff>
    </xdr:to>
    <xdr:sp macro="" textlink="">
      <xdr:nvSpPr>
        <xdr:cNvPr id="73" name="テキスト ボックス 72">
          <a:extLst>
            <a:ext uri="{FF2B5EF4-FFF2-40B4-BE49-F238E27FC236}">
              <a16:creationId xmlns:a16="http://schemas.microsoft.com/office/drawing/2014/main" id="{00000000-0008-0000-0300-000049000000}"/>
            </a:ext>
          </a:extLst>
        </xdr:cNvPr>
        <xdr:cNvSpPr txBox="1"/>
      </xdr:nvSpPr>
      <xdr:spPr>
        <a:xfrm>
          <a:off x="20211819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37</xdr:col>
      <xdr:colOff>142474</xdr:colOff>
      <xdr:row>7</xdr:row>
      <xdr:rowOff>268941</xdr:rowOff>
    </xdr:from>
    <xdr:to>
      <xdr:col>438</xdr:col>
      <xdr:colOff>44822</xdr:colOff>
      <xdr:row>46</xdr:row>
      <xdr:rowOff>56029</xdr:rowOff>
    </xdr:to>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20832087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50</xdr:col>
      <xdr:colOff>142474</xdr:colOff>
      <xdr:row>7</xdr:row>
      <xdr:rowOff>268941</xdr:rowOff>
    </xdr:from>
    <xdr:to>
      <xdr:col>451</xdr:col>
      <xdr:colOff>44822</xdr:colOff>
      <xdr:row>46</xdr:row>
      <xdr:rowOff>56029</xdr:rowOff>
    </xdr:to>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21452355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63</xdr:col>
      <xdr:colOff>142474</xdr:colOff>
      <xdr:row>7</xdr:row>
      <xdr:rowOff>268941</xdr:rowOff>
    </xdr:from>
    <xdr:to>
      <xdr:col>464</xdr:col>
      <xdr:colOff>44822</xdr:colOff>
      <xdr:row>46</xdr:row>
      <xdr:rowOff>56029</xdr:rowOff>
    </xdr:to>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22072623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76</xdr:col>
      <xdr:colOff>142474</xdr:colOff>
      <xdr:row>7</xdr:row>
      <xdr:rowOff>268941</xdr:rowOff>
    </xdr:from>
    <xdr:to>
      <xdr:col>477</xdr:col>
      <xdr:colOff>44822</xdr:colOff>
      <xdr:row>46</xdr:row>
      <xdr:rowOff>56029</xdr:rowOff>
    </xdr:to>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2692891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489</xdr:col>
      <xdr:colOff>142474</xdr:colOff>
      <xdr:row>7</xdr:row>
      <xdr:rowOff>268941</xdr:rowOff>
    </xdr:from>
    <xdr:to>
      <xdr:col>490</xdr:col>
      <xdr:colOff>44822</xdr:colOff>
      <xdr:row>46</xdr:row>
      <xdr:rowOff>56029</xdr:rowOff>
    </xdr:to>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3313159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502</xdr:col>
      <xdr:colOff>142474</xdr:colOff>
      <xdr:row>7</xdr:row>
      <xdr:rowOff>268941</xdr:rowOff>
    </xdr:from>
    <xdr:to>
      <xdr:col>503</xdr:col>
      <xdr:colOff>44822</xdr:colOff>
      <xdr:row>46</xdr:row>
      <xdr:rowOff>56029</xdr:rowOff>
    </xdr:to>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39334274" y="1907241"/>
          <a:ext cx="405268" cy="75899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twoCellAnchor>
  <xdr:twoCellAnchor>
    <xdr:from>
      <xdr:col>0</xdr:col>
      <xdr:colOff>0</xdr:colOff>
      <xdr:row>46</xdr:row>
      <xdr:rowOff>152401</xdr:rowOff>
    </xdr:from>
    <xdr:to>
      <xdr:col>10</xdr:col>
      <xdr:colOff>228600</xdr:colOff>
      <xdr:row>54</xdr:row>
      <xdr:rowOff>180639</xdr:rowOff>
    </xdr:to>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0" y="9593581"/>
          <a:ext cx="4389120" cy="18265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2</xdr:col>
      <xdr:colOff>98612</xdr:colOff>
      <xdr:row>46</xdr:row>
      <xdr:rowOff>143435</xdr:rowOff>
    </xdr:from>
    <xdr:to>
      <xdr:col>23</xdr:col>
      <xdr:colOff>99060</xdr:colOff>
      <xdr:row>54</xdr:row>
      <xdr:rowOff>171673</xdr:rowOff>
    </xdr:to>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6179372" y="9584615"/>
          <a:ext cx="4282888" cy="18265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6</xdr:col>
      <xdr:colOff>17930</xdr:colOff>
      <xdr:row>46</xdr:row>
      <xdr:rowOff>107577</xdr:rowOff>
    </xdr:from>
    <xdr:to>
      <xdr:col>36</xdr:col>
      <xdr:colOff>174171</xdr:colOff>
      <xdr:row>54</xdr:row>
      <xdr:rowOff>135815</xdr:rowOff>
    </xdr:to>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2384101" y="9491063"/>
          <a:ext cx="4303699"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9</xdr:col>
      <xdr:colOff>17929</xdr:colOff>
      <xdr:row>46</xdr:row>
      <xdr:rowOff>134471</xdr:rowOff>
    </xdr:from>
    <xdr:to>
      <xdr:col>49</xdr:col>
      <xdr:colOff>152400</xdr:colOff>
      <xdr:row>54</xdr:row>
      <xdr:rowOff>162709</xdr:rowOff>
    </xdr:to>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8567186" y="9517957"/>
          <a:ext cx="4281928"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52</xdr:col>
      <xdr:colOff>8964</xdr:colOff>
      <xdr:row>46</xdr:row>
      <xdr:rowOff>152400</xdr:rowOff>
    </xdr:from>
    <xdr:to>
      <xdr:col>62</xdr:col>
      <xdr:colOff>239486</xdr:colOff>
      <xdr:row>54</xdr:row>
      <xdr:rowOff>180638</xdr:rowOff>
    </xdr:to>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24741307" y="9535886"/>
          <a:ext cx="4377979"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64</xdr:col>
      <xdr:colOff>89646</xdr:colOff>
      <xdr:row>46</xdr:row>
      <xdr:rowOff>170330</xdr:rowOff>
    </xdr:from>
    <xdr:to>
      <xdr:col>75</xdr:col>
      <xdr:colOff>65314</xdr:colOff>
      <xdr:row>54</xdr:row>
      <xdr:rowOff>198568</xdr:rowOff>
    </xdr:to>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885332" y="9553816"/>
          <a:ext cx="4242868"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78</xdr:col>
      <xdr:colOff>8965</xdr:colOff>
      <xdr:row>46</xdr:row>
      <xdr:rowOff>125506</xdr:rowOff>
    </xdr:from>
    <xdr:to>
      <xdr:col>88</xdr:col>
      <xdr:colOff>239486</xdr:colOff>
      <xdr:row>54</xdr:row>
      <xdr:rowOff>153744</xdr:rowOff>
    </xdr:to>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7107479" y="9508992"/>
          <a:ext cx="4377978"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90</xdr:col>
      <xdr:colOff>98612</xdr:colOff>
      <xdr:row>46</xdr:row>
      <xdr:rowOff>125506</xdr:rowOff>
    </xdr:from>
    <xdr:to>
      <xdr:col>101</xdr:col>
      <xdr:colOff>185057</xdr:colOff>
      <xdr:row>54</xdr:row>
      <xdr:rowOff>153744</xdr:rowOff>
    </xdr:to>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43260469" y="9508992"/>
          <a:ext cx="4353645"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04</xdr:col>
      <xdr:colOff>8965</xdr:colOff>
      <xdr:row>46</xdr:row>
      <xdr:rowOff>143435</xdr:rowOff>
    </xdr:from>
    <xdr:to>
      <xdr:col>114</xdr:col>
      <xdr:colOff>304800</xdr:colOff>
      <xdr:row>54</xdr:row>
      <xdr:rowOff>171673</xdr:rowOff>
    </xdr:to>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49473651" y="9526921"/>
          <a:ext cx="4443292"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16</xdr:col>
      <xdr:colOff>107577</xdr:colOff>
      <xdr:row>46</xdr:row>
      <xdr:rowOff>143435</xdr:rowOff>
    </xdr:from>
    <xdr:to>
      <xdr:col>127</xdr:col>
      <xdr:colOff>141514</xdr:colOff>
      <xdr:row>54</xdr:row>
      <xdr:rowOff>171673</xdr:rowOff>
    </xdr:to>
    <xdr:sp macro="" textlink="">
      <xdr:nvSpPr>
        <xdr:cNvPr id="90" name="テキスト ボックス 89">
          <a:extLst>
            <a:ext uri="{FF2B5EF4-FFF2-40B4-BE49-F238E27FC236}">
              <a16:creationId xmlns:a16="http://schemas.microsoft.com/office/drawing/2014/main" id="{00000000-0008-0000-0300-00005A000000}"/>
            </a:ext>
          </a:extLst>
        </xdr:cNvPr>
        <xdr:cNvSpPr txBox="1"/>
      </xdr:nvSpPr>
      <xdr:spPr>
        <a:xfrm>
          <a:off x="55635606" y="9526921"/>
          <a:ext cx="430113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29</xdr:col>
      <xdr:colOff>119742</xdr:colOff>
      <xdr:row>46</xdr:row>
      <xdr:rowOff>134471</xdr:rowOff>
    </xdr:from>
    <xdr:to>
      <xdr:col>140</xdr:col>
      <xdr:colOff>163285</xdr:colOff>
      <xdr:row>54</xdr:row>
      <xdr:rowOff>162709</xdr:rowOff>
    </xdr:to>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61830856" y="9517957"/>
          <a:ext cx="4310743"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43</xdr:col>
      <xdr:colOff>0</xdr:colOff>
      <xdr:row>46</xdr:row>
      <xdr:rowOff>152400</xdr:rowOff>
    </xdr:from>
    <xdr:to>
      <xdr:col>153</xdr:col>
      <xdr:colOff>261257</xdr:colOff>
      <xdr:row>54</xdr:row>
      <xdr:rowOff>180638</xdr:rowOff>
    </xdr:to>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68013943" y="9535886"/>
          <a:ext cx="4408714"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55</xdr:col>
      <xdr:colOff>80682</xdr:colOff>
      <xdr:row>46</xdr:row>
      <xdr:rowOff>143436</xdr:rowOff>
    </xdr:from>
    <xdr:to>
      <xdr:col>166</xdr:col>
      <xdr:colOff>228600</xdr:colOff>
      <xdr:row>54</xdr:row>
      <xdr:rowOff>171674</xdr:rowOff>
    </xdr:to>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74157968" y="9526922"/>
          <a:ext cx="4415118"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69</xdr:col>
      <xdr:colOff>17930</xdr:colOff>
      <xdr:row>46</xdr:row>
      <xdr:rowOff>152401</xdr:rowOff>
    </xdr:from>
    <xdr:to>
      <xdr:col>179</xdr:col>
      <xdr:colOff>206829</xdr:colOff>
      <xdr:row>54</xdr:row>
      <xdr:rowOff>180639</xdr:rowOff>
    </xdr:to>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80398044" y="9535887"/>
          <a:ext cx="4336356"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82</xdr:col>
      <xdr:colOff>0</xdr:colOff>
      <xdr:row>46</xdr:row>
      <xdr:rowOff>125506</xdr:rowOff>
    </xdr:from>
    <xdr:to>
      <xdr:col>192</xdr:col>
      <xdr:colOff>283029</xdr:colOff>
      <xdr:row>54</xdr:row>
      <xdr:rowOff>153744</xdr:rowOff>
    </xdr:to>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86563200" y="9508992"/>
          <a:ext cx="4430486"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194</xdr:col>
      <xdr:colOff>98612</xdr:colOff>
      <xdr:row>46</xdr:row>
      <xdr:rowOff>143436</xdr:rowOff>
    </xdr:from>
    <xdr:to>
      <xdr:col>205</xdr:col>
      <xdr:colOff>217714</xdr:colOff>
      <xdr:row>54</xdr:row>
      <xdr:rowOff>171674</xdr:rowOff>
    </xdr:to>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92725155" y="9526922"/>
          <a:ext cx="4386302"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07</xdr:col>
      <xdr:colOff>107577</xdr:colOff>
      <xdr:row>46</xdr:row>
      <xdr:rowOff>143436</xdr:rowOff>
    </xdr:from>
    <xdr:to>
      <xdr:col>218</xdr:col>
      <xdr:colOff>87085</xdr:colOff>
      <xdr:row>54</xdr:row>
      <xdr:rowOff>171674</xdr:rowOff>
    </xdr:to>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98917206" y="9526922"/>
          <a:ext cx="4246708"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21</xdr:col>
      <xdr:colOff>8965</xdr:colOff>
      <xdr:row>46</xdr:row>
      <xdr:rowOff>143436</xdr:rowOff>
    </xdr:from>
    <xdr:to>
      <xdr:col>231</xdr:col>
      <xdr:colOff>239486</xdr:colOff>
      <xdr:row>54</xdr:row>
      <xdr:rowOff>171674</xdr:rowOff>
    </xdr:to>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5121422" y="9526922"/>
          <a:ext cx="4334435"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33</xdr:col>
      <xdr:colOff>107577</xdr:colOff>
      <xdr:row>46</xdr:row>
      <xdr:rowOff>170330</xdr:rowOff>
    </xdr:from>
    <xdr:to>
      <xdr:col>244</xdr:col>
      <xdr:colOff>195943</xdr:colOff>
      <xdr:row>54</xdr:row>
      <xdr:rowOff>198568</xdr:rowOff>
    </xdr:to>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11239834" y="9553816"/>
          <a:ext cx="4355566"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46</xdr:col>
      <xdr:colOff>116542</xdr:colOff>
      <xdr:row>46</xdr:row>
      <xdr:rowOff>161365</xdr:rowOff>
    </xdr:from>
    <xdr:to>
      <xdr:col>257</xdr:col>
      <xdr:colOff>195943</xdr:colOff>
      <xdr:row>54</xdr:row>
      <xdr:rowOff>189603</xdr:rowOff>
    </xdr:to>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17431885" y="9544851"/>
          <a:ext cx="4346601"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59</xdr:col>
      <xdr:colOff>98612</xdr:colOff>
      <xdr:row>46</xdr:row>
      <xdr:rowOff>152400</xdr:rowOff>
    </xdr:from>
    <xdr:to>
      <xdr:col>270</xdr:col>
      <xdr:colOff>250371</xdr:colOff>
      <xdr:row>54</xdr:row>
      <xdr:rowOff>180638</xdr:rowOff>
    </xdr:to>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23597041" y="9535886"/>
          <a:ext cx="4418959"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72</xdr:col>
      <xdr:colOff>107576</xdr:colOff>
      <xdr:row>46</xdr:row>
      <xdr:rowOff>143436</xdr:rowOff>
    </xdr:from>
    <xdr:to>
      <xdr:col>283</xdr:col>
      <xdr:colOff>185057</xdr:colOff>
      <xdr:row>54</xdr:row>
      <xdr:rowOff>171674</xdr:rowOff>
    </xdr:to>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129789090" y="9526922"/>
          <a:ext cx="4344681"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85</xdr:col>
      <xdr:colOff>89647</xdr:colOff>
      <xdr:row>46</xdr:row>
      <xdr:rowOff>170330</xdr:rowOff>
    </xdr:from>
    <xdr:to>
      <xdr:col>296</xdr:col>
      <xdr:colOff>97971</xdr:colOff>
      <xdr:row>54</xdr:row>
      <xdr:rowOff>198568</xdr:rowOff>
    </xdr:to>
    <xdr:sp macro="" textlink="">
      <xdr:nvSpPr>
        <xdr:cNvPr id="103" name="テキスト ボックス 102">
          <a:extLst>
            <a:ext uri="{FF2B5EF4-FFF2-40B4-BE49-F238E27FC236}">
              <a16:creationId xmlns:a16="http://schemas.microsoft.com/office/drawing/2014/main" id="{00000000-0008-0000-0300-000067000000}"/>
            </a:ext>
          </a:extLst>
        </xdr:cNvPr>
        <xdr:cNvSpPr txBox="1"/>
      </xdr:nvSpPr>
      <xdr:spPr>
        <a:xfrm>
          <a:off x="135954247" y="9553816"/>
          <a:ext cx="4275524"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298</xdr:col>
      <xdr:colOff>107576</xdr:colOff>
      <xdr:row>46</xdr:row>
      <xdr:rowOff>143435</xdr:rowOff>
    </xdr:from>
    <xdr:to>
      <xdr:col>309</xdr:col>
      <xdr:colOff>185057</xdr:colOff>
      <xdr:row>54</xdr:row>
      <xdr:rowOff>171673</xdr:rowOff>
    </xdr:to>
    <xdr:sp macro="" textlink="">
      <xdr:nvSpPr>
        <xdr:cNvPr id="104" name="テキスト ボックス 103">
          <a:extLst>
            <a:ext uri="{FF2B5EF4-FFF2-40B4-BE49-F238E27FC236}">
              <a16:creationId xmlns:a16="http://schemas.microsoft.com/office/drawing/2014/main" id="{00000000-0008-0000-0300-000068000000}"/>
            </a:ext>
          </a:extLst>
        </xdr:cNvPr>
        <xdr:cNvSpPr txBox="1"/>
      </xdr:nvSpPr>
      <xdr:spPr>
        <a:xfrm>
          <a:off x="142155262" y="9526921"/>
          <a:ext cx="4344681"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11</xdr:col>
      <xdr:colOff>98612</xdr:colOff>
      <xdr:row>46</xdr:row>
      <xdr:rowOff>152401</xdr:rowOff>
    </xdr:from>
    <xdr:to>
      <xdr:col>322</xdr:col>
      <xdr:colOff>174172</xdr:colOff>
      <xdr:row>54</xdr:row>
      <xdr:rowOff>180639</xdr:rowOff>
    </xdr:to>
    <xdr:sp macro="" textlink="">
      <xdr:nvSpPr>
        <xdr:cNvPr id="105" name="テキスト ボックス 104">
          <a:extLst>
            <a:ext uri="{FF2B5EF4-FFF2-40B4-BE49-F238E27FC236}">
              <a16:creationId xmlns:a16="http://schemas.microsoft.com/office/drawing/2014/main" id="{00000000-0008-0000-0300-000069000000}"/>
            </a:ext>
          </a:extLst>
        </xdr:cNvPr>
        <xdr:cNvSpPr txBox="1"/>
      </xdr:nvSpPr>
      <xdr:spPr>
        <a:xfrm>
          <a:off x="148329383" y="9535887"/>
          <a:ext cx="4342760"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24</xdr:col>
      <xdr:colOff>107574</xdr:colOff>
      <xdr:row>46</xdr:row>
      <xdr:rowOff>134471</xdr:rowOff>
    </xdr:from>
    <xdr:to>
      <xdr:col>335</xdr:col>
      <xdr:colOff>87085</xdr:colOff>
      <xdr:row>54</xdr:row>
      <xdr:rowOff>162709</xdr:rowOff>
    </xdr:to>
    <xdr:sp macro="" textlink="">
      <xdr:nvSpPr>
        <xdr:cNvPr id="106" name="テキスト ボックス 105">
          <a:extLst>
            <a:ext uri="{FF2B5EF4-FFF2-40B4-BE49-F238E27FC236}">
              <a16:creationId xmlns:a16="http://schemas.microsoft.com/office/drawing/2014/main" id="{00000000-0008-0000-0300-00006A000000}"/>
            </a:ext>
          </a:extLst>
        </xdr:cNvPr>
        <xdr:cNvSpPr txBox="1"/>
      </xdr:nvSpPr>
      <xdr:spPr>
        <a:xfrm>
          <a:off x="154521431" y="9517957"/>
          <a:ext cx="4246711"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37</xdr:col>
      <xdr:colOff>80680</xdr:colOff>
      <xdr:row>46</xdr:row>
      <xdr:rowOff>125506</xdr:rowOff>
    </xdr:from>
    <xdr:to>
      <xdr:col>348</xdr:col>
      <xdr:colOff>54427</xdr:colOff>
      <xdr:row>54</xdr:row>
      <xdr:rowOff>153744</xdr:rowOff>
    </xdr:to>
    <xdr:sp macro="" textlink="">
      <xdr:nvSpPr>
        <xdr:cNvPr id="107" name="テキスト ボックス 106">
          <a:extLst>
            <a:ext uri="{FF2B5EF4-FFF2-40B4-BE49-F238E27FC236}">
              <a16:creationId xmlns:a16="http://schemas.microsoft.com/office/drawing/2014/main" id="{00000000-0008-0000-0300-00006B000000}"/>
            </a:ext>
          </a:extLst>
        </xdr:cNvPr>
        <xdr:cNvSpPr txBox="1"/>
      </xdr:nvSpPr>
      <xdr:spPr>
        <a:xfrm>
          <a:off x="160677623" y="9508992"/>
          <a:ext cx="424094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50</xdr:col>
      <xdr:colOff>89648</xdr:colOff>
      <xdr:row>46</xdr:row>
      <xdr:rowOff>134471</xdr:rowOff>
    </xdr:from>
    <xdr:to>
      <xdr:col>361</xdr:col>
      <xdr:colOff>261257</xdr:colOff>
      <xdr:row>54</xdr:row>
      <xdr:rowOff>162709</xdr:rowOff>
    </xdr:to>
    <xdr:sp macro="" textlink="">
      <xdr:nvSpPr>
        <xdr:cNvPr id="108" name="テキスト ボックス 107">
          <a:extLst>
            <a:ext uri="{FF2B5EF4-FFF2-40B4-BE49-F238E27FC236}">
              <a16:creationId xmlns:a16="http://schemas.microsoft.com/office/drawing/2014/main" id="{00000000-0008-0000-0300-00006C000000}"/>
            </a:ext>
          </a:extLst>
        </xdr:cNvPr>
        <xdr:cNvSpPr txBox="1"/>
      </xdr:nvSpPr>
      <xdr:spPr>
        <a:xfrm>
          <a:off x="166869677" y="9517957"/>
          <a:ext cx="4438809"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63</xdr:col>
      <xdr:colOff>89648</xdr:colOff>
      <xdr:row>46</xdr:row>
      <xdr:rowOff>143436</xdr:rowOff>
    </xdr:from>
    <xdr:to>
      <xdr:col>374</xdr:col>
      <xdr:colOff>228600</xdr:colOff>
      <xdr:row>54</xdr:row>
      <xdr:rowOff>171674</xdr:rowOff>
    </xdr:to>
    <xdr:sp macro="" textlink="">
      <xdr:nvSpPr>
        <xdr:cNvPr id="109" name="テキスト ボックス 108">
          <a:extLst>
            <a:ext uri="{FF2B5EF4-FFF2-40B4-BE49-F238E27FC236}">
              <a16:creationId xmlns:a16="http://schemas.microsoft.com/office/drawing/2014/main" id="{00000000-0008-0000-0300-00006D000000}"/>
            </a:ext>
          </a:extLst>
        </xdr:cNvPr>
        <xdr:cNvSpPr txBox="1"/>
      </xdr:nvSpPr>
      <xdr:spPr>
        <a:xfrm>
          <a:off x="173052762" y="9526922"/>
          <a:ext cx="4406152"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77</xdr:col>
      <xdr:colOff>53788</xdr:colOff>
      <xdr:row>46</xdr:row>
      <xdr:rowOff>152401</xdr:rowOff>
    </xdr:from>
    <xdr:to>
      <xdr:col>387</xdr:col>
      <xdr:colOff>206828</xdr:colOff>
      <xdr:row>54</xdr:row>
      <xdr:rowOff>180639</xdr:rowOff>
    </xdr:to>
    <xdr:sp macro="" textlink="">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179319731" y="9535887"/>
          <a:ext cx="430049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389</xdr:col>
      <xdr:colOff>80682</xdr:colOff>
      <xdr:row>46</xdr:row>
      <xdr:rowOff>152400</xdr:rowOff>
    </xdr:from>
    <xdr:to>
      <xdr:col>400</xdr:col>
      <xdr:colOff>228600</xdr:colOff>
      <xdr:row>54</xdr:row>
      <xdr:rowOff>180638</xdr:rowOff>
    </xdr:to>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185409968" y="9535886"/>
          <a:ext cx="4415118"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02</xdr:col>
      <xdr:colOff>116542</xdr:colOff>
      <xdr:row>46</xdr:row>
      <xdr:rowOff>134471</xdr:rowOff>
    </xdr:from>
    <xdr:to>
      <xdr:col>413</xdr:col>
      <xdr:colOff>163286</xdr:colOff>
      <xdr:row>54</xdr:row>
      <xdr:rowOff>162709</xdr:rowOff>
    </xdr:to>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191628913" y="9517957"/>
          <a:ext cx="4313944"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15</xdr:col>
      <xdr:colOff>89647</xdr:colOff>
      <xdr:row>46</xdr:row>
      <xdr:rowOff>152400</xdr:rowOff>
    </xdr:from>
    <xdr:to>
      <xdr:col>426</xdr:col>
      <xdr:colOff>163286</xdr:colOff>
      <xdr:row>54</xdr:row>
      <xdr:rowOff>180638</xdr:rowOff>
    </xdr:to>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197785104" y="9535886"/>
          <a:ext cx="4340839"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28</xdr:col>
      <xdr:colOff>89647</xdr:colOff>
      <xdr:row>46</xdr:row>
      <xdr:rowOff>143436</xdr:rowOff>
    </xdr:from>
    <xdr:to>
      <xdr:col>439</xdr:col>
      <xdr:colOff>97971</xdr:colOff>
      <xdr:row>54</xdr:row>
      <xdr:rowOff>171674</xdr:rowOff>
    </xdr:to>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203968190" y="9526922"/>
          <a:ext cx="4275524"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41</xdr:col>
      <xdr:colOff>107576</xdr:colOff>
      <xdr:row>46</xdr:row>
      <xdr:rowOff>143435</xdr:rowOff>
    </xdr:from>
    <xdr:to>
      <xdr:col>452</xdr:col>
      <xdr:colOff>152400</xdr:colOff>
      <xdr:row>54</xdr:row>
      <xdr:rowOff>171673</xdr:rowOff>
    </xdr:to>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210169205" y="9526921"/>
          <a:ext cx="4312024"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54</xdr:col>
      <xdr:colOff>116542</xdr:colOff>
      <xdr:row>46</xdr:row>
      <xdr:rowOff>143436</xdr:rowOff>
    </xdr:from>
    <xdr:to>
      <xdr:col>465</xdr:col>
      <xdr:colOff>206829</xdr:colOff>
      <xdr:row>54</xdr:row>
      <xdr:rowOff>171674</xdr:rowOff>
    </xdr:to>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216361256" y="9526922"/>
          <a:ext cx="435748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67</xdr:col>
      <xdr:colOff>80683</xdr:colOff>
      <xdr:row>46</xdr:row>
      <xdr:rowOff>134471</xdr:rowOff>
    </xdr:from>
    <xdr:to>
      <xdr:col>478</xdr:col>
      <xdr:colOff>152400</xdr:colOff>
      <xdr:row>54</xdr:row>
      <xdr:rowOff>162709</xdr:rowOff>
    </xdr:to>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222508483" y="9517957"/>
          <a:ext cx="4338917"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80</xdr:col>
      <xdr:colOff>89647</xdr:colOff>
      <xdr:row>46</xdr:row>
      <xdr:rowOff>152400</xdr:rowOff>
    </xdr:from>
    <xdr:to>
      <xdr:col>491</xdr:col>
      <xdr:colOff>174171</xdr:colOff>
      <xdr:row>54</xdr:row>
      <xdr:rowOff>180638</xdr:rowOff>
    </xdr:to>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228700533" y="9535886"/>
          <a:ext cx="4351724"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a:t>
          </a:r>
        </a:p>
      </xdr:txBody>
    </xdr:sp>
    <xdr:clientData fPrintsWithSheet="0"/>
  </xdr:twoCellAnchor>
  <xdr:twoCellAnchor>
    <xdr:from>
      <xdr:col>494</xdr:col>
      <xdr:colOff>17929</xdr:colOff>
      <xdr:row>46</xdr:row>
      <xdr:rowOff>143435</xdr:rowOff>
    </xdr:from>
    <xdr:to>
      <xdr:col>504</xdr:col>
      <xdr:colOff>239486</xdr:colOff>
      <xdr:row>54</xdr:row>
      <xdr:rowOff>171673</xdr:rowOff>
    </xdr:to>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234931643" y="9526921"/>
          <a:ext cx="4369014" cy="18243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b="1">
              <a:solidFill>
                <a:srgbClr val="FF0000"/>
              </a:solidFill>
            </a:rPr>
            <a:t>※</a:t>
          </a:r>
          <a:r>
            <a:rPr kumimoji="1" lang="ja-JP" altLang="en-US" sz="1100" b="1">
              <a:solidFill>
                <a:srgbClr val="FF0000"/>
              </a:solidFill>
            </a:rPr>
            <a:t>現場閉所日（現場休息日）を土曜日・日曜日としない場合は対　</a:t>
          </a:r>
          <a:endParaRPr kumimoji="1" lang="en-US" altLang="ja-JP" sz="1100" b="1">
            <a:solidFill>
              <a:srgbClr val="FF0000"/>
            </a:solidFill>
          </a:endParaRPr>
        </a:p>
        <a:p>
          <a:r>
            <a:rPr kumimoji="1" lang="ja-JP" altLang="en-US" sz="1100" b="1">
              <a:solidFill>
                <a:srgbClr val="FF0000"/>
              </a:solidFill>
            </a:rPr>
            <a:t>　応できませんので、神奈川県県土整備局技術管理課まで問い合</a:t>
          </a:r>
          <a:endParaRPr kumimoji="1" lang="en-US" altLang="ja-JP" sz="1100" b="1">
            <a:solidFill>
              <a:srgbClr val="FF0000"/>
            </a:solidFill>
          </a:endParaRPr>
        </a:p>
        <a:p>
          <a:r>
            <a:rPr kumimoji="1" lang="ja-JP" altLang="en-US" sz="1100" b="1">
              <a:solidFill>
                <a:srgbClr val="FF0000"/>
              </a:solidFill>
            </a:rPr>
            <a:t>　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a:t>
          </a:r>
          <a:endParaRPr kumimoji="1" lang="en-US" altLang="ja-JP" sz="1100" b="1">
            <a:solidFill>
              <a:srgbClr val="FF0000"/>
            </a:solidFill>
          </a:endParaRPr>
        </a:p>
        <a:p>
          <a:r>
            <a:rPr kumimoji="1" lang="ja-JP" altLang="en-US" sz="1100" b="1">
              <a:solidFill>
                <a:srgbClr val="FF0000"/>
              </a:solidFill>
            </a:rPr>
            <a:t>　か、必ず確認した上で提出してください。４４</a:t>
          </a:r>
        </a:p>
      </xdr:txBody>
    </xdr:sp>
    <xdr:clientData fPrintsWithSheet="0"/>
  </xdr:twoCellAnchor>
</xdr:wsDr>
</file>

<file path=xl/drawings/drawing5.xml><?xml version="1.0" encoding="utf-8"?>
<xdr:wsDr xmlns:xdr="http://schemas.openxmlformats.org/drawingml/2006/spreadsheetDrawing" xmlns:a="http://schemas.openxmlformats.org/drawingml/2006/main">
  <xdr:twoCellAnchor>
    <xdr:from>
      <xdr:col>1</xdr:col>
      <xdr:colOff>525780</xdr:colOff>
      <xdr:row>0</xdr:row>
      <xdr:rowOff>0</xdr:rowOff>
    </xdr:from>
    <xdr:to>
      <xdr:col>5</xdr:col>
      <xdr:colOff>379655</xdr:colOff>
      <xdr:row>2</xdr:row>
      <xdr:rowOff>158516</xdr:rowOff>
    </xdr:to>
    <xdr:sp macro="" textlink="">
      <xdr:nvSpPr>
        <xdr:cNvPr id="2" name="テキスト ボックス 1">
          <a:extLst>
            <a:ext uri="{FF2B5EF4-FFF2-40B4-BE49-F238E27FC236}">
              <a16:creationId xmlns:a16="http://schemas.microsoft.com/office/drawing/2014/main" id="{00000000-0008-0000-0400-000002000000}"/>
            </a:ext>
          </a:extLst>
        </xdr:cNvPr>
        <xdr:cNvSpPr txBox="1"/>
      </xdr:nvSpPr>
      <xdr:spPr>
        <a:xfrm>
          <a:off x="1409700" y="0"/>
          <a:ext cx="2886635" cy="6766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solidFill>
                <a:srgbClr val="FF0000"/>
              </a:solidFill>
            </a:rPr>
            <a:t>両面印刷してください。</a:t>
          </a:r>
        </a:p>
      </xdr:txBody>
    </xdr:sp>
    <xdr:clientData fPrintsWithSheet="0"/>
  </xdr:twoCellAnchor>
  <xdr:twoCellAnchor>
    <xdr:from>
      <xdr:col>5</xdr:col>
      <xdr:colOff>198120</xdr:colOff>
      <xdr:row>3</xdr:row>
      <xdr:rowOff>137160</xdr:rowOff>
    </xdr:from>
    <xdr:to>
      <xdr:col>9</xdr:col>
      <xdr:colOff>47513</xdr:colOff>
      <xdr:row>6</xdr:row>
      <xdr:rowOff>196327</xdr:rowOff>
    </xdr:to>
    <xdr:sp macro="" textlink="">
      <xdr:nvSpPr>
        <xdr:cNvPr id="3" name="四角形吹き出し 2">
          <a:extLst>
            <a:ext uri="{FF2B5EF4-FFF2-40B4-BE49-F238E27FC236}">
              <a16:creationId xmlns:a16="http://schemas.microsoft.com/office/drawing/2014/main" id="{00000000-0008-0000-0400-000003000000}"/>
            </a:ext>
          </a:extLst>
        </xdr:cNvPr>
        <xdr:cNvSpPr/>
      </xdr:nvSpPr>
      <xdr:spPr>
        <a:xfrm>
          <a:off x="4114800" y="868680"/>
          <a:ext cx="1891553" cy="699247"/>
        </a:xfrm>
        <a:prstGeom prst="wedgeRectCallout">
          <a:avLst>
            <a:gd name="adj1" fmla="val 20585"/>
            <a:gd name="adj2" fmla="val -75145"/>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日を入力してください。</a:t>
          </a:r>
        </a:p>
      </xdr:txBody>
    </xdr:sp>
    <xdr:clientData fPrintsWithSheet="0"/>
  </xdr:twoCellAnchor>
  <xdr:twoCellAnchor>
    <xdr:from>
      <xdr:col>2</xdr:col>
      <xdr:colOff>371475</xdr:colOff>
      <xdr:row>28</xdr:row>
      <xdr:rowOff>57150</xdr:rowOff>
    </xdr:from>
    <xdr:to>
      <xdr:col>8</xdr:col>
      <xdr:colOff>126066</xdr:colOff>
      <xdr:row>32</xdr:row>
      <xdr:rowOff>102086</xdr:rowOff>
    </xdr:to>
    <xdr:sp macro="" textlink="">
      <xdr:nvSpPr>
        <xdr:cNvPr id="4" name="四角形吹き出し 3">
          <a:extLst>
            <a:ext uri="{FF2B5EF4-FFF2-40B4-BE49-F238E27FC236}">
              <a16:creationId xmlns:a16="http://schemas.microsoft.com/office/drawing/2014/main" id="{00000000-0008-0000-0400-000004000000}"/>
            </a:ext>
          </a:extLst>
        </xdr:cNvPr>
        <xdr:cNvSpPr/>
      </xdr:nvSpPr>
      <xdr:spPr>
        <a:xfrm>
          <a:off x="2371725" y="6019800"/>
          <a:ext cx="3478866" cy="883136"/>
        </a:xfrm>
        <a:prstGeom prst="wedgeRectCallout">
          <a:avLst>
            <a:gd name="adj1" fmla="val -27559"/>
            <a:gd name="adj2" fmla="val 18791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rgbClr val="FF0000"/>
              </a:solidFill>
            </a:rPr>
            <a:t>達成状況に応じて、「月単位の週休２日達成」、「通期の週休２日達成」、「完全週休２日達成」、「未達成」のどれかが表示されます。</a:t>
          </a:r>
          <a:endParaRPr kumimoji="1" lang="en-US" altLang="ja-JP" sz="1200" b="1">
            <a:solidFill>
              <a:srgbClr val="FF0000"/>
            </a:solidFill>
          </a:endParaRPr>
        </a:p>
        <a:p>
          <a:pPr algn="l"/>
          <a:endParaRPr kumimoji="1" lang="en-US" altLang="ja-JP" sz="1200" b="1">
            <a:solidFill>
              <a:srgbClr val="FF0000"/>
            </a:solidFill>
          </a:endParaRPr>
        </a:p>
      </xdr:txBody>
    </xdr:sp>
    <xdr:clientData fPrintsWithSheet="0"/>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SM55"/>
  <sheetViews>
    <sheetView tabSelected="1" view="pageBreakPreview" zoomScale="70" zoomScaleNormal="70" zoomScaleSheetLayoutView="70" workbookViewId="0">
      <selection activeCell="AK25" sqref="AK25:AL26"/>
    </sheetView>
  </sheetViews>
  <sheetFormatPr defaultRowHeight="18"/>
  <cols>
    <col min="1" max="1" width="1.59765625" style="11" customWidth="1"/>
    <col min="2" max="2" width="5.3984375" style="14" customWidth="1"/>
    <col min="3" max="3" width="8.59765625" style="22" customWidth="1"/>
    <col min="4" max="4" width="5.59765625" style="14" hidden="1" customWidth="1"/>
    <col min="5" max="5" width="5.59765625" style="14" customWidth="1"/>
    <col min="6" max="6" width="5.59765625" style="14" hidden="1" customWidth="1"/>
    <col min="7" max="7" width="5.59765625" style="14" customWidth="1"/>
    <col min="8" max="8" width="19.59765625" style="11" customWidth="1"/>
    <col min="9" max="9" width="6.59765625" style="11" customWidth="1"/>
    <col min="10" max="10" width="1.59765625" style="11" customWidth="1"/>
    <col min="11" max="12" width="12.59765625" style="9" customWidth="1"/>
    <col min="13" max="14" width="1.59765625" style="11" customWidth="1"/>
    <col min="15" max="15" width="5.3984375" style="14" customWidth="1"/>
    <col min="16" max="16" width="8.59765625" style="22" customWidth="1"/>
    <col min="17" max="17" width="5.59765625" style="14" hidden="1" customWidth="1"/>
    <col min="18" max="18" width="5.59765625" style="14" customWidth="1"/>
    <col min="19" max="19" width="5.59765625" style="14" hidden="1" customWidth="1"/>
    <col min="20" max="20" width="5.59765625" style="14" customWidth="1"/>
    <col min="21" max="21" width="19.59765625" style="11" customWidth="1"/>
    <col min="22" max="22" width="6.59765625" style="11" customWidth="1"/>
    <col min="23" max="23" width="1.59765625" style="11" customWidth="1"/>
    <col min="24" max="25" width="12.59765625" style="9" customWidth="1"/>
    <col min="26" max="27" width="1.59765625" style="11" customWidth="1"/>
    <col min="28" max="28" width="5.3984375" style="14" customWidth="1"/>
    <col min="29" max="29" width="8.59765625" style="22" customWidth="1"/>
    <col min="30" max="30" width="5.59765625" style="14" hidden="1" customWidth="1"/>
    <col min="31" max="31" width="5.59765625" style="14" customWidth="1"/>
    <col min="32" max="32" width="5.59765625" style="14" hidden="1" customWidth="1"/>
    <col min="33" max="33" width="5.59765625" style="14" customWidth="1"/>
    <col min="34" max="34" width="19.59765625" style="11" customWidth="1"/>
    <col min="35" max="35" width="6.59765625" style="11" customWidth="1"/>
    <col min="36" max="36" width="1.59765625" style="11" customWidth="1"/>
    <col min="37" max="38" width="12.59765625" style="11" customWidth="1"/>
    <col min="39" max="40" width="1.59765625" style="11" customWidth="1"/>
    <col min="41" max="41" width="5.3984375" style="14" customWidth="1"/>
    <col min="42" max="42" width="9.69921875" style="22" bestFit="1" customWidth="1"/>
    <col min="43" max="43" width="5.69921875" style="14" hidden="1" customWidth="1"/>
    <col min="44" max="44" width="5.59765625" style="14" customWidth="1"/>
    <col min="45" max="45" width="5.59765625" style="14" hidden="1" customWidth="1"/>
    <col min="46" max="46" width="5.59765625" style="14" customWidth="1"/>
    <col min="47" max="47" width="19.59765625" style="11" customWidth="1"/>
    <col min="48" max="48" width="6.59765625" style="11" customWidth="1"/>
    <col min="49" max="49" width="1.59765625" style="11" customWidth="1"/>
    <col min="50" max="51" width="12.59765625" style="11" customWidth="1"/>
    <col min="52" max="53" width="1.59765625" style="11" customWidth="1"/>
    <col min="54" max="54" width="5.3984375" style="14" customWidth="1"/>
    <col min="55" max="55" width="9.69921875" style="22" bestFit="1" customWidth="1"/>
    <col min="56" max="56" width="5.59765625" style="14" hidden="1" customWidth="1"/>
    <col min="57" max="57" width="5.59765625" style="14" customWidth="1"/>
    <col min="58" max="58" width="5.59765625" style="14" hidden="1" customWidth="1"/>
    <col min="59" max="59" width="5.59765625" style="14" customWidth="1"/>
    <col min="60" max="60" width="19.59765625" style="11" customWidth="1"/>
    <col min="61" max="61" width="6.59765625" style="11" customWidth="1"/>
    <col min="62" max="62" width="1.59765625" style="11" customWidth="1"/>
    <col min="63" max="64" width="12.59765625" style="11" customWidth="1"/>
    <col min="65" max="66" width="1.59765625" style="11" customWidth="1"/>
    <col min="67" max="67" width="5.3984375" style="14" customWidth="1"/>
    <col min="68" max="68" width="9.69921875" style="22" bestFit="1" customWidth="1"/>
    <col min="69" max="69" width="5.69921875" style="14" hidden="1" customWidth="1"/>
    <col min="70" max="70" width="5.59765625" style="14" customWidth="1"/>
    <col min="71" max="71" width="5.59765625" style="14" hidden="1" customWidth="1"/>
    <col min="72" max="72" width="5.59765625" style="14" customWidth="1"/>
    <col min="73" max="73" width="19.59765625" style="11" customWidth="1"/>
    <col min="74" max="74" width="6.59765625" style="11" customWidth="1"/>
    <col min="75" max="75" width="1.59765625" style="11" customWidth="1"/>
    <col min="76" max="77" width="12.59765625" style="11" customWidth="1"/>
    <col min="78" max="79" width="1.59765625" style="11" customWidth="1"/>
    <col min="80" max="80" width="5.3984375" style="14" customWidth="1"/>
    <col min="81" max="81" width="8.59765625" style="22" customWidth="1"/>
    <col min="82" max="82" width="5.59765625" style="14" hidden="1" customWidth="1"/>
    <col min="83" max="83" width="5.59765625" style="14" customWidth="1"/>
    <col min="84" max="84" width="5.59765625" style="14" hidden="1" customWidth="1"/>
    <col min="85" max="85" width="5.59765625" style="14" customWidth="1"/>
    <col min="86" max="86" width="19.59765625" style="11" customWidth="1"/>
    <col min="87" max="87" width="6.59765625" style="11" customWidth="1"/>
    <col min="88" max="88" width="1.59765625" style="11" customWidth="1"/>
    <col min="89" max="90" width="12.59765625" style="11" customWidth="1"/>
    <col min="91" max="92" width="1.59765625" style="11" customWidth="1"/>
    <col min="93" max="93" width="5.3984375" style="14" customWidth="1"/>
    <col min="94" max="94" width="8.59765625" style="22" customWidth="1"/>
    <col min="95" max="95" width="5.59765625" style="14" hidden="1" customWidth="1"/>
    <col min="96" max="96" width="5.59765625" style="14" customWidth="1"/>
    <col min="97" max="97" width="5.59765625" style="14" hidden="1" customWidth="1"/>
    <col min="98" max="98" width="5.59765625" style="14" customWidth="1"/>
    <col min="99" max="99" width="19.59765625" style="11" customWidth="1"/>
    <col min="100" max="100" width="6.59765625" style="11" customWidth="1"/>
    <col min="101" max="101" width="1.59765625" style="11" customWidth="1"/>
    <col min="102" max="103" width="12.59765625" style="11" customWidth="1"/>
    <col min="104" max="105" width="1.59765625" style="11" customWidth="1"/>
    <col min="106" max="106" width="5.3984375" style="14" customWidth="1"/>
    <col min="107" max="107" width="8.59765625" style="22" customWidth="1"/>
    <col min="108" max="108" width="5.59765625" style="14" hidden="1" customWidth="1"/>
    <col min="109" max="109" width="5.59765625" style="14" customWidth="1"/>
    <col min="110" max="110" width="5.59765625" style="14" hidden="1" customWidth="1"/>
    <col min="111" max="111" width="5.59765625" style="14" customWidth="1"/>
    <col min="112" max="112" width="19.59765625" style="11" customWidth="1"/>
    <col min="113" max="113" width="6.59765625" style="11" customWidth="1"/>
    <col min="114" max="114" width="1.59765625" style="11" customWidth="1"/>
    <col min="115" max="116" width="12.59765625" style="11" customWidth="1"/>
    <col min="117" max="118" width="1.59765625" style="11" customWidth="1"/>
    <col min="119" max="119" width="5.3984375" style="14" customWidth="1"/>
    <col min="120" max="120" width="8.59765625" style="22" customWidth="1"/>
    <col min="121" max="121" width="5.59765625" style="14" hidden="1" customWidth="1"/>
    <col min="122" max="122" width="5.59765625" style="14" customWidth="1"/>
    <col min="123" max="123" width="5.59765625" style="14" hidden="1" customWidth="1"/>
    <col min="124" max="124" width="5.59765625" style="14" customWidth="1"/>
    <col min="125" max="125" width="19.59765625" style="11" customWidth="1"/>
    <col min="126" max="126" width="6.59765625" style="11" customWidth="1"/>
    <col min="127" max="127" width="1.59765625" style="11" customWidth="1"/>
    <col min="128" max="129" width="12.59765625" style="11" customWidth="1"/>
    <col min="130" max="131" width="1.59765625" style="11" customWidth="1"/>
    <col min="132" max="132" width="5.3984375" style="14" customWidth="1"/>
    <col min="133" max="133" width="8.59765625" style="22" customWidth="1"/>
    <col min="134" max="134" width="5.59765625" style="14" hidden="1" customWidth="1"/>
    <col min="135" max="135" width="5.59765625" style="14" customWidth="1"/>
    <col min="136" max="136" width="5.59765625" style="14" hidden="1" customWidth="1"/>
    <col min="137" max="137" width="5.59765625" style="14" customWidth="1"/>
    <col min="138" max="138" width="19.59765625" style="11" customWidth="1"/>
    <col min="139" max="139" width="6.59765625" style="11" customWidth="1"/>
    <col min="140" max="140" width="1.59765625" style="11" customWidth="1"/>
    <col min="141" max="142" width="12.59765625" style="11" customWidth="1"/>
    <col min="143" max="144" width="1.59765625" style="11" customWidth="1"/>
    <col min="145" max="145" width="5.3984375" style="14" customWidth="1"/>
    <col min="146" max="146" width="8.59765625" style="22" customWidth="1"/>
    <col min="147" max="147" width="5.59765625" style="14" hidden="1" customWidth="1"/>
    <col min="148" max="148" width="5.59765625" style="14" customWidth="1"/>
    <col min="149" max="149" width="5.59765625" style="14" hidden="1" customWidth="1"/>
    <col min="150" max="150" width="5.59765625" style="14" customWidth="1"/>
    <col min="151" max="151" width="19.59765625" style="11" customWidth="1"/>
    <col min="152" max="152" width="6.59765625" style="11" customWidth="1"/>
    <col min="153" max="153" width="1.59765625" style="11" customWidth="1"/>
    <col min="154" max="155" width="12.59765625" style="11" customWidth="1"/>
    <col min="156" max="157" width="1.59765625" style="11" customWidth="1"/>
    <col min="158" max="158" width="5.3984375" style="14" customWidth="1"/>
    <col min="159" max="159" width="8.59765625" style="22" customWidth="1"/>
    <col min="160" max="160" width="5.59765625" style="14" hidden="1" customWidth="1"/>
    <col min="161" max="161" width="5.59765625" style="14" customWidth="1"/>
    <col min="162" max="162" width="5.59765625" style="14" hidden="1" customWidth="1"/>
    <col min="163" max="163" width="5.59765625" style="14" customWidth="1"/>
    <col min="164" max="164" width="19.59765625" style="11" customWidth="1"/>
    <col min="165" max="165" width="6.59765625" style="11" customWidth="1"/>
    <col min="166" max="166" width="1.59765625" style="11" customWidth="1"/>
    <col min="167" max="168" width="12.59765625" style="11" customWidth="1"/>
    <col min="169" max="170" width="1.59765625" style="11" customWidth="1"/>
    <col min="171" max="171" width="5.3984375" style="14" customWidth="1"/>
    <col min="172" max="172" width="8.59765625" style="22" customWidth="1"/>
    <col min="173" max="173" width="5.19921875" style="14" hidden="1" customWidth="1"/>
    <col min="174" max="174" width="5.59765625" style="14" customWidth="1"/>
    <col min="175" max="175" width="5.59765625" style="14" hidden="1" customWidth="1"/>
    <col min="176" max="176" width="5.59765625" style="14" customWidth="1"/>
    <col min="177" max="177" width="19.59765625" style="11" customWidth="1"/>
    <col min="178" max="178" width="6.59765625" style="11" customWidth="1"/>
    <col min="179" max="179" width="1.59765625" style="11" customWidth="1"/>
    <col min="180" max="181" width="12.59765625" style="11" customWidth="1"/>
    <col min="182" max="183" width="1.59765625" style="11" customWidth="1"/>
    <col min="184" max="184" width="5.3984375" style="14" customWidth="1"/>
    <col min="185" max="185" width="8.59765625" style="22" customWidth="1"/>
    <col min="186" max="186" width="5.19921875" style="14" hidden="1" customWidth="1"/>
    <col min="187" max="187" width="5.59765625" style="14" customWidth="1"/>
    <col min="188" max="188" width="5.59765625" style="14" hidden="1" customWidth="1"/>
    <col min="189" max="189" width="5.59765625" style="14" customWidth="1"/>
    <col min="190" max="190" width="19.59765625" style="11" customWidth="1"/>
    <col min="191" max="191" width="6.59765625" style="11" customWidth="1"/>
    <col min="192" max="192" width="1.59765625" style="11" customWidth="1"/>
    <col min="193" max="194" width="12.59765625" style="11" customWidth="1"/>
    <col min="195" max="196" width="1.59765625" style="11" customWidth="1"/>
    <col min="197" max="197" width="5.3984375" style="14" customWidth="1"/>
    <col min="198" max="198" width="8.59765625" style="22" customWidth="1"/>
    <col min="199" max="199" width="5.19921875" style="14" hidden="1" customWidth="1"/>
    <col min="200" max="200" width="5.59765625" style="14" customWidth="1"/>
    <col min="201" max="201" width="5.59765625" style="14" hidden="1" customWidth="1"/>
    <col min="202" max="202" width="5.59765625" style="14" customWidth="1"/>
    <col min="203" max="203" width="19.59765625" style="11" customWidth="1"/>
    <col min="204" max="204" width="6.59765625" style="11" customWidth="1"/>
    <col min="205" max="205" width="1.59765625" style="11" customWidth="1"/>
    <col min="206" max="207" width="12.59765625" style="11" customWidth="1"/>
    <col min="208" max="209" width="1.59765625" style="11" customWidth="1"/>
    <col min="210" max="210" width="5.3984375" style="14" customWidth="1"/>
    <col min="211" max="211" width="8.59765625" style="22" customWidth="1"/>
    <col min="212" max="212" width="5.19921875" style="14" hidden="1" customWidth="1"/>
    <col min="213" max="213" width="5.59765625" style="14" customWidth="1"/>
    <col min="214" max="214" width="5.19921875" style="14" hidden="1" customWidth="1"/>
    <col min="215" max="215" width="5.59765625" style="14" customWidth="1"/>
    <col min="216" max="216" width="19.59765625" style="11" customWidth="1"/>
    <col min="217" max="217" width="6.59765625" style="11" customWidth="1"/>
    <col min="218" max="218" width="1.59765625" style="11" customWidth="1"/>
    <col min="219" max="220" width="12.59765625" style="11" customWidth="1"/>
    <col min="221" max="222" width="1.59765625" style="11" customWidth="1"/>
    <col min="223" max="223" width="5.3984375" style="14" customWidth="1"/>
    <col min="224" max="224" width="8" style="22" bestFit="1" customWidth="1"/>
    <col min="225" max="225" width="5.19921875" style="14" hidden="1" customWidth="1"/>
    <col min="226" max="226" width="5.59765625" style="14" customWidth="1"/>
    <col min="227" max="227" width="5.19921875" style="14" hidden="1" customWidth="1"/>
    <col min="228" max="228" width="5.59765625" style="14" customWidth="1"/>
    <col min="229" max="229" width="19.59765625" style="11" customWidth="1"/>
    <col min="230" max="230" width="6.59765625" style="11" customWidth="1"/>
    <col min="231" max="231" width="1.59765625" style="11" customWidth="1"/>
    <col min="232" max="233" width="12.59765625" style="11" customWidth="1"/>
    <col min="234" max="235" width="1.59765625" style="11" customWidth="1"/>
    <col min="236" max="236" width="5.3984375" style="14" customWidth="1"/>
    <col min="237" max="237" width="8.59765625" style="22" customWidth="1"/>
    <col min="238" max="238" width="5.19921875" style="14" hidden="1" customWidth="1"/>
    <col min="239" max="239" width="5.59765625" style="14" customWidth="1"/>
    <col min="240" max="240" width="5.59765625" style="14" hidden="1" customWidth="1"/>
    <col min="241" max="241" width="5.59765625" style="14" customWidth="1"/>
    <col min="242" max="242" width="19.59765625" style="11" customWidth="1"/>
    <col min="243" max="243" width="6.59765625" style="11" customWidth="1"/>
    <col min="244" max="244" width="1.59765625" style="11" customWidth="1"/>
    <col min="245" max="246" width="12.59765625" style="11" customWidth="1"/>
    <col min="247" max="248" width="1.59765625" style="11" customWidth="1"/>
    <col min="249" max="249" width="5.3984375" style="14" customWidth="1"/>
    <col min="250" max="250" width="8.59765625" style="22" customWidth="1"/>
    <col min="251" max="251" width="5.19921875" style="14" hidden="1" customWidth="1"/>
    <col min="252" max="252" width="5.59765625" style="14" customWidth="1"/>
    <col min="253" max="253" width="5.59765625" style="14" hidden="1" customWidth="1"/>
    <col min="254" max="254" width="5.59765625" style="14" customWidth="1"/>
    <col min="255" max="255" width="19.59765625" style="11" customWidth="1"/>
    <col min="256" max="256" width="6.59765625" style="11" customWidth="1"/>
    <col min="257" max="257" width="1.59765625" style="11" customWidth="1"/>
    <col min="258" max="259" width="12.59765625" style="11" customWidth="1"/>
    <col min="260" max="261" width="1.59765625" style="11" customWidth="1"/>
    <col min="262" max="262" width="5.3984375" style="14" customWidth="1"/>
    <col min="263" max="263" width="8.59765625" style="22" customWidth="1"/>
    <col min="264" max="264" width="5.19921875" style="14" hidden="1" customWidth="1"/>
    <col min="265" max="265" width="5.59765625" style="14" customWidth="1"/>
    <col min="266" max="266" width="5.59765625" style="14" hidden="1" customWidth="1"/>
    <col min="267" max="267" width="5.59765625" style="14" customWidth="1"/>
    <col min="268" max="268" width="19.59765625" style="11" customWidth="1"/>
    <col min="269" max="269" width="6.59765625" style="11" customWidth="1"/>
    <col min="270" max="270" width="1.59765625" style="11" customWidth="1"/>
    <col min="271" max="272" width="12.59765625" style="11" customWidth="1"/>
    <col min="273" max="274" width="1.59765625" style="11" customWidth="1"/>
    <col min="275" max="275" width="5.3984375" style="14" customWidth="1"/>
    <col min="276" max="276" width="8.59765625" style="22" customWidth="1"/>
    <col min="277" max="277" width="5.19921875" style="14" hidden="1" customWidth="1"/>
    <col min="278" max="278" width="5.59765625" style="14" customWidth="1"/>
    <col min="279" max="279" width="5.59765625" style="14" hidden="1" customWidth="1"/>
    <col min="280" max="280" width="5.59765625" style="14" customWidth="1"/>
    <col min="281" max="281" width="19.59765625" style="11" customWidth="1"/>
    <col min="282" max="282" width="6.59765625" style="11" customWidth="1"/>
    <col min="283" max="283" width="1.59765625" style="11" customWidth="1"/>
    <col min="284" max="285" width="12.59765625" style="11" customWidth="1"/>
    <col min="286" max="287" width="1.59765625" style="11" customWidth="1"/>
    <col min="288" max="288" width="5.3984375" style="14" customWidth="1"/>
    <col min="289" max="289" width="8.59765625" style="22" customWidth="1"/>
    <col min="290" max="290" width="5.19921875" style="14" hidden="1" customWidth="1"/>
    <col min="291" max="291" width="5.59765625" style="14" customWidth="1"/>
    <col min="292" max="292" width="5.59765625" style="14" hidden="1" customWidth="1"/>
    <col min="293" max="293" width="5.59765625" style="14" customWidth="1"/>
    <col min="294" max="294" width="19.59765625" style="11" customWidth="1"/>
    <col min="295" max="295" width="6.59765625" style="11" customWidth="1"/>
    <col min="296" max="296" width="1.59765625" style="11" customWidth="1"/>
    <col min="297" max="298" width="12.59765625" style="11" customWidth="1"/>
    <col min="299" max="300" width="1.59765625" style="11" customWidth="1"/>
    <col min="301" max="301" width="5.3984375" style="14" customWidth="1"/>
    <col min="302" max="302" width="8.59765625" style="22" customWidth="1"/>
    <col min="303" max="303" width="5.59765625" style="14" hidden="1" customWidth="1"/>
    <col min="304" max="304" width="5.59765625" style="14" customWidth="1"/>
    <col min="305" max="305" width="5.59765625" style="14" hidden="1" customWidth="1"/>
    <col min="306" max="306" width="5.59765625" style="14" customWidth="1"/>
    <col min="307" max="307" width="19.59765625" style="11" customWidth="1"/>
    <col min="308" max="308" width="6.59765625" style="11" customWidth="1"/>
    <col min="309" max="309" width="1.59765625" style="11" customWidth="1"/>
    <col min="310" max="311" width="12.59765625" style="11" customWidth="1"/>
    <col min="312" max="313" width="1.59765625" style="11" customWidth="1"/>
    <col min="314" max="314" width="5.3984375" style="14" customWidth="1"/>
    <col min="315" max="315" width="8.59765625" style="22" customWidth="1"/>
    <col min="316" max="316" width="5.59765625" style="14" hidden="1" customWidth="1"/>
    <col min="317" max="317" width="5.59765625" style="14" customWidth="1"/>
    <col min="318" max="318" width="5.59765625" style="14" hidden="1" customWidth="1"/>
    <col min="319" max="319" width="5.59765625" style="14" customWidth="1"/>
    <col min="320" max="320" width="19.59765625" style="11" customWidth="1"/>
    <col min="321" max="321" width="6.59765625" style="11" customWidth="1"/>
    <col min="322" max="322" width="1.59765625" style="11" customWidth="1"/>
    <col min="323" max="324" width="12.59765625" style="11" customWidth="1"/>
    <col min="325" max="326" width="1.59765625" style="11" customWidth="1"/>
    <col min="327" max="327" width="5.3984375" style="14" customWidth="1"/>
    <col min="328" max="328" width="8.59765625" style="22" customWidth="1"/>
    <col min="329" max="329" width="5.59765625" style="14" hidden="1" customWidth="1"/>
    <col min="330" max="330" width="5.59765625" style="14" customWidth="1"/>
    <col min="331" max="331" width="5.59765625" style="14" hidden="1" customWidth="1"/>
    <col min="332" max="332" width="5.59765625" style="14" customWidth="1"/>
    <col min="333" max="333" width="19.59765625" style="11" customWidth="1"/>
    <col min="334" max="334" width="6.59765625" style="11" customWidth="1"/>
    <col min="335" max="335" width="1.59765625" style="11" customWidth="1"/>
    <col min="336" max="337" width="12.59765625" style="11" customWidth="1"/>
    <col min="338" max="339" width="1.59765625" style="11" customWidth="1"/>
    <col min="340" max="340" width="5.3984375" style="14" customWidth="1"/>
    <col min="341" max="341" width="8.59765625" style="22" customWidth="1"/>
    <col min="342" max="342" width="5.59765625" style="14" hidden="1" customWidth="1"/>
    <col min="343" max="343" width="5.59765625" style="14" customWidth="1"/>
    <col min="344" max="344" width="5.59765625" style="14" hidden="1" customWidth="1"/>
    <col min="345" max="345" width="5.59765625" style="14" customWidth="1"/>
    <col min="346" max="346" width="19.59765625" style="11" customWidth="1"/>
    <col min="347" max="347" width="6.59765625" style="11" customWidth="1"/>
    <col min="348" max="348" width="1.59765625" style="11" customWidth="1"/>
    <col min="349" max="350" width="12.59765625" style="11" customWidth="1"/>
    <col min="351" max="352" width="1.59765625" style="11" customWidth="1"/>
    <col min="353" max="353" width="5.3984375" style="14" customWidth="1"/>
    <col min="354" max="354" width="8.59765625" style="22" customWidth="1"/>
    <col min="355" max="355" width="5.59765625" style="14" hidden="1" customWidth="1"/>
    <col min="356" max="356" width="5.59765625" style="14" customWidth="1"/>
    <col min="357" max="357" width="5.59765625" style="14" hidden="1" customWidth="1"/>
    <col min="358" max="358" width="5.59765625" style="14" customWidth="1"/>
    <col min="359" max="359" width="19.59765625" style="11" customWidth="1"/>
    <col min="360" max="360" width="6.59765625" style="11" customWidth="1"/>
    <col min="361" max="361" width="1.59765625" style="11" customWidth="1"/>
    <col min="362" max="363" width="12.59765625" style="11" customWidth="1"/>
    <col min="364" max="365" width="1.59765625" style="11" customWidth="1"/>
    <col min="366" max="366" width="5.3984375" style="14" customWidth="1"/>
    <col min="367" max="367" width="8.59765625" style="22" customWidth="1"/>
    <col min="368" max="368" width="5.59765625" style="14" hidden="1" customWidth="1"/>
    <col min="369" max="369" width="5.59765625" style="14" customWidth="1"/>
    <col min="370" max="370" width="5.59765625" style="14" hidden="1" customWidth="1"/>
    <col min="371" max="371" width="5.59765625" style="14" customWidth="1"/>
    <col min="372" max="372" width="19.59765625" style="11" customWidth="1"/>
    <col min="373" max="373" width="6.59765625" style="11" customWidth="1"/>
    <col min="374" max="374" width="1.59765625" style="11" customWidth="1"/>
    <col min="375" max="376" width="12.59765625" style="11" customWidth="1"/>
    <col min="377" max="378" width="1.59765625" style="11" customWidth="1"/>
    <col min="379" max="379" width="5.3984375" style="14" customWidth="1"/>
    <col min="380" max="380" width="8.59765625" style="22" customWidth="1"/>
    <col min="381" max="381" width="5.59765625" style="14" hidden="1" customWidth="1"/>
    <col min="382" max="382" width="5.59765625" style="14" customWidth="1"/>
    <col min="383" max="383" width="5.59765625" style="14" hidden="1" customWidth="1"/>
    <col min="384" max="384" width="5.59765625" style="14" customWidth="1"/>
    <col min="385" max="385" width="19.59765625" style="11" customWidth="1"/>
    <col min="386" max="386" width="6.59765625" style="11" customWidth="1"/>
    <col min="387" max="387" width="1.59765625" style="11" customWidth="1"/>
    <col min="388" max="389" width="12.59765625" style="11" customWidth="1"/>
    <col min="390" max="391" width="1.59765625" style="11" customWidth="1"/>
    <col min="392" max="392" width="5.3984375" style="14" customWidth="1"/>
    <col min="393" max="393" width="8.59765625" style="22" customWidth="1"/>
    <col min="394" max="394" width="5.59765625" style="14" hidden="1" customWidth="1"/>
    <col min="395" max="395" width="5.59765625" style="14" customWidth="1"/>
    <col min="396" max="396" width="5.59765625" style="14" hidden="1" customWidth="1"/>
    <col min="397" max="397" width="5.59765625" style="14" customWidth="1"/>
    <col min="398" max="398" width="19.59765625" style="11" customWidth="1"/>
    <col min="399" max="399" width="6.59765625" style="11" customWidth="1"/>
    <col min="400" max="400" width="1.59765625" style="11" customWidth="1"/>
    <col min="401" max="402" width="12.59765625" style="11" customWidth="1"/>
    <col min="403" max="404" width="1.59765625" style="11" customWidth="1"/>
    <col min="405" max="405" width="5.3984375" style="14" customWidth="1"/>
    <col min="406" max="406" width="8.59765625" style="22" customWidth="1"/>
    <col min="407" max="407" width="5.59765625" style="14" hidden="1" customWidth="1"/>
    <col min="408" max="408" width="5.59765625" style="14" customWidth="1"/>
    <col min="409" max="409" width="5.59765625" style="14" hidden="1" customWidth="1"/>
    <col min="410" max="410" width="5.59765625" style="14" customWidth="1"/>
    <col min="411" max="411" width="19.59765625" style="11" customWidth="1"/>
    <col min="412" max="412" width="6.59765625" style="11" customWidth="1"/>
    <col min="413" max="413" width="1.59765625" style="11" customWidth="1"/>
    <col min="414" max="415" width="12.59765625" style="11" customWidth="1"/>
    <col min="416" max="417" width="1.59765625" style="11" customWidth="1"/>
    <col min="418" max="418" width="5.3984375" style="14" customWidth="1"/>
    <col min="419" max="419" width="8.59765625" style="22" customWidth="1"/>
    <col min="420" max="420" width="5.59765625" style="14" hidden="1" customWidth="1"/>
    <col min="421" max="421" width="5.59765625" style="14" customWidth="1"/>
    <col min="422" max="422" width="5.59765625" style="14" hidden="1" customWidth="1"/>
    <col min="423" max="423" width="5.59765625" style="14" customWidth="1"/>
    <col min="424" max="424" width="19.59765625" style="11" customWidth="1"/>
    <col min="425" max="425" width="6.59765625" style="11" customWidth="1"/>
    <col min="426" max="426" width="1.59765625" style="11" customWidth="1"/>
    <col min="427" max="428" width="12.59765625" style="11" customWidth="1"/>
    <col min="429" max="430" width="1.59765625" style="11" customWidth="1"/>
    <col min="431" max="431" width="5.3984375" style="14" customWidth="1"/>
    <col min="432" max="432" width="8.59765625" style="22" customWidth="1"/>
    <col min="433" max="433" width="5.59765625" style="14" hidden="1" customWidth="1"/>
    <col min="434" max="434" width="5.59765625" style="14" customWidth="1"/>
    <col min="435" max="435" width="5.59765625" style="14" hidden="1" customWidth="1"/>
    <col min="436" max="436" width="5.59765625" style="14" customWidth="1"/>
    <col min="437" max="437" width="19.59765625" style="11" customWidth="1"/>
    <col min="438" max="438" width="6.59765625" style="11" customWidth="1"/>
    <col min="439" max="439" width="1.59765625" style="11" customWidth="1"/>
    <col min="440" max="441" width="12.59765625" style="11" customWidth="1"/>
    <col min="442" max="443" width="1.59765625" style="11" customWidth="1"/>
    <col min="444" max="444" width="5.3984375" style="14" customWidth="1"/>
    <col min="445" max="445" width="8.59765625" style="22" customWidth="1"/>
    <col min="446" max="446" width="5.59765625" style="14" hidden="1" customWidth="1"/>
    <col min="447" max="447" width="5.59765625" style="14" customWidth="1"/>
    <col min="448" max="448" width="5.59765625" style="14" hidden="1" customWidth="1"/>
    <col min="449" max="449" width="5.59765625" style="14" customWidth="1"/>
    <col min="450" max="450" width="19.59765625" style="11" customWidth="1"/>
    <col min="451" max="451" width="6.59765625" style="11" customWidth="1"/>
    <col min="452" max="452" width="1.59765625" style="11" customWidth="1"/>
    <col min="453" max="454" width="12.59765625" style="11" customWidth="1"/>
    <col min="455" max="456" width="1.59765625" style="11" customWidth="1"/>
    <col min="457" max="457" width="5.3984375" style="14" customWidth="1"/>
    <col min="458" max="458" width="8.59765625" style="22" customWidth="1"/>
    <col min="459" max="459" width="5.59765625" style="14" hidden="1" customWidth="1"/>
    <col min="460" max="460" width="5.59765625" style="14" customWidth="1"/>
    <col min="461" max="461" width="5.59765625" style="14" hidden="1" customWidth="1"/>
    <col min="462" max="462" width="5.59765625" style="14" customWidth="1"/>
    <col min="463" max="463" width="19.59765625" style="11" customWidth="1"/>
    <col min="464" max="464" width="6.59765625" style="11" customWidth="1"/>
    <col min="465" max="465" width="1.59765625" style="11" customWidth="1"/>
    <col min="466" max="467" width="12.59765625" style="11" customWidth="1"/>
    <col min="468" max="469" width="1.59765625" style="11" customWidth="1"/>
    <col min="470" max="470" width="5.3984375" style="14" customWidth="1"/>
    <col min="471" max="471" width="8.59765625" style="22" customWidth="1"/>
    <col min="472" max="472" width="5.59765625" style="14" hidden="1" customWidth="1"/>
    <col min="473" max="473" width="5.59765625" style="14" customWidth="1"/>
    <col min="474" max="474" width="5.59765625" style="14" hidden="1" customWidth="1"/>
    <col min="475" max="475" width="5.59765625" style="14" customWidth="1"/>
    <col min="476" max="476" width="19.59765625" style="11" customWidth="1"/>
    <col min="477" max="477" width="6.59765625" style="11" customWidth="1"/>
    <col min="478" max="478" width="1.59765625" style="11" customWidth="1"/>
    <col min="479" max="480" width="12.59765625" style="11" customWidth="1"/>
    <col min="481" max="482" width="1.59765625" style="11" customWidth="1"/>
    <col min="483" max="483" width="5.3984375" style="14" customWidth="1"/>
    <col min="484" max="484" width="8.59765625" style="22" customWidth="1"/>
    <col min="485" max="485" width="5.59765625" style="14" hidden="1" customWidth="1"/>
    <col min="486" max="486" width="5.59765625" style="14" customWidth="1"/>
    <col min="487" max="487" width="5.59765625" style="14" hidden="1" customWidth="1"/>
    <col min="488" max="488" width="5.59765625" style="14" customWidth="1"/>
    <col min="489" max="489" width="19.59765625" style="11" customWidth="1"/>
    <col min="490" max="490" width="6.59765625" style="11" customWidth="1"/>
    <col min="491" max="491" width="1.59765625" style="11" customWidth="1"/>
    <col min="492" max="493" width="12.59765625" style="11" customWidth="1"/>
    <col min="494" max="495" width="1.59765625" style="11" customWidth="1"/>
    <col min="496" max="496" width="5.3984375" style="14" customWidth="1"/>
    <col min="497" max="497" width="8.59765625" style="22" customWidth="1"/>
    <col min="498" max="498" width="5.59765625" style="14" hidden="1" customWidth="1"/>
    <col min="499" max="499" width="5.59765625" style="14" customWidth="1"/>
    <col min="500" max="500" width="5.69921875" style="14" hidden="1" customWidth="1"/>
    <col min="501" max="501" width="5.59765625" style="14" customWidth="1"/>
    <col min="502" max="502" width="19.59765625" style="11" customWidth="1"/>
    <col min="503" max="503" width="6.59765625" style="11" customWidth="1"/>
    <col min="504" max="504" width="1.59765625" style="11" customWidth="1"/>
    <col min="505" max="506" width="12.59765625" style="11" customWidth="1"/>
    <col min="507" max="507" width="1.59765625" style="11" customWidth="1"/>
  </cols>
  <sheetData>
    <row r="1" spans="1:507" s="52" customFormat="1" ht="30.6" customHeight="1">
      <c r="A1" s="49"/>
      <c r="B1" s="137" t="s">
        <v>158</v>
      </c>
      <c r="C1" s="137"/>
      <c r="D1" s="137"/>
      <c r="E1" s="137"/>
      <c r="F1" s="137"/>
      <c r="G1" s="137"/>
      <c r="H1" s="137"/>
      <c r="I1" s="137"/>
      <c r="J1" s="137"/>
      <c r="K1" s="137"/>
      <c r="L1" s="50" t="s">
        <v>57</v>
      </c>
      <c r="M1" s="51"/>
      <c r="N1" s="49"/>
      <c r="O1" s="137" t="str">
        <f>B1</f>
        <v>現場閉所（現場休息）実績報告書</v>
      </c>
      <c r="P1" s="137"/>
      <c r="Q1" s="137"/>
      <c r="R1" s="137"/>
      <c r="S1" s="137"/>
      <c r="T1" s="137"/>
      <c r="U1" s="137"/>
      <c r="V1" s="137"/>
      <c r="W1" s="137"/>
      <c r="X1" s="137"/>
      <c r="Y1" s="50" t="s">
        <v>57</v>
      </c>
      <c r="Z1" s="51"/>
      <c r="AA1" s="49"/>
      <c r="AB1" s="137" t="str">
        <f>O1</f>
        <v>現場閉所（現場休息）実績報告書</v>
      </c>
      <c r="AC1" s="137"/>
      <c r="AD1" s="137"/>
      <c r="AE1" s="137"/>
      <c r="AF1" s="137"/>
      <c r="AG1" s="137"/>
      <c r="AH1" s="137"/>
      <c r="AI1" s="137"/>
      <c r="AJ1" s="137"/>
      <c r="AK1" s="137"/>
      <c r="AL1" s="50" t="s">
        <v>57</v>
      </c>
      <c r="AM1" s="51"/>
      <c r="AN1" s="49"/>
      <c r="AO1" s="137" t="str">
        <f>AB1</f>
        <v>現場閉所（現場休息）実績報告書</v>
      </c>
      <c r="AP1" s="137"/>
      <c r="AQ1" s="137"/>
      <c r="AR1" s="137"/>
      <c r="AS1" s="137"/>
      <c r="AT1" s="137"/>
      <c r="AU1" s="137"/>
      <c r="AV1" s="137"/>
      <c r="AW1" s="137"/>
      <c r="AX1" s="137"/>
      <c r="AY1" s="50" t="s">
        <v>57</v>
      </c>
      <c r="AZ1" s="51"/>
      <c r="BA1" s="49"/>
      <c r="BB1" s="137" t="str">
        <f>AO1</f>
        <v>現場閉所（現場休息）実績報告書</v>
      </c>
      <c r="BC1" s="137"/>
      <c r="BD1" s="137"/>
      <c r="BE1" s="137"/>
      <c r="BF1" s="137"/>
      <c r="BG1" s="137"/>
      <c r="BH1" s="137"/>
      <c r="BI1" s="137"/>
      <c r="BJ1" s="137"/>
      <c r="BK1" s="137"/>
      <c r="BL1" s="50" t="s">
        <v>94</v>
      </c>
      <c r="BM1" s="51"/>
      <c r="BN1" s="49"/>
      <c r="BO1" s="137" t="str">
        <f>BB1</f>
        <v>現場閉所（現場休息）実績報告書</v>
      </c>
      <c r="BP1" s="137"/>
      <c r="BQ1" s="137"/>
      <c r="BR1" s="137"/>
      <c r="BS1" s="137"/>
      <c r="BT1" s="137"/>
      <c r="BU1" s="137"/>
      <c r="BV1" s="137"/>
      <c r="BW1" s="137"/>
      <c r="BX1" s="137"/>
      <c r="BY1" s="50" t="s">
        <v>94</v>
      </c>
      <c r="BZ1" s="51"/>
      <c r="CA1" s="49"/>
      <c r="CB1" s="137" t="str">
        <f>BO1</f>
        <v>現場閉所（現場休息）実績報告書</v>
      </c>
      <c r="CC1" s="137"/>
      <c r="CD1" s="137"/>
      <c r="CE1" s="137"/>
      <c r="CF1" s="137"/>
      <c r="CG1" s="137"/>
      <c r="CH1" s="137"/>
      <c r="CI1" s="137"/>
      <c r="CJ1" s="137"/>
      <c r="CK1" s="137"/>
      <c r="CL1" s="50" t="s">
        <v>94</v>
      </c>
      <c r="CM1" s="51"/>
      <c r="CN1" s="49"/>
      <c r="CO1" s="137" t="str">
        <f>CB1</f>
        <v>現場閉所（現場休息）実績報告書</v>
      </c>
      <c r="CP1" s="137"/>
      <c r="CQ1" s="137"/>
      <c r="CR1" s="137"/>
      <c r="CS1" s="137"/>
      <c r="CT1" s="137"/>
      <c r="CU1" s="137"/>
      <c r="CV1" s="137"/>
      <c r="CW1" s="137"/>
      <c r="CX1" s="137"/>
      <c r="CY1" s="50" t="s">
        <v>94</v>
      </c>
      <c r="CZ1" s="51"/>
      <c r="DA1" s="49"/>
      <c r="DB1" s="137" t="str">
        <f>CO1</f>
        <v>現場閉所（現場休息）実績報告書</v>
      </c>
      <c r="DC1" s="137"/>
      <c r="DD1" s="137"/>
      <c r="DE1" s="137"/>
      <c r="DF1" s="137"/>
      <c r="DG1" s="137"/>
      <c r="DH1" s="137"/>
      <c r="DI1" s="137"/>
      <c r="DJ1" s="137"/>
      <c r="DK1" s="137"/>
      <c r="DL1" s="50" t="s">
        <v>94</v>
      </c>
      <c r="DM1" s="51"/>
      <c r="DN1" s="49"/>
      <c r="DO1" s="137" t="str">
        <f>DB1</f>
        <v>現場閉所（現場休息）実績報告書</v>
      </c>
      <c r="DP1" s="137"/>
      <c r="DQ1" s="137"/>
      <c r="DR1" s="137"/>
      <c r="DS1" s="137"/>
      <c r="DT1" s="137"/>
      <c r="DU1" s="137"/>
      <c r="DV1" s="137"/>
      <c r="DW1" s="137"/>
      <c r="DX1" s="137"/>
      <c r="DY1" s="50" t="s">
        <v>94</v>
      </c>
      <c r="DZ1" s="51"/>
      <c r="EA1" s="49"/>
      <c r="EB1" s="137" t="str">
        <f>DO1</f>
        <v>現場閉所（現場休息）実績報告書</v>
      </c>
      <c r="EC1" s="137"/>
      <c r="ED1" s="137"/>
      <c r="EE1" s="137"/>
      <c r="EF1" s="137"/>
      <c r="EG1" s="137"/>
      <c r="EH1" s="137"/>
      <c r="EI1" s="137"/>
      <c r="EJ1" s="137"/>
      <c r="EK1" s="137"/>
      <c r="EL1" s="50" t="s">
        <v>94</v>
      </c>
      <c r="EM1" s="51"/>
      <c r="EN1" s="49"/>
      <c r="EO1" s="137" t="str">
        <f>EB1</f>
        <v>現場閉所（現場休息）実績報告書</v>
      </c>
      <c r="EP1" s="137"/>
      <c r="EQ1" s="137"/>
      <c r="ER1" s="137"/>
      <c r="ES1" s="137"/>
      <c r="ET1" s="137"/>
      <c r="EU1" s="137"/>
      <c r="EV1" s="137"/>
      <c r="EW1" s="137"/>
      <c r="EX1" s="137"/>
      <c r="EY1" s="50" t="s">
        <v>94</v>
      </c>
      <c r="EZ1" s="51"/>
      <c r="FA1" s="49"/>
      <c r="FB1" s="137" t="str">
        <f>EO1</f>
        <v>現場閉所（現場休息）実績報告書</v>
      </c>
      <c r="FC1" s="137"/>
      <c r="FD1" s="137"/>
      <c r="FE1" s="137"/>
      <c r="FF1" s="137"/>
      <c r="FG1" s="137"/>
      <c r="FH1" s="137"/>
      <c r="FI1" s="137"/>
      <c r="FJ1" s="137"/>
      <c r="FK1" s="137"/>
      <c r="FL1" s="50" t="s">
        <v>94</v>
      </c>
      <c r="FM1" s="51"/>
      <c r="FN1" s="49"/>
      <c r="FO1" s="137" t="str">
        <f>FB1</f>
        <v>現場閉所（現場休息）実績報告書</v>
      </c>
      <c r="FP1" s="137"/>
      <c r="FQ1" s="137"/>
      <c r="FR1" s="137"/>
      <c r="FS1" s="137"/>
      <c r="FT1" s="137"/>
      <c r="FU1" s="137"/>
      <c r="FV1" s="137"/>
      <c r="FW1" s="137"/>
      <c r="FX1" s="137"/>
      <c r="FY1" s="50" t="s">
        <v>94</v>
      </c>
      <c r="FZ1" s="51"/>
      <c r="GA1" s="49"/>
      <c r="GB1" s="137" t="str">
        <f>FO1</f>
        <v>現場閉所（現場休息）実績報告書</v>
      </c>
      <c r="GC1" s="137"/>
      <c r="GD1" s="137"/>
      <c r="GE1" s="137"/>
      <c r="GF1" s="137"/>
      <c r="GG1" s="137"/>
      <c r="GH1" s="137"/>
      <c r="GI1" s="137"/>
      <c r="GJ1" s="137"/>
      <c r="GK1" s="137"/>
      <c r="GL1" s="50" t="s">
        <v>94</v>
      </c>
      <c r="GM1" s="51"/>
      <c r="GN1" s="49"/>
      <c r="GO1" s="137" t="str">
        <f>GB1</f>
        <v>現場閉所（現場休息）実績報告書</v>
      </c>
      <c r="GP1" s="137"/>
      <c r="GQ1" s="137"/>
      <c r="GR1" s="137"/>
      <c r="GS1" s="137"/>
      <c r="GT1" s="137"/>
      <c r="GU1" s="137"/>
      <c r="GV1" s="137"/>
      <c r="GW1" s="137"/>
      <c r="GX1" s="137"/>
      <c r="GY1" s="50" t="s">
        <v>94</v>
      </c>
      <c r="GZ1" s="51"/>
      <c r="HA1" s="49"/>
      <c r="HB1" s="137" t="str">
        <f>GO1</f>
        <v>現場閉所（現場休息）実績報告書</v>
      </c>
      <c r="HC1" s="137"/>
      <c r="HD1" s="137"/>
      <c r="HE1" s="137"/>
      <c r="HF1" s="137"/>
      <c r="HG1" s="137"/>
      <c r="HH1" s="137"/>
      <c r="HI1" s="137"/>
      <c r="HJ1" s="137"/>
      <c r="HK1" s="137"/>
      <c r="HL1" s="50" t="s">
        <v>94</v>
      </c>
      <c r="HM1" s="51"/>
      <c r="HN1" s="49"/>
      <c r="HO1" s="137" t="str">
        <f>HB1</f>
        <v>現場閉所（現場休息）実績報告書</v>
      </c>
      <c r="HP1" s="137"/>
      <c r="HQ1" s="137"/>
      <c r="HR1" s="137"/>
      <c r="HS1" s="137"/>
      <c r="HT1" s="137"/>
      <c r="HU1" s="137"/>
      <c r="HV1" s="137"/>
      <c r="HW1" s="137"/>
      <c r="HX1" s="137"/>
      <c r="HY1" s="50" t="s">
        <v>94</v>
      </c>
      <c r="HZ1" s="51"/>
      <c r="IA1" s="49"/>
      <c r="IB1" s="137" t="str">
        <f>HO1</f>
        <v>現場閉所（現場休息）実績報告書</v>
      </c>
      <c r="IC1" s="137"/>
      <c r="ID1" s="137"/>
      <c r="IE1" s="137"/>
      <c r="IF1" s="137"/>
      <c r="IG1" s="137"/>
      <c r="IH1" s="137"/>
      <c r="II1" s="137"/>
      <c r="IJ1" s="137"/>
      <c r="IK1" s="137"/>
      <c r="IL1" s="50" t="s">
        <v>94</v>
      </c>
      <c r="IM1" s="51"/>
      <c r="IN1" s="49"/>
      <c r="IO1" s="137" t="str">
        <f>IB1</f>
        <v>現場閉所（現場休息）実績報告書</v>
      </c>
      <c r="IP1" s="137"/>
      <c r="IQ1" s="137"/>
      <c r="IR1" s="137"/>
      <c r="IS1" s="137"/>
      <c r="IT1" s="137"/>
      <c r="IU1" s="137"/>
      <c r="IV1" s="137"/>
      <c r="IW1" s="137"/>
      <c r="IX1" s="137"/>
      <c r="IY1" s="50" t="s">
        <v>94</v>
      </c>
      <c r="IZ1" s="51"/>
      <c r="JA1" s="49"/>
      <c r="JB1" s="137" t="str">
        <f>IO1</f>
        <v>現場閉所（現場休息）実績報告書</v>
      </c>
      <c r="JC1" s="137"/>
      <c r="JD1" s="137"/>
      <c r="JE1" s="137"/>
      <c r="JF1" s="137"/>
      <c r="JG1" s="137"/>
      <c r="JH1" s="137"/>
      <c r="JI1" s="137"/>
      <c r="JJ1" s="137"/>
      <c r="JK1" s="137"/>
      <c r="JL1" s="50" t="s">
        <v>94</v>
      </c>
      <c r="JM1" s="51"/>
      <c r="JN1" s="49"/>
      <c r="JO1" s="137" t="str">
        <f>JB1</f>
        <v>現場閉所（現場休息）実績報告書</v>
      </c>
      <c r="JP1" s="137"/>
      <c r="JQ1" s="137"/>
      <c r="JR1" s="137"/>
      <c r="JS1" s="137"/>
      <c r="JT1" s="137"/>
      <c r="JU1" s="137"/>
      <c r="JV1" s="137"/>
      <c r="JW1" s="137"/>
      <c r="JX1" s="137"/>
      <c r="JY1" s="50" t="s">
        <v>94</v>
      </c>
      <c r="JZ1" s="51"/>
      <c r="KA1" s="49"/>
      <c r="KB1" s="137" t="str">
        <f>JO1</f>
        <v>現場閉所（現場休息）実績報告書</v>
      </c>
      <c r="KC1" s="137"/>
      <c r="KD1" s="137"/>
      <c r="KE1" s="137"/>
      <c r="KF1" s="137"/>
      <c r="KG1" s="137"/>
      <c r="KH1" s="137"/>
      <c r="KI1" s="137"/>
      <c r="KJ1" s="137"/>
      <c r="KK1" s="137"/>
      <c r="KL1" s="50" t="s">
        <v>94</v>
      </c>
      <c r="KM1" s="51"/>
      <c r="KN1" s="49"/>
      <c r="KO1" s="137" t="str">
        <f>KB1</f>
        <v>現場閉所（現場休息）実績報告書</v>
      </c>
      <c r="KP1" s="137"/>
      <c r="KQ1" s="137"/>
      <c r="KR1" s="137"/>
      <c r="KS1" s="137"/>
      <c r="KT1" s="137"/>
      <c r="KU1" s="137"/>
      <c r="KV1" s="137"/>
      <c r="KW1" s="137"/>
      <c r="KX1" s="137"/>
      <c r="KY1" s="50" t="s">
        <v>94</v>
      </c>
      <c r="KZ1" s="51"/>
      <c r="LA1" s="49"/>
      <c r="LB1" s="137" t="str">
        <f>KO1</f>
        <v>現場閉所（現場休息）実績報告書</v>
      </c>
      <c r="LC1" s="137"/>
      <c r="LD1" s="137"/>
      <c r="LE1" s="137"/>
      <c r="LF1" s="137"/>
      <c r="LG1" s="137"/>
      <c r="LH1" s="137"/>
      <c r="LI1" s="137"/>
      <c r="LJ1" s="137"/>
      <c r="LK1" s="137"/>
      <c r="LL1" s="50" t="s">
        <v>94</v>
      </c>
      <c r="LM1" s="51"/>
      <c r="LN1" s="49"/>
      <c r="LO1" s="137" t="str">
        <f>LB1</f>
        <v>現場閉所（現場休息）実績報告書</v>
      </c>
      <c r="LP1" s="137"/>
      <c r="LQ1" s="137"/>
      <c r="LR1" s="137"/>
      <c r="LS1" s="137"/>
      <c r="LT1" s="137"/>
      <c r="LU1" s="137"/>
      <c r="LV1" s="137"/>
      <c r="LW1" s="137"/>
      <c r="LX1" s="137"/>
      <c r="LY1" s="50" t="s">
        <v>94</v>
      </c>
      <c r="LZ1" s="51"/>
      <c r="MA1" s="49"/>
      <c r="MB1" s="137" t="str">
        <f>LO1</f>
        <v>現場閉所（現場休息）実績報告書</v>
      </c>
      <c r="MC1" s="137"/>
      <c r="MD1" s="137"/>
      <c r="ME1" s="137"/>
      <c r="MF1" s="137"/>
      <c r="MG1" s="137"/>
      <c r="MH1" s="137"/>
      <c r="MI1" s="137"/>
      <c r="MJ1" s="137"/>
      <c r="MK1" s="137"/>
      <c r="ML1" s="50" t="s">
        <v>94</v>
      </c>
      <c r="MM1" s="51"/>
      <c r="MN1" s="49"/>
      <c r="MO1" s="137" t="str">
        <f>MB1</f>
        <v>現場閉所（現場休息）実績報告書</v>
      </c>
      <c r="MP1" s="137"/>
      <c r="MQ1" s="137"/>
      <c r="MR1" s="137"/>
      <c r="MS1" s="137"/>
      <c r="MT1" s="137"/>
      <c r="MU1" s="137"/>
      <c r="MV1" s="137"/>
      <c r="MW1" s="137"/>
      <c r="MX1" s="137"/>
      <c r="MY1" s="50" t="s">
        <v>94</v>
      </c>
      <c r="MZ1" s="51"/>
      <c r="NA1" s="49"/>
      <c r="NB1" s="137" t="str">
        <f>MO1</f>
        <v>現場閉所（現場休息）実績報告書</v>
      </c>
      <c r="NC1" s="137"/>
      <c r="ND1" s="137"/>
      <c r="NE1" s="137"/>
      <c r="NF1" s="137"/>
      <c r="NG1" s="137"/>
      <c r="NH1" s="137"/>
      <c r="NI1" s="137"/>
      <c r="NJ1" s="137"/>
      <c r="NK1" s="137"/>
      <c r="NL1" s="50" t="s">
        <v>94</v>
      </c>
      <c r="NM1" s="51"/>
      <c r="NN1" s="49"/>
      <c r="NO1" s="137" t="str">
        <f>NB1</f>
        <v>現場閉所（現場休息）実績報告書</v>
      </c>
      <c r="NP1" s="137"/>
      <c r="NQ1" s="137"/>
      <c r="NR1" s="137"/>
      <c r="NS1" s="137"/>
      <c r="NT1" s="137"/>
      <c r="NU1" s="137"/>
      <c r="NV1" s="137"/>
      <c r="NW1" s="137"/>
      <c r="NX1" s="137"/>
      <c r="NY1" s="50" t="s">
        <v>94</v>
      </c>
      <c r="NZ1" s="51"/>
      <c r="OA1" s="49"/>
      <c r="OB1" s="137" t="str">
        <f>NO1</f>
        <v>現場閉所（現場休息）実績報告書</v>
      </c>
      <c r="OC1" s="137"/>
      <c r="OD1" s="137"/>
      <c r="OE1" s="137"/>
      <c r="OF1" s="137"/>
      <c r="OG1" s="137"/>
      <c r="OH1" s="137"/>
      <c r="OI1" s="137"/>
      <c r="OJ1" s="137"/>
      <c r="OK1" s="137"/>
      <c r="OL1" s="50" t="s">
        <v>94</v>
      </c>
      <c r="OM1" s="51"/>
      <c r="ON1" s="49"/>
      <c r="OO1" s="137" t="str">
        <f>OB1</f>
        <v>現場閉所（現場休息）実績報告書</v>
      </c>
      <c r="OP1" s="137"/>
      <c r="OQ1" s="137"/>
      <c r="OR1" s="137"/>
      <c r="OS1" s="137"/>
      <c r="OT1" s="137"/>
      <c r="OU1" s="137"/>
      <c r="OV1" s="137"/>
      <c r="OW1" s="137"/>
      <c r="OX1" s="137"/>
      <c r="OY1" s="50" t="s">
        <v>94</v>
      </c>
      <c r="OZ1" s="51"/>
      <c r="PA1" s="49"/>
      <c r="PB1" s="137" t="str">
        <f>OO1</f>
        <v>現場閉所（現場休息）実績報告書</v>
      </c>
      <c r="PC1" s="137"/>
      <c r="PD1" s="137"/>
      <c r="PE1" s="137"/>
      <c r="PF1" s="137"/>
      <c r="PG1" s="137"/>
      <c r="PH1" s="137"/>
      <c r="PI1" s="137"/>
      <c r="PJ1" s="137"/>
      <c r="PK1" s="137"/>
      <c r="PL1" s="50" t="s">
        <v>94</v>
      </c>
      <c r="PM1" s="51"/>
      <c r="PN1" s="49"/>
      <c r="PO1" s="137" t="str">
        <f>PB1</f>
        <v>現場閉所（現場休息）実績報告書</v>
      </c>
      <c r="PP1" s="137"/>
      <c r="PQ1" s="137"/>
      <c r="PR1" s="137"/>
      <c r="PS1" s="137"/>
      <c r="PT1" s="137"/>
      <c r="PU1" s="137"/>
      <c r="PV1" s="137"/>
      <c r="PW1" s="137"/>
      <c r="PX1" s="137"/>
      <c r="PY1" s="50" t="s">
        <v>94</v>
      </c>
      <c r="PZ1" s="51"/>
      <c r="QA1" s="49"/>
      <c r="QB1" s="137" t="str">
        <f>PO1</f>
        <v>現場閉所（現場休息）実績報告書</v>
      </c>
      <c r="QC1" s="137"/>
      <c r="QD1" s="137"/>
      <c r="QE1" s="137"/>
      <c r="QF1" s="137"/>
      <c r="QG1" s="137"/>
      <c r="QH1" s="137"/>
      <c r="QI1" s="137"/>
      <c r="QJ1" s="137"/>
      <c r="QK1" s="137"/>
      <c r="QL1" s="50" t="s">
        <v>94</v>
      </c>
      <c r="QM1" s="51"/>
      <c r="QN1" s="49"/>
      <c r="QO1" s="137" t="str">
        <f>QB1</f>
        <v>現場閉所（現場休息）実績報告書</v>
      </c>
      <c r="QP1" s="137"/>
      <c r="QQ1" s="137"/>
      <c r="QR1" s="137"/>
      <c r="QS1" s="137"/>
      <c r="QT1" s="137"/>
      <c r="QU1" s="137"/>
      <c r="QV1" s="137"/>
      <c r="QW1" s="137"/>
      <c r="QX1" s="137"/>
      <c r="QY1" s="50" t="s">
        <v>94</v>
      </c>
      <c r="QZ1" s="51"/>
      <c r="RA1" s="49"/>
      <c r="RB1" s="137" t="str">
        <f>QO1</f>
        <v>現場閉所（現場休息）実績報告書</v>
      </c>
      <c r="RC1" s="137"/>
      <c r="RD1" s="137"/>
      <c r="RE1" s="137"/>
      <c r="RF1" s="137"/>
      <c r="RG1" s="137"/>
      <c r="RH1" s="137"/>
      <c r="RI1" s="137"/>
      <c r="RJ1" s="137"/>
      <c r="RK1" s="137"/>
      <c r="RL1" s="50" t="s">
        <v>94</v>
      </c>
      <c r="RM1" s="51"/>
      <c r="RN1" s="49"/>
      <c r="RO1" s="137" t="str">
        <f>RB1</f>
        <v>現場閉所（現場休息）実績報告書</v>
      </c>
      <c r="RP1" s="137"/>
      <c r="RQ1" s="137"/>
      <c r="RR1" s="137"/>
      <c r="RS1" s="137"/>
      <c r="RT1" s="137"/>
      <c r="RU1" s="137"/>
      <c r="RV1" s="137"/>
      <c r="RW1" s="137"/>
      <c r="RX1" s="137"/>
      <c r="RY1" s="50" t="s">
        <v>94</v>
      </c>
      <c r="RZ1" s="51"/>
      <c r="SA1" s="49"/>
      <c r="SB1" s="137" t="str">
        <f>RO1</f>
        <v>現場閉所（現場休息）実績報告書</v>
      </c>
      <c r="SC1" s="137"/>
      <c r="SD1" s="137"/>
      <c r="SE1" s="137"/>
      <c r="SF1" s="137"/>
      <c r="SG1" s="137"/>
      <c r="SH1" s="137"/>
      <c r="SI1" s="137"/>
      <c r="SJ1" s="137"/>
      <c r="SK1" s="137"/>
      <c r="SL1" s="50" t="s">
        <v>94</v>
      </c>
      <c r="SM1" s="51"/>
    </row>
    <row r="2" spans="1:507" ht="15" customHeight="1">
      <c r="A2" s="139" t="s">
        <v>28</v>
      </c>
      <c r="B2" s="139"/>
      <c r="C2" s="138" t="s">
        <v>154</v>
      </c>
      <c r="D2" s="138"/>
      <c r="E2" s="138"/>
      <c r="F2" s="138"/>
      <c r="G2" s="138"/>
      <c r="H2" s="138"/>
      <c r="I2" s="138"/>
      <c r="J2" s="138"/>
      <c r="K2" s="138"/>
      <c r="L2" s="138"/>
      <c r="M2" s="18"/>
      <c r="N2" s="139" t="s">
        <v>28</v>
      </c>
      <c r="O2" s="139"/>
      <c r="P2" s="138" t="str">
        <f>$C$2</f>
        <v>令和〇年度〇〇〇工事公共（その〇）県単（その〇）</v>
      </c>
      <c r="Q2" s="138"/>
      <c r="R2" s="138"/>
      <c r="S2" s="138"/>
      <c r="T2" s="138"/>
      <c r="U2" s="138"/>
      <c r="V2" s="138"/>
      <c r="W2" s="138"/>
      <c r="X2" s="138"/>
      <c r="Y2" s="138"/>
      <c r="Z2" s="18"/>
      <c r="AA2" s="139" t="s">
        <v>28</v>
      </c>
      <c r="AB2" s="139"/>
      <c r="AC2" s="138" t="str">
        <f>$C$2</f>
        <v>令和〇年度〇〇〇工事公共（その〇）県単（その〇）</v>
      </c>
      <c r="AD2" s="138"/>
      <c r="AE2" s="138"/>
      <c r="AF2" s="138"/>
      <c r="AG2" s="138"/>
      <c r="AH2" s="138"/>
      <c r="AI2" s="138"/>
      <c r="AJ2" s="138"/>
      <c r="AK2" s="138"/>
      <c r="AL2" s="138"/>
      <c r="AM2" s="18"/>
      <c r="AN2" s="139" t="s">
        <v>28</v>
      </c>
      <c r="AO2" s="139"/>
      <c r="AP2" s="138" t="str">
        <f>$C$2</f>
        <v>令和〇年度〇〇〇工事公共（その〇）県単（その〇）</v>
      </c>
      <c r="AQ2" s="138"/>
      <c r="AR2" s="138"/>
      <c r="AS2" s="138"/>
      <c r="AT2" s="138"/>
      <c r="AU2" s="138"/>
      <c r="AV2" s="138"/>
      <c r="AW2" s="138"/>
      <c r="AX2" s="138"/>
      <c r="AY2" s="138"/>
      <c r="AZ2" s="18"/>
      <c r="BA2" s="139" t="s">
        <v>28</v>
      </c>
      <c r="BB2" s="139"/>
      <c r="BC2" s="138" t="str">
        <f>$C$2</f>
        <v>令和〇年度〇〇〇工事公共（その〇）県単（その〇）</v>
      </c>
      <c r="BD2" s="138"/>
      <c r="BE2" s="138"/>
      <c r="BF2" s="138"/>
      <c r="BG2" s="138"/>
      <c r="BH2" s="138"/>
      <c r="BI2" s="138"/>
      <c r="BJ2" s="138"/>
      <c r="BK2" s="138"/>
      <c r="BL2" s="138"/>
      <c r="BM2" s="18"/>
      <c r="BN2" s="139" t="s">
        <v>28</v>
      </c>
      <c r="BO2" s="139"/>
      <c r="BP2" s="138" t="str">
        <f>$C$2</f>
        <v>令和〇年度〇〇〇工事公共（その〇）県単（その〇）</v>
      </c>
      <c r="BQ2" s="138"/>
      <c r="BR2" s="138"/>
      <c r="BS2" s="138"/>
      <c r="BT2" s="138"/>
      <c r="BU2" s="138"/>
      <c r="BV2" s="138"/>
      <c r="BW2" s="138"/>
      <c r="BX2" s="138"/>
      <c r="BY2" s="138"/>
      <c r="BZ2" s="18"/>
      <c r="CA2" s="139" t="s">
        <v>28</v>
      </c>
      <c r="CB2" s="139"/>
      <c r="CC2" s="138" t="str">
        <f>$C$2</f>
        <v>令和〇年度〇〇〇工事公共（その〇）県単（その〇）</v>
      </c>
      <c r="CD2" s="138"/>
      <c r="CE2" s="138"/>
      <c r="CF2" s="138"/>
      <c r="CG2" s="138"/>
      <c r="CH2" s="138"/>
      <c r="CI2" s="138"/>
      <c r="CJ2" s="138"/>
      <c r="CK2" s="138"/>
      <c r="CL2" s="138"/>
      <c r="CM2" s="18"/>
      <c r="CN2" s="139" t="s">
        <v>28</v>
      </c>
      <c r="CO2" s="139"/>
      <c r="CP2" s="138" t="str">
        <f>$C$2</f>
        <v>令和〇年度〇〇〇工事公共（その〇）県単（その〇）</v>
      </c>
      <c r="CQ2" s="138"/>
      <c r="CR2" s="138"/>
      <c r="CS2" s="138"/>
      <c r="CT2" s="138"/>
      <c r="CU2" s="138"/>
      <c r="CV2" s="138"/>
      <c r="CW2" s="138"/>
      <c r="CX2" s="138"/>
      <c r="CY2" s="138"/>
      <c r="CZ2" s="18"/>
      <c r="DA2" s="139" t="s">
        <v>28</v>
      </c>
      <c r="DB2" s="139"/>
      <c r="DC2" s="138" t="str">
        <f>$C$2</f>
        <v>令和〇年度〇〇〇工事公共（その〇）県単（その〇）</v>
      </c>
      <c r="DD2" s="138"/>
      <c r="DE2" s="138"/>
      <c r="DF2" s="138"/>
      <c r="DG2" s="138"/>
      <c r="DH2" s="138"/>
      <c r="DI2" s="138"/>
      <c r="DJ2" s="138"/>
      <c r="DK2" s="138"/>
      <c r="DL2" s="138"/>
      <c r="DM2" s="18"/>
      <c r="DN2" s="139" t="s">
        <v>28</v>
      </c>
      <c r="DO2" s="139"/>
      <c r="DP2" s="138" t="str">
        <f>$C$2</f>
        <v>令和〇年度〇〇〇工事公共（その〇）県単（その〇）</v>
      </c>
      <c r="DQ2" s="138"/>
      <c r="DR2" s="138"/>
      <c r="DS2" s="138"/>
      <c r="DT2" s="138"/>
      <c r="DU2" s="138"/>
      <c r="DV2" s="138"/>
      <c r="DW2" s="138"/>
      <c r="DX2" s="138"/>
      <c r="DY2" s="138"/>
      <c r="DZ2" s="18"/>
      <c r="EA2" s="139" t="s">
        <v>28</v>
      </c>
      <c r="EB2" s="139"/>
      <c r="EC2" s="138" t="str">
        <f>$C$2</f>
        <v>令和〇年度〇〇〇工事公共（その〇）県単（その〇）</v>
      </c>
      <c r="ED2" s="138"/>
      <c r="EE2" s="138"/>
      <c r="EF2" s="138"/>
      <c r="EG2" s="138"/>
      <c r="EH2" s="138"/>
      <c r="EI2" s="138"/>
      <c r="EJ2" s="138"/>
      <c r="EK2" s="138"/>
      <c r="EL2" s="138"/>
      <c r="EM2" s="18"/>
      <c r="EN2" s="139" t="s">
        <v>28</v>
      </c>
      <c r="EO2" s="139"/>
      <c r="EP2" s="138" t="str">
        <f>$C$2</f>
        <v>令和〇年度〇〇〇工事公共（その〇）県単（その〇）</v>
      </c>
      <c r="EQ2" s="138"/>
      <c r="ER2" s="138"/>
      <c r="ES2" s="138"/>
      <c r="ET2" s="138"/>
      <c r="EU2" s="138"/>
      <c r="EV2" s="138"/>
      <c r="EW2" s="138"/>
      <c r="EX2" s="138"/>
      <c r="EY2" s="138"/>
      <c r="EZ2" s="18"/>
      <c r="FA2" s="139" t="s">
        <v>28</v>
      </c>
      <c r="FB2" s="139"/>
      <c r="FC2" s="138" t="str">
        <f>$C$2</f>
        <v>令和〇年度〇〇〇工事公共（その〇）県単（その〇）</v>
      </c>
      <c r="FD2" s="138"/>
      <c r="FE2" s="138"/>
      <c r="FF2" s="138"/>
      <c r="FG2" s="138"/>
      <c r="FH2" s="138"/>
      <c r="FI2" s="138"/>
      <c r="FJ2" s="138"/>
      <c r="FK2" s="138"/>
      <c r="FL2" s="138"/>
      <c r="FM2" s="18"/>
      <c r="FN2" s="139" t="s">
        <v>28</v>
      </c>
      <c r="FO2" s="139"/>
      <c r="FP2" s="138" t="str">
        <f>$C$2</f>
        <v>令和〇年度〇〇〇工事公共（その〇）県単（その〇）</v>
      </c>
      <c r="FQ2" s="138"/>
      <c r="FR2" s="138"/>
      <c r="FS2" s="138"/>
      <c r="FT2" s="138"/>
      <c r="FU2" s="138"/>
      <c r="FV2" s="138"/>
      <c r="FW2" s="138"/>
      <c r="FX2" s="138"/>
      <c r="FY2" s="138"/>
      <c r="FZ2" s="18"/>
      <c r="GA2" s="139" t="s">
        <v>28</v>
      </c>
      <c r="GB2" s="139"/>
      <c r="GC2" s="138" t="str">
        <f>$C$2</f>
        <v>令和〇年度〇〇〇工事公共（その〇）県単（その〇）</v>
      </c>
      <c r="GD2" s="138"/>
      <c r="GE2" s="138"/>
      <c r="GF2" s="138"/>
      <c r="GG2" s="138"/>
      <c r="GH2" s="138"/>
      <c r="GI2" s="138"/>
      <c r="GJ2" s="138"/>
      <c r="GK2" s="138"/>
      <c r="GL2" s="138"/>
      <c r="GM2" s="18"/>
      <c r="GN2" s="139" t="s">
        <v>28</v>
      </c>
      <c r="GO2" s="139"/>
      <c r="GP2" s="138" t="str">
        <f>$C$2</f>
        <v>令和〇年度〇〇〇工事公共（その〇）県単（その〇）</v>
      </c>
      <c r="GQ2" s="138"/>
      <c r="GR2" s="138"/>
      <c r="GS2" s="138"/>
      <c r="GT2" s="138"/>
      <c r="GU2" s="138"/>
      <c r="GV2" s="138"/>
      <c r="GW2" s="138"/>
      <c r="GX2" s="138"/>
      <c r="GY2" s="138"/>
      <c r="GZ2" s="18"/>
      <c r="HA2" s="139" t="s">
        <v>28</v>
      </c>
      <c r="HB2" s="139"/>
      <c r="HC2" s="138" t="str">
        <f>$C$2</f>
        <v>令和〇年度〇〇〇工事公共（その〇）県単（その〇）</v>
      </c>
      <c r="HD2" s="138"/>
      <c r="HE2" s="138"/>
      <c r="HF2" s="138"/>
      <c r="HG2" s="138"/>
      <c r="HH2" s="138"/>
      <c r="HI2" s="138"/>
      <c r="HJ2" s="138"/>
      <c r="HK2" s="138"/>
      <c r="HL2" s="138"/>
      <c r="HM2" s="18"/>
      <c r="HN2" s="139" t="s">
        <v>28</v>
      </c>
      <c r="HO2" s="139"/>
      <c r="HP2" s="138" t="str">
        <f>$C$2</f>
        <v>令和〇年度〇〇〇工事公共（その〇）県単（その〇）</v>
      </c>
      <c r="HQ2" s="138"/>
      <c r="HR2" s="138"/>
      <c r="HS2" s="138"/>
      <c r="HT2" s="138"/>
      <c r="HU2" s="138"/>
      <c r="HV2" s="138"/>
      <c r="HW2" s="138"/>
      <c r="HX2" s="138"/>
      <c r="HY2" s="138"/>
      <c r="HZ2" s="18"/>
      <c r="IA2" s="139" t="s">
        <v>28</v>
      </c>
      <c r="IB2" s="139"/>
      <c r="IC2" s="138" t="str">
        <f>$C$2</f>
        <v>令和〇年度〇〇〇工事公共（その〇）県単（その〇）</v>
      </c>
      <c r="ID2" s="138"/>
      <c r="IE2" s="138"/>
      <c r="IF2" s="138"/>
      <c r="IG2" s="138"/>
      <c r="IH2" s="138"/>
      <c r="II2" s="138"/>
      <c r="IJ2" s="138"/>
      <c r="IK2" s="138"/>
      <c r="IL2" s="138"/>
      <c r="IM2" s="18"/>
      <c r="IN2" s="139" t="s">
        <v>28</v>
      </c>
      <c r="IO2" s="139"/>
      <c r="IP2" s="138" t="str">
        <f>$C$2</f>
        <v>令和〇年度〇〇〇工事公共（その〇）県単（その〇）</v>
      </c>
      <c r="IQ2" s="138"/>
      <c r="IR2" s="138"/>
      <c r="IS2" s="138"/>
      <c r="IT2" s="138"/>
      <c r="IU2" s="138"/>
      <c r="IV2" s="138"/>
      <c r="IW2" s="138"/>
      <c r="IX2" s="138"/>
      <c r="IY2" s="138"/>
      <c r="IZ2" s="18"/>
      <c r="JA2" s="139" t="s">
        <v>28</v>
      </c>
      <c r="JB2" s="139"/>
      <c r="JC2" s="138" t="str">
        <f>$C$2</f>
        <v>令和〇年度〇〇〇工事公共（その〇）県単（その〇）</v>
      </c>
      <c r="JD2" s="138"/>
      <c r="JE2" s="138"/>
      <c r="JF2" s="138"/>
      <c r="JG2" s="138"/>
      <c r="JH2" s="138"/>
      <c r="JI2" s="138"/>
      <c r="JJ2" s="138"/>
      <c r="JK2" s="138"/>
      <c r="JL2" s="138"/>
      <c r="JM2" s="18"/>
      <c r="JN2" s="139" t="s">
        <v>28</v>
      </c>
      <c r="JO2" s="139"/>
      <c r="JP2" s="138" t="str">
        <f>$C$2</f>
        <v>令和〇年度〇〇〇工事公共（その〇）県単（その〇）</v>
      </c>
      <c r="JQ2" s="138"/>
      <c r="JR2" s="138"/>
      <c r="JS2" s="138"/>
      <c r="JT2" s="138"/>
      <c r="JU2" s="138"/>
      <c r="JV2" s="138"/>
      <c r="JW2" s="138"/>
      <c r="JX2" s="138"/>
      <c r="JY2" s="138"/>
      <c r="JZ2" s="18"/>
      <c r="KA2" s="139" t="s">
        <v>28</v>
      </c>
      <c r="KB2" s="139"/>
      <c r="KC2" s="138" t="str">
        <f>$C$2</f>
        <v>令和〇年度〇〇〇工事公共（その〇）県単（その〇）</v>
      </c>
      <c r="KD2" s="138"/>
      <c r="KE2" s="138"/>
      <c r="KF2" s="138"/>
      <c r="KG2" s="138"/>
      <c r="KH2" s="138"/>
      <c r="KI2" s="138"/>
      <c r="KJ2" s="138"/>
      <c r="KK2" s="138"/>
      <c r="KL2" s="138"/>
      <c r="KM2" s="18"/>
      <c r="KN2" s="139" t="s">
        <v>28</v>
      </c>
      <c r="KO2" s="139"/>
      <c r="KP2" s="138" t="str">
        <f>$C$2</f>
        <v>令和〇年度〇〇〇工事公共（その〇）県単（その〇）</v>
      </c>
      <c r="KQ2" s="138"/>
      <c r="KR2" s="138"/>
      <c r="KS2" s="138"/>
      <c r="KT2" s="138"/>
      <c r="KU2" s="138"/>
      <c r="KV2" s="138"/>
      <c r="KW2" s="138"/>
      <c r="KX2" s="138"/>
      <c r="KY2" s="138"/>
      <c r="KZ2" s="18"/>
      <c r="LA2" s="139" t="s">
        <v>28</v>
      </c>
      <c r="LB2" s="139"/>
      <c r="LC2" s="138" t="str">
        <f>$C$2</f>
        <v>令和〇年度〇〇〇工事公共（その〇）県単（その〇）</v>
      </c>
      <c r="LD2" s="138"/>
      <c r="LE2" s="138"/>
      <c r="LF2" s="138"/>
      <c r="LG2" s="138"/>
      <c r="LH2" s="138"/>
      <c r="LI2" s="138"/>
      <c r="LJ2" s="138"/>
      <c r="LK2" s="138"/>
      <c r="LL2" s="138"/>
      <c r="LM2" s="18"/>
      <c r="LN2" s="139" t="s">
        <v>28</v>
      </c>
      <c r="LO2" s="139"/>
      <c r="LP2" s="138" t="str">
        <f>$C$2</f>
        <v>令和〇年度〇〇〇工事公共（その〇）県単（その〇）</v>
      </c>
      <c r="LQ2" s="138"/>
      <c r="LR2" s="138"/>
      <c r="LS2" s="138"/>
      <c r="LT2" s="138"/>
      <c r="LU2" s="138"/>
      <c r="LV2" s="138"/>
      <c r="LW2" s="138"/>
      <c r="LX2" s="138"/>
      <c r="LY2" s="138"/>
      <c r="LZ2" s="18"/>
      <c r="MA2" s="139" t="s">
        <v>28</v>
      </c>
      <c r="MB2" s="139"/>
      <c r="MC2" s="138" t="str">
        <f>$C$2</f>
        <v>令和〇年度〇〇〇工事公共（その〇）県単（その〇）</v>
      </c>
      <c r="MD2" s="138"/>
      <c r="ME2" s="138"/>
      <c r="MF2" s="138"/>
      <c r="MG2" s="138"/>
      <c r="MH2" s="138"/>
      <c r="MI2" s="138"/>
      <c r="MJ2" s="138"/>
      <c r="MK2" s="138"/>
      <c r="ML2" s="138"/>
      <c r="MM2" s="18"/>
      <c r="MN2" s="139" t="s">
        <v>28</v>
      </c>
      <c r="MO2" s="139"/>
      <c r="MP2" s="138" t="str">
        <f>$C$2</f>
        <v>令和〇年度〇〇〇工事公共（その〇）県単（その〇）</v>
      </c>
      <c r="MQ2" s="138"/>
      <c r="MR2" s="138"/>
      <c r="MS2" s="138"/>
      <c r="MT2" s="138"/>
      <c r="MU2" s="138"/>
      <c r="MV2" s="138"/>
      <c r="MW2" s="138"/>
      <c r="MX2" s="138"/>
      <c r="MY2" s="138"/>
      <c r="MZ2" s="18"/>
      <c r="NA2" s="139" t="s">
        <v>28</v>
      </c>
      <c r="NB2" s="139"/>
      <c r="NC2" s="138" t="str">
        <f>$C$2</f>
        <v>令和〇年度〇〇〇工事公共（その〇）県単（その〇）</v>
      </c>
      <c r="ND2" s="138"/>
      <c r="NE2" s="138"/>
      <c r="NF2" s="138"/>
      <c r="NG2" s="138"/>
      <c r="NH2" s="138"/>
      <c r="NI2" s="138"/>
      <c r="NJ2" s="138"/>
      <c r="NK2" s="138"/>
      <c r="NL2" s="138"/>
      <c r="NM2" s="18"/>
      <c r="NN2" s="139" t="s">
        <v>28</v>
      </c>
      <c r="NO2" s="139"/>
      <c r="NP2" s="138" t="str">
        <f>$C$2</f>
        <v>令和〇年度〇〇〇工事公共（その〇）県単（その〇）</v>
      </c>
      <c r="NQ2" s="138"/>
      <c r="NR2" s="138"/>
      <c r="NS2" s="138"/>
      <c r="NT2" s="138"/>
      <c r="NU2" s="138"/>
      <c r="NV2" s="138"/>
      <c r="NW2" s="138"/>
      <c r="NX2" s="138"/>
      <c r="NY2" s="138"/>
      <c r="NZ2" s="18"/>
      <c r="OA2" s="139" t="s">
        <v>28</v>
      </c>
      <c r="OB2" s="139"/>
      <c r="OC2" s="138" t="str">
        <f>$C$2</f>
        <v>令和〇年度〇〇〇工事公共（その〇）県単（その〇）</v>
      </c>
      <c r="OD2" s="138"/>
      <c r="OE2" s="138"/>
      <c r="OF2" s="138"/>
      <c r="OG2" s="138"/>
      <c r="OH2" s="138"/>
      <c r="OI2" s="138"/>
      <c r="OJ2" s="138"/>
      <c r="OK2" s="138"/>
      <c r="OL2" s="138"/>
      <c r="OM2" s="18"/>
      <c r="ON2" s="139" t="s">
        <v>28</v>
      </c>
      <c r="OO2" s="139"/>
      <c r="OP2" s="138" t="str">
        <f>$C$2</f>
        <v>令和〇年度〇〇〇工事公共（その〇）県単（その〇）</v>
      </c>
      <c r="OQ2" s="138"/>
      <c r="OR2" s="138"/>
      <c r="OS2" s="138"/>
      <c r="OT2" s="138"/>
      <c r="OU2" s="138"/>
      <c r="OV2" s="138"/>
      <c r="OW2" s="138"/>
      <c r="OX2" s="138"/>
      <c r="OY2" s="138"/>
      <c r="OZ2" s="18"/>
      <c r="PA2" s="139" t="s">
        <v>28</v>
      </c>
      <c r="PB2" s="139"/>
      <c r="PC2" s="138" t="str">
        <f>$C$2</f>
        <v>令和〇年度〇〇〇工事公共（その〇）県単（その〇）</v>
      </c>
      <c r="PD2" s="138"/>
      <c r="PE2" s="138"/>
      <c r="PF2" s="138"/>
      <c r="PG2" s="138"/>
      <c r="PH2" s="138"/>
      <c r="PI2" s="138"/>
      <c r="PJ2" s="138"/>
      <c r="PK2" s="138"/>
      <c r="PL2" s="138"/>
      <c r="PM2" s="18"/>
      <c r="PN2" s="139" t="s">
        <v>28</v>
      </c>
      <c r="PO2" s="139"/>
      <c r="PP2" s="138" t="str">
        <f>$C$2</f>
        <v>令和〇年度〇〇〇工事公共（その〇）県単（その〇）</v>
      </c>
      <c r="PQ2" s="138"/>
      <c r="PR2" s="138"/>
      <c r="PS2" s="138"/>
      <c r="PT2" s="138"/>
      <c r="PU2" s="138"/>
      <c r="PV2" s="138"/>
      <c r="PW2" s="138"/>
      <c r="PX2" s="138"/>
      <c r="PY2" s="138"/>
      <c r="PZ2" s="18"/>
      <c r="QA2" s="139" t="s">
        <v>28</v>
      </c>
      <c r="QB2" s="139"/>
      <c r="QC2" s="138" t="str">
        <f>$C$2</f>
        <v>令和〇年度〇〇〇工事公共（その〇）県単（その〇）</v>
      </c>
      <c r="QD2" s="138"/>
      <c r="QE2" s="138"/>
      <c r="QF2" s="138"/>
      <c r="QG2" s="138"/>
      <c r="QH2" s="138"/>
      <c r="QI2" s="138"/>
      <c r="QJ2" s="138"/>
      <c r="QK2" s="138"/>
      <c r="QL2" s="138"/>
      <c r="QM2" s="18"/>
      <c r="QN2" s="139" t="s">
        <v>28</v>
      </c>
      <c r="QO2" s="139"/>
      <c r="QP2" s="138" t="str">
        <f>$C$2</f>
        <v>令和〇年度〇〇〇工事公共（その〇）県単（その〇）</v>
      </c>
      <c r="QQ2" s="138"/>
      <c r="QR2" s="138"/>
      <c r="QS2" s="138"/>
      <c r="QT2" s="138"/>
      <c r="QU2" s="138"/>
      <c r="QV2" s="138"/>
      <c r="QW2" s="138"/>
      <c r="QX2" s="138"/>
      <c r="QY2" s="138"/>
      <c r="QZ2" s="18"/>
      <c r="RA2" s="139" t="s">
        <v>28</v>
      </c>
      <c r="RB2" s="139"/>
      <c r="RC2" s="138" t="str">
        <f>$C$2</f>
        <v>令和〇年度〇〇〇工事公共（その〇）県単（その〇）</v>
      </c>
      <c r="RD2" s="138"/>
      <c r="RE2" s="138"/>
      <c r="RF2" s="138"/>
      <c r="RG2" s="138"/>
      <c r="RH2" s="138"/>
      <c r="RI2" s="138"/>
      <c r="RJ2" s="138"/>
      <c r="RK2" s="138"/>
      <c r="RL2" s="138"/>
      <c r="RM2" s="18"/>
      <c r="RN2" s="139" t="s">
        <v>28</v>
      </c>
      <c r="RO2" s="139"/>
      <c r="RP2" s="138" t="str">
        <f>$C$2</f>
        <v>令和〇年度〇〇〇工事公共（その〇）県単（その〇）</v>
      </c>
      <c r="RQ2" s="138"/>
      <c r="RR2" s="138"/>
      <c r="RS2" s="138"/>
      <c r="RT2" s="138"/>
      <c r="RU2" s="138"/>
      <c r="RV2" s="138"/>
      <c r="RW2" s="138"/>
      <c r="RX2" s="138"/>
      <c r="RY2" s="138"/>
      <c r="RZ2" s="18"/>
      <c r="SA2" s="139" t="s">
        <v>28</v>
      </c>
      <c r="SB2" s="139"/>
      <c r="SC2" s="138" t="str">
        <f>$C$2</f>
        <v>令和〇年度〇〇〇工事公共（その〇）県単（その〇）</v>
      </c>
      <c r="SD2" s="138"/>
      <c r="SE2" s="138"/>
      <c r="SF2" s="138"/>
      <c r="SG2" s="138"/>
      <c r="SH2" s="138"/>
      <c r="SI2" s="138"/>
      <c r="SJ2" s="138"/>
      <c r="SK2" s="138"/>
      <c r="SL2" s="138"/>
      <c r="SM2" s="18"/>
    </row>
    <row r="3" spans="1:507" ht="15" customHeight="1">
      <c r="A3" s="139"/>
      <c r="B3" s="139"/>
      <c r="C3" s="138"/>
      <c r="D3" s="138"/>
      <c r="E3" s="138"/>
      <c r="F3" s="138"/>
      <c r="G3" s="138"/>
      <c r="H3" s="138"/>
      <c r="I3" s="138"/>
      <c r="J3" s="138"/>
      <c r="K3" s="138"/>
      <c r="L3" s="138"/>
      <c r="M3" s="18"/>
      <c r="N3" s="139"/>
      <c r="O3" s="139"/>
      <c r="P3" s="138"/>
      <c r="Q3" s="138"/>
      <c r="R3" s="138"/>
      <c r="S3" s="138"/>
      <c r="T3" s="138"/>
      <c r="U3" s="138"/>
      <c r="V3" s="138"/>
      <c r="W3" s="138"/>
      <c r="X3" s="138"/>
      <c r="Y3" s="138"/>
      <c r="Z3" s="18"/>
      <c r="AA3" s="139"/>
      <c r="AB3" s="139"/>
      <c r="AC3" s="138"/>
      <c r="AD3" s="138"/>
      <c r="AE3" s="138"/>
      <c r="AF3" s="138"/>
      <c r="AG3" s="138"/>
      <c r="AH3" s="138"/>
      <c r="AI3" s="138"/>
      <c r="AJ3" s="138"/>
      <c r="AK3" s="138"/>
      <c r="AL3" s="138"/>
      <c r="AM3" s="18"/>
      <c r="AN3" s="139"/>
      <c r="AO3" s="139"/>
      <c r="AP3" s="138"/>
      <c r="AQ3" s="138"/>
      <c r="AR3" s="138"/>
      <c r="AS3" s="138"/>
      <c r="AT3" s="138"/>
      <c r="AU3" s="138"/>
      <c r="AV3" s="138"/>
      <c r="AW3" s="138"/>
      <c r="AX3" s="138"/>
      <c r="AY3" s="138"/>
      <c r="AZ3" s="18"/>
      <c r="BA3" s="139"/>
      <c r="BB3" s="139"/>
      <c r="BC3" s="138"/>
      <c r="BD3" s="138"/>
      <c r="BE3" s="138"/>
      <c r="BF3" s="138"/>
      <c r="BG3" s="138"/>
      <c r="BH3" s="138"/>
      <c r="BI3" s="138"/>
      <c r="BJ3" s="138"/>
      <c r="BK3" s="138"/>
      <c r="BL3" s="138"/>
      <c r="BM3" s="18"/>
      <c r="BN3" s="139"/>
      <c r="BO3" s="139"/>
      <c r="BP3" s="138"/>
      <c r="BQ3" s="138"/>
      <c r="BR3" s="138"/>
      <c r="BS3" s="138"/>
      <c r="BT3" s="138"/>
      <c r="BU3" s="138"/>
      <c r="BV3" s="138"/>
      <c r="BW3" s="138"/>
      <c r="BX3" s="138"/>
      <c r="BY3" s="138"/>
      <c r="BZ3" s="18"/>
      <c r="CA3" s="139"/>
      <c r="CB3" s="139"/>
      <c r="CC3" s="138"/>
      <c r="CD3" s="138"/>
      <c r="CE3" s="138"/>
      <c r="CF3" s="138"/>
      <c r="CG3" s="138"/>
      <c r="CH3" s="138"/>
      <c r="CI3" s="138"/>
      <c r="CJ3" s="138"/>
      <c r="CK3" s="138"/>
      <c r="CL3" s="138"/>
      <c r="CM3" s="18"/>
      <c r="CN3" s="139"/>
      <c r="CO3" s="139"/>
      <c r="CP3" s="138"/>
      <c r="CQ3" s="138"/>
      <c r="CR3" s="138"/>
      <c r="CS3" s="138"/>
      <c r="CT3" s="138"/>
      <c r="CU3" s="138"/>
      <c r="CV3" s="138"/>
      <c r="CW3" s="138"/>
      <c r="CX3" s="138"/>
      <c r="CY3" s="138"/>
      <c r="CZ3" s="18"/>
      <c r="DA3" s="139"/>
      <c r="DB3" s="139"/>
      <c r="DC3" s="138"/>
      <c r="DD3" s="138"/>
      <c r="DE3" s="138"/>
      <c r="DF3" s="138"/>
      <c r="DG3" s="138"/>
      <c r="DH3" s="138"/>
      <c r="DI3" s="138"/>
      <c r="DJ3" s="138"/>
      <c r="DK3" s="138"/>
      <c r="DL3" s="138"/>
      <c r="DM3" s="18"/>
      <c r="DN3" s="139"/>
      <c r="DO3" s="139"/>
      <c r="DP3" s="138"/>
      <c r="DQ3" s="138"/>
      <c r="DR3" s="138"/>
      <c r="DS3" s="138"/>
      <c r="DT3" s="138"/>
      <c r="DU3" s="138"/>
      <c r="DV3" s="138"/>
      <c r="DW3" s="138"/>
      <c r="DX3" s="138"/>
      <c r="DY3" s="138"/>
      <c r="DZ3" s="18"/>
      <c r="EA3" s="139"/>
      <c r="EB3" s="139"/>
      <c r="EC3" s="138"/>
      <c r="ED3" s="138"/>
      <c r="EE3" s="138"/>
      <c r="EF3" s="138"/>
      <c r="EG3" s="138"/>
      <c r="EH3" s="138"/>
      <c r="EI3" s="138"/>
      <c r="EJ3" s="138"/>
      <c r="EK3" s="138"/>
      <c r="EL3" s="138"/>
      <c r="EM3" s="18"/>
      <c r="EN3" s="139"/>
      <c r="EO3" s="139"/>
      <c r="EP3" s="138"/>
      <c r="EQ3" s="138"/>
      <c r="ER3" s="138"/>
      <c r="ES3" s="138"/>
      <c r="ET3" s="138"/>
      <c r="EU3" s="138"/>
      <c r="EV3" s="138"/>
      <c r="EW3" s="138"/>
      <c r="EX3" s="138"/>
      <c r="EY3" s="138"/>
      <c r="EZ3" s="18"/>
      <c r="FA3" s="139"/>
      <c r="FB3" s="139"/>
      <c r="FC3" s="138"/>
      <c r="FD3" s="138"/>
      <c r="FE3" s="138"/>
      <c r="FF3" s="138"/>
      <c r="FG3" s="138"/>
      <c r="FH3" s="138"/>
      <c r="FI3" s="138"/>
      <c r="FJ3" s="138"/>
      <c r="FK3" s="138"/>
      <c r="FL3" s="138"/>
      <c r="FM3" s="18"/>
      <c r="FN3" s="139"/>
      <c r="FO3" s="139"/>
      <c r="FP3" s="138"/>
      <c r="FQ3" s="138"/>
      <c r="FR3" s="138"/>
      <c r="FS3" s="138"/>
      <c r="FT3" s="138"/>
      <c r="FU3" s="138"/>
      <c r="FV3" s="138"/>
      <c r="FW3" s="138"/>
      <c r="FX3" s="138"/>
      <c r="FY3" s="138"/>
      <c r="FZ3" s="18"/>
      <c r="GA3" s="139"/>
      <c r="GB3" s="139"/>
      <c r="GC3" s="138"/>
      <c r="GD3" s="138"/>
      <c r="GE3" s="138"/>
      <c r="GF3" s="138"/>
      <c r="GG3" s="138"/>
      <c r="GH3" s="138"/>
      <c r="GI3" s="138"/>
      <c r="GJ3" s="138"/>
      <c r="GK3" s="138"/>
      <c r="GL3" s="138"/>
      <c r="GM3" s="18"/>
      <c r="GN3" s="139"/>
      <c r="GO3" s="139"/>
      <c r="GP3" s="138"/>
      <c r="GQ3" s="138"/>
      <c r="GR3" s="138"/>
      <c r="GS3" s="138"/>
      <c r="GT3" s="138"/>
      <c r="GU3" s="138"/>
      <c r="GV3" s="138"/>
      <c r="GW3" s="138"/>
      <c r="GX3" s="138"/>
      <c r="GY3" s="138"/>
      <c r="GZ3" s="18"/>
      <c r="HA3" s="139"/>
      <c r="HB3" s="139"/>
      <c r="HC3" s="138"/>
      <c r="HD3" s="138"/>
      <c r="HE3" s="138"/>
      <c r="HF3" s="138"/>
      <c r="HG3" s="138"/>
      <c r="HH3" s="138"/>
      <c r="HI3" s="138"/>
      <c r="HJ3" s="138"/>
      <c r="HK3" s="138"/>
      <c r="HL3" s="138"/>
      <c r="HM3" s="18"/>
      <c r="HN3" s="139"/>
      <c r="HO3" s="139"/>
      <c r="HP3" s="138"/>
      <c r="HQ3" s="138"/>
      <c r="HR3" s="138"/>
      <c r="HS3" s="138"/>
      <c r="HT3" s="138"/>
      <c r="HU3" s="138"/>
      <c r="HV3" s="138"/>
      <c r="HW3" s="138"/>
      <c r="HX3" s="138"/>
      <c r="HY3" s="138"/>
      <c r="HZ3" s="18"/>
      <c r="IA3" s="139"/>
      <c r="IB3" s="139"/>
      <c r="IC3" s="138"/>
      <c r="ID3" s="138"/>
      <c r="IE3" s="138"/>
      <c r="IF3" s="138"/>
      <c r="IG3" s="138"/>
      <c r="IH3" s="138"/>
      <c r="II3" s="138"/>
      <c r="IJ3" s="138"/>
      <c r="IK3" s="138"/>
      <c r="IL3" s="138"/>
      <c r="IM3" s="18"/>
      <c r="IN3" s="139"/>
      <c r="IO3" s="139"/>
      <c r="IP3" s="138"/>
      <c r="IQ3" s="138"/>
      <c r="IR3" s="138"/>
      <c r="IS3" s="138"/>
      <c r="IT3" s="138"/>
      <c r="IU3" s="138"/>
      <c r="IV3" s="138"/>
      <c r="IW3" s="138"/>
      <c r="IX3" s="138"/>
      <c r="IY3" s="138"/>
      <c r="IZ3" s="18"/>
      <c r="JA3" s="139"/>
      <c r="JB3" s="139"/>
      <c r="JC3" s="138"/>
      <c r="JD3" s="138"/>
      <c r="JE3" s="138"/>
      <c r="JF3" s="138"/>
      <c r="JG3" s="138"/>
      <c r="JH3" s="138"/>
      <c r="JI3" s="138"/>
      <c r="JJ3" s="138"/>
      <c r="JK3" s="138"/>
      <c r="JL3" s="138"/>
      <c r="JM3" s="18"/>
      <c r="JN3" s="139"/>
      <c r="JO3" s="139"/>
      <c r="JP3" s="138"/>
      <c r="JQ3" s="138"/>
      <c r="JR3" s="138"/>
      <c r="JS3" s="138"/>
      <c r="JT3" s="138"/>
      <c r="JU3" s="138"/>
      <c r="JV3" s="138"/>
      <c r="JW3" s="138"/>
      <c r="JX3" s="138"/>
      <c r="JY3" s="138"/>
      <c r="JZ3" s="18"/>
      <c r="KA3" s="139"/>
      <c r="KB3" s="139"/>
      <c r="KC3" s="138"/>
      <c r="KD3" s="138"/>
      <c r="KE3" s="138"/>
      <c r="KF3" s="138"/>
      <c r="KG3" s="138"/>
      <c r="KH3" s="138"/>
      <c r="KI3" s="138"/>
      <c r="KJ3" s="138"/>
      <c r="KK3" s="138"/>
      <c r="KL3" s="138"/>
      <c r="KM3" s="18"/>
      <c r="KN3" s="139"/>
      <c r="KO3" s="139"/>
      <c r="KP3" s="138"/>
      <c r="KQ3" s="138"/>
      <c r="KR3" s="138"/>
      <c r="KS3" s="138"/>
      <c r="KT3" s="138"/>
      <c r="KU3" s="138"/>
      <c r="KV3" s="138"/>
      <c r="KW3" s="138"/>
      <c r="KX3" s="138"/>
      <c r="KY3" s="138"/>
      <c r="KZ3" s="18"/>
      <c r="LA3" s="139"/>
      <c r="LB3" s="139"/>
      <c r="LC3" s="138"/>
      <c r="LD3" s="138"/>
      <c r="LE3" s="138"/>
      <c r="LF3" s="138"/>
      <c r="LG3" s="138"/>
      <c r="LH3" s="138"/>
      <c r="LI3" s="138"/>
      <c r="LJ3" s="138"/>
      <c r="LK3" s="138"/>
      <c r="LL3" s="138"/>
      <c r="LM3" s="18"/>
      <c r="LN3" s="139"/>
      <c r="LO3" s="139"/>
      <c r="LP3" s="138"/>
      <c r="LQ3" s="138"/>
      <c r="LR3" s="138"/>
      <c r="LS3" s="138"/>
      <c r="LT3" s="138"/>
      <c r="LU3" s="138"/>
      <c r="LV3" s="138"/>
      <c r="LW3" s="138"/>
      <c r="LX3" s="138"/>
      <c r="LY3" s="138"/>
      <c r="LZ3" s="18"/>
      <c r="MA3" s="139"/>
      <c r="MB3" s="139"/>
      <c r="MC3" s="138"/>
      <c r="MD3" s="138"/>
      <c r="ME3" s="138"/>
      <c r="MF3" s="138"/>
      <c r="MG3" s="138"/>
      <c r="MH3" s="138"/>
      <c r="MI3" s="138"/>
      <c r="MJ3" s="138"/>
      <c r="MK3" s="138"/>
      <c r="ML3" s="138"/>
      <c r="MM3" s="18"/>
      <c r="MN3" s="139"/>
      <c r="MO3" s="139"/>
      <c r="MP3" s="138"/>
      <c r="MQ3" s="138"/>
      <c r="MR3" s="138"/>
      <c r="MS3" s="138"/>
      <c r="MT3" s="138"/>
      <c r="MU3" s="138"/>
      <c r="MV3" s="138"/>
      <c r="MW3" s="138"/>
      <c r="MX3" s="138"/>
      <c r="MY3" s="138"/>
      <c r="MZ3" s="18"/>
      <c r="NA3" s="139"/>
      <c r="NB3" s="139"/>
      <c r="NC3" s="138"/>
      <c r="ND3" s="138"/>
      <c r="NE3" s="138"/>
      <c r="NF3" s="138"/>
      <c r="NG3" s="138"/>
      <c r="NH3" s="138"/>
      <c r="NI3" s="138"/>
      <c r="NJ3" s="138"/>
      <c r="NK3" s="138"/>
      <c r="NL3" s="138"/>
      <c r="NM3" s="18"/>
      <c r="NN3" s="139"/>
      <c r="NO3" s="139"/>
      <c r="NP3" s="138"/>
      <c r="NQ3" s="138"/>
      <c r="NR3" s="138"/>
      <c r="NS3" s="138"/>
      <c r="NT3" s="138"/>
      <c r="NU3" s="138"/>
      <c r="NV3" s="138"/>
      <c r="NW3" s="138"/>
      <c r="NX3" s="138"/>
      <c r="NY3" s="138"/>
      <c r="NZ3" s="18"/>
      <c r="OA3" s="139"/>
      <c r="OB3" s="139"/>
      <c r="OC3" s="138"/>
      <c r="OD3" s="138"/>
      <c r="OE3" s="138"/>
      <c r="OF3" s="138"/>
      <c r="OG3" s="138"/>
      <c r="OH3" s="138"/>
      <c r="OI3" s="138"/>
      <c r="OJ3" s="138"/>
      <c r="OK3" s="138"/>
      <c r="OL3" s="138"/>
      <c r="OM3" s="18"/>
      <c r="ON3" s="139"/>
      <c r="OO3" s="139"/>
      <c r="OP3" s="138"/>
      <c r="OQ3" s="138"/>
      <c r="OR3" s="138"/>
      <c r="OS3" s="138"/>
      <c r="OT3" s="138"/>
      <c r="OU3" s="138"/>
      <c r="OV3" s="138"/>
      <c r="OW3" s="138"/>
      <c r="OX3" s="138"/>
      <c r="OY3" s="138"/>
      <c r="OZ3" s="18"/>
      <c r="PA3" s="139"/>
      <c r="PB3" s="139"/>
      <c r="PC3" s="138"/>
      <c r="PD3" s="138"/>
      <c r="PE3" s="138"/>
      <c r="PF3" s="138"/>
      <c r="PG3" s="138"/>
      <c r="PH3" s="138"/>
      <c r="PI3" s="138"/>
      <c r="PJ3" s="138"/>
      <c r="PK3" s="138"/>
      <c r="PL3" s="138"/>
      <c r="PM3" s="18"/>
      <c r="PN3" s="139"/>
      <c r="PO3" s="139"/>
      <c r="PP3" s="138"/>
      <c r="PQ3" s="138"/>
      <c r="PR3" s="138"/>
      <c r="PS3" s="138"/>
      <c r="PT3" s="138"/>
      <c r="PU3" s="138"/>
      <c r="PV3" s="138"/>
      <c r="PW3" s="138"/>
      <c r="PX3" s="138"/>
      <c r="PY3" s="138"/>
      <c r="PZ3" s="18"/>
      <c r="QA3" s="139"/>
      <c r="QB3" s="139"/>
      <c r="QC3" s="138"/>
      <c r="QD3" s="138"/>
      <c r="QE3" s="138"/>
      <c r="QF3" s="138"/>
      <c r="QG3" s="138"/>
      <c r="QH3" s="138"/>
      <c r="QI3" s="138"/>
      <c r="QJ3" s="138"/>
      <c r="QK3" s="138"/>
      <c r="QL3" s="138"/>
      <c r="QM3" s="18"/>
      <c r="QN3" s="139"/>
      <c r="QO3" s="139"/>
      <c r="QP3" s="138"/>
      <c r="QQ3" s="138"/>
      <c r="QR3" s="138"/>
      <c r="QS3" s="138"/>
      <c r="QT3" s="138"/>
      <c r="QU3" s="138"/>
      <c r="QV3" s="138"/>
      <c r="QW3" s="138"/>
      <c r="QX3" s="138"/>
      <c r="QY3" s="138"/>
      <c r="QZ3" s="18"/>
      <c r="RA3" s="139"/>
      <c r="RB3" s="139"/>
      <c r="RC3" s="138"/>
      <c r="RD3" s="138"/>
      <c r="RE3" s="138"/>
      <c r="RF3" s="138"/>
      <c r="RG3" s="138"/>
      <c r="RH3" s="138"/>
      <c r="RI3" s="138"/>
      <c r="RJ3" s="138"/>
      <c r="RK3" s="138"/>
      <c r="RL3" s="138"/>
      <c r="RM3" s="18"/>
      <c r="RN3" s="139"/>
      <c r="RO3" s="139"/>
      <c r="RP3" s="138"/>
      <c r="RQ3" s="138"/>
      <c r="RR3" s="138"/>
      <c r="RS3" s="138"/>
      <c r="RT3" s="138"/>
      <c r="RU3" s="138"/>
      <c r="RV3" s="138"/>
      <c r="RW3" s="138"/>
      <c r="RX3" s="138"/>
      <c r="RY3" s="138"/>
      <c r="RZ3" s="18"/>
      <c r="SA3" s="139"/>
      <c r="SB3" s="139"/>
      <c r="SC3" s="138"/>
      <c r="SD3" s="138"/>
      <c r="SE3" s="138"/>
      <c r="SF3" s="138"/>
      <c r="SG3" s="138"/>
      <c r="SH3" s="138"/>
      <c r="SI3" s="138"/>
      <c r="SJ3" s="138"/>
      <c r="SK3" s="138"/>
      <c r="SL3" s="138"/>
      <c r="SM3" s="18"/>
    </row>
    <row r="4" spans="1:507" ht="15" customHeight="1">
      <c r="A4" s="139"/>
      <c r="B4" s="139"/>
      <c r="C4" s="138"/>
      <c r="D4" s="138"/>
      <c r="E4" s="138"/>
      <c r="F4" s="138"/>
      <c r="G4" s="138"/>
      <c r="H4" s="138"/>
      <c r="I4" s="138"/>
      <c r="J4" s="138"/>
      <c r="K4" s="138"/>
      <c r="L4" s="138"/>
      <c r="M4" s="18"/>
      <c r="N4" s="139"/>
      <c r="O4" s="139"/>
      <c r="P4" s="138"/>
      <c r="Q4" s="138"/>
      <c r="R4" s="138"/>
      <c r="S4" s="138"/>
      <c r="T4" s="138"/>
      <c r="U4" s="138"/>
      <c r="V4" s="138"/>
      <c r="W4" s="138"/>
      <c r="X4" s="138"/>
      <c r="Y4" s="138"/>
      <c r="Z4" s="18"/>
      <c r="AA4" s="139"/>
      <c r="AB4" s="139"/>
      <c r="AC4" s="138"/>
      <c r="AD4" s="138"/>
      <c r="AE4" s="138"/>
      <c r="AF4" s="138"/>
      <c r="AG4" s="138"/>
      <c r="AH4" s="138"/>
      <c r="AI4" s="138"/>
      <c r="AJ4" s="138"/>
      <c r="AK4" s="138"/>
      <c r="AL4" s="138"/>
      <c r="AM4" s="18"/>
      <c r="AN4" s="139"/>
      <c r="AO4" s="139"/>
      <c r="AP4" s="138"/>
      <c r="AQ4" s="138"/>
      <c r="AR4" s="138"/>
      <c r="AS4" s="138"/>
      <c r="AT4" s="138"/>
      <c r="AU4" s="138"/>
      <c r="AV4" s="138"/>
      <c r="AW4" s="138"/>
      <c r="AX4" s="138"/>
      <c r="AY4" s="138"/>
      <c r="AZ4" s="18"/>
      <c r="BA4" s="139"/>
      <c r="BB4" s="139"/>
      <c r="BC4" s="138"/>
      <c r="BD4" s="138"/>
      <c r="BE4" s="138"/>
      <c r="BF4" s="138"/>
      <c r="BG4" s="138"/>
      <c r="BH4" s="138"/>
      <c r="BI4" s="138"/>
      <c r="BJ4" s="138"/>
      <c r="BK4" s="138"/>
      <c r="BL4" s="138"/>
      <c r="BM4" s="18"/>
      <c r="BN4" s="139"/>
      <c r="BO4" s="139"/>
      <c r="BP4" s="138"/>
      <c r="BQ4" s="138"/>
      <c r="BR4" s="138"/>
      <c r="BS4" s="138"/>
      <c r="BT4" s="138"/>
      <c r="BU4" s="138"/>
      <c r="BV4" s="138"/>
      <c r="BW4" s="138"/>
      <c r="BX4" s="138"/>
      <c r="BY4" s="138"/>
      <c r="BZ4" s="18"/>
      <c r="CA4" s="139"/>
      <c r="CB4" s="139"/>
      <c r="CC4" s="138"/>
      <c r="CD4" s="138"/>
      <c r="CE4" s="138"/>
      <c r="CF4" s="138"/>
      <c r="CG4" s="138"/>
      <c r="CH4" s="138"/>
      <c r="CI4" s="138"/>
      <c r="CJ4" s="138"/>
      <c r="CK4" s="138"/>
      <c r="CL4" s="138"/>
      <c r="CM4" s="18"/>
      <c r="CN4" s="139"/>
      <c r="CO4" s="139"/>
      <c r="CP4" s="138"/>
      <c r="CQ4" s="138"/>
      <c r="CR4" s="138"/>
      <c r="CS4" s="138"/>
      <c r="CT4" s="138"/>
      <c r="CU4" s="138"/>
      <c r="CV4" s="138"/>
      <c r="CW4" s="138"/>
      <c r="CX4" s="138"/>
      <c r="CY4" s="138"/>
      <c r="CZ4" s="18"/>
      <c r="DA4" s="139"/>
      <c r="DB4" s="139"/>
      <c r="DC4" s="138"/>
      <c r="DD4" s="138"/>
      <c r="DE4" s="138"/>
      <c r="DF4" s="138"/>
      <c r="DG4" s="138"/>
      <c r="DH4" s="138"/>
      <c r="DI4" s="138"/>
      <c r="DJ4" s="138"/>
      <c r="DK4" s="138"/>
      <c r="DL4" s="138"/>
      <c r="DM4" s="18"/>
      <c r="DN4" s="139"/>
      <c r="DO4" s="139"/>
      <c r="DP4" s="138"/>
      <c r="DQ4" s="138"/>
      <c r="DR4" s="138"/>
      <c r="DS4" s="138"/>
      <c r="DT4" s="138"/>
      <c r="DU4" s="138"/>
      <c r="DV4" s="138"/>
      <c r="DW4" s="138"/>
      <c r="DX4" s="138"/>
      <c r="DY4" s="138"/>
      <c r="DZ4" s="18"/>
      <c r="EA4" s="139"/>
      <c r="EB4" s="139"/>
      <c r="EC4" s="138"/>
      <c r="ED4" s="138"/>
      <c r="EE4" s="138"/>
      <c r="EF4" s="138"/>
      <c r="EG4" s="138"/>
      <c r="EH4" s="138"/>
      <c r="EI4" s="138"/>
      <c r="EJ4" s="138"/>
      <c r="EK4" s="138"/>
      <c r="EL4" s="138"/>
      <c r="EM4" s="18"/>
      <c r="EN4" s="139"/>
      <c r="EO4" s="139"/>
      <c r="EP4" s="138"/>
      <c r="EQ4" s="138"/>
      <c r="ER4" s="138"/>
      <c r="ES4" s="138"/>
      <c r="ET4" s="138"/>
      <c r="EU4" s="138"/>
      <c r="EV4" s="138"/>
      <c r="EW4" s="138"/>
      <c r="EX4" s="138"/>
      <c r="EY4" s="138"/>
      <c r="EZ4" s="18"/>
      <c r="FA4" s="139"/>
      <c r="FB4" s="139"/>
      <c r="FC4" s="138"/>
      <c r="FD4" s="138"/>
      <c r="FE4" s="138"/>
      <c r="FF4" s="138"/>
      <c r="FG4" s="138"/>
      <c r="FH4" s="138"/>
      <c r="FI4" s="138"/>
      <c r="FJ4" s="138"/>
      <c r="FK4" s="138"/>
      <c r="FL4" s="138"/>
      <c r="FM4" s="18"/>
      <c r="FN4" s="139"/>
      <c r="FO4" s="139"/>
      <c r="FP4" s="138"/>
      <c r="FQ4" s="138"/>
      <c r="FR4" s="138"/>
      <c r="FS4" s="138"/>
      <c r="FT4" s="138"/>
      <c r="FU4" s="138"/>
      <c r="FV4" s="138"/>
      <c r="FW4" s="138"/>
      <c r="FX4" s="138"/>
      <c r="FY4" s="138"/>
      <c r="FZ4" s="18"/>
      <c r="GA4" s="139"/>
      <c r="GB4" s="139"/>
      <c r="GC4" s="138"/>
      <c r="GD4" s="138"/>
      <c r="GE4" s="138"/>
      <c r="GF4" s="138"/>
      <c r="GG4" s="138"/>
      <c r="GH4" s="138"/>
      <c r="GI4" s="138"/>
      <c r="GJ4" s="138"/>
      <c r="GK4" s="138"/>
      <c r="GL4" s="138"/>
      <c r="GM4" s="18"/>
      <c r="GN4" s="139"/>
      <c r="GO4" s="139"/>
      <c r="GP4" s="138"/>
      <c r="GQ4" s="138"/>
      <c r="GR4" s="138"/>
      <c r="GS4" s="138"/>
      <c r="GT4" s="138"/>
      <c r="GU4" s="138"/>
      <c r="GV4" s="138"/>
      <c r="GW4" s="138"/>
      <c r="GX4" s="138"/>
      <c r="GY4" s="138"/>
      <c r="GZ4" s="18"/>
      <c r="HA4" s="139"/>
      <c r="HB4" s="139"/>
      <c r="HC4" s="138"/>
      <c r="HD4" s="138"/>
      <c r="HE4" s="138"/>
      <c r="HF4" s="138"/>
      <c r="HG4" s="138"/>
      <c r="HH4" s="138"/>
      <c r="HI4" s="138"/>
      <c r="HJ4" s="138"/>
      <c r="HK4" s="138"/>
      <c r="HL4" s="138"/>
      <c r="HM4" s="18"/>
      <c r="HN4" s="139"/>
      <c r="HO4" s="139"/>
      <c r="HP4" s="138"/>
      <c r="HQ4" s="138"/>
      <c r="HR4" s="138"/>
      <c r="HS4" s="138"/>
      <c r="HT4" s="138"/>
      <c r="HU4" s="138"/>
      <c r="HV4" s="138"/>
      <c r="HW4" s="138"/>
      <c r="HX4" s="138"/>
      <c r="HY4" s="138"/>
      <c r="HZ4" s="18"/>
      <c r="IA4" s="139"/>
      <c r="IB4" s="139"/>
      <c r="IC4" s="138"/>
      <c r="ID4" s="138"/>
      <c r="IE4" s="138"/>
      <c r="IF4" s="138"/>
      <c r="IG4" s="138"/>
      <c r="IH4" s="138"/>
      <c r="II4" s="138"/>
      <c r="IJ4" s="138"/>
      <c r="IK4" s="138"/>
      <c r="IL4" s="138"/>
      <c r="IM4" s="18"/>
      <c r="IN4" s="139"/>
      <c r="IO4" s="139"/>
      <c r="IP4" s="138"/>
      <c r="IQ4" s="138"/>
      <c r="IR4" s="138"/>
      <c r="IS4" s="138"/>
      <c r="IT4" s="138"/>
      <c r="IU4" s="138"/>
      <c r="IV4" s="138"/>
      <c r="IW4" s="138"/>
      <c r="IX4" s="138"/>
      <c r="IY4" s="138"/>
      <c r="IZ4" s="18"/>
      <c r="JA4" s="139"/>
      <c r="JB4" s="139"/>
      <c r="JC4" s="138"/>
      <c r="JD4" s="138"/>
      <c r="JE4" s="138"/>
      <c r="JF4" s="138"/>
      <c r="JG4" s="138"/>
      <c r="JH4" s="138"/>
      <c r="JI4" s="138"/>
      <c r="JJ4" s="138"/>
      <c r="JK4" s="138"/>
      <c r="JL4" s="138"/>
      <c r="JM4" s="18"/>
      <c r="JN4" s="139"/>
      <c r="JO4" s="139"/>
      <c r="JP4" s="138"/>
      <c r="JQ4" s="138"/>
      <c r="JR4" s="138"/>
      <c r="JS4" s="138"/>
      <c r="JT4" s="138"/>
      <c r="JU4" s="138"/>
      <c r="JV4" s="138"/>
      <c r="JW4" s="138"/>
      <c r="JX4" s="138"/>
      <c r="JY4" s="138"/>
      <c r="JZ4" s="18"/>
      <c r="KA4" s="139"/>
      <c r="KB4" s="139"/>
      <c r="KC4" s="138"/>
      <c r="KD4" s="138"/>
      <c r="KE4" s="138"/>
      <c r="KF4" s="138"/>
      <c r="KG4" s="138"/>
      <c r="KH4" s="138"/>
      <c r="KI4" s="138"/>
      <c r="KJ4" s="138"/>
      <c r="KK4" s="138"/>
      <c r="KL4" s="138"/>
      <c r="KM4" s="18"/>
      <c r="KN4" s="139"/>
      <c r="KO4" s="139"/>
      <c r="KP4" s="138"/>
      <c r="KQ4" s="138"/>
      <c r="KR4" s="138"/>
      <c r="KS4" s="138"/>
      <c r="KT4" s="138"/>
      <c r="KU4" s="138"/>
      <c r="KV4" s="138"/>
      <c r="KW4" s="138"/>
      <c r="KX4" s="138"/>
      <c r="KY4" s="138"/>
      <c r="KZ4" s="18"/>
      <c r="LA4" s="139"/>
      <c r="LB4" s="139"/>
      <c r="LC4" s="138"/>
      <c r="LD4" s="138"/>
      <c r="LE4" s="138"/>
      <c r="LF4" s="138"/>
      <c r="LG4" s="138"/>
      <c r="LH4" s="138"/>
      <c r="LI4" s="138"/>
      <c r="LJ4" s="138"/>
      <c r="LK4" s="138"/>
      <c r="LL4" s="138"/>
      <c r="LM4" s="18"/>
      <c r="LN4" s="139"/>
      <c r="LO4" s="139"/>
      <c r="LP4" s="138"/>
      <c r="LQ4" s="138"/>
      <c r="LR4" s="138"/>
      <c r="LS4" s="138"/>
      <c r="LT4" s="138"/>
      <c r="LU4" s="138"/>
      <c r="LV4" s="138"/>
      <c r="LW4" s="138"/>
      <c r="LX4" s="138"/>
      <c r="LY4" s="138"/>
      <c r="LZ4" s="18"/>
      <c r="MA4" s="139"/>
      <c r="MB4" s="139"/>
      <c r="MC4" s="138"/>
      <c r="MD4" s="138"/>
      <c r="ME4" s="138"/>
      <c r="MF4" s="138"/>
      <c r="MG4" s="138"/>
      <c r="MH4" s="138"/>
      <c r="MI4" s="138"/>
      <c r="MJ4" s="138"/>
      <c r="MK4" s="138"/>
      <c r="ML4" s="138"/>
      <c r="MM4" s="18"/>
      <c r="MN4" s="139"/>
      <c r="MO4" s="139"/>
      <c r="MP4" s="138"/>
      <c r="MQ4" s="138"/>
      <c r="MR4" s="138"/>
      <c r="MS4" s="138"/>
      <c r="MT4" s="138"/>
      <c r="MU4" s="138"/>
      <c r="MV4" s="138"/>
      <c r="MW4" s="138"/>
      <c r="MX4" s="138"/>
      <c r="MY4" s="138"/>
      <c r="MZ4" s="18"/>
      <c r="NA4" s="139"/>
      <c r="NB4" s="139"/>
      <c r="NC4" s="138"/>
      <c r="ND4" s="138"/>
      <c r="NE4" s="138"/>
      <c r="NF4" s="138"/>
      <c r="NG4" s="138"/>
      <c r="NH4" s="138"/>
      <c r="NI4" s="138"/>
      <c r="NJ4" s="138"/>
      <c r="NK4" s="138"/>
      <c r="NL4" s="138"/>
      <c r="NM4" s="18"/>
      <c r="NN4" s="139"/>
      <c r="NO4" s="139"/>
      <c r="NP4" s="138"/>
      <c r="NQ4" s="138"/>
      <c r="NR4" s="138"/>
      <c r="NS4" s="138"/>
      <c r="NT4" s="138"/>
      <c r="NU4" s="138"/>
      <c r="NV4" s="138"/>
      <c r="NW4" s="138"/>
      <c r="NX4" s="138"/>
      <c r="NY4" s="138"/>
      <c r="NZ4" s="18"/>
      <c r="OA4" s="139"/>
      <c r="OB4" s="139"/>
      <c r="OC4" s="138"/>
      <c r="OD4" s="138"/>
      <c r="OE4" s="138"/>
      <c r="OF4" s="138"/>
      <c r="OG4" s="138"/>
      <c r="OH4" s="138"/>
      <c r="OI4" s="138"/>
      <c r="OJ4" s="138"/>
      <c r="OK4" s="138"/>
      <c r="OL4" s="138"/>
      <c r="OM4" s="18"/>
      <c r="ON4" s="139"/>
      <c r="OO4" s="139"/>
      <c r="OP4" s="138"/>
      <c r="OQ4" s="138"/>
      <c r="OR4" s="138"/>
      <c r="OS4" s="138"/>
      <c r="OT4" s="138"/>
      <c r="OU4" s="138"/>
      <c r="OV4" s="138"/>
      <c r="OW4" s="138"/>
      <c r="OX4" s="138"/>
      <c r="OY4" s="138"/>
      <c r="OZ4" s="18"/>
      <c r="PA4" s="139"/>
      <c r="PB4" s="139"/>
      <c r="PC4" s="138"/>
      <c r="PD4" s="138"/>
      <c r="PE4" s="138"/>
      <c r="PF4" s="138"/>
      <c r="PG4" s="138"/>
      <c r="PH4" s="138"/>
      <c r="PI4" s="138"/>
      <c r="PJ4" s="138"/>
      <c r="PK4" s="138"/>
      <c r="PL4" s="138"/>
      <c r="PM4" s="18"/>
      <c r="PN4" s="139"/>
      <c r="PO4" s="139"/>
      <c r="PP4" s="138"/>
      <c r="PQ4" s="138"/>
      <c r="PR4" s="138"/>
      <c r="PS4" s="138"/>
      <c r="PT4" s="138"/>
      <c r="PU4" s="138"/>
      <c r="PV4" s="138"/>
      <c r="PW4" s="138"/>
      <c r="PX4" s="138"/>
      <c r="PY4" s="138"/>
      <c r="PZ4" s="18"/>
      <c r="QA4" s="139"/>
      <c r="QB4" s="139"/>
      <c r="QC4" s="138"/>
      <c r="QD4" s="138"/>
      <c r="QE4" s="138"/>
      <c r="QF4" s="138"/>
      <c r="QG4" s="138"/>
      <c r="QH4" s="138"/>
      <c r="QI4" s="138"/>
      <c r="QJ4" s="138"/>
      <c r="QK4" s="138"/>
      <c r="QL4" s="138"/>
      <c r="QM4" s="18"/>
      <c r="QN4" s="139"/>
      <c r="QO4" s="139"/>
      <c r="QP4" s="138"/>
      <c r="QQ4" s="138"/>
      <c r="QR4" s="138"/>
      <c r="QS4" s="138"/>
      <c r="QT4" s="138"/>
      <c r="QU4" s="138"/>
      <c r="QV4" s="138"/>
      <c r="QW4" s="138"/>
      <c r="QX4" s="138"/>
      <c r="QY4" s="138"/>
      <c r="QZ4" s="18"/>
      <c r="RA4" s="139"/>
      <c r="RB4" s="139"/>
      <c r="RC4" s="138"/>
      <c r="RD4" s="138"/>
      <c r="RE4" s="138"/>
      <c r="RF4" s="138"/>
      <c r="RG4" s="138"/>
      <c r="RH4" s="138"/>
      <c r="RI4" s="138"/>
      <c r="RJ4" s="138"/>
      <c r="RK4" s="138"/>
      <c r="RL4" s="138"/>
      <c r="RM4" s="18"/>
      <c r="RN4" s="139"/>
      <c r="RO4" s="139"/>
      <c r="RP4" s="138"/>
      <c r="RQ4" s="138"/>
      <c r="RR4" s="138"/>
      <c r="RS4" s="138"/>
      <c r="RT4" s="138"/>
      <c r="RU4" s="138"/>
      <c r="RV4" s="138"/>
      <c r="RW4" s="138"/>
      <c r="RX4" s="138"/>
      <c r="RY4" s="138"/>
      <c r="RZ4" s="18"/>
      <c r="SA4" s="139"/>
      <c r="SB4" s="139"/>
      <c r="SC4" s="138"/>
      <c r="SD4" s="138"/>
      <c r="SE4" s="138"/>
      <c r="SF4" s="138"/>
      <c r="SG4" s="138"/>
      <c r="SH4" s="138"/>
      <c r="SI4" s="138"/>
      <c r="SJ4" s="138"/>
      <c r="SK4" s="138"/>
      <c r="SL4" s="138"/>
      <c r="SM4" s="18"/>
    </row>
    <row r="5" spans="1:507" ht="15" customHeight="1">
      <c r="A5" s="139"/>
      <c r="B5" s="139"/>
      <c r="C5" s="138"/>
      <c r="D5" s="138"/>
      <c r="E5" s="138"/>
      <c r="F5" s="138"/>
      <c r="G5" s="138"/>
      <c r="H5" s="138"/>
      <c r="I5" s="138"/>
      <c r="J5" s="138"/>
      <c r="K5" s="138"/>
      <c r="L5" s="138"/>
      <c r="M5" s="18"/>
      <c r="N5" s="139"/>
      <c r="O5" s="139"/>
      <c r="P5" s="138"/>
      <c r="Q5" s="138"/>
      <c r="R5" s="138"/>
      <c r="S5" s="138"/>
      <c r="T5" s="138"/>
      <c r="U5" s="138"/>
      <c r="V5" s="138"/>
      <c r="W5" s="138"/>
      <c r="X5" s="138"/>
      <c r="Y5" s="138"/>
      <c r="Z5" s="18"/>
      <c r="AA5" s="139"/>
      <c r="AB5" s="139"/>
      <c r="AC5" s="138"/>
      <c r="AD5" s="138"/>
      <c r="AE5" s="138"/>
      <c r="AF5" s="138"/>
      <c r="AG5" s="138"/>
      <c r="AH5" s="138"/>
      <c r="AI5" s="138"/>
      <c r="AJ5" s="138"/>
      <c r="AK5" s="138"/>
      <c r="AL5" s="138"/>
      <c r="AM5" s="18"/>
      <c r="AN5" s="139"/>
      <c r="AO5" s="139"/>
      <c r="AP5" s="138"/>
      <c r="AQ5" s="138"/>
      <c r="AR5" s="138"/>
      <c r="AS5" s="138"/>
      <c r="AT5" s="138"/>
      <c r="AU5" s="138"/>
      <c r="AV5" s="138"/>
      <c r="AW5" s="138"/>
      <c r="AX5" s="138"/>
      <c r="AY5" s="138"/>
      <c r="AZ5" s="18"/>
      <c r="BA5" s="139"/>
      <c r="BB5" s="139"/>
      <c r="BC5" s="138"/>
      <c r="BD5" s="138"/>
      <c r="BE5" s="138"/>
      <c r="BF5" s="138"/>
      <c r="BG5" s="138"/>
      <c r="BH5" s="138"/>
      <c r="BI5" s="138"/>
      <c r="BJ5" s="138"/>
      <c r="BK5" s="138"/>
      <c r="BL5" s="138"/>
      <c r="BM5" s="18"/>
      <c r="BN5" s="139"/>
      <c r="BO5" s="139"/>
      <c r="BP5" s="138"/>
      <c r="BQ5" s="138"/>
      <c r="BR5" s="138"/>
      <c r="BS5" s="138"/>
      <c r="BT5" s="138"/>
      <c r="BU5" s="138"/>
      <c r="BV5" s="138"/>
      <c r="BW5" s="138"/>
      <c r="BX5" s="138"/>
      <c r="BY5" s="138"/>
      <c r="BZ5" s="18"/>
      <c r="CA5" s="139"/>
      <c r="CB5" s="139"/>
      <c r="CC5" s="138"/>
      <c r="CD5" s="138"/>
      <c r="CE5" s="138"/>
      <c r="CF5" s="138"/>
      <c r="CG5" s="138"/>
      <c r="CH5" s="138"/>
      <c r="CI5" s="138"/>
      <c r="CJ5" s="138"/>
      <c r="CK5" s="138"/>
      <c r="CL5" s="138"/>
      <c r="CM5" s="18"/>
      <c r="CN5" s="139"/>
      <c r="CO5" s="139"/>
      <c r="CP5" s="138"/>
      <c r="CQ5" s="138"/>
      <c r="CR5" s="138"/>
      <c r="CS5" s="138"/>
      <c r="CT5" s="138"/>
      <c r="CU5" s="138"/>
      <c r="CV5" s="138"/>
      <c r="CW5" s="138"/>
      <c r="CX5" s="138"/>
      <c r="CY5" s="138"/>
      <c r="CZ5" s="18"/>
      <c r="DA5" s="139"/>
      <c r="DB5" s="139"/>
      <c r="DC5" s="138"/>
      <c r="DD5" s="138"/>
      <c r="DE5" s="138"/>
      <c r="DF5" s="138"/>
      <c r="DG5" s="138"/>
      <c r="DH5" s="138"/>
      <c r="DI5" s="138"/>
      <c r="DJ5" s="138"/>
      <c r="DK5" s="138"/>
      <c r="DL5" s="138"/>
      <c r="DM5" s="18"/>
      <c r="DN5" s="139"/>
      <c r="DO5" s="139"/>
      <c r="DP5" s="138"/>
      <c r="DQ5" s="138"/>
      <c r="DR5" s="138"/>
      <c r="DS5" s="138"/>
      <c r="DT5" s="138"/>
      <c r="DU5" s="138"/>
      <c r="DV5" s="138"/>
      <c r="DW5" s="138"/>
      <c r="DX5" s="138"/>
      <c r="DY5" s="138"/>
      <c r="DZ5" s="18"/>
      <c r="EA5" s="139"/>
      <c r="EB5" s="139"/>
      <c r="EC5" s="138"/>
      <c r="ED5" s="138"/>
      <c r="EE5" s="138"/>
      <c r="EF5" s="138"/>
      <c r="EG5" s="138"/>
      <c r="EH5" s="138"/>
      <c r="EI5" s="138"/>
      <c r="EJ5" s="138"/>
      <c r="EK5" s="138"/>
      <c r="EL5" s="138"/>
      <c r="EM5" s="18"/>
      <c r="EN5" s="139"/>
      <c r="EO5" s="139"/>
      <c r="EP5" s="138"/>
      <c r="EQ5" s="138"/>
      <c r="ER5" s="138"/>
      <c r="ES5" s="138"/>
      <c r="ET5" s="138"/>
      <c r="EU5" s="138"/>
      <c r="EV5" s="138"/>
      <c r="EW5" s="138"/>
      <c r="EX5" s="138"/>
      <c r="EY5" s="138"/>
      <c r="EZ5" s="18"/>
      <c r="FA5" s="139"/>
      <c r="FB5" s="139"/>
      <c r="FC5" s="138"/>
      <c r="FD5" s="138"/>
      <c r="FE5" s="138"/>
      <c r="FF5" s="138"/>
      <c r="FG5" s="138"/>
      <c r="FH5" s="138"/>
      <c r="FI5" s="138"/>
      <c r="FJ5" s="138"/>
      <c r="FK5" s="138"/>
      <c r="FL5" s="138"/>
      <c r="FM5" s="18"/>
      <c r="FN5" s="139"/>
      <c r="FO5" s="139"/>
      <c r="FP5" s="138"/>
      <c r="FQ5" s="138"/>
      <c r="FR5" s="138"/>
      <c r="FS5" s="138"/>
      <c r="FT5" s="138"/>
      <c r="FU5" s="138"/>
      <c r="FV5" s="138"/>
      <c r="FW5" s="138"/>
      <c r="FX5" s="138"/>
      <c r="FY5" s="138"/>
      <c r="FZ5" s="18"/>
      <c r="GA5" s="139"/>
      <c r="GB5" s="139"/>
      <c r="GC5" s="138"/>
      <c r="GD5" s="138"/>
      <c r="GE5" s="138"/>
      <c r="GF5" s="138"/>
      <c r="GG5" s="138"/>
      <c r="GH5" s="138"/>
      <c r="GI5" s="138"/>
      <c r="GJ5" s="138"/>
      <c r="GK5" s="138"/>
      <c r="GL5" s="138"/>
      <c r="GM5" s="18"/>
      <c r="GN5" s="139"/>
      <c r="GO5" s="139"/>
      <c r="GP5" s="138"/>
      <c r="GQ5" s="138"/>
      <c r="GR5" s="138"/>
      <c r="GS5" s="138"/>
      <c r="GT5" s="138"/>
      <c r="GU5" s="138"/>
      <c r="GV5" s="138"/>
      <c r="GW5" s="138"/>
      <c r="GX5" s="138"/>
      <c r="GY5" s="138"/>
      <c r="GZ5" s="18"/>
      <c r="HA5" s="139"/>
      <c r="HB5" s="139"/>
      <c r="HC5" s="138"/>
      <c r="HD5" s="138"/>
      <c r="HE5" s="138"/>
      <c r="HF5" s="138"/>
      <c r="HG5" s="138"/>
      <c r="HH5" s="138"/>
      <c r="HI5" s="138"/>
      <c r="HJ5" s="138"/>
      <c r="HK5" s="138"/>
      <c r="HL5" s="138"/>
      <c r="HM5" s="18"/>
      <c r="HN5" s="139"/>
      <c r="HO5" s="139"/>
      <c r="HP5" s="138"/>
      <c r="HQ5" s="138"/>
      <c r="HR5" s="138"/>
      <c r="HS5" s="138"/>
      <c r="HT5" s="138"/>
      <c r="HU5" s="138"/>
      <c r="HV5" s="138"/>
      <c r="HW5" s="138"/>
      <c r="HX5" s="138"/>
      <c r="HY5" s="138"/>
      <c r="HZ5" s="18"/>
      <c r="IA5" s="139"/>
      <c r="IB5" s="139"/>
      <c r="IC5" s="138"/>
      <c r="ID5" s="138"/>
      <c r="IE5" s="138"/>
      <c r="IF5" s="138"/>
      <c r="IG5" s="138"/>
      <c r="IH5" s="138"/>
      <c r="II5" s="138"/>
      <c r="IJ5" s="138"/>
      <c r="IK5" s="138"/>
      <c r="IL5" s="138"/>
      <c r="IM5" s="18"/>
      <c r="IN5" s="139"/>
      <c r="IO5" s="139"/>
      <c r="IP5" s="138"/>
      <c r="IQ5" s="138"/>
      <c r="IR5" s="138"/>
      <c r="IS5" s="138"/>
      <c r="IT5" s="138"/>
      <c r="IU5" s="138"/>
      <c r="IV5" s="138"/>
      <c r="IW5" s="138"/>
      <c r="IX5" s="138"/>
      <c r="IY5" s="138"/>
      <c r="IZ5" s="18"/>
      <c r="JA5" s="139"/>
      <c r="JB5" s="139"/>
      <c r="JC5" s="138"/>
      <c r="JD5" s="138"/>
      <c r="JE5" s="138"/>
      <c r="JF5" s="138"/>
      <c r="JG5" s="138"/>
      <c r="JH5" s="138"/>
      <c r="JI5" s="138"/>
      <c r="JJ5" s="138"/>
      <c r="JK5" s="138"/>
      <c r="JL5" s="138"/>
      <c r="JM5" s="18"/>
      <c r="JN5" s="139"/>
      <c r="JO5" s="139"/>
      <c r="JP5" s="138"/>
      <c r="JQ5" s="138"/>
      <c r="JR5" s="138"/>
      <c r="JS5" s="138"/>
      <c r="JT5" s="138"/>
      <c r="JU5" s="138"/>
      <c r="JV5" s="138"/>
      <c r="JW5" s="138"/>
      <c r="JX5" s="138"/>
      <c r="JY5" s="138"/>
      <c r="JZ5" s="18"/>
      <c r="KA5" s="139"/>
      <c r="KB5" s="139"/>
      <c r="KC5" s="138"/>
      <c r="KD5" s="138"/>
      <c r="KE5" s="138"/>
      <c r="KF5" s="138"/>
      <c r="KG5" s="138"/>
      <c r="KH5" s="138"/>
      <c r="KI5" s="138"/>
      <c r="KJ5" s="138"/>
      <c r="KK5" s="138"/>
      <c r="KL5" s="138"/>
      <c r="KM5" s="18"/>
      <c r="KN5" s="139"/>
      <c r="KO5" s="139"/>
      <c r="KP5" s="138"/>
      <c r="KQ5" s="138"/>
      <c r="KR5" s="138"/>
      <c r="KS5" s="138"/>
      <c r="KT5" s="138"/>
      <c r="KU5" s="138"/>
      <c r="KV5" s="138"/>
      <c r="KW5" s="138"/>
      <c r="KX5" s="138"/>
      <c r="KY5" s="138"/>
      <c r="KZ5" s="18"/>
      <c r="LA5" s="139"/>
      <c r="LB5" s="139"/>
      <c r="LC5" s="138"/>
      <c r="LD5" s="138"/>
      <c r="LE5" s="138"/>
      <c r="LF5" s="138"/>
      <c r="LG5" s="138"/>
      <c r="LH5" s="138"/>
      <c r="LI5" s="138"/>
      <c r="LJ5" s="138"/>
      <c r="LK5" s="138"/>
      <c r="LL5" s="138"/>
      <c r="LM5" s="18"/>
      <c r="LN5" s="139"/>
      <c r="LO5" s="139"/>
      <c r="LP5" s="138"/>
      <c r="LQ5" s="138"/>
      <c r="LR5" s="138"/>
      <c r="LS5" s="138"/>
      <c r="LT5" s="138"/>
      <c r="LU5" s="138"/>
      <c r="LV5" s="138"/>
      <c r="LW5" s="138"/>
      <c r="LX5" s="138"/>
      <c r="LY5" s="138"/>
      <c r="LZ5" s="18"/>
      <c r="MA5" s="139"/>
      <c r="MB5" s="139"/>
      <c r="MC5" s="138"/>
      <c r="MD5" s="138"/>
      <c r="ME5" s="138"/>
      <c r="MF5" s="138"/>
      <c r="MG5" s="138"/>
      <c r="MH5" s="138"/>
      <c r="MI5" s="138"/>
      <c r="MJ5" s="138"/>
      <c r="MK5" s="138"/>
      <c r="ML5" s="138"/>
      <c r="MM5" s="18"/>
      <c r="MN5" s="139"/>
      <c r="MO5" s="139"/>
      <c r="MP5" s="138"/>
      <c r="MQ5" s="138"/>
      <c r="MR5" s="138"/>
      <c r="MS5" s="138"/>
      <c r="MT5" s="138"/>
      <c r="MU5" s="138"/>
      <c r="MV5" s="138"/>
      <c r="MW5" s="138"/>
      <c r="MX5" s="138"/>
      <c r="MY5" s="138"/>
      <c r="MZ5" s="18"/>
      <c r="NA5" s="139"/>
      <c r="NB5" s="139"/>
      <c r="NC5" s="138"/>
      <c r="ND5" s="138"/>
      <c r="NE5" s="138"/>
      <c r="NF5" s="138"/>
      <c r="NG5" s="138"/>
      <c r="NH5" s="138"/>
      <c r="NI5" s="138"/>
      <c r="NJ5" s="138"/>
      <c r="NK5" s="138"/>
      <c r="NL5" s="138"/>
      <c r="NM5" s="18"/>
      <c r="NN5" s="139"/>
      <c r="NO5" s="139"/>
      <c r="NP5" s="138"/>
      <c r="NQ5" s="138"/>
      <c r="NR5" s="138"/>
      <c r="NS5" s="138"/>
      <c r="NT5" s="138"/>
      <c r="NU5" s="138"/>
      <c r="NV5" s="138"/>
      <c r="NW5" s="138"/>
      <c r="NX5" s="138"/>
      <c r="NY5" s="138"/>
      <c r="NZ5" s="18"/>
      <c r="OA5" s="139"/>
      <c r="OB5" s="139"/>
      <c r="OC5" s="138"/>
      <c r="OD5" s="138"/>
      <c r="OE5" s="138"/>
      <c r="OF5" s="138"/>
      <c r="OG5" s="138"/>
      <c r="OH5" s="138"/>
      <c r="OI5" s="138"/>
      <c r="OJ5" s="138"/>
      <c r="OK5" s="138"/>
      <c r="OL5" s="138"/>
      <c r="OM5" s="18"/>
      <c r="ON5" s="139"/>
      <c r="OO5" s="139"/>
      <c r="OP5" s="138"/>
      <c r="OQ5" s="138"/>
      <c r="OR5" s="138"/>
      <c r="OS5" s="138"/>
      <c r="OT5" s="138"/>
      <c r="OU5" s="138"/>
      <c r="OV5" s="138"/>
      <c r="OW5" s="138"/>
      <c r="OX5" s="138"/>
      <c r="OY5" s="138"/>
      <c r="OZ5" s="18"/>
      <c r="PA5" s="139"/>
      <c r="PB5" s="139"/>
      <c r="PC5" s="138"/>
      <c r="PD5" s="138"/>
      <c r="PE5" s="138"/>
      <c r="PF5" s="138"/>
      <c r="PG5" s="138"/>
      <c r="PH5" s="138"/>
      <c r="PI5" s="138"/>
      <c r="PJ5" s="138"/>
      <c r="PK5" s="138"/>
      <c r="PL5" s="138"/>
      <c r="PM5" s="18"/>
      <c r="PN5" s="139"/>
      <c r="PO5" s="139"/>
      <c r="PP5" s="138"/>
      <c r="PQ5" s="138"/>
      <c r="PR5" s="138"/>
      <c r="PS5" s="138"/>
      <c r="PT5" s="138"/>
      <c r="PU5" s="138"/>
      <c r="PV5" s="138"/>
      <c r="PW5" s="138"/>
      <c r="PX5" s="138"/>
      <c r="PY5" s="138"/>
      <c r="PZ5" s="18"/>
      <c r="QA5" s="139"/>
      <c r="QB5" s="139"/>
      <c r="QC5" s="138"/>
      <c r="QD5" s="138"/>
      <c r="QE5" s="138"/>
      <c r="QF5" s="138"/>
      <c r="QG5" s="138"/>
      <c r="QH5" s="138"/>
      <c r="QI5" s="138"/>
      <c r="QJ5" s="138"/>
      <c r="QK5" s="138"/>
      <c r="QL5" s="138"/>
      <c r="QM5" s="18"/>
      <c r="QN5" s="139"/>
      <c r="QO5" s="139"/>
      <c r="QP5" s="138"/>
      <c r="QQ5" s="138"/>
      <c r="QR5" s="138"/>
      <c r="QS5" s="138"/>
      <c r="QT5" s="138"/>
      <c r="QU5" s="138"/>
      <c r="QV5" s="138"/>
      <c r="QW5" s="138"/>
      <c r="QX5" s="138"/>
      <c r="QY5" s="138"/>
      <c r="QZ5" s="18"/>
      <c r="RA5" s="139"/>
      <c r="RB5" s="139"/>
      <c r="RC5" s="138"/>
      <c r="RD5" s="138"/>
      <c r="RE5" s="138"/>
      <c r="RF5" s="138"/>
      <c r="RG5" s="138"/>
      <c r="RH5" s="138"/>
      <c r="RI5" s="138"/>
      <c r="RJ5" s="138"/>
      <c r="RK5" s="138"/>
      <c r="RL5" s="138"/>
      <c r="RM5" s="18"/>
      <c r="RN5" s="139"/>
      <c r="RO5" s="139"/>
      <c r="RP5" s="138"/>
      <c r="RQ5" s="138"/>
      <c r="RR5" s="138"/>
      <c r="RS5" s="138"/>
      <c r="RT5" s="138"/>
      <c r="RU5" s="138"/>
      <c r="RV5" s="138"/>
      <c r="RW5" s="138"/>
      <c r="RX5" s="138"/>
      <c r="RY5" s="138"/>
      <c r="RZ5" s="18"/>
      <c r="SA5" s="139"/>
      <c r="SB5" s="139"/>
      <c r="SC5" s="138"/>
      <c r="SD5" s="138"/>
      <c r="SE5" s="138"/>
      <c r="SF5" s="138"/>
      <c r="SG5" s="138"/>
      <c r="SH5" s="138"/>
      <c r="SI5" s="138"/>
      <c r="SJ5" s="138"/>
      <c r="SK5" s="138"/>
      <c r="SL5" s="138"/>
      <c r="SM5" s="18"/>
    </row>
    <row r="6" spans="1:507" ht="17.100000000000001" customHeight="1">
      <c r="A6" s="82"/>
      <c r="B6" s="140" t="str">
        <f>IF(C9="","",C9)</f>
        <v/>
      </c>
      <c r="C6" s="140"/>
      <c r="D6" s="83"/>
      <c r="E6" s="80" t="s">
        <v>31</v>
      </c>
      <c r="F6" s="80"/>
      <c r="G6" s="40"/>
      <c r="H6" s="81" t="str">
        <f>IF(C9="","",MAX(C9:C46))</f>
        <v/>
      </c>
      <c r="I6" s="81"/>
      <c r="J6" s="129"/>
      <c r="K6" s="129"/>
      <c r="L6" s="129"/>
      <c r="M6" s="18"/>
      <c r="N6" s="82"/>
      <c r="O6" s="140" t="str">
        <f>IF(P9="","",P9)</f>
        <v/>
      </c>
      <c r="P6" s="140"/>
      <c r="Q6" s="83"/>
      <c r="R6" s="80" t="s">
        <v>31</v>
      </c>
      <c r="S6" s="80"/>
      <c r="T6" s="40"/>
      <c r="U6" s="81" t="str">
        <f>IF(P9="","",MAX(P9:P46))</f>
        <v/>
      </c>
      <c r="V6" s="81"/>
      <c r="W6" s="129"/>
      <c r="X6" s="129"/>
      <c r="Y6" s="129"/>
      <c r="Z6" s="18"/>
      <c r="AA6" s="82"/>
      <c r="AB6" s="140" t="str">
        <f>IF(AC9="","",AC9)</f>
        <v/>
      </c>
      <c r="AC6" s="140"/>
      <c r="AD6" s="83"/>
      <c r="AE6" s="80" t="s">
        <v>31</v>
      </c>
      <c r="AF6" s="80"/>
      <c r="AG6" s="40"/>
      <c r="AH6" s="81" t="str">
        <f>IF(AC9="","",MAX(AC9:AC46))</f>
        <v/>
      </c>
      <c r="AI6" s="81"/>
      <c r="AJ6" s="129"/>
      <c r="AK6" s="129"/>
      <c r="AL6" s="129"/>
      <c r="AM6" s="18"/>
      <c r="AN6" s="82"/>
      <c r="AO6" s="140" t="str">
        <f>IF(AP9="","",AP9)</f>
        <v/>
      </c>
      <c r="AP6" s="140"/>
      <c r="AQ6" s="83"/>
      <c r="AR6" s="80" t="s">
        <v>31</v>
      </c>
      <c r="AS6" s="80"/>
      <c r="AT6" s="40"/>
      <c r="AU6" s="81" t="str">
        <f>IF(AP9="","",MAX(AP9:AP46))</f>
        <v/>
      </c>
      <c r="AV6" s="81"/>
      <c r="AW6" s="129"/>
      <c r="AX6" s="129"/>
      <c r="AY6" s="129"/>
      <c r="AZ6" s="18"/>
      <c r="BA6" s="82"/>
      <c r="BB6" s="140" t="str">
        <f>IF(BC9="","",BC9)</f>
        <v/>
      </c>
      <c r="BC6" s="140"/>
      <c r="BD6" s="83"/>
      <c r="BE6" s="80" t="s">
        <v>31</v>
      </c>
      <c r="BF6" s="80"/>
      <c r="BG6" s="40"/>
      <c r="BH6" s="81" t="str">
        <f>IF(BC9="","",MAX(BC9:BC46))</f>
        <v/>
      </c>
      <c r="BI6" s="81"/>
      <c r="BJ6" s="129"/>
      <c r="BK6" s="129"/>
      <c r="BL6" s="129"/>
      <c r="BM6" s="18"/>
      <c r="BN6" s="82"/>
      <c r="BO6" s="140" t="str">
        <f>IF(BP9="","",BP9)</f>
        <v/>
      </c>
      <c r="BP6" s="140"/>
      <c r="BQ6" s="83"/>
      <c r="BR6" s="80" t="s">
        <v>31</v>
      </c>
      <c r="BS6" s="80"/>
      <c r="BT6" s="40"/>
      <c r="BU6" s="81" t="str">
        <f>IF(BP9="","",MAX(BP9:BP46))</f>
        <v/>
      </c>
      <c r="BV6" s="81"/>
      <c r="BW6" s="129"/>
      <c r="BX6" s="129"/>
      <c r="BY6" s="129"/>
      <c r="BZ6" s="18"/>
      <c r="CA6" s="82"/>
      <c r="CB6" s="140" t="str">
        <f>IF(CC9="","",CC9)</f>
        <v/>
      </c>
      <c r="CC6" s="140"/>
      <c r="CD6" s="83"/>
      <c r="CE6" s="80" t="s">
        <v>31</v>
      </c>
      <c r="CF6" s="80"/>
      <c r="CG6" s="40"/>
      <c r="CH6" s="81" t="str">
        <f>IF(CC9="","",MAX(CC9:CC46))</f>
        <v/>
      </c>
      <c r="CI6" s="81"/>
      <c r="CJ6" s="129"/>
      <c r="CK6" s="129"/>
      <c r="CL6" s="129"/>
      <c r="CM6" s="18"/>
      <c r="CN6" s="82"/>
      <c r="CO6" s="140" t="str">
        <f>IF(CP9="","",CP9)</f>
        <v/>
      </c>
      <c r="CP6" s="140"/>
      <c r="CQ6" s="83"/>
      <c r="CR6" s="80" t="s">
        <v>31</v>
      </c>
      <c r="CS6" s="80"/>
      <c r="CT6" s="40"/>
      <c r="CU6" s="81" t="str">
        <f>IF(CP9="","",MAX(CP9:CP46))</f>
        <v/>
      </c>
      <c r="CV6" s="81"/>
      <c r="CW6" s="129"/>
      <c r="CX6" s="129"/>
      <c r="CY6" s="129"/>
      <c r="CZ6" s="18"/>
      <c r="DA6" s="82"/>
      <c r="DB6" s="140" t="str">
        <f>IF(DC9="","",DC9)</f>
        <v/>
      </c>
      <c r="DC6" s="140"/>
      <c r="DD6" s="83"/>
      <c r="DE6" s="80" t="s">
        <v>31</v>
      </c>
      <c r="DF6" s="80"/>
      <c r="DG6" s="40"/>
      <c r="DH6" s="81" t="str">
        <f>IF(DC9="","",MAX(DC9:DC46))</f>
        <v/>
      </c>
      <c r="DI6" s="81"/>
      <c r="DJ6" s="129"/>
      <c r="DK6" s="129"/>
      <c r="DL6" s="129"/>
      <c r="DM6" s="18"/>
      <c r="DN6" s="82"/>
      <c r="DO6" s="140" t="str">
        <f>IF(DP9="","",DP9)</f>
        <v/>
      </c>
      <c r="DP6" s="140"/>
      <c r="DQ6" s="83"/>
      <c r="DR6" s="80" t="s">
        <v>31</v>
      </c>
      <c r="DS6" s="80"/>
      <c r="DT6" s="40"/>
      <c r="DU6" s="81" t="str">
        <f>IF(DP9="","",MAX(DP9:DP46))</f>
        <v/>
      </c>
      <c r="DV6" s="81"/>
      <c r="DW6" s="129"/>
      <c r="DX6" s="129"/>
      <c r="DY6" s="129"/>
      <c r="DZ6" s="18"/>
      <c r="EA6" s="82"/>
      <c r="EB6" s="140" t="str">
        <f>IF(EC9="","",EC9)</f>
        <v/>
      </c>
      <c r="EC6" s="140"/>
      <c r="ED6" s="83"/>
      <c r="EE6" s="80" t="s">
        <v>31</v>
      </c>
      <c r="EF6" s="80"/>
      <c r="EG6" s="40"/>
      <c r="EH6" s="81" t="str">
        <f>IF(EC9="","",MAX(EC9:EC46))</f>
        <v/>
      </c>
      <c r="EI6" s="81"/>
      <c r="EJ6" s="129"/>
      <c r="EK6" s="129"/>
      <c r="EL6" s="129"/>
      <c r="EM6" s="18"/>
      <c r="EN6" s="82"/>
      <c r="EO6" s="140" t="str">
        <f>IF(EP9="","",EP9)</f>
        <v/>
      </c>
      <c r="EP6" s="140"/>
      <c r="EQ6" s="83"/>
      <c r="ER6" s="80" t="s">
        <v>31</v>
      </c>
      <c r="ES6" s="80"/>
      <c r="ET6" s="40"/>
      <c r="EU6" s="81" t="str">
        <f>IF(EP9="","",MAX(EP9:EP46))</f>
        <v/>
      </c>
      <c r="EV6" s="81"/>
      <c r="EW6" s="129"/>
      <c r="EX6" s="129"/>
      <c r="EY6" s="129"/>
      <c r="EZ6" s="18"/>
      <c r="FA6" s="82"/>
      <c r="FB6" s="140" t="str">
        <f>IF(FC9="","",FC9)</f>
        <v/>
      </c>
      <c r="FC6" s="140"/>
      <c r="FD6" s="83"/>
      <c r="FE6" s="80" t="s">
        <v>31</v>
      </c>
      <c r="FF6" s="80"/>
      <c r="FG6" s="40"/>
      <c r="FH6" s="81" t="str">
        <f>IF(FC9="","",MAX(FC9:FC46))</f>
        <v/>
      </c>
      <c r="FI6" s="81"/>
      <c r="FJ6" s="129"/>
      <c r="FK6" s="129"/>
      <c r="FL6" s="129"/>
      <c r="FM6" s="18"/>
      <c r="FN6" s="82"/>
      <c r="FO6" s="140" t="str">
        <f>IF(FP9="","",FP9)</f>
        <v/>
      </c>
      <c r="FP6" s="140"/>
      <c r="FQ6" s="83"/>
      <c r="FR6" s="80" t="s">
        <v>31</v>
      </c>
      <c r="FS6" s="80"/>
      <c r="FT6" s="40"/>
      <c r="FU6" s="81" t="str">
        <f>IF(FP9="","",MAX(FP9:FP46))</f>
        <v/>
      </c>
      <c r="FV6" s="81"/>
      <c r="FW6" s="129"/>
      <c r="FX6" s="129"/>
      <c r="FY6" s="129"/>
      <c r="FZ6" s="18"/>
      <c r="GA6" s="82"/>
      <c r="GB6" s="140" t="str">
        <f>IF(GC9="","",GC9)</f>
        <v/>
      </c>
      <c r="GC6" s="140"/>
      <c r="GD6" s="83"/>
      <c r="GE6" s="80" t="s">
        <v>31</v>
      </c>
      <c r="GF6" s="80"/>
      <c r="GG6" s="40"/>
      <c r="GH6" s="81" t="str">
        <f>IF(GC9="","",MAX(GC9:GC46))</f>
        <v/>
      </c>
      <c r="GI6" s="81"/>
      <c r="GJ6" s="129"/>
      <c r="GK6" s="129"/>
      <c r="GL6" s="129"/>
      <c r="GM6" s="18"/>
      <c r="GN6" s="82"/>
      <c r="GO6" s="140" t="str">
        <f>IF(GP9="","",GP9)</f>
        <v/>
      </c>
      <c r="GP6" s="140"/>
      <c r="GQ6" s="83"/>
      <c r="GR6" s="80" t="s">
        <v>31</v>
      </c>
      <c r="GS6" s="80"/>
      <c r="GT6" s="40"/>
      <c r="GU6" s="81" t="str">
        <f>IF(GP9="","",MAX(GP9:GP46))</f>
        <v/>
      </c>
      <c r="GV6" s="81"/>
      <c r="GW6" s="129"/>
      <c r="GX6" s="129"/>
      <c r="GY6" s="129"/>
      <c r="GZ6" s="18"/>
      <c r="HA6" s="82"/>
      <c r="HB6" s="140" t="str">
        <f>IF(HC9="","",HC9)</f>
        <v/>
      </c>
      <c r="HC6" s="140"/>
      <c r="HD6" s="83"/>
      <c r="HE6" s="80" t="s">
        <v>31</v>
      </c>
      <c r="HF6" s="80"/>
      <c r="HG6" s="40"/>
      <c r="HH6" s="81" t="str">
        <f>IF(HC9="","",MAX(HC9:HC46))</f>
        <v/>
      </c>
      <c r="HI6" s="81"/>
      <c r="HJ6" s="129"/>
      <c r="HK6" s="129"/>
      <c r="HL6" s="129"/>
      <c r="HM6" s="18"/>
      <c r="HN6" s="82"/>
      <c r="HO6" s="140" t="str">
        <f>IF(HP9="","",HP9)</f>
        <v/>
      </c>
      <c r="HP6" s="140"/>
      <c r="HQ6" s="83"/>
      <c r="HR6" s="80" t="s">
        <v>31</v>
      </c>
      <c r="HS6" s="80"/>
      <c r="HT6" s="40"/>
      <c r="HU6" s="81" t="str">
        <f>IF(HP9="","",MAX(HP9:HP46))</f>
        <v/>
      </c>
      <c r="HV6" s="81"/>
      <c r="HW6" s="129"/>
      <c r="HX6" s="129"/>
      <c r="HY6" s="129"/>
      <c r="HZ6" s="18"/>
      <c r="IA6" s="82"/>
      <c r="IB6" s="140" t="str">
        <f>IF(IC9="","",IC9)</f>
        <v/>
      </c>
      <c r="IC6" s="140"/>
      <c r="ID6" s="83"/>
      <c r="IE6" s="80" t="s">
        <v>31</v>
      </c>
      <c r="IF6" s="80"/>
      <c r="IG6" s="40"/>
      <c r="IH6" s="81" t="str">
        <f>IF(IC9="","",MAX(IC9:IC46))</f>
        <v/>
      </c>
      <c r="II6" s="81"/>
      <c r="IJ6" s="129"/>
      <c r="IK6" s="129"/>
      <c r="IL6" s="129"/>
      <c r="IM6" s="18"/>
      <c r="IN6" s="82"/>
      <c r="IO6" s="140" t="str">
        <f>IF(IP9="","",IP9)</f>
        <v/>
      </c>
      <c r="IP6" s="140"/>
      <c r="IQ6" s="83"/>
      <c r="IR6" s="80" t="s">
        <v>31</v>
      </c>
      <c r="IS6" s="80"/>
      <c r="IT6" s="40"/>
      <c r="IU6" s="81" t="str">
        <f>IF(IP9="","",MAX(IP9:IP46))</f>
        <v/>
      </c>
      <c r="IV6" s="81"/>
      <c r="IW6" s="129"/>
      <c r="IX6" s="129"/>
      <c r="IY6" s="129"/>
      <c r="IZ6" s="18"/>
      <c r="JA6" s="82"/>
      <c r="JB6" s="140" t="str">
        <f>IF(JC9="","",JC9)</f>
        <v/>
      </c>
      <c r="JC6" s="140"/>
      <c r="JD6" s="83"/>
      <c r="JE6" s="80" t="s">
        <v>31</v>
      </c>
      <c r="JF6" s="80"/>
      <c r="JG6" s="40"/>
      <c r="JH6" s="81" t="str">
        <f>IF(JC9="","",MAX(JC9:JC46))</f>
        <v/>
      </c>
      <c r="JI6" s="81"/>
      <c r="JJ6" s="129"/>
      <c r="JK6" s="129"/>
      <c r="JL6" s="129"/>
      <c r="JM6" s="18"/>
      <c r="JN6" s="82"/>
      <c r="JO6" s="140" t="str">
        <f>IF(JP9="","",JP9)</f>
        <v/>
      </c>
      <c r="JP6" s="140"/>
      <c r="JQ6" s="83"/>
      <c r="JR6" s="80" t="s">
        <v>31</v>
      </c>
      <c r="JS6" s="80"/>
      <c r="JT6" s="40"/>
      <c r="JU6" s="81" t="str">
        <f>IF(JP9="","",MAX(JP9:JP46))</f>
        <v/>
      </c>
      <c r="JV6" s="81"/>
      <c r="JW6" s="129"/>
      <c r="JX6" s="129"/>
      <c r="JY6" s="129"/>
      <c r="JZ6" s="18"/>
      <c r="KA6" s="82"/>
      <c r="KB6" s="140" t="str">
        <f>IF(KC9="","",KC9)</f>
        <v/>
      </c>
      <c r="KC6" s="140"/>
      <c r="KD6" s="83"/>
      <c r="KE6" s="80" t="s">
        <v>31</v>
      </c>
      <c r="KF6" s="80"/>
      <c r="KG6" s="40"/>
      <c r="KH6" s="81" t="str">
        <f>IF(KC9="","",MAX(KC9:KC46))</f>
        <v/>
      </c>
      <c r="KI6" s="81"/>
      <c r="KJ6" s="129"/>
      <c r="KK6" s="129"/>
      <c r="KL6" s="129"/>
      <c r="KM6" s="18"/>
      <c r="KN6" s="82"/>
      <c r="KO6" s="140" t="str">
        <f>IF(KP9="","",KP9)</f>
        <v/>
      </c>
      <c r="KP6" s="140"/>
      <c r="KQ6" s="83"/>
      <c r="KR6" s="80" t="s">
        <v>31</v>
      </c>
      <c r="KS6" s="80"/>
      <c r="KT6" s="40"/>
      <c r="KU6" s="81" t="str">
        <f>IF(KP9="","",MAX(KP9:KP46))</f>
        <v/>
      </c>
      <c r="KV6" s="81"/>
      <c r="KW6" s="129"/>
      <c r="KX6" s="129"/>
      <c r="KY6" s="129"/>
      <c r="KZ6" s="18"/>
      <c r="LA6" s="82"/>
      <c r="LB6" s="140" t="str">
        <f>IF(LC9="","",LC9)</f>
        <v/>
      </c>
      <c r="LC6" s="140"/>
      <c r="LD6" s="83"/>
      <c r="LE6" s="80" t="s">
        <v>31</v>
      </c>
      <c r="LF6" s="80"/>
      <c r="LG6" s="40"/>
      <c r="LH6" s="81" t="str">
        <f>IF(LC9="","",MAX(LC9:LC46))</f>
        <v/>
      </c>
      <c r="LI6" s="81"/>
      <c r="LJ6" s="129"/>
      <c r="LK6" s="129"/>
      <c r="LL6" s="129"/>
      <c r="LM6" s="18"/>
      <c r="LN6" s="82"/>
      <c r="LO6" s="140" t="str">
        <f>IF(LP9="","",LP9)</f>
        <v/>
      </c>
      <c r="LP6" s="140"/>
      <c r="LQ6" s="83"/>
      <c r="LR6" s="80" t="s">
        <v>31</v>
      </c>
      <c r="LS6" s="80"/>
      <c r="LT6" s="40"/>
      <c r="LU6" s="81" t="str">
        <f>IF(LP9="","",MAX(LP9:LP46))</f>
        <v/>
      </c>
      <c r="LV6" s="81"/>
      <c r="LW6" s="129"/>
      <c r="LX6" s="129"/>
      <c r="LY6" s="129"/>
      <c r="LZ6" s="18"/>
      <c r="MA6" s="82"/>
      <c r="MB6" s="140" t="str">
        <f>IF(MC9="","",MC9)</f>
        <v/>
      </c>
      <c r="MC6" s="140"/>
      <c r="MD6" s="83"/>
      <c r="ME6" s="80" t="s">
        <v>31</v>
      </c>
      <c r="MF6" s="80"/>
      <c r="MG6" s="40"/>
      <c r="MH6" s="81" t="str">
        <f>IF(MC9="","",MAX(MC9:MC46))</f>
        <v/>
      </c>
      <c r="MI6" s="81"/>
      <c r="MJ6" s="129"/>
      <c r="MK6" s="129"/>
      <c r="ML6" s="129"/>
      <c r="MM6" s="18"/>
      <c r="MN6" s="82"/>
      <c r="MO6" s="140" t="str">
        <f>IF(MP9="","",MP9)</f>
        <v/>
      </c>
      <c r="MP6" s="140"/>
      <c r="MQ6" s="83"/>
      <c r="MR6" s="80" t="s">
        <v>31</v>
      </c>
      <c r="MS6" s="80"/>
      <c r="MT6" s="40"/>
      <c r="MU6" s="81" t="str">
        <f>IF(MP9="","",MAX(MP9:MP46))</f>
        <v/>
      </c>
      <c r="MV6" s="81"/>
      <c r="MW6" s="129"/>
      <c r="MX6" s="129"/>
      <c r="MY6" s="129"/>
      <c r="MZ6" s="18"/>
      <c r="NA6" s="82"/>
      <c r="NB6" s="140" t="str">
        <f>IF(NC9="","",NC9)</f>
        <v/>
      </c>
      <c r="NC6" s="140"/>
      <c r="ND6" s="83"/>
      <c r="NE6" s="80" t="s">
        <v>31</v>
      </c>
      <c r="NF6" s="80"/>
      <c r="NG6" s="40"/>
      <c r="NH6" s="81" t="str">
        <f>IF(NC9="","",MAX(NC9:NC46))</f>
        <v/>
      </c>
      <c r="NI6" s="81"/>
      <c r="NJ6" s="129"/>
      <c r="NK6" s="129"/>
      <c r="NL6" s="129"/>
      <c r="NM6" s="18"/>
      <c r="NN6" s="82"/>
      <c r="NO6" s="140" t="str">
        <f>IF(NP9="","",NP9)</f>
        <v/>
      </c>
      <c r="NP6" s="140"/>
      <c r="NQ6" s="83"/>
      <c r="NR6" s="80" t="s">
        <v>31</v>
      </c>
      <c r="NS6" s="80"/>
      <c r="NT6" s="40"/>
      <c r="NU6" s="81" t="str">
        <f>IF(NP9="","",MAX(NP9:NP46))</f>
        <v/>
      </c>
      <c r="NV6" s="81"/>
      <c r="NW6" s="129"/>
      <c r="NX6" s="129"/>
      <c r="NY6" s="129"/>
      <c r="NZ6" s="18"/>
      <c r="OA6" s="82"/>
      <c r="OB6" s="140" t="str">
        <f>IF(OC9="","",OC9)</f>
        <v/>
      </c>
      <c r="OC6" s="140"/>
      <c r="OD6" s="83"/>
      <c r="OE6" s="80" t="s">
        <v>31</v>
      </c>
      <c r="OF6" s="80"/>
      <c r="OG6" s="40"/>
      <c r="OH6" s="81" t="str">
        <f>IF(OC9="","",MAX(OC9:OC46))</f>
        <v/>
      </c>
      <c r="OI6" s="81"/>
      <c r="OJ6" s="129"/>
      <c r="OK6" s="129"/>
      <c r="OL6" s="129"/>
      <c r="OM6" s="18"/>
      <c r="ON6" s="82"/>
      <c r="OO6" s="140" t="str">
        <f>IF(OP9="","",OP9)</f>
        <v/>
      </c>
      <c r="OP6" s="140"/>
      <c r="OQ6" s="83"/>
      <c r="OR6" s="80" t="s">
        <v>31</v>
      </c>
      <c r="OS6" s="80"/>
      <c r="OT6" s="40"/>
      <c r="OU6" s="81" t="str">
        <f>IF(OP9="","",MAX(OP9:OP46))</f>
        <v/>
      </c>
      <c r="OV6" s="81"/>
      <c r="OW6" s="129"/>
      <c r="OX6" s="129"/>
      <c r="OY6" s="129"/>
      <c r="OZ6" s="18"/>
      <c r="PA6" s="82"/>
      <c r="PB6" s="140" t="str">
        <f>IF(PC9="","",PC9)</f>
        <v/>
      </c>
      <c r="PC6" s="140"/>
      <c r="PD6" s="83"/>
      <c r="PE6" s="80" t="s">
        <v>31</v>
      </c>
      <c r="PF6" s="80"/>
      <c r="PG6" s="40"/>
      <c r="PH6" s="81" t="str">
        <f>IF(PC9="","",MAX(PC9:PC46))</f>
        <v/>
      </c>
      <c r="PI6" s="81"/>
      <c r="PJ6" s="129"/>
      <c r="PK6" s="129"/>
      <c r="PL6" s="129"/>
      <c r="PM6" s="18"/>
      <c r="PN6" s="82"/>
      <c r="PO6" s="140" t="str">
        <f>IF(PP9="","",PP9)</f>
        <v/>
      </c>
      <c r="PP6" s="140"/>
      <c r="PQ6" s="83"/>
      <c r="PR6" s="80" t="s">
        <v>31</v>
      </c>
      <c r="PS6" s="80"/>
      <c r="PT6" s="40"/>
      <c r="PU6" s="81" t="str">
        <f>IF(PP9="","",MAX(PP9:PP46))</f>
        <v/>
      </c>
      <c r="PV6" s="81"/>
      <c r="PW6" s="129"/>
      <c r="PX6" s="129"/>
      <c r="PY6" s="129"/>
      <c r="PZ6" s="18"/>
      <c r="QA6" s="82"/>
      <c r="QB6" s="140" t="str">
        <f>IF(QC9="","",QC9)</f>
        <v/>
      </c>
      <c r="QC6" s="140"/>
      <c r="QD6" s="83"/>
      <c r="QE6" s="80" t="s">
        <v>31</v>
      </c>
      <c r="QF6" s="80"/>
      <c r="QG6" s="40"/>
      <c r="QH6" s="81" t="str">
        <f>IF(QC9="","",MAX(QC9:QC46))</f>
        <v/>
      </c>
      <c r="QI6" s="81"/>
      <c r="QJ6" s="129"/>
      <c r="QK6" s="129"/>
      <c r="QL6" s="129"/>
      <c r="QM6" s="18"/>
      <c r="QN6" s="82"/>
      <c r="QO6" s="140" t="str">
        <f>IF(QP9="","",QP9)</f>
        <v/>
      </c>
      <c r="QP6" s="140"/>
      <c r="QQ6" s="83"/>
      <c r="QR6" s="80" t="s">
        <v>31</v>
      </c>
      <c r="QS6" s="80"/>
      <c r="QT6" s="40"/>
      <c r="QU6" s="81" t="str">
        <f>IF(QP9="","",MAX(QP9:QP46))</f>
        <v/>
      </c>
      <c r="QV6" s="81"/>
      <c r="QW6" s="129"/>
      <c r="QX6" s="129"/>
      <c r="QY6" s="129"/>
      <c r="QZ6" s="18"/>
      <c r="RA6" s="82"/>
      <c r="RB6" s="140" t="str">
        <f>IF(RC9="","",RC9)</f>
        <v/>
      </c>
      <c r="RC6" s="140"/>
      <c r="RD6" s="83"/>
      <c r="RE6" s="80" t="s">
        <v>31</v>
      </c>
      <c r="RF6" s="80"/>
      <c r="RG6" s="40"/>
      <c r="RH6" s="81" t="str">
        <f>IF(RC9="","",MAX(RC9:RC46))</f>
        <v/>
      </c>
      <c r="RI6" s="81"/>
      <c r="RJ6" s="129"/>
      <c r="RK6" s="129"/>
      <c r="RL6" s="129"/>
      <c r="RM6" s="18"/>
      <c r="RN6" s="82"/>
      <c r="RO6" s="140" t="str">
        <f>IF(RP9="","",RP9)</f>
        <v/>
      </c>
      <c r="RP6" s="140"/>
      <c r="RQ6" s="83"/>
      <c r="RR6" s="80" t="s">
        <v>31</v>
      </c>
      <c r="RS6" s="80"/>
      <c r="RT6" s="40"/>
      <c r="RU6" s="81" t="str">
        <f>IF(RP9="","",MAX(RP9:RP46))</f>
        <v/>
      </c>
      <c r="RV6" s="81"/>
      <c r="RW6" s="129"/>
      <c r="RX6" s="129"/>
      <c r="RY6" s="129"/>
      <c r="RZ6" s="18"/>
      <c r="SA6" s="82"/>
      <c r="SB6" s="140" t="str">
        <f>IF(SC9="","",SC9)</f>
        <v/>
      </c>
      <c r="SC6" s="140"/>
      <c r="SD6" s="83"/>
      <c r="SE6" s="80" t="s">
        <v>31</v>
      </c>
      <c r="SF6" s="80"/>
      <c r="SG6" s="40"/>
      <c r="SH6" s="81" t="str">
        <f>IF(SC9="","",MAX(SC9:SC46))</f>
        <v/>
      </c>
      <c r="SI6" s="81"/>
      <c r="SJ6" s="129"/>
      <c r="SK6" s="129"/>
      <c r="SL6" s="129"/>
      <c r="SM6" s="18"/>
    </row>
    <row r="7" spans="1:507" ht="21.9" customHeight="1">
      <c r="A7" s="130"/>
      <c r="B7" s="141" t="s">
        <v>25</v>
      </c>
      <c r="C7" s="142" t="s">
        <v>24</v>
      </c>
      <c r="D7" s="143" t="s">
        <v>62</v>
      </c>
      <c r="E7" s="143" t="s">
        <v>61</v>
      </c>
      <c r="F7" s="144" t="s">
        <v>58</v>
      </c>
      <c r="G7" s="146" t="s">
        <v>74</v>
      </c>
      <c r="H7" s="148" t="s">
        <v>52</v>
      </c>
      <c r="I7" s="149"/>
      <c r="J7" s="44"/>
      <c r="K7" s="152" t="s">
        <v>30</v>
      </c>
      <c r="L7" s="149"/>
      <c r="M7" s="18"/>
      <c r="N7" s="130"/>
      <c r="O7" s="141" t="s">
        <v>25</v>
      </c>
      <c r="P7" s="142" t="s">
        <v>24</v>
      </c>
      <c r="Q7" s="143" t="s">
        <v>62</v>
      </c>
      <c r="R7" s="143" t="s">
        <v>61</v>
      </c>
      <c r="S7" s="144" t="s">
        <v>53</v>
      </c>
      <c r="T7" s="146" t="s">
        <v>74</v>
      </c>
      <c r="U7" s="148" t="s">
        <v>52</v>
      </c>
      <c r="V7" s="149"/>
      <c r="W7" s="129"/>
      <c r="X7" s="152" t="s">
        <v>30</v>
      </c>
      <c r="Y7" s="149"/>
      <c r="Z7" s="18"/>
      <c r="AA7" s="130"/>
      <c r="AB7" s="154" t="s">
        <v>25</v>
      </c>
      <c r="AC7" s="156" t="s">
        <v>24</v>
      </c>
      <c r="AD7" s="146" t="s">
        <v>62</v>
      </c>
      <c r="AE7" s="146" t="s">
        <v>61</v>
      </c>
      <c r="AF7" s="146" t="s">
        <v>53</v>
      </c>
      <c r="AG7" s="146" t="s">
        <v>74</v>
      </c>
      <c r="AH7" s="148" t="s">
        <v>52</v>
      </c>
      <c r="AI7" s="149"/>
      <c r="AJ7" s="129"/>
      <c r="AK7" s="152" t="s">
        <v>30</v>
      </c>
      <c r="AL7" s="149"/>
      <c r="AM7" s="18"/>
      <c r="AN7" s="130"/>
      <c r="AO7" s="154" t="s">
        <v>25</v>
      </c>
      <c r="AP7" s="156" t="s">
        <v>60</v>
      </c>
      <c r="AQ7" s="146" t="s">
        <v>62</v>
      </c>
      <c r="AR7" s="146" t="s">
        <v>61</v>
      </c>
      <c r="AS7" s="146" t="s">
        <v>53</v>
      </c>
      <c r="AT7" s="146" t="s">
        <v>74</v>
      </c>
      <c r="AU7" s="148" t="s">
        <v>52</v>
      </c>
      <c r="AV7" s="149"/>
      <c r="AW7" s="129"/>
      <c r="AX7" s="152" t="s">
        <v>30</v>
      </c>
      <c r="AY7" s="149"/>
      <c r="AZ7" s="18"/>
      <c r="BA7" s="130"/>
      <c r="BB7" s="154" t="s">
        <v>25</v>
      </c>
      <c r="BC7" s="156" t="s">
        <v>60</v>
      </c>
      <c r="BD7" s="146" t="s">
        <v>62</v>
      </c>
      <c r="BE7" s="146" t="s">
        <v>61</v>
      </c>
      <c r="BF7" s="146" t="s">
        <v>53</v>
      </c>
      <c r="BG7" s="146" t="s">
        <v>74</v>
      </c>
      <c r="BH7" s="148" t="s">
        <v>52</v>
      </c>
      <c r="BI7" s="149"/>
      <c r="BJ7" s="129"/>
      <c r="BK7" s="152" t="s">
        <v>30</v>
      </c>
      <c r="BL7" s="149"/>
      <c r="BM7" s="18"/>
      <c r="BN7" s="130"/>
      <c r="BO7" s="154" t="s">
        <v>25</v>
      </c>
      <c r="BP7" s="142" t="s">
        <v>60</v>
      </c>
      <c r="BQ7" s="143" t="s">
        <v>62</v>
      </c>
      <c r="BR7" s="143" t="s">
        <v>61</v>
      </c>
      <c r="BS7" s="144" t="s">
        <v>53</v>
      </c>
      <c r="BT7" s="146" t="s">
        <v>74</v>
      </c>
      <c r="BU7" s="148" t="s">
        <v>52</v>
      </c>
      <c r="BV7" s="149"/>
      <c r="BW7" s="129"/>
      <c r="BX7" s="152" t="s">
        <v>30</v>
      </c>
      <c r="BY7" s="149"/>
      <c r="BZ7" s="18"/>
      <c r="CA7" s="130"/>
      <c r="CB7" s="141" t="s">
        <v>25</v>
      </c>
      <c r="CC7" s="142" t="s">
        <v>60</v>
      </c>
      <c r="CD7" s="143" t="s">
        <v>62</v>
      </c>
      <c r="CE7" s="143" t="s">
        <v>61</v>
      </c>
      <c r="CF7" s="144" t="s">
        <v>53</v>
      </c>
      <c r="CG7" s="146" t="s">
        <v>74</v>
      </c>
      <c r="CH7" s="148" t="s">
        <v>52</v>
      </c>
      <c r="CI7" s="149"/>
      <c r="CJ7" s="129"/>
      <c r="CK7" s="152" t="s">
        <v>30</v>
      </c>
      <c r="CL7" s="149"/>
      <c r="CM7" s="18"/>
      <c r="CN7" s="130"/>
      <c r="CO7" s="141" t="s">
        <v>25</v>
      </c>
      <c r="CP7" s="142" t="s">
        <v>60</v>
      </c>
      <c r="CQ7" s="143" t="s">
        <v>62</v>
      </c>
      <c r="CR7" s="143" t="s">
        <v>61</v>
      </c>
      <c r="CS7" s="144" t="s">
        <v>53</v>
      </c>
      <c r="CT7" s="146" t="s">
        <v>74</v>
      </c>
      <c r="CU7" s="148" t="s">
        <v>52</v>
      </c>
      <c r="CV7" s="149"/>
      <c r="CW7" s="129"/>
      <c r="CX7" s="152" t="s">
        <v>30</v>
      </c>
      <c r="CY7" s="149"/>
      <c r="CZ7" s="18"/>
      <c r="DA7" s="130"/>
      <c r="DB7" s="141" t="s">
        <v>25</v>
      </c>
      <c r="DC7" s="156" t="s">
        <v>60</v>
      </c>
      <c r="DD7" s="143" t="s">
        <v>62</v>
      </c>
      <c r="DE7" s="143" t="s">
        <v>61</v>
      </c>
      <c r="DF7" s="144" t="s">
        <v>53</v>
      </c>
      <c r="DG7" s="146" t="s">
        <v>74</v>
      </c>
      <c r="DH7" s="148" t="s">
        <v>52</v>
      </c>
      <c r="DI7" s="149"/>
      <c r="DJ7" s="129"/>
      <c r="DK7" s="152" t="s">
        <v>30</v>
      </c>
      <c r="DL7" s="149"/>
      <c r="DM7" s="18"/>
      <c r="DN7" s="130"/>
      <c r="DO7" s="141" t="s">
        <v>25</v>
      </c>
      <c r="DP7" s="142" t="s">
        <v>60</v>
      </c>
      <c r="DQ7" s="143" t="s">
        <v>62</v>
      </c>
      <c r="DR7" s="143" t="s">
        <v>61</v>
      </c>
      <c r="DS7" s="146" t="s">
        <v>53</v>
      </c>
      <c r="DT7" s="146" t="s">
        <v>74</v>
      </c>
      <c r="DU7" s="148" t="s">
        <v>52</v>
      </c>
      <c r="DV7" s="149"/>
      <c r="DW7" s="129"/>
      <c r="DX7" s="152" t="s">
        <v>30</v>
      </c>
      <c r="DY7" s="149"/>
      <c r="DZ7" s="18"/>
      <c r="EA7" s="130"/>
      <c r="EB7" s="141" t="s">
        <v>25</v>
      </c>
      <c r="EC7" s="142" t="s">
        <v>60</v>
      </c>
      <c r="ED7" s="143" t="s">
        <v>62</v>
      </c>
      <c r="EE7" s="143" t="s">
        <v>61</v>
      </c>
      <c r="EF7" s="144" t="s">
        <v>53</v>
      </c>
      <c r="EG7" s="146" t="s">
        <v>74</v>
      </c>
      <c r="EH7" s="148" t="s">
        <v>52</v>
      </c>
      <c r="EI7" s="149"/>
      <c r="EJ7" s="129"/>
      <c r="EK7" s="152" t="s">
        <v>30</v>
      </c>
      <c r="EL7" s="149"/>
      <c r="EM7" s="18"/>
      <c r="EN7" s="130"/>
      <c r="EO7" s="141" t="s">
        <v>25</v>
      </c>
      <c r="EP7" s="142" t="s">
        <v>60</v>
      </c>
      <c r="EQ7" s="143" t="s">
        <v>62</v>
      </c>
      <c r="ER7" s="143" t="s">
        <v>61</v>
      </c>
      <c r="ES7" s="144" t="s">
        <v>53</v>
      </c>
      <c r="ET7" s="146" t="s">
        <v>74</v>
      </c>
      <c r="EU7" s="148" t="s">
        <v>52</v>
      </c>
      <c r="EV7" s="149"/>
      <c r="EW7" s="129"/>
      <c r="EX7" s="152" t="s">
        <v>30</v>
      </c>
      <c r="EY7" s="149"/>
      <c r="EZ7" s="18"/>
      <c r="FA7" s="130"/>
      <c r="FB7" s="141" t="s">
        <v>25</v>
      </c>
      <c r="FC7" s="156" t="s">
        <v>60</v>
      </c>
      <c r="FD7" s="143" t="s">
        <v>62</v>
      </c>
      <c r="FE7" s="143" t="s">
        <v>61</v>
      </c>
      <c r="FF7" s="144" t="s">
        <v>53</v>
      </c>
      <c r="FG7" s="146" t="s">
        <v>74</v>
      </c>
      <c r="FH7" s="148" t="s">
        <v>52</v>
      </c>
      <c r="FI7" s="149"/>
      <c r="FJ7" s="129"/>
      <c r="FK7" s="152" t="s">
        <v>30</v>
      </c>
      <c r="FL7" s="149"/>
      <c r="FM7" s="18"/>
      <c r="FN7" s="130"/>
      <c r="FO7" s="141" t="s">
        <v>25</v>
      </c>
      <c r="FP7" s="156" t="s">
        <v>60</v>
      </c>
      <c r="FQ7" s="143" t="s">
        <v>62</v>
      </c>
      <c r="FR7" s="143" t="s">
        <v>61</v>
      </c>
      <c r="FS7" s="144" t="s">
        <v>53</v>
      </c>
      <c r="FT7" s="146" t="s">
        <v>74</v>
      </c>
      <c r="FU7" s="148" t="s">
        <v>52</v>
      </c>
      <c r="FV7" s="149"/>
      <c r="FW7" s="129"/>
      <c r="FX7" s="152" t="s">
        <v>30</v>
      </c>
      <c r="FY7" s="149"/>
      <c r="FZ7" s="18"/>
      <c r="GA7" s="130"/>
      <c r="GB7" s="141" t="s">
        <v>25</v>
      </c>
      <c r="GC7" s="156" t="s">
        <v>60</v>
      </c>
      <c r="GD7" s="143" t="s">
        <v>62</v>
      </c>
      <c r="GE7" s="143" t="s">
        <v>61</v>
      </c>
      <c r="GF7" s="144" t="s">
        <v>53</v>
      </c>
      <c r="GG7" s="146" t="s">
        <v>74</v>
      </c>
      <c r="GH7" s="148" t="s">
        <v>52</v>
      </c>
      <c r="GI7" s="149"/>
      <c r="GJ7" s="129"/>
      <c r="GK7" s="152" t="s">
        <v>30</v>
      </c>
      <c r="GL7" s="149"/>
      <c r="GM7" s="18"/>
      <c r="GN7" s="130"/>
      <c r="GO7" s="141" t="s">
        <v>25</v>
      </c>
      <c r="GP7" s="156" t="s">
        <v>60</v>
      </c>
      <c r="GQ7" s="143" t="s">
        <v>62</v>
      </c>
      <c r="GR7" s="143" t="s">
        <v>61</v>
      </c>
      <c r="GS7" s="144" t="s">
        <v>53</v>
      </c>
      <c r="GT7" s="146" t="s">
        <v>74</v>
      </c>
      <c r="GU7" s="148" t="s">
        <v>52</v>
      </c>
      <c r="GV7" s="149"/>
      <c r="GW7" s="129"/>
      <c r="GX7" s="152" t="s">
        <v>30</v>
      </c>
      <c r="GY7" s="149"/>
      <c r="GZ7" s="18"/>
      <c r="HA7" s="130"/>
      <c r="HB7" s="141" t="s">
        <v>25</v>
      </c>
      <c r="HC7" s="156" t="s">
        <v>60</v>
      </c>
      <c r="HD7" s="143" t="s">
        <v>62</v>
      </c>
      <c r="HE7" s="143" t="s">
        <v>61</v>
      </c>
      <c r="HF7" s="144" t="s">
        <v>53</v>
      </c>
      <c r="HG7" s="146" t="s">
        <v>74</v>
      </c>
      <c r="HH7" s="148" t="s">
        <v>52</v>
      </c>
      <c r="HI7" s="149"/>
      <c r="HJ7" s="129"/>
      <c r="HK7" s="152" t="s">
        <v>30</v>
      </c>
      <c r="HL7" s="149"/>
      <c r="HM7" s="18"/>
      <c r="HN7" s="130"/>
      <c r="HO7" s="141" t="s">
        <v>25</v>
      </c>
      <c r="HP7" s="156" t="s">
        <v>60</v>
      </c>
      <c r="HQ7" s="143" t="s">
        <v>62</v>
      </c>
      <c r="HR7" s="143" t="s">
        <v>61</v>
      </c>
      <c r="HS7" s="144" t="s">
        <v>53</v>
      </c>
      <c r="HT7" s="146" t="s">
        <v>74</v>
      </c>
      <c r="HU7" s="148" t="s">
        <v>52</v>
      </c>
      <c r="HV7" s="149"/>
      <c r="HW7" s="129"/>
      <c r="HX7" s="152" t="s">
        <v>30</v>
      </c>
      <c r="HY7" s="149"/>
      <c r="HZ7" s="18"/>
      <c r="IA7" s="130"/>
      <c r="IB7" s="141" t="s">
        <v>25</v>
      </c>
      <c r="IC7" s="156" t="s">
        <v>60</v>
      </c>
      <c r="ID7" s="143" t="s">
        <v>62</v>
      </c>
      <c r="IE7" s="143" t="s">
        <v>61</v>
      </c>
      <c r="IF7" s="144" t="s">
        <v>53</v>
      </c>
      <c r="IG7" s="146" t="s">
        <v>74</v>
      </c>
      <c r="IH7" s="148" t="s">
        <v>52</v>
      </c>
      <c r="II7" s="149"/>
      <c r="IJ7" s="129"/>
      <c r="IK7" s="152" t="s">
        <v>30</v>
      </c>
      <c r="IL7" s="149"/>
      <c r="IM7" s="18"/>
      <c r="IN7" s="130"/>
      <c r="IO7" s="141" t="s">
        <v>25</v>
      </c>
      <c r="IP7" s="156" t="s">
        <v>60</v>
      </c>
      <c r="IQ7" s="143" t="s">
        <v>62</v>
      </c>
      <c r="IR7" s="143" t="s">
        <v>61</v>
      </c>
      <c r="IS7" s="144" t="s">
        <v>53</v>
      </c>
      <c r="IT7" s="146" t="s">
        <v>74</v>
      </c>
      <c r="IU7" s="148" t="s">
        <v>52</v>
      </c>
      <c r="IV7" s="149"/>
      <c r="IW7" s="129"/>
      <c r="IX7" s="152" t="s">
        <v>30</v>
      </c>
      <c r="IY7" s="149"/>
      <c r="IZ7" s="18"/>
      <c r="JA7" s="130"/>
      <c r="JB7" s="141" t="s">
        <v>25</v>
      </c>
      <c r="JC7" s="156" t="s">
        <v>60</v>
      </c>
      <c r="JD7" s="143" t="s">
        <v>62</v>
      </c>
      <c r="JE7" s="143" t="s">
        <v>61</v>
      </c>
      <c r="JF7" s="144" t="s">
        <v>53</v>
      </c>
      <c r="JG7" s="146" t="s">
        <v>74</v>
      </c>
      <c r="JH7" s="148" t="s">
        <v>52</v>
      </c>
      <c r="JI7" s="149"/>
      <c r="JJ7" s="129"/>
      <c r="JK7" s="152" t="s">
        <v>30</v>
      </c>
      <c r="JL7" s="149"/>
      <c r="JM7" s="18"/>
      <c r="JN7" s="130"/>
      <c r="JO7" s="141" t="s">
        <v>25</v>
      </c>
      <c r="JP7" s="156" t="s">
        <v>60</v>
      </c>
      <c r="JQ7" s="143" t="s">
        <v>62</v>
      </c>
      <c r="JR7" s="143" t="s">
        <v>61</v>
      </c>
      <c r="JS7" s="144" t="s">
        <v>53</v>
      </c>
      <c r="JT7" s="146" t="s">
        <v>74</v>
      </c>
      <c r="JU7" s="148" t="s">
        <v>52</v>
      </c>
      <c r="JV7" s="149"/>
      <c r="JW7" s="129"/>
      <c r="JX7" s="152" t="s">
        <v>30</v>
      </c>
      <c r="JY7" s="149"/>
      <c r="JZ7" s="18"/>
      <c r="KA7" s="130"/>
      <c r="KB7" s="141" t="s">
        <v>25</v>
      </c>
      <c r="KC7" s="156" t="s">
        <v>60</v>
      </c>
      <c r="KD7" s="143" t="s">
        <v>62</v>
      </c>
      <c r="KE7" s="143" t="s">
        <v>61</v>
      </c>
      <c r="KF7" s="144" t="s">
        <v>53</v>
      </c>
      <c r="KG7" s="146" t="s">
        <v>74</v>
      </c>
      <c r="KH7" s="148" t="s">
        <v>52</v>
      </c>
      <c r="KI7" s="149"/>
      <c r="KJ7" s="129"/>
      <c r="KK7" s="152" t="s">
        <v>30</v>
      </c>
      <c r="KL7" s="149"/>
      <c r="KM7" s="18"/>
      <c r="KN7" s="130"/>
      <c r="KO7" s="141" t="s">
        <v>25</v>
      </c>
      <c r="KP7" s="156" t="s">
        <v>60</v>
      </c>
      <c r="KQ7" s="143" t="s">
        <v>62</v>
      </c>
      <c r="KR7" s="143" t="s">
        <v>61</v>
      </c>
      <c r="KS7" s="144" t="s">
        <v>53</v>
      </c>
      <c r="KT7" s="146" t="s">
        <v>74</v>
      </c>
      <c r="KU7" s="148" t="s">
        <v>52</v>
      </c>
      <c r="KV7" s="149"/>
      <c r="KW7" s="129"/>
      <c r="KX7" s="152" t="s">
        <v>30</v>
      </c>
      <c r="KY7" s="149"/>
      <c r="KZ7" s="18"/>
      <c r="LA7" s="130"/>
      <c r="LB7" s="141" t="s">
        <v>25</v>
      </c>
      <c r="LC7" s="156" t="s">
        <v>60</v>
      </c>
      <c r="LD7" s="143" t="s">
        <v>62</v>
      </c>
      <c r="LE7" s="143" t="s">
        <v>61</v>
      </c>
      <c r="LF7" s="144" t="s">
        <v>53</v>
      </c>
      <c r="LG7" s="146" t="s">
        <v>74</v>
      </c>
      <c r="LH7" s="148" t="s">
        <v>52</v>
      </c>
      <c r="LI7" s="149"/>
      <c r="LJ7" s="129"/>
      <c r="LK7" s="152" t="s">
        <v>30</v>
      </c>
      <c r="LL7" s="149"/>
      <c r="LM7" s="18"/>
      <c r="LN7" s="130"/>
      <c r="LO7" s="141" t="s">
        <v>25</v>
      </c>
      <c r="LP7" s="156" t="s">
        <v>60</v>
      </c>
      <c r="LQ7" s="143" t="s">
        <v>62</v>
      </c>
      <c r="LR7" s="143" t="s">
        <v>61</v>
      </c>
      <c r="LS7" s="144" t="s">
        <v>53</v>
      </c>
      <c r="LT7" s="146" t="s">
        <v>74</v>
      </c>
      <c r="LU7" s="148" t="s">
        <v>52</v>
      </c>
      <c r="LV7" s="149"/>
      <c r="LW7" s="129"/>
      <c r="LX7" s="152" t="s">
        <v>30</v>
      </c>
      <c r="LY7" s="149"/>
      <c r="LZ7" s="18"/>
      <c r="MA7" s="130"/>
      <c r="MB7" s="141" t="s">
        <v>25</v>
      </c>
      <c r="MC7" s="156" t="s">
        <v>60</v>
      </c>
      <c r="MD7" s="143" t="s">
        <v>62</v>
      </c>
      <c r="ME7" s="143" t="s">
        <v>61</v>
      </c>
      <c r="MF7" s="144" t="s">
        <v>53</v>
      </c>
      <c r="MG7" s="146" t="s">
        <v>74</v>
      </c>
      <c r="MH7" s="148" t="s">
        <v>52</v>
      </c>
      <c r="MI7" s="149"/>
      <c r="MJ7" s="129"/>
      <c r="MK7" s="152" t="s">
        <v>30</v>
      </c>
      <c r="ML7" s="149"/>
      <c r="MM7" s="18"/>
      <c r="MN7" s="130"/>
      <c r="MO7" s="141" t="s">
        <v>25</v>
      </c>
      <c r="MP7" s="156" t="s">
        <v>60</v>
      </c>
      <c r="MQ7" s="143" t="s">
        <v>62</v>
      </c>
      <c r="MR7" s="143" t="s">
        <v>61</v>
      </c>
      <c r="MS7" s="144" t="s">
        <v>53</v>
      </c>
      <c r="MT7" s="146" t="s">
        <v>74</v>
      </c>
      <c r="MU7" s="148" t="s">
        <v>52</v>
      </c>
      <c r="MV7" s="149"/>
      <c r="MW7" s="129"/>
      <c r="MX7" s="152" t="s">
        <v>30</v>
      </c>
      <c r="MY7" s="149"/>
      <c r="MZ7" s="18"/>
      <c r="NA7" s="130"/>
      <c r="NB7" s="141" t="s">
        <v>25</v>
      </c>
      <c r="NC7" s="156" t="s">
        <v>60</v>
      </c>
      <c r="ND7" s="143" t="s">
        <v>62</v>
      </c>
      <c r="NE7" s="143" t="s">
        <v>61</v>
      </c>
      <c r="NF7" s="144" t="s">
        <v>53</v>
      </c>
      <c r="NG7" s="146" t="s">
        <v>74</v>
      </c>
      <c r="NH7" s="148" t="s">
        <v>52</v>
      </c>
      <c r="NI7" s="149"/>
      <c r="NJ7" s="129"/>
      <c r="NK7" s="152" t="s">
        <v>30</v>
      </c>
      <c r="NL7" s="149"/>
      <c r="NM7" s="18"/>
      <c r="NN7" s="130"/>
      <c r="NO7" s="141" t="s">
        <v>25</v>
      </c>
      <c r="NP7" s="156" t="s">
        <v>60</v>
      </c>
      <c r="NQ7" s="143" t="s">
        <v>62</v>
      </c>
      <c r="NR7" s="143" t="s">
        <v>61</v>
      </c>
      <c r="NS7" s="144" t="s">
        <v>53</v>
      </c>
      <c r="NT7" s="146" t="s">
        <v>74</v>
      </c>
      <c r="NU7" s="148" t="s">
        <v>52</v>
      </c>
      <c r="NV7" s="149"/>
      <c r="NW7" s="129"/>
      <c r="NX7" s="152" t="s">
        <v>30</v>
      </c>
      <c r="NY7" s="149"/>
      <c r="NZ7" s="18"/>
      <c r="OA7" s="130"/>
      <c r="OB7" s="141" t="s">
        <v>25</v>
      </c>
      <c r="OC7" s="156" t="s">
        <v>60</v>
      </c>
      <c r="OD7" s="143" t="s">
        <v>62</v>
      </c>
      <c r="OE7" s="143" t="s">
        <v>61</v>
      </c>
      <c r="OF7" s="144" t="s">
        <v>53</v>
      </c>
      <c r="OG7" s="146" t="s">
        <v>74</v>
      </c>
      <c r="OH7" s="148" t="s">
        <v>52</v>
      </c>
      <c r="OI7" s="149"/>
      <c r="OJ7" s="129"/>
      <c r="OK7" s="152" t="s">
        <v>30</v>
      </c>
      <c r="OL7" s="149"/>
      <c r="OM7" s="18"/>
      <c r="ON7" s="130"/>
      <c r="OO7" s="141" t="s">
        <v>25</v>
      </c>
      <c r="OP7" s="156" t="s">
        <v>60</v>
      </c>
      <c r="OQ7" s="143" t="s">
        <v>62</v>
      </c>
      <c r="OR7" s="143" t="s">
        <v>61</v>
      </c>
      <c r="OS7" s="144" t="s">
        <v>53</v>
      </c>
      <c r="OT7" s="146" t="s">
        <v>74</v>
      </c>
      <c r="OU7" s="148" t="s">
        <v>52</v>
      </c>
      <c r="OV7" s="149"/>
      <c r="OW7" s="129"/>
      <c r="OX7" s="152" t="s">
        <v>30</v>
      </c>
      <c r="OY7" s="149"/>
      <c r="OZ7" s="18"/>
      <c r="PA7" s="130"/>
      <c r="PB7" s="141" t="s">
        <v>25</v>
      </c>
      <c r="PC7" s="156" t="s">
        <v>60</v>
      </c>
      <c r="PD7" s="143" t="s">
        <v>62</v>
      </c>
      <c r="PE7" s="143" t="s">
        <v>61</v>
      </c>
      <c r="PF7" s="144" t="s">
        <v>53</v>
      </c>
      <c r="PG7" s="146" t="s">
        <v>74</v>
      </c>
      <c r="PH7" s="148" t="s">
        <v>52</v>
      </c>
      <c r="PI7" s="149"/>
      <c r="PJ7" s="129"/>
      <c r="PK7" s="152" t="s">
        <v>30</v>
      </c>
      <c r="PL7" s="149"/>
      <c r="PM7" s="18"/>
      <c r="PN7" s="130"/>
      <c r="PO7" s="141" t="s">
        <v>25</v>
      </c>
      <c r="PP7" s="156" t="s">
        <v>60</v>
      </c>
      <c r="PQ7" s="143" t="s">
        <v>62</v>
      </c>
      <c r="PR7" s="143" t="s">
        <v>61</v>
      </c>
      <c r="PS7" s="144" t="s">
        <v>53</v>
      </c>
      <c r="PT7" s="146" t="s">
        <v>74</v>
      </c>
      <c r="PU7" s="148" t="s">
        <v>52</v>
      </c>
      <c r="PV7" s="149"/>
      <c r="PW7" s="129"/>
      <c r="PX7" s="152" t="s">
        <v>30</v>
      </c>
      <c r="PY7" s="149"/>
      <c r="PZ7" s="18"/>
      <c r="QA7" s="130"/>
      <c r="QB7" s="141" t="s">
        <v>25</v>
      </c>
      <c r="QC7" s="156" t="s">
        <v>60</v>
      </c>
      <c r="QD7" s="143" t="s">
        <v>62</v>
      </c>
      <c r="QE7" s="143" t="s">
        <v>61</v>
      </c>
      <c r="QF7" s="144" t="s">
        <v>53</v>
      </c>
      <c r="QG7" s="146" t="s">
        <v>74</v>
      </c>
      <c r="QH7" s="148" t="s">
        <v>52</v>
      </c>
      <c r="QI7" s="149"/>
      <c r="QJ7" s="129"/>
      <c r="QK7" s="152" t="s">
        <v>30</v>
      </c>
      <c r="QL7" s="149"/>
      <c r="QM7" s="18"/>
      <c r="QN7" s="130"/>
      <c r="QO7" s="141" t="s">
        <v>25</v>
      </c>
      <c r="QP7" s="156" t="s">
        <v>60</v>
      </c>
      <c r="QQ7" s="143" t="s">
        <v>62</v>
      </c>
      <c r="QR7" s="143" t="s">
        <v>61</v>
      </c>
      <c r="QS7" s="144" t="s">
        <v>53</v>
      </c>
      <c r="QT7" s="146" t="s">
        <v>74</v>
      </c>
      <c r="QU7" s="148" t="s">
        <v>52</v>
      </c>
      <c r="QV7" s="149"/>
      <c r="QW7" s="129"/>
      <c r="QX7" s="152" t="s">
        <v>30</v>
      </c>
      <c r="QY7" s="149"/>
      <c r="QZ7" s="18"/>
      <c r="RA7" s="130"/>
      <c r="RB7" s="141" t="s">
        <v>25</v>
      </c>
      <c r="RC7" s="156" t="s">
        <v>60</v>
      </c>
      <c r="RD7" s="143" t="s">
        <v>62</v>
      </c>
      <c r="RE7" s="143" t="s">
        <v>61</v>
      </c>
      <c r="RF7" s="144" t="s">
        <v>53</v>
      </c>
      <c r="RG7" s="146" t="s">
        <v>74</v>
      </c>
      <c r="RH7" s="148" t="s">
        <v>52</v>
      </c>
      <c r="RI7" s="149"/>
      <c r="RJ7" s="129"/>
      <c r="RK7" s="152" t="s">
        <v>30</v>
      </c>
      <c r="RL7" s="149"/>
      <c r="RM7" s="18"/>
      <c r="RN7" s="130"/>
      <c r="RO7" s="141" t="s">
        <v>25</v>
      </c>
      <c r="RP7" s="156" t="s">
        <v>60</v>
      </c>
      <c r="RQ7" s="143" t="s">
        <v>62</v>
      </c>
      <c r="RR7" s="143" t="s">
        <v>61</v>
      </c>
      <c r="RS7" s="144" t="s">
        <v>53</v>
      </c>
      <c r="RT7" s="146" t="s">
        <v>74</v>
      </c>
      <c r="RU7" s="148" t="s">
        <v>52</v>
      </c>
      <c r="RV7" s="149"/>
      <c r="RW7" s="129"/>
      <c r="RX7" s="152" t="s">
        <v>30</v>
      </c>
      <c r="RY7" s="149"/>
      <c r="RZ7" s="18"/>
      <c r="SA7" s="130"/>
      <c r="SB7" s="141" t="s">
        <v>25</v>
      </c>
      <c r="SC7" s="156" t="s">
        <v>60</v>
      </c>
      <c r="SD7" s="143" t="s">
        <v>62</v>
      </c>
      <c r="SE7" s="143" t="s">
        <v>61</v>
      </c>
      <c r="SF7" s="144" t="s">
        <v>53</v>
      </c>
      <c r="SG7" s="146" t="s">
        <v>74</v>
      </c>
      <c r="SH7" s="148" t="s">
        <v>52</v>
      </c>
      <c r="SI7" s="149"/>
      <c r="SJ7" s="129"/>
      <c r="SK7" s="152" t="s">
        <v>30</v>
      </c>
      <c r="SL7" s="149"/>
      <c r="SM7" s="18"/>
    </row>
    <row r="8" spans="1:507" ht="21.9" customHeight="1">
      <c r="A8" s="23"/>
      <c r="B8" s="141"/>
      <c r="C8" s="142"/>
      <c r="D8" s="143"/>
      <c r="E8" s="143"/>
      <c r="F8" s="145"/>
      <c r="G8" s="147"/>
      <c r="H8" s="150"/>
      <c r="I8" s="151"/>
      <c r="J8" s="42"/>
      <c r="K8" s="153"/>
      <c r="L8" s="151"/>
      <c r="M8" s="9"/>
      <c r="N8" s="23"/>
      <c r="O8" s="141"/>
      <c r="P8" s="142"/>
      <c r="Q8" s="143"/>
      <c r="R8" s="143"/>
      <c r="S8" s="145"/>
      <c r="T8" s="147"/>
      <c r="U8" s="150"/>
      <c r="V8" s="151"/>
      <c r="W8" s="9"/>
      <c r="X8" s="153"/>
      <c r="Y8" s="151"/>
      <c r="Z8" s="9"/>
      <c r="AA8" s="23"/>
      <c r="AB8" s="155"/>
      <c r="AC8" s="157"/>
      <c r="AD8" s="147"/>
      <c r="AE8" s="147"/>
      <c r="AF8" s="147"/>
      <c r="AG8" s="147"/>
      <c r="AH8" s="150"/>
      <c r="AI8" s="151"/>
      <c r="AJ8" s="9"/>
      <c r="AK8" s="153"/>
      <c r="AL8" s="151"/>
      <c r="AM8" s="9"/>
      <c r="AN8" s="23"/>
      <c r="AO8" s="155"/>
      <c r="AP8" s="157"/>
      <c r="AQ8" s="147"/>
      <c r="AR8" s="147"/>
      <c r="AS8" s="147"/>
      <c r="AT8" s="147"/>
      <c r="AU8" s="150"/>
      <c r="AV8" s="151"/>
      <c r="AW8" s="9"/>
      <c r="AX8" s="153"/>
      <c r="AY8" s="151"/>
      <c r="AZ8" s="9"/>
      <c r="BA8" s="23"/>
      <c r="BB8" s="155"/>
      <c r="BC8" s="157"/>
      <c r="BD8" s="147"/>
      <c r="BE8" s="147"/>
      <c r="BF8" s="147"/>
      <c r="BG8" s="147"/>
      <c r="BH8" s="150"/>
      <c r="BI8" s="151"/>
      <c r="BJ8" s="9"/>
      <c r="BK8" s="153"/>
      <c r="BL8" s="151"/>
      <c r="BM8" s="9"/>
      <c r="BN8" s="23"/>
      <c r="BO8" s="155"/>
      <c r="BP8" s="142"/>
      <c r="BQ8" s="143"/>
      <c r="BR8" s="143"/>
      <c r="BS8" s="145"/>
      <c r="BT8" s="147"/>
      <c r="BU8" s="150"/>
      <c r="BV8" s="151"/>
      <c r="BW8" s="9"/>
      <c r="BX8" s="153"/>
      <c r="BY8" s="151"/>
      <c r="BZ8" s="9"/>
      <c r="CA8" s="23"/>
      <c r="CB8" s="141"/>
      <c r="CC8" s="142"/>
      <c r="CD8" s="143"/>
      <c r="CE8" s="143"/>
      <c r="CF8" s="145"/>
      <c r="CG8" s="147"/>
      <c r="CH8" s="150"/>
      <c r="CI8" s="151"/>
      <c r="CJ8" s="9"/>
      <c r="CK8" s="153"/>
      <c r="CL8" s="151"/>
      <c r="CM8" s="9"/>
      <c r="CN8" s="23"/>
      <c r="CO8" s="141"/>
      <c r="CP8" s="142"/>
      <c r="CQ8" s="143"/>
      <c r="CR8" s="143"/>
      <c r="CS8" s="145"/>
      <c r="CT8" s="147"/>
      <c r="CU8" s="150"/>
      <c r="CV8" s="151"/>
      <c r="CW8" s="9"/>
      <c r="CX8" s="153"/>
      <c r="CY8" s="151"/>
      <c r="CZ8" s="9"/>
      <c r="DA8" s="23"/>
      <c r="DB8" s="141"/>
      <c r="DC8" s="157"/>
      <c r="DD8" s="143"/>
      <c r="DE8" s="143"/>
      <c r="DF8" s="145"/>
      <c r="DG8" s="147"/>
      <c r="DH8" s="150"/>
      <c r="DI8" s="151"/>
      <c r="DJ8" s="9"/>
      <c r="DK8" s="153"/>
      <c r="DL8" s="151"/>
      <c r="DM8" s="9"/>
      <c r="DN8" s="23"/>
      <c r="DO8" s="141"/>
      <c r="DP8" s="142"/>
      <c r="DQ8" s="143"/>
      <c r="DR8" s="143"/>
      <c r="DS8" s="147"/>
      <c r="DT8" s="147"/>
      <c r="DU8" s="150"/>
      <c r="DV8" s="151"/>
      <c r="DW8" s="9"/>
      <c r="DX8" s="153"/>
      <c r="DY8" s="151"/>
      <c r="DZ8" s="9"/>
      <c r="EA8" s="23"/>
      <c r="EB8" s="141"/>
      <c r="EC8" s="142"/>
      <c r="ED8" s="143"/>
      <c r="EE8" s="143"/>
      <c r="EF8" s="145"/>
      <c r="EG8" s="147"/>
      <c r="EH8" s="150"/>
      <c r="EI8" s="151"/>
      <c r="EJ8" s="9"/>
      <c r="EK8" s="153"/>
      <c r="EL8" s="151"/>
      <c r="EM8" s="9"/>
      <c r="EN8" s="23"/>
      <c r="EO8" s="141"/>
      <c r="EP8" s="142"/>
      <c r="EQ8" s="143"/>
      <c r="ER8" s="143"/>
      <c r="ES8" s="145"/>
      <c r="ET8" s="147"/>
      <c r="EU8" s="150"/>
      <c r="EV8" s="151"/>
      <c r="EW8" s="9"/>
      <c r="EX8" s="153"/>
      <c r="EY8" s="151"/>
      <c r="EZ8" s="9"/>
      <c r="FA8" s="23"/>
      <c r="FB8" s="141"/>
      <c r="FC8" s="157"/>
      <c r="FD8" s="143"/>
      <c r="FE8" s="143"/>
      <c r="FF8" s="145"/>
      <c r="FG8" s="147"/>
      <c r="FH8" s="150"/>
      <c r="FI8" s="151"/>
      <c r="FJ8" s="9"/>
      <c r="FK8" s="153"/>
      <c r="FL8" s="151"/>
      <c r="FM8" s="9"/>
      <c r="FN8" s="23"/>
      <c r="FO8" s="141"/>
      <c r="FP8" s="157"/>
      <c r="FQ8" s="143"/>
      <c r="FR8" s="143"/>
      <c r="FS8" s="145"/>
      <c r="FT8" s="147"/>
      <c r="FU8" s="150"/>
      <c r="FV8" s="151"/>
      <c r="FW8" s="9"/>
      <c r="FX8" s="153"/>
      <c r="FY8" s="151"/>
      <c r="FZ8" s="9"/>
      <c r="GA8" s="23"/>
      <c r="GB8" s="141"/>
      <c r="GC8" s="157"/>
      <c r="GD8" s="143"/>
      <c r="GE8" s="143"/>
      <c r="GF8" s="145"/>
      <c r="GG8" s="147"/>
      <c r="GH8" s="150"/>
      <c r="GI8" s="151"/>
      <c r="GJ8" s="9"/>
      <c r="GK8" s="153"/>
      <c r="GL8" s="151"/>
      <c r="GM8" s="9"/>
      <c r="GN8" s="23"/>
      <c r="GO8" s="141"/>
      <c r="GP8" s="157"/>
      <c r="GQ8" s="143"/>
      <c r="GR8" s="143"/>
      <c r="GS8" s="145"/>
      <c r="GT8" s="147"/>
      <c r="GU8" s="150"/>
      <c r="GV8" s="151"/>
      <c r="GW8" s="9"/>
      <c r="GX8" s="153"/>
      <c r="GY8" s="151"/>
      <c r="GZ8" s="9"/>
      <c r="HA8" s="23"/>
      <c r="HB8" s="141"/>
      <c r="HC8" s="157"/>
      <c r="HD8" s="143"/>
      <c r="HE8" s="143"/>
      <c r="HF8" s="145"/>
      <c r="HG8" s="147"/>
      <c r="HH8" s="150"/>
      <c r="HI8" s="151"/>
      <c r="HJ8" s="9"/>
      <c r="HK8" s="153"/>
      <c r="HL8" s="151"/>
      <c r="HM8" s="9"/>
      <c r="HN8" s="23"/>
      <c r="HO8" s="141"/>
      <c r="HP8" s="157"/>
      <c r="HQ8" s="143"/>
      <c r="HR8" s="143"/>
      <c r="HS8" s="145"/>
      <c r="HT8" s="147"/>
      <c r="HU8" s="150"/>
      <c r="HV8" s="151"/>
      <c r="HW8" s="9"/>
      <c r="HX8" s="153"/>
      <c r="HY8" s="151"/>
      <c r="HZ8" s="9"/>
      <c r="IA8" s="23"/>
      <c r="IB8" s="141"/>
      <c r="IC8" s="157"/>
      <c r="ID8" s="143"/>
      <c r="IE8" s="143"/>
      <c r="IF8" s="145"/>
      <c r="IG8" s="147"/>
      <c r="IH8" s="150"/>
      <c r="II8" s="151"/>
      <c r="IJ8" s="9"/>
      <c r="IK8" s="153"/>
      <c r="IL8" s="151"/>
      <c r="IM8" s="9"/>
      <c r="IN8" s="23"/>
      <c r="IO8" s="141"/>
      <c r="IP8" s="157"/>
      <c r="IQ8" s="143"/>
      <c r="IR8" s="143"/>
      <c r="IS8" s="145"/>
      <c r="IT8" s="147"/>
      <c r="IU8" s="150"/>
      <c r="IV8" s="151"/>
      <c r="IW8" s="9"/>
      <c r="IX8" s="153"/>
      <c r="IY8" s="151"/>
      <c r="IZ8" s="9"/>
      <c r="JA8" s="23"/>
      <c r="JB8" s="141"/>
      <c r="JC8" s="157"/>
      <c r="JD8" s="143"/>
      <c r="JE8" s="143"/>
      <c r="JF8" s="145"/>
      <c r="JG8" s="147"/>
      <c r="JH8" s="150"/>
      <c r="JI8" s="151"/>
      <c r="JJ8" s="9"/>
      <c r="JK8" s="153"/>
      <c r="JL8" s="151"/>
      <c r="JM8" s="9"/>
      <c r="JN8" s="23"/>
      <c r="JO8" s="141"/>
      <c r="JP8" s="157"/>
      <c r="JQ8" s="143"/>
      <c r="JR8" s="143"/>
      <c r="JS8" s="145"/>
      <c r="JT8" s="147"/>
      <c r="JU8" s="150"/>
      <c r="JV8" s="151"/>
      <c r="JW8" s="9"/>
      <c r="JX8" s="153"/>
      <c r="JY8" s="151"/>
      <c r="JZ8" s="9"/>
      <c r="KA8" s="23"/>
      <c r="KB8" s="141"/>
      <c r="KC8" s="157"/>
      <c r="KD8" s="143"/>
      <c r="KE8" s="143"/>
      <c r="KF8" s="145"/>
      <c r="KG8" s="147"/>
      <c r="KH8" s="150"/>
      <c r="KI8" s="151"/>
      <c r="KJ8" s="9"/>
      <c r="KK8" s="153"/>
      <c r="KL8" s="151"/>
      <c r="KM8" s="9"/>
      <c r="KN8" s="23"/>
      <c r="KO8" s="141"/>
      <c r="KP8" s="157"/>
      <c r="KQ8" s="143"/>
      <c r="KR8" s="143"/>
      <c r="KS8" s="145"/>
      <c r="KT8" s="147"/>
      <c r="KU8" s="150"/>
      <c r="KV8" s="151"/>
      <c r="KW8" s="9"/>
      <c r="KX8" s="153"/>
      <c r="KY8" s="151"/>
      <c r="KZ8" s="9"/>
      <c r="LA8" s="23"/>
      <c r="LB8" s="141"/>
      <c r="LC8" s="157"/>
      <c r="LD8" s="143"/>
      <c r="LE8" s="143"/>
      <c r="LF8" s="145"/>
      <c r="LG8" s="147"/>
      <c r="LH8" s="150"/>
      <c r="LI8" s="151"/>
      <c r="LJ8" s="9"/>
      <c r="LK8" s="153"/>
      <c r="LL8" s="151"/>
      <c r="LM8" s="9"/>
      <c r="LN8" s="23"/>
      <c r="LO8" s="141"/>
      <c r="LP8" s="157"/>
      <c r="LQ8" s="143"/>
      <c r="LR8" s="143"/>
      <c r="LS8" s="145"/>
      <c r="LT8" s="147"/>
      <c r="LU8" s="150"/>
      <c r="LV8" s="151"/>
      <c r="LW8" s="9"/>
      <c r="LX8" s="153"/>
      <c r="LY8" s="151"/>
      <c r="LZ8" s="9"/>
      <c r="MA8" s="23"/>
      <c r="MB8" s="141"/>
      <c r="MC8" s="157"/>
      <c r="MD8" s="143"/>
      <c r="ME8" s="143"/>
      <c r="MF8" s="145"/>
      <c r="MG8" s="147"/>
      <c r="MH8" s="150"/>
      <c r="MI8" s="151"/>
      <c r="MJ8" s="9"/>
      <c r="MK8" s="153"/>
      <c r="ML8" s="151"/>
      <c r="MM8" s="9"/>
      <c r="MN8" s="23"/>
      <c r="MO8" s="141"/>
      <c r="MP8" s="157"/>
      <c r="MQ8" s="143"/>
      <c r="MR8" s="143"/>
      <c r="MS8" s="145"/>
      <c r="MT8" s="147"/>
      <c r="MU8" s="150"/>
      <c r="MV8" s="151"/>
      <c r="MW8" s="9"/>
      <c r="MX8" s="153"/>
      <c r="MY8" s="151"/>
      <c r="MZ8" s="9"/>
      <c r="NA8" s="23"/>
      <c r="NB8" s="141"/>
      <c r="NC8" s="157"/>
      <c r="ND8" s="143"/>
      <c r="NE8" s="143"/>
      <c r="NF8" s="145"/>
      <c r="NG8" s="147"/>
      <c r="NH8" s="150"/>
      <c r="NI8" s="151"/>
      <c r="NJ8" s="9"/>
      <c r="NK8" s="153"/>
      <c r="NL8" s="151"/>
      <c r="NM8" s="9"/>
      <c r="NN8" s="23"/>
      <c r="NO8" s="141"/>
      <c r="NP8" s="157"/>
      <c r="NQ8" s="143"/>
      <c r="NR8" s="143"/>
      <c r="NS8" s="145"/>
      <c r="NT8" s="147"/>
      <c r="NU8" s="150"/>
      <c r="NV8" s="151"/>
      <c r="NW8" s="9"/>
      <c r="NX8" s="153"/>
      <c r="NY8" s="151"/>
      <c r="NZ8" s="9"/>
      <c r="OA8" s="23"/>
      <c r="OB8" s="141"/>
      <c r="OC8" s="157"/>
      <c r="OD8" s="143"/>
      <c r="OE8" s="143"/>
      <c r="OF8" s="145"/>
      <c r="OG8" s="147"/>
      <c r="OH8" s="150"/>
      <c r="OI8" s="151"/>
      <c r="OJ8" s="9"/>
      <c r="OK8" s="153"/>
      <c r="OL8" s="151"/>
      <c r="OM8" s="9"/>
      <c r="ON8" s="23"/>
      <c r="OO8" s="141"/>
      <c r="OP8" s="157"/>
      <c r="OQ8" s="143"/>
      <c r="OR8" s="143"/>
      <c r="OS8" s="145"/>
      <c r="OT8" s="147"/>
      <c r="OU8" s="150"/>
      <c r="OV8" s="151"/>
      <c r="OW8" s="9"/>
      <c r="OX8" s="153"/>
      <c r="OY8" s="151"/>
      <c r="OZ8" s="9"/>
      <c r="PA8" s="23"/>
      <c r="PB8" s="141"/>
      <c r="PC8" s="157"/>
      <c r="PD8" s="143"/>
      <c r="PE8" s="143"/>
      <c r="PF8" s="145"/>
      <c r="PG8" s="147"/>
      <c r="PH8" s="150"/>
      <c r="PI8" s="151"/>
      <c r="PJ8" s="9"/>
      <c r="PK8" s="153"/>
      <c r="PL8" s="151"/>
      <c r="PM8" s="9"/>
      <c r="PN8" s="23"/>
      <c r="PO8" s="141"/>
      <c r="PP8" s="157"/>
      <c r="PQ8" s="143"/>
      <c r="PR8" s="143"/>
      <c r="PS8" s="145"/>
      <c r="PT8" s="147"/>
      <c r="PU8" s="150"/>
      <c r="PV8" s="151"/>
      <c r="PW8" s="9"/>
      <c r="PX8" s="153"/>
      <c r="PY8" s="151"/>
      <c r="PZ8" s="9"/>
      <c r="QA8" s="23"/>
      <c r="QB8" s="141"/>
      <c r="QC8" s="157"/>
      <c r="QD8" s="143"/>
      <c r="QE8" s="143"/>
      <c r="QF8" s="145"/>
      <c r="QG8" s="147"/>
      <c r="QH8" s="150"/>
      <c r="QI8" s="151"/>
      <c r="QJ8" s="9"/>
      <c r="QK8" s="153"/>
      <c r="QL8" s="151"/>
      <c r="QM8" s="9"/>
      <c r="QN8" s="23"/>
      <c r="QO8" s="141"/>
      <c r="QP8" s="157"/>
      <c r="QQ8" s="143"/>
      <c r="QR8" s="143"/>
      <c r="QS8" s="145"/>
      <c r="QT8" s="147"/>
      <c r="QU8" s="150"/>
      <c r="QV8" s="151"/>
      <c r="QW8" s="9"/>
      <c r="QX8" s="153"/>
      <c r="QY8" s="151"/>
      <c r="QZ8" s="9"/>
      <c r="RA8" s="23"/>
      <c r="RB8" s="141"/>
      <c r="RC8" s="157"/>
      <c r="RD8" s="143"/>
      <c r="RE8" s="143"/>
      <c r="RF8" s="145"/>
      <c r="RG8" s="147"/>
      <c r="RH8" s="150"/>
      <c r="RI8" s="151"/>
      <c r="RJ8" s="9"/>
      <c r="RK8" s="153"/>
      <c r="RL8" s="151"/>
      <c r="RM8" s="9"/>
      <c r="RN8" s="23"/>
      <c r="RO8" s="141"/>
      <c r="RP8" s="157"/>
      <c r="RQ8" s="143"/>
      <c r="RR8" s="143"/>
      <c r="RS8" s="145"/>
      <c r="RT8" s="147"/>
      <c r="RU8" s="150"/>
      <c r="RV8" s="151"/>
      <c r="RW8" s="9"/>
      <c r="RX8" s="153"/>
      <c r="RY8" s="151"/>
      <c r="RZ8" s="9"/>
      <c r="SA8" s="23"/>
      <c r="SB8" s="141"/>
      <c r="SC8" s="157"/>
      <c r="SD8" s="143"/>
      <c r="SE8" s="143"/>
      <c r="SF8" s="145"/>
      <c r="SG8" s="147"/>
      <c r="SH8" s="150"/>
      <c r="SI8" s="151"/>
      <c r="SJ8" s="9"/>
      <c r="SK8" s="153"/>
      <c r="SL8" s="151"/>
      <c r="SM8" s="9"/>
    </row>
    <row r="9" spans="1:507" ht="15.6" customHeight="1">
      <c r="A9" s="9"/>
      <c r="B9" s="21"/>
      <c r="C9" s="12"/>
      <c r="D9" s="13"/>
      <c r="E9" s="25"/>
      <c r="F9" s="45"/>
      <c r="G9" s="45"/>
      <c r="H9" s="158"/>
      <c r="I9" s="159"/>
      <c r="J9" s="42"/>
      <c r="K9" s="164" t="s">
        <v>23</v>
      </c>
      <c r="L9" s="162"/>
      <c r="M9" s="9"/>
      <c r="N9" s="9"/>
      <c r="O9" s="21"/>
      <c r="P9" s="12"/>
      <c r="Q9" s="13"/>
      <c r="R9" s="25"/>
      <c r="S9" s="45"/>
      <c r="T9" s="45"/>
      <c r="U9" s="158"/>
      <c r="V9" s="159"/>
      <c r="W9" s="9"/>
      <c r="X9" s="154" t="s">
        <v>23</v>
      </c>
      <c r="Y9" s="166"/>
      <c r="Z9" s="9"/>
      <c r="AA9" s="9"/>
      <c r="AB9" s="21"/>
      <c r="AC9" s="12"/>
      <c r="AD9" s="13"/>
      <c r="AE9" s="25"/>
      <c r="AF9" s="45"/>
      <c r="AG9" s="45"/>
      <c r="AH9" s="158"/>
      <c r="AI9" s="159"/>
      <c r="AJ9" s="9"/>
      <c r="AK9" s="160" t="s">
        <v>23</v>
      </c>
      <c r="AL9" s="162"/>
      <c r="AM9" s="9"/>
      <c r="AN9" s="9"/>
      <c r="AO9" s="21"/>
      <c r="AP9" s="12"/>
      <c r="AQ9" s="13"/>
      <c r="AR9" s="25"/>
      <c r="AS9" s="45"/>
      <c r="AT9" s="45"/>
      <c r="AU9" s="158"/>
      <c r="AV9" s="159"/>
      <c r="AW9" s="9"/>
      <c r="AX9" s="160" t="s">
        <v>23</v>
      </c>
      <c r="AY9" s="162"/>
      <c r="AZ9" s="9"/>
      <c r="BA9" s="9"/>
      <c r="BB9" s="21"/>
      <c r="BC9" s="12"/>
      <c r="BD9" s="13"/>
      <c r="BE9" s="25"/>
      <c r="BF9" s="45"/>
      <c r="BG9" s="45"/>
      <c r="BH9" s="158"/>
      <c r="BI9" s="159"/>
      <c r="BJ9" s="9"/>
      <c r="BK9" s="160" t="s">
        <v>23</v>
      </c>
      <c r="BL9" s="162"/>
      <c r="BM9" s="9"/>
      <c r="BN9" s="9"/>
      <c r="BO9" s="21"/>
      <c r="BP9" s="12"/>
      <c r="BQ9" s="13"/>
      <c r="BR9" s="25"/>
      <c r="BS9" s="45"/>
      <c r="BT9" s="45"/>
      <c r="BU9" s="158"/>
      <c r="BV9" s="159"/>
      <c r="BW9" s="9"/>
      <c r="BX9" s="160" t="s">
        <v>23</v>
      </c>
      <c r="BY9" s="162"/>
      <c r="BZ9" s="9"/>
      <c r="CA9" s="9"/>
      <c r="CB9" s="21"/>
      <c r="CC9" s="12"/>
      <c r="CD9" s="13"/>
      <c r="CE9" s="25"/>
      <c r="CF9" s="45"/>
      <c r="CG9" s="45"/>
      <c r="CH9" s="158"/>
      <c r="CI9" s="159"/>
      <c r="CJ9" s="9"/>
      <c r="CK9" s="160" t="s">
        <v>23</v>
      </c>
      <c r="CL9" s="162"/>
      <c r="CM9" s="9"/>
      <c r="CN9" s="9"/>
      <c r="CO9" s="21"/>
      <c r="CP9" s="12"/>
      <c r="CQ9" s="13"/>
      <c r="CR9" s="25"/>
      <c r="CS9" s="45"/>
      <c r="CT9" s="45"/>
      <c r="CU9" s="158"/>
      <c r="CV9" s="159"/>
      <c r="CW9" s="9"/>
      <c r="CX9" s="160" t="s">
        <v>23</v>
      </c>
      <c r="CY9" s="162"/>
      <c r="CZ9" s="9"/>
      <c r="DA9" s="9"/>
      <c r="DB9" s="21"/>
      <c r="DC9" s="12"/>
      <c r="DD9" s="13"/>
      <c r="DE9" s="25"/>
      <c r="DF9" s="45"/>
      <c r="DG9" s="45"/>
      <c r="DH9" s="158"/>
      <c r="DI9" s="159"/>
      <c r="DJ9" s="9"/>
      <c r="DK9" s="160" t="s">
        <v>23</v>
      </c>
      <c r="DL9" s="162"/>
      <c r="DM9" s="9"/>
      <c r="DN9" s="9"/>
      <c r="DO9" s="21"/>
      <c r="DP9" s="12"/>
      <c r="DQ9" s="13"/>
      <c r="DR9" s="25"/>
      <c r="DS9" s="45"/>
      <c r="DT9" s="45"/>
      <c r="DU9" s="158"/>
      <c r="DV9" s="159"/>
      <c r="DW9" s="9"/>
      <c r="DX9" s="160" t="s">
        <v>23</v>
      </c>
      <c r="DY9" s="162"/>
      <c r="DZ9" s="9"/>
      <c r="EA9" s="9"/>
      <c r="EB9" s="21"/>
      <c r="EC9" s="12"/>
      <c r="ED9" s="13"/>
      <c r="EE9" s="25"/>
      <c r="EF9" s="45"/>
      <c r="EG9" s="45"/>
      <c r="EH9" s="158"/>
      <c r="EI9" s="159"/>
      <c r="EJ9" s="9"/>
      <c r="EK9" s="160" t="s">
        <v>23</v>
      </c>
      <c r="EL9" s="162"/>
      <c r="EM9" s="9"/>
      <c r="EN9" s="9"/>
      <c r="EO9" s="21"/>
      <c r="EP9" s="12"/>
      <c r="EQ9" s="13"/>
      <c r="ER9" s="25"/>
      <c r="ES9" s="45"/>
      <c r="ET9" s="45"/>
      <c r="EU9" s="158"/>
      <c r="EV9" s="159"/>
      <c r="EW9" s="9"/>
      <c r="EX9" s="160" t="s">
        <v>23</v>
      </c>
      <c r="EY9" s="162"/>
      <c r="EZ9" s="9"/>
      <c r="FA9" s="9"/>
      <c r="FB9" s="21"/>
      <c r="FC9" s="12"/>
      <c r="FD9" s="13"/>
      <c r="FE9" s="25"/>
      <c r="FF9" s="45"/>
      <c r="FG9" s="45"/>
      <c r="FH9" s="158"/>
      <c r="FI9" s="159"/>
      <c r="FJ9" s="9"/>
      <c r="FK9" s="160" t="s">
        <v>23</v>
      </c>
      <c r="FL9" s="162"/>
      <c r="FM9" s="9"/>
      <c r="FN9" s="9"/>
      <c r="FO9" s="21"/>
      <c r="FP9" s="12"/>
      <c r="FQ9" s="13"/>
      <c r="FR9" s="25"/>
      <c r="FS9" s="45"/>
      <c r="FT9" s="45"/>
      <c r="FU9" s="158"/>
      <c r="FV9" s="159"/>
      <c r="FW9" s="9"/>
      <c r="FX9" s="160" t="s">
        <v>23</v>
      </c>
      <c r="FY9" s="162"/>
      <c r="FZ9" s="9"/>
      <c r="GA9" s="9"/>
      <c r="GB9" s="21"/>
      <c r="GC9" s="12"/>
      <c r="GD9" s="13"/>
      <c r="GE9" s="25"/>
      <c r="GF9" s="45"/>
      <c r="GG9" s="45"/>
      <c r="GH9" s="158"/>
      <c r="GI9" s="159"/>
      <c r="GJ9" s="9"/>
      <c r="GK9" s="160" t="s">
        <v>23</v>
      </c>
      <c r="GL9" s="162"/>
      <c r="GM9" s="9"/>
      <c r="GN9" s="9"/>
      <c r="GO9" s="21"/>
      <c r="GP9" s="12"/>
      <c r="GQ9" s="13"/>
      <c r="GR9" s="25"/>
      <c r="GS9" s="45"/>
      <c r="GT9" s="45"/>
      <c r="GU9" s="158"/>
      <c r="GV9" s="159"/>
      <c r="GW9" s="9"/>
      <c r="GX9" s="160" t="s">
        <v>23</v>
      </c>
      <c r="GY9" s="162"/>
      <c r="GZ9" s="9"/>
      <c r="HA9" s="9"/>
      <c r="HB9" s="21"/>
      <c r="HC9" s="12"/>
      <c r="HD9" s="13"/>
      <c r="HE9" s="25"/>
      <c r="HF9" s="45"/>
      <c r="HG9" s="45"/>
      <c r="HH9" s="158"/>
      <c r="HI9" s="159"/>
      <c r="HJ9" s="9"/>
      <c r="HK9" s="160" t="s">
        <v>23</v>
      </c>
      <c r="HL9" s="162"/>
      <c r="HM9" s="9"/>
      <c r="HN9" s="9"/>
      <c r="HO9" s="21"/>
      <c r="HP9" s="12"/>
      <c r="HQ9" s="13"/>
      <c r="HR9" s="25"/>
      <c r="HS9" s="45"/>
      <c r="HT9" s="45"/>
      <c r="HU9" s="158"/>
      <c r="HV9" s="159"/>
      <c r="HW9" s="9"/>
      <c r="HX9" s="160" t="s">
        <v>23</v>
      </c>
      <c r="HY9" s="162"/>
      <c r="HZ9" s="9"/>
      <c r="IA9" s="9"/>
      <c r="IB9" s="21"/>
      <c r="IC9" s="12"/>
      <c r="ID9" s="13"/>
      <c r="IE9" s="25"/>
      <c r="IF9" s="45"/>
      <c r="IG9" s="45"/>
      <c r="IH9" s="158"/>
      <c r="II9" s="159"/>
      <c r="IJ9" s="9"/>
      <c r="IK9" s="160" t="s">
        <v>23</v>
      </c>
      <c r="IL9" s="162"/>
      <c r="IM9" s="9"/>
      <c r="IN9" s="9"/>
      <c r="IO9" s="21"/>
      <c r="IP9" s="12"/>
      <c r="IQ9" s="13"/>
      <c r="IR9" s="25"/>
      <c r="IS9" s="45"/>
      <c r="IT9" s="45"/>
      <c r="IU9" s="158"/>
      <c r="IV9" s="159"/>
      <c r="IW9" s="9"/>
      <c r="IX9" s="160" t="s">
        <v>23</v>
      </c>
      <c r="IY9" s="162"/>
      <c r="IZ9" s="9"/>
      <c r="JA9" s="9"/>
      <c r="JB9" s="21"/>
      <c r="JC9" s="12"/>
      <c r="JD9" s="13"/>
      <c r="JE9" s="25"/>
      <c r="JF9" s="45"/>
      <c r="JG9" s="45"/>
      <c r="JH9" s="158"/>
      <c r="JI9" s="159"/>
      <c r="JJ9" s="9"/>
      <c r="JK9" s="160" t="s">
        <v>23</v>
      </c>
      <c r="JL9" s="162"/>
      <c r="JM9" s="9"/>
      <c r="JN9" s="9"/>
      <c r="JO9" s="21"/>
      <c r="JP9" s="12"/>
      <c r="JQ9" s="13"/>
      <c r="JR9" s="25"/>
      <c r="JS9" s="45"/>
      <c r="JT9" s="45"/>
      <c r="JU9" s="158"/>
      <c r="JV9" s="159"/>
      <c r="JW9" s="9"/>
      <c r="JX9" s="160" t="s">
        <v>23</v>
      </c>
      <c r="JY9" s="162"/>
      <c r="JZ9" s="9"/>
      <c r="KA9" s="9"/>
      <c r="KB9" s="21"/>
      <c r="KC9" s="12"/>
      <c r="KD9" s="13"/>
      <c r="KE9" s="25"/>
      <c r="KF9" s="45"/>
      <c r="KG9" s="45"/>
      <c r="KH9" s="158"/>
      <c r="KI9" s="159"/>
      <c r="KJ9" s="9"/>
      <c r="KK9" s="160" t="s">
        <v>23</v>
      </c>
      <c r="KL9" s="162"/>
      <c r="KM9" s="9"/>
      <c r="KN9" s="9"/>
      <c r="KO9" s="21"/>
      <c r="KP9" s="12"/>
      <c r="KQ9" s="13"/>
      <c r="KR9" s="25"/>
      <c r="KS9" s="45"/>
      <c r="KT9" s="45"/>
      <c r="KU9" s="158"/>
      <c r="KV9" s="159"/>
      <c r="KW9" s="9"/>
      <c r="KX9" s="160" t="s">
        <v>23</v>
      </c>
      <c r="KY9" s="162"/>
      <c r="KZ9" s="9"/>
      <c r="LA9" s="9"/>
      <c r="LB9" s="21"/>
      <c r="LC9" s="12"/>
      <c r="LD9" s="13"/>
      <c r="LE9" s="25"/>
      <c r="LF9" s="45"/>
      <c r="LG9" s="45"/>
      <c r="LH9" s="158"/>
      <c r="LI9" s="159"/>
      <c r="LJ9" s="9"/>
      <c r="LK9" s="160" t="s">
        <v>23</v>
      </c>
      <c r="LL9" s="162"/>
      <c r="LM9" s="9"/>
      <c r="LN9" s="9"/>
      <c r="LO9" s="21"/>
      <c r="LP9" s="12"/>
      <c r="LQ9" s="13"/>
      <c r="LR9" s="25"/>
      <c r="LS9" s="45"/>
      <c r="LT9" s="45"/>
      <c r="LU9" s="158"/>
      <c r="LV9" s="159"/>
      <c r="LW9" s="9"/>
      <c r="LX9" s="160" t="s">
        <v>23</v>
      </c>
      <c r="LY9" s="162"/>
      <c r="LZ9" s="9"/>
      <c r="MA9" s="9"/>
      <c r="MB9" s="21"/>
      <c r="MC9" s="12"/>
      <c r="MD9" s="13"/>
      <c r="ME9" s="25"/>
      <c r="MF9" s="45"/>
      <c r="MG9" s="45"/>
      <c r="MH9" s="158"/>
      <c r="MI9" s="159"/>
      <c r="MJ9" s="9"/>
      <c r="MK9" s="160" t="s">
        <v>23</v>
      </c>
      <c r="ML9" s="162"/>
      <c r="MM9" s="9"/>
      <c r="MN9" s="9"/>
      <c r="MO9" s="21"/>
      <c r="MP9" s="12"/>
      <c r="MQ9" s="13"/>
      <c r="MR9" s="25"/>
      <c r="MS9" s="45"/>
      <c r="MT9" s="45"/>
      <c r="MU9" s="158"/>
      <c r="MV9" s="159"/>
      <c r="MW9" s="9"/>
      <c r="MX9" s="160" t="s">
        <v>23</v>
      </c>
      <c r="MY9" s="162"/>
      <c r="MZ9" s="9"/>
      <c r="NA9" s="9"/>
      <c r="NB9" s="21" t="str">
        <f t="shared" ref="NB9:NB46" si="0">TEXT(NC9,"aaa")</f>
        <v/>
      </c>
      <c r="NC9" s="12" t="str">
        <f>IF(MAX(MP9:MP46)=0,"",IF(MAX(MP9:MP46)=DATE('（参考）入力シート'!$K$20,'（参考）入力シート'!$M$20,'（参考）入力シート'!$O$20),"",MAX(MP9:MP46)+1))</f>
        <v/>
      </c>
      <c r="ND9" s="13" t="str">
        <f>IF(COUNTIF(祝日一覧!$E$2:$E$142,NC9),"○",IF(NG9&lt;&gt;"","○",""))</f>
        <v/>
      </c>
      <c r="NE9" s="25"/>
      <c r="NF9" s="45" t="str">
        <f>IF(OR(NB9="土",NB9="日"),IF(ND9="○","","○"),"")</f>
        <v/>
      </c>
      <c r="NG9" s="45"/>
      <c r="NH9" s="158"/>
      <c r="NI9" s="159"/>
      <c r="NJ9" s="9"/>
      <c r="NK9" s="160" t="s">
        <v>23</v>
      </c>
      <c r="NL9" s="162"/>
      <c r="NM9" s="9"/>
      <c r="NN9" s="9"/>
      <c r="NO9" s="21"/>
      <c r="NP9" s="12"/>
      <c r="NQ9" s="13"/>
      <c r="NR9" s="25"/>
      <c r="NS9" s="45"/>
      <c r="NT9" s="45"/>
      <c r="NU9" s="158"/>
      <c r="NV9" s="159"/>
      <c r="NW9" s="9"/>
      <c r="NX9" s="160" t="s">
        <v>23</v>
      </c>
      <c r="NY9" s="162"/>
      <c r="NZ9" s="9"/>
      <c r="OA9" s="9"/>
      <c r="OB9" s="21"/>
      <c r="OC9" s="12"/>
      <c r="OD9" s="13"/>
      <c r="OE9" s="25"/>
      <c r="OF9" s="45"/>
      <c r="OG9" s="45"/>
      <c r="OH9" s="158"/>
      <c r="OI9" s="159"/>
      <c r="OJ9" s="9"/>
      <c r="OK9" s="160" t="s">
        <v>23</v>
      </c>
      <c r="OL9" s="162"/>
      <c r="OM9" s="9"/>
      <c r="ON9" s="9"/>
      <c r="OO9" s="21"/>
      <c r="OP9" s="12"/>
      <c r="OQ9" s="13"/>
      <c r="OR9" s="25"/>
      <c r="OS9" s="45"/>
      <c r="OT9" s="45"/>
      <c r="OU9" s="158"/>
      <c r="OV9" s="159"/>
      <c r="OW9" s="9"/>
      <c r="OX9" s="160" t="s">
        <v>23</v>
      </c>
      <c r="OY9" s="162"/>
      <c r="OZ9" s="9"/>
      <c r="PA9" s="9"/>
      <c r="PB9" s="21"/>
      <c r="PC9" s="12"/>
      <c r="PD9" s="13"/>
      <c r="PE9" s="25"/>
      <c r="PF9" s="45"/>
      <c r="PG9" s="45"/>
      <c r="PH9" s="158"/>
      <c r="PI9" s="159"/>
      <c r="PJ9" s="9"/>
      <c r="PK9" s="160" t="s">
        <v>23</v>
      </c>
      <c r="PL9" s="162"/>
      <c r="PM9" s="9"/>
      <c r="PN9" s="9"/>
      <c r="PO9" s="21"/>
      <c r="PP9" s="12"/>
      <c r="PQ9" s="13"/>
      <c r="PR9" s="25"/>
      <c r="PS9" s="45"/>
      <c r="PT9" s="45"/>
      <c r="PU9" s="158"/>
      <c r="PV9" s="159"/>
      <c r="PW9" s="9"/>
      <c r="PX9" s="160" t="s">
        <v>23</v>
      </c>
      <c r="PY9" s="162"/>
      <c r="PZ9" s="9"/>
      <c r="QA9" s="9"/>
      <c r="QB9" s="21"/>
      <c r="QC9" s="12"/>
      <c r="QD9" s="13"/>
      <c r="QE9" s="25"/>
      <c r="QF9" s="45"/>
      <c r="QG9" s="45"/>
      <c r="QH9" s="158"/>
      <c r="QI9" s="159"/>
      <c r="QJ9" s="9"/>
      <c r="QK9" s="160" t="s">
        <v>23</v>
      </c>
      <c r="QL9" s="162"/>
      <c r="QM9" s="9"/>
      <c r="QN9" s="9"/>
      <c r="QO9" s="21"/>
      <c r="QP9" s="12"/>
      <c r="QQ9" s="13"/>
      <c r="QR9" s="25"/>
      <c r="QS9" s="45"/>
      <c r="QT9" s="45"/>
      <c r="QU9" s="158"/>
      <c r="QV9" s="159"/>
      <c r="QW9" s="9"/>
      <c r="QX9" s="160" t="s">
        <v>23</v>
      </c>
      <c r="QY9" s="162"/>
      <c r="QZ9" s="9"/>
      <c r="RA9" s="9"/>
      <c r="RB9" s="21"/>
      <c r="RC9" s="12"/>
      <c r="RD9" s="13"/>
      <c r="RE9" s="25"/>
      <c r="RF9" s="45"/>
      <c r="RG9" s="45"/>
      <c r="RH9" s="158"/>
      <c r="RI9" s="159"/>
      <c r="RJ9" s="9"/>
      <c r="RK9" s="160" t="s">
        <v>23</v>
      </c>
      <c r="RL9" s="162"/>
      <c r="RM9" s="9"/>
      <c r="RN9" s="9"/>
      <c r="RO9" s="21"/>
      <c r="RP9" s="12"/>
      <c r="RQ9" s="13"/>
      <c r="RR9" s="25"/>
      <c r="RS9" s="45"/>
      <c r="RT9" s="45"/>
      <c r="RU9" s="158"/>
      <c r="RV9" s="159"/>
      <c r="RW9" s="9"/>
      <c r="RX9" s="160" t="s">
        <v>23</v>
      </c>
      <c r="RY9" s="162"/>
      <c r="RZ9" s="9"/>
      <c r="SA9" s="9"/>
      <c r="SB9" s="21"/>
      <c r="SC9" s="12"/>
      <c r="SD9" s="13"/>
      <c r="SE9" s="25"/>
      <c r="SF9" s="45"/>
      <c r="SG9" s="45"/>
      <c r="SH9" s="158"/>
      <c r="SI9" s="159"/>
      <c r="SJ9" s="9"/>
      <c r="SK9" s="160" t="s">
        <v>23</v>
      </c>
      <c r="SL9" s="162"/>
      <c r="SM9" s="9"/>
    </row>
    <row r="10" spans="1:507" ht="15.6" customHeight="1">
      <c r="A10" s="9"/>
      <c r="B10" s="131"/>
      <c r="C10" s="15"/>
      <c r="D10" s="13"/>
      <c r="E10" s="26"/>
      <c r="F10" s="45"/>
      <c r="G10" s="45"/>
      <c r="H10" s="167"/>
      <c r="I10" s="168"/>
      <c r="J10" s="42"/>
      <c r="K10" s="165"/>
      <c r="L10" s="163"/>
      <c r="M10" s="9"/>
      <c r="N10" s="9"/>
      <c r="O10" s="131"/>
      <c r="P10" s="15"/>
      <c r="Q10" s="13"/>
      <c r="R10" s="26"/>
      <c r="S10" s="45"/>
      <c r="T10" s="45"/>
      <c r="U10" s="167"/>
      <c r="V10" s="168"/>
      <c r="W10" s="9"/>
      <c r="X10" s="161"/>
      <c r="Y10" s="163"/>
      <c r="Z10" s="9"/>
      <c r="AA10" s="9"/>
      <c r="AB10" s="131"/>
      <c r="AC10" s="15"/>
      <c r="AD10" s="13"/>
      <c r="AE10" s="26"/>
      <c r="AF10" s="45"/>
      <c r="AG10" s="45"/>
      <c r="AH10" s="167"/>
      <c r="AI10" s="168"/>
      <c r="AJ10" s="9"/>
      <c r="AK10" s="161"/>
      <c r="AL10" s="163"/>
      <c r="AM10" s="9"/>
      <c r="AN10" s="9"/>
      <c r="AO10" s="131"/>
      <c r="AP10" s="15"/>
      <c r="AQ10" s="13"/>
      <c r="AR10" s="26"/>
      <c r="AS10" s="45"/>
      <c r="AT10" s="45"/>
      <c r="AU10" s="167"/>
      <c r="AV10" s="168"/>
      <c r="AW10" s="9"/>
      <c r="AX10" s="161"/>
      <c r="AY10" s="163"/>
      <c r="AZ10" s="9"/>
      <c r="BA10" s="9"/>
      <c r="BB10" s="131"/>
      <c r="BC10" s="15"/>
      <c r="BD10" s="13"/>
      <c r="BE10" s="26"/>
      <c r="BF10" s="45"/>
      <c r="BG10" s="45"/>
      <c r="BH10" s="167"/>
      <c r="BI10" s="168"/>
      <c r="BJ10" s="9"/>
      <c r="BK10" s="161"/>
      <c r="BL10" s="163"/>
      <c r="BM10" s="9"/>
      <c r="BN10" s="9"/>
      <c r="BO10" s="131"/>
      <c r="BP10" s="15"/>
      <c r="BQ10" s="13"/>
      <c r="BR10" s="26"/>
      <c r="BS10" s="45"/>
      <c r="BT10" s="45"/>
      <c r="BU10" s="167"/>
      <c r="BV10" s="168"/>
      <c r="BW10" s="9"/>
      <c r="BX10" s="161"/>
      <c r="BY10" s="163"/>
      <c r="BZ10" s="9"/>
      <c r="CA10" s="9"/>
      <c r="CB10" s="131"/>
      <c r="CC10" s="15"/>
      <c r="CD10" s="13"/>
      <c r="CE10" s="26"/>
      <c r="CF10" s="45"/>
      <c r="CG10" s="45"/>
      <c r="CH10" s="167"/>
      <c r="CI10" s="168"/>
      <c r="CJ10" s="9"/>
      <c r="CK10" s="161"/>
      <c r="CL10" s="163"/>
      <c r="CM10" s="9"/>
      <c r="CN10" s="9"/>
      <c r="CO10" s="131"/>
      <c r="CP10" s="15"/>
      <c r="CQ10" s="13"/>
      <c r="CR10" s="26"/>
      <c r="CS10" s="45"/>
      <c r="CT10" s="45"/>
      <c r="CU10" s="167"/>
      <c r="CV10" s="168"/>
      <c r="CW10" s="9"/>
      <c r="CX10" s="161"/>
      <c r="CY10" s="163"/>
      <c r="CZ10" s="9"/>
      <c r="DA10" s="9"/>
      <c r="DB10" s="131"/>
      <c r="DC10" s="15"/>
      <c r="DD10" s="13"/>
      <c r="DE10" s="26"/>
      <c r="DF10" s="45"/>
      <c r="DG10" s="45"/>
      <c r="DH10" s="167"/>
      <c r="DI10" s="168"/>
      <c r="DJ10" s="9"/>
      <c r="DK10" s="161"/>
      <c r="DL10" s="163"/>
      <c r="DM10" s="9"/>
      <c r="DN10" s="9"/>
      <c r="DO10" s="131"/>
      <c r="DP10" s="15"/>
      <c r="DQ10" s="13"/>
      <c r="DR10" s="26"/>
      <c r="DS10" s="45"/>
      <c r="DT10" s="45"/>
      <c r="DU10" s="167"/>
      <c r="DV10" s="168"/>
      <c r="DW10" s="9"/>
      <c r="DX10" s="161"/>
      <c r="DY10" s="163"/>
      <c r="DZ10" s="9"/>
      <c r="EA10" s="9"/>
      <c r="EB10" s="131"/>
      <c r="EC10" s="15"/>
      <c r="ED10" s="13"/>
      <c r="EE10" s="26"/>
      <c r="EF10" s="45"/>
      <c r="EG10" s="45"/>
      <c r="EH10" s="167"/>
      <c r="EI10" s="168"/>
      <c r="EJ10" s="9"/>
      <c r="EK10" s="161"/>
      <c r="EL10" s="163"/>
      <c r="EM10" s="9"/>
      <c r="EN10" s="9"/>
      <c r="EO10" s="131"/>
      <c r="EP10" s="15"/>
      <c r="EQ10" s="13"/>
      <c r="ER10" s="26"/>
      <c r="ES10" s="45"/>
      <c r="ET10" s="45"/>
      <c r="EU10" s="167"/>
      <c r="EV10" s="168"/>
      <c r="EW10" s="9"/>
      <c r="EX10" s="161"/>
      <c r="EY10" s="163"/>
      <c r="EZ10" s="9"/>
      <c r="FA10" s="9"/>
      <c r="FB10" s="131"/>
      <c r="FC10" s="15"/>
      <c r="FD10" s="13"/>
      <c r="FE10" s="26"/>
      <c r="FF10" s="45"/>
      <c r="FG10" s="45"/>
      <c r="FH10" s="167"/>
      <c r="FI10" s="168"/>
      <c r="FJ10" s="9"/>
      <c r="FK10" s="161"/>
      <c r="FL10" s="163"/>
      <c r="FM10" s="9"/>
      <c r="FN10" s="9"/>
      <c r="FO10" s="131"/>
      <c r="FP10" s="15"/>
      <c r="FQ10" s="13"/>
      <c r="FR10" s="26"/>
      <c r="FS10" s="45"/>
      <c r="FT10" s="45"/>
      <c r="FU10" s="167"/>
      <c r="FV10" s="168"/>
      <c r="FW10" s="9"/>
      <c r="FX10" s="161"/>
      <c r="FY10" s="163"/>
      <c r="FZ10" s="9"/>
      <c r="GA10" s="9"/>
      <c r="GB10" s="131"/>
      <c r="GC10" s="15"/>
      <c r="GD10" s="13"/>
      <c r="GE10" s="25"/>
      <c r="GF10" s="45"/>
      <c r="GG10" s="45"/>
      <c r="GH10" s="167"/>
      <c r="GI10" s="168"/>
      <c r="GJ10" s="9"/>
      <c r="GK10" s="161"/>
      <c r="GL10" s="163"/>
      <c r="GM10" s="9"/>
      <c r="GN10" s="9"/>
      <c r="GO10" s="131"/>
      <c r="GP10" s="15"/>
      <c r="GQ10" s="13"/>
      <c r="GR10" s="25"/>
      <c r="GS10" s="45"/>
      <c r="GT10" s="45"/>
      <c r="GU10" s="167"/>
      <c r="GV10" s="168"/>
      <c r="GW10" s="9"/>
      <c r="GX10" s="161"/>
      <c r="GY10" s="163"/>
      <c r="GZ10" s="9"/>
      <c r="HA10" s="9"/>
      <c r="HB10" s="131"/>
      <c r="HC10" s="15"/>
      <c r="HD10" s="13"/>
      <c r="HE10" s="26"/>
      <c r="HF10" s="45"/>
      <c r="HG10" s="45"/>
      <c r="HH10" s="167"/>
      <c r="HI10" s="168"/>
      <c r="HJ10" s="9"/>
      <c r="HK10" s="161"/>
      <c r="HL10" s="163"/>
      <c r="HM10" s="9"/>
      <c r="HN10" s="9"/>
      <c r="HO10" s="131"/>
      <c r="HP10" s="15"/>
      <c r="HQ10" s="13"/>
      <c r="HR10" s="25"/>
      <c r="HS10" s="45"/>
      <c r="HT10" s="45"/>
      <c r="HU10" s="167"/>
      <c r="HV10" s="168"/>
      <c r="HW10" s="9"/>
      <c r="HX10" s="161"/>
      <c r="HY10" s="163"/>
      <c r="HZ10" s="9"/>
      <c r="IA10" s="9"/>
      <c r="IB10" s="131"/>
      <c r="IC10" s="15"/>
      <c r="ID10" s="13"/>
      <c r="IE10" s="25"/>
      <c r="IF10" s="45"/>
      <c r="IG10" s="45"/>
      <c r="IH10" s="167"/>
      <c r="II10" s="168"/>
      <c r="IJ10" s="9"/>
      <c r="IK10" s="161"/>
      <c r="IL10" s="163"/>
      <c r="IM10" s="9"/>
      <c r="IN10" s="9"/>
      <c r="IO10" s="131"/>
      <c r="IP10" s="15"/>
      <c r="IQ10" s="13"/>
      <c r="IR10" s="25"/>
      <c r="IS10" s="45"/>
      <c r="IT10" s="45"/>
      <c r="IU10" s="167"/>
      <c r="IV10" s="168"/>
      <c r="IW10" s="9"/>
      <c r="IX10" s="161"/>
      <c r="IY10" s="163"/>
      <c r="IZ10" s="9"/>
      <c r="JA10" s="9"/>
      <c r="JB10" s="131"/>
      <c r="JC10" s="15"/>
      <c r="JD10" s="13"/>
      <c r="JE10" s="25"/>
      <c r="JF10" s="45"/>
      <c r="JG10" s="45"/>
      <c r="JH10" s="167"/>
      <c r="JI10" s="168"/>
      <c r="JJ10" s="9"/>
      <c r="JK10" s="161"/>
      <c r="JL10" s="163"/>
      <c r="JM10" s="9"/>
      <c r="JN10" s="9"/>
      <c r="JO10" s="131"/>
      <c r="JP10" s="15"/>
      <c r="JQ10" s="13"/>
      <c r="JR10" s="25"/>
      <c r="JS10" s="45"/>
      <c r="JT10" s="45"/>
      <c r="JU10" s="167"/>
      <c r="JV10" s="168"/>
      <c r="JW10" s="9"/>
      <c r="JX10" s="161"/>
      <c r="JY10" s="163"/>
      <c r="JZ10" s="9"/>
      <c r="KA10" s="9"/>
      <c r="KB10" s="131"/>
      <c r="KC10" s="15"/>
      <c r="KD10" s="13"/>
      <c r="KE10" s="25"/>
      <c r="KF10" s="45"/>
      <c r="KG10" s="45"/>
      <c r="KH10" s="167"/>
      <c r="KI10" s="168"/>
      <c r="KJ10" s="9"/>
      <c r="KK10" s="161"/>
      <c r="KL10" s="163"/>
      <c r="KM10" s="9"/>
      <c r="KN10" s="9"/>
      <c r="KO10" s="131"/>
      <c r="KP10" s="15"/>
      <c r="KQ10" s="13"/>
      <c r="KR10" s="25"/>
      <c r="KS10" s="45"/>
      <c r="KT10" s="45"/>
      <c r="KU10" s="167"/>
      <c r="KV10" s="168"/>
      <c r="KW10" s="9"/>
      <c r="KX10" s="161"/>
      <c r="KY10" s="163"/>
      <c r="KZ10" s="9"/>
      <c r="LA10" s="9"/>
      <c r="LB10" s="131"/>
      <c r="LC10" s="15"/>
      <c r="LD10" s="13"/>
      <c r="LE10" s="25"/>
      <c r="LF10" s="45"/>
      <c r="LG10" s="45"/>
      <c r="LH10" s="167"/>
      <c r="LI10" s="168"/>
      <c r="LJ10" s="9"/>
      <c r="LK10" s="161"/>
      <c r="LL10" s="163"/>
      <c r="LM10" s="9"/>
      <c r="LN10" s="9"/>
      <c r="LO10" s="131"/>
      <c r="LP10" s="15"/>
      <c r="LQ10" s="13"/>
      <c r="LR10" s="25"/>
      <c r="LS10" s="45"/>
      <c r="LT10" s="45"/>
      <c r="LU10" s="167"/>
      <c r="LV10" s="168"/>
      <c r="LW10" s="9"/>
      <c r="LX10" s="161"/>
      <c r="LY10" s="163"/>
      <c r="LZ10" s="9"/>
      <c r="MA10" s="9"/>
      <c r="MB10" s="131"/>
      <c r="MC10" s="15"/>
      <c r="MD10" s="13"/>
      <c r="ME10" s="25"/>
      <c r="MF10" s="45"/>
      <c r="MG10" s="45"/>
      <c r="MH10" s="167"/>
      <c r="MI10" s="168"/>
      <c r="MJ10" s="9"/>
      <c r="MK10" s="161"/>
      <c r="ML10" s="163"/>
      <c r="MM10" s="9"/>
      <c r="MN10" s="9"/>
      <c r="MO10" s="131"/>
      <c r="MP10" s="15"/>
      <c r="MQ10" s="13"/>
      <c r="MR10" s="25"/>
      <c r="MS10" s="45"/>
      <c r="MT10" s="45"/>
      <c r="MU10" s="167"/>
      <c r="MV10" s="168"/>
      <c r="MW10" s="9"/>
      <c r="MX10" s="161"/>
      <c r="MY10" s="163"/>
      <c r="MZ10" s="9"/>
      <c r="NA10" s="9"/>
      <c r="NB10" s="131" t="str">
        <f t="shared" si="0"/>
        <v/>
      </c>
      <c r="NC10" s="15" t="str">
        <f>IF(NC9="","",IF(NC9='（参考）【別紙２】'!$E$35,"",IF(MONTH(NC9)=MONTH(NC9+1),NC9+1,"")))</f>
        <v/>
      </c>
      <c r="ND10" s="13" t="str">
        <f>IF(COUNTIF(祝日一覧!$E$2:$E$142,NC10),"○",IF(NG10&lt;&gt;"","○",""))</f>
        <v/>
      </c>
      <c r="NE10" s="25"/>
      <c r="NF10" s="45" t="str">
        <f t="shared" ref="NF10:NF14" si="1">IF(OR(NB10="土",NB10="日"),IF(ND10="○","","○"),"")</f>
        <v/>
      </c>
      <c r="NG10" s="45"/>
      <c r="NH10" s="167"/>
      <c r="NI10" s="168"/>
      <c r="NJ10" s="9"/>
      <c r="NK10" s="161"/>
      <c r="NL10" s="163"/>
      <c r="NM10" s="9"/>
      <c r="NN10" s="9"/>
      <c r="NO10" s="131"/>
      <c r="NP10" s="15"/>
      <c r="NQ10" s="13"/>
      <c r="NR10" s="25"/>
      <c r="NS10" s="45"/>
      <c r="NT10" s="45"/>
      <c r="NU10" s="167"/>
      <c r="NV10" s="168"/>
      <c r="NW10" s="9"/>
      <c r="NX10" s="161"/>
      <c r="NY10" s="163"/>
      <c r="NZ10" s="9"/>
      <c r="OA10" s="9"/>
      <c r="OB10" s="131"/>
      <c r="OC10" s="15"/>
      <c r="OD10" s="13"/>
      <c r="OE10" s="25"/>
      <c r="OF10" s="45"/>
      <c r="OG10" s="45"/>
      <c r="OH10" s="167"/>
      <c r="OI10" s="168"/>
      <c r="OJ10" s="9"/>
      <c r="OK10" s="161"/>
      <c r="OL10" s="163"/>
      <c r="OM10" s="9"/>
      <c r="ON10" s="9"/>
      <c r="OO10" s="131"/>
      <c r="OP10" s="15"/>
      <c r="OQ10" s="13"/>
      <c r="OR10" s="25"/>
      <c r="OS10" s="45"/>
      <c r="OT10" s="45"/>
      <c r="OU10" s="167"/>
      <c r="OV10" s="168"/>
      <c r="OW10" s="9"/>
      <c r="OX10" s="161"/>
      <c r="OY10" s="163"/>
      <c r="OZ10" s="9"/>
      <c r="PA10" s="9"/>
      <c r="PB10" s="131"/>
      <c r="PC10" s="15"/>
      <c r="PD10" s="13"/>
      <c r="PE10" s="25"/>
      <c r="PF10" s="45"/>
      <c r="PG10" s="45"/>
      <c r="PH10" s="167"/>
      <c r="PI10" s="168"/>
      <c r="PJ10" s="9"/>
      <c r="PK10" s="161"/>
      <c r="PL10" s="163"/>
      <c r="PM10" s="9"/>
      <c r="PN10" s="9"/>
      <c r="PO10" s="131"/>
      <c r="PP10" s="15"/>
      <c r="PQ10" s="13"/>
      <c r="PR10" s="25"/>
      <c r="PS10" s="45"/>
      <c r="PT10" s="45"/>
      <c r="PU10" s="167"/>
      <c r="PV10" s="168"/>
      <c r="PW10" s="9"/>
      <c r="PX10" s="161"/>
      <c r="PY10" s="163"/>
      <c r="PZ10" s="9"/>
      <c r="QA10" s="9"/>
      <c r="QB10" s="131"/>
      <c r="QC10" s="15"/>
      <c r="QD10" s="13"/>
      <c r="QE10" s="25"/>
      <c r="QF10" s="45"/>
      <c r="QG10" s="45"/>
      <c r="QH10" s="167"/>
      <c r="QI10" s="168"/>
      <c r="QJ10" s="9"/>
      <c r="QK10" s="161"/>
      <c r="QL10" s="163"/>
      <c r="QM10" s="9"/>
      <c r="QN10" s="9"/>
      <c r="QO10" s="131"/>
      <c r="QP10" s="15"/>
      <c r="QQ10" s="13"/>
      <c r="QR10" s="25"/>
      <c r="QS10" s="45"/>
      <c r="QT10" s="45"/>
      <c r="QU10" s="167"/>
      <c r="QV10" s="168"/>
      <c r="QW10" s="9"/>
      <c r="QX10" s="161"/>
      <c r="QY10" s="163"/>
      <c r="QZ10" s="9"/>
      <c r="RA10" s="9"/>
      <c r="RB10" s="131"/>
      <c r="RC10" s="15"/>
      <c r="RD10" s="13"/>
      <c r="RE10" s="25"/>
      <c r="RF10" s="45"/>
      <c r="RG10" s="45"/>
      <c r="RH10" s="167"/>
      <c r="RI10" s="168"/>
      <c r="RJ10" s="9"/>
      <c r="RK10" s="161"/>
      <c r="RL10" s="163"/>
      <c r="RM10" s="9"/>
      <c r="RN10" s="9"/>
      <c r="RO10" s="131"/>
      <c r="RP10" s="15"/>
      <c r="RQ10" s="13"/>
      <c r="RR10" s="25"/>
      <c r="RS10" s="45"/>
      <c r="RT10" s="45"/>
      <c r="RU10" s="167"/>
      <c r="RV10" s="168"/>
      <c r="RW10" s="9"/>
      <c r="RX10" s="161"/>
      <c r="RY10" s="163"/>
      <c r="RZ10" s="9"/>
      <c r="SA10" s="9"/>
      <c r="SB10" s="131"/>
      <c r="SC10" s="15"/>
      <c r="SD10" s="13"/>
      <c r="SE10" s="25"/>
      <c r="SF10" s="45"/>
      <c r="SG10" s="45"/>
      <c r="SH10" s="167"/>
      <c r="SI10" s="168"/>
      <c r="SJ10" s="9"/>
      <c r="SK10" s="161"/>
      <c r="SL10" s="163"/>
      <c r="SM10" s="9"/>
    </row>
    <row r="11" spans="1:507" ht="15.6" customHeight="1">
      <c r="A11" s="9"/>
      <c r="B11" s="131"/>
      <c r="C11" s="15"/>
      <c r="D11" s="13"/>
      <c r="E11" s="26"/>
      <c r="F11" s="45"/>
      <c r="G11" s="45"/>
      <c r="H11" s="167"/>
      <c r="I11" s="168"/>
      <c r="J11" s="42"/>
      <c r="K11" s="169" t="s">
        <v>99</v>
      </c>
      <c r="L11" s="162"/>
      <c r="M11" s="9"/>
      <c r="N11" s="9"/>
      <c r="O11" s="131"/>
      <c r="P11" s="15"/>
      <c r="Q11" s="13"/>
      <c r="R11" s="26"/>
      <c r="S11" s="45"/>
      <c r="T11" s="45"/>
      <c r="U11" s="167"/>
      <c r="V11" s="168"/>
      <c r="W11" s="9"/>
      <c r="X11" s="170" t="s">
        <v>99</v>
      </c>
      <c r="Y11" s="162"/>
      <c r="Z11" s="9"/>
      <c r="AA11" s="9"/>
      <c r="AB11" s="131"/>
      <c r="AC11" s="15"/>
      <c r="AD11" s="13"/>
      <c r="AE11" s="26"/>
      <c r="AF11" s="45"/>
      <c r="AG11" s="45"/>
      <c r="AH11" s="167"/>
      <c r="AI11" s="168"/>
      <c r="AJ11" s="9"/>
      <c r="AK11" s="170" t="s">
        <v>99</v>
      </c>
      <c r="AL11" s="162"/>
      <c r="AM11" s="9"/>
      <c r="AN11" s="9"/>
      <c r="AO11" s="131"/>
      <c r="AP11" s="15"/>
      <c r="AQ11" s="13"/>
      <c r="AR11" s="26"/>
      <c r="AS11" s="45"/>
      <c r="AT11" s="45"/>
      <c r="AU11" s="167"/>
      <c r="AV11" s="168"/>
      <c r="AW11" s="9"/>
      <c r="AX11" s="170" t="s">
        <v>99</v>
      </c>
      <c r="AY11" s="162"/>
      <c r="AZ11" s="9"/>
      <c r="BA11" s="9"/>
      <c r="BB11" s="131"/>
      <c r="BC11" s="15"/>
      <c r="BD11" s="13"/>
      <c r="BE11" s="26"/>
      <c r="BF11" s="45"/>
      <c r="BG11" s="45"/>
      <c r="BH11" s="167"/>
      <c r="BI11" s="168"/>
      <c r="BJ11" s="9"/>
      <c r="BK11" s="170" t="s">
        <v>99</v>
      </c>
      <c r="BL11" s="162"/>
      <c r="BM11" s="9"/>
      <c r="BN11" s="9"/>
      <c r="BO11" s="131"/>
      <c r="BP11" s="15"/>
      <c r="BQ11" s="13"/>
      <c r="BR11" s="26"/>
      <c r="BS11" s="45"/>
      <c r="BT11" s="45"/>
      <c r="BU11" s="167"/>
      <c r="BV11" s="168"/>
      <c r="BW11" s="9"/>
      <c r="BX11" s="170" t="s">
        <v>99</v>
      </c>
      <c r="BY11" s="162"/>
      <c r="BZ11" s="9"/>
      <c r="CA11" s="9"/>
      <c r="CB11" s="131"/>
      <c r="CC11" s="15"/>
      <c r="CD11" s="13"/>
      <c r="CE11" s="26"/>
      <c r="CF11" s="45"/>
      <c r="CG11" s="45"/>
      <c r="CH11" s="167"/>
      <c r="CI11" s="168"/>
      <c r="CJ11" s="9"/>
      <c r="CK11" s="170" t="s">
        <v>99</v>
      </c>
      <c r="CL11" s="162"/>
      <c r="CM11" s="9"/>
      <c r="CN11" s="9"/>
      <c r="CO11" s="131"/>
      <c r="CP11" s="15"/>
      <c r="CQ11" s="13"/>
      <c r="CR11" s="26"/>
      <c r="CS11" s="45"/>
      <c r="CT11" s="45"/>
      <c r="CU11" s="167"/>
      <c r="CV11" s="168"/>
      <c r="CW11" s="9"/>
      <c r="CX11" s="170" t="s">
        <v>99</v>
      </c>
      <c r="CY11" s="162"/>
      <c r="CZ11" s="9"/>
      <c r="DA11" s="9"/>
      <c r="DB11" s="131"/>
      <c r="DC11" s="15"/>
      <c r="DD11" s="13"/>
      <c r="DE11" s="26"/>
      <c r="DF11" s="45"/>
      <c r="DG11" s="45"/>
      <c r="DH11" s="167"/>
      <c r="DI11" s="168"/>
      <c r="DJ11" s="9"/>
      <c r="DK11" s="170" t="s">
        <v>99</v>
      </c>
      <c r="DL11" s="162"/>
      <c r="DM11" s="9"/>
      <c r="DN11" s="9"/>
      <c r="DO11" s="131"/>
      <c r="DP11" s="15"/>
      <c r="DQ11" s="13"/>
      <c r="DR11" s="26"/>
      <c r="DS11" s="45"/>
      <c r="DT11" s="45"/>
      <c r="DU11" s="167"/>
      <c r="DV11" s="168"/>
      <c r="DW11" s="9"/>
      <c r="DX11" s="170" t="s">
        <v>99</v>
      </c>
      <c r="DY11" s="162"/>
      <c r="DZ11" s="9"/>
      <c r="EA11" s="9"/>
      <c r="EB11" s="131"/>
      <c r="EC11" s="15"/>
      <c r="ED11" s="13"/>
      <c r="EE11" s="26"/>
      <c r="EF11" s="45"/>
      <c r="EG11" s="45"/>
      <c r="EH11" s="167"/>
      <c r="EI11" s="168"/>
      <c r="EJ11" s="9"/>
      <c r="EK11" s="170" t="s">
        <v>99</v>
      </c>
      <c r="EL11" s="162"/>
      <c r="EM11" s="9"/>
      <c r="EN11" s="9"/>
      <c r="EO11" s="131"/>
      <c r="EP11" s="15"/>
      <c r="EQ11" s="13"/>
      <c r="ER11" s="26"/>
      <c r="ES11" s="45"/>
      <c r="ET11" s="45"/>
      <c r="EU11" s="167"/>
      <c r="EV11" s="168"/>
      <c r="EW11" s="9"/>
      <c r="EX11" s="170" t="s">
        <v>99</v>
      </c>
      <c r="EY11" s="162"/>
      <c r="EZ11" s="9"/>
      <c r="FA11" s="9"/>
      <c r="FB11" s="131"/>
      <c r="FC11" s="15"/>
      <c r="FD11" s="13"/>
      <c r="FE11" s="26"/>
      <c r="FF11" s="45"/>
      <c r="FG11" s="45"/>
      <c r="FH11" s="167"/>
      <c r="FI11" s="168"/>
      <c r="FJ11" s="9"/>
      <c r="FK11" s="170" t="s">
        <v>99</v>
      </c>
      <c r="FL11" s="162"/>
      <c r="FM11" s="9"/>
      <c r="FN11" s="9"/>
      <c r="FO11" s="131"/>
      <c r="FP11" s="15"/>
      <c r="FQ11" s="13"/>
      <c r="FR11" s="26"/>
      <c r="FS11" s="45"/>
      <c r="FT11" s="45"/>
      <c r="FU11" s="167"/>
      <c r="FV11" s="168"/>
      <c r="FW11" s="9"/>
      <c r="FX11" s="170" t="s">
        <v>99</v>
      </c>
      <c r="FY11" s="162"/>
      <c r="FZ11" s="9"/>
      <c r="GA11" s="9"/>
      <c r="GB11" s="131"/>
      <c r="GC11" s="15"/>
      <c r="GD11" s="13"/>
      <c r="GE11" s="25"/>
      <c r="GF11" s="45"/>
      <c r="GG11" s="45"/>
      <c r="GH11" s="167"/>
      <c r="GI11" s="168"/>
      <c r="GJ11" s="9"/>
      <c r="GK11" s="170" t="s">
        <v>99</v>
      </c>
      <c r="GL11" s="162"/>
      <c r="GM11" s="9"/>
      <c r="GN11" s="9"/>
      <c r="GO11" s="131"/>
      <c r="GP11" s="15"/>
      <c r="GQ11" s="13"/>
      <c r="GR11" s="25"/>
      <c r="GS11" s="45"/>
      <c r="GT11" s="45"/>
      <c r="GU11" s="167"/>
      <c r="GV11" s="168"/>
      <c r="GW11" s="9"/>
      <c r="GX11" s="170" t="s">
        <v>99</v>
      </c>
      <c r="GY11" s="162"/>
      <c r="GZ11" s="9"/>
      <c r="HA11" s="9"/>
      <c r="HB11" s="131"/>
      <c r="HC11" s="15"/>
      <c r="HD11" s="13"/>
      <c r="HE11" s="26"/>
      <c r="HF11" s="45"/>
      <c r="HG11" s="45"/>
      <c r="HH11" s="167"/>
      <c r="HI11" s="168"/>
      <c r="HJ11" s="9"/>
      <c r="HK11" s="170" t="s">
        <v>99</v>
      </c>
      <c r="HL11" s="162"/>
      <c r="HM11" s="9"/>
      <c r="HN11" s="9"/>
      <c r="HO11" s="131"/>
      <c r="HP11" s="15"/>
      <c r="HQ11" s="13"/>
      <c r="HR11" s="25"/>
      <c r="HS11" s="45"/>
      <c r="HT11" s="45"/>
      <c r="HU11" s="167"/>
      <c r="HV11" s="168"/>
      <c r="HW11" s="9"/>
      <c r="HX11" s="170" t="s">
        <v>99</v>
      </c>
      <c r="HY11" s="162"/>
      <c r="HZ11" s="9"/>
      <c r="IA11" s="9"/>
      <c r="IB11" s="131"/>
      <c r="IC11" s="15"/>
      <c r="ID11" s="13"/>
      <c r="IE11" s="25"/>
      <c r="IF11" s="45"/>
      <c r="IG11" s="45"/>
      <c r="IH11" s="167"/>
      <c r="II11" s="168"/>
      <c r="IJ11" s="9"/>
      <c r="IK11" s="170" t="s">
        <v>99</v>
      </c>
      <c r="IL11" s="162"/>
      <c r="IM11" s="9"/>
      <c r="IN11" s="9"/>
      <c r="IO11" s="131"/>
      <c r="IP11" s="15"/>
      <c r="IQ11" s="13"/>
      <c r="IR11" s="25"/>
      <c r="IS11" s="45"/>
      <c r="IT11" s="45"/>
      <c r="IU11" s="167"/>
      <c r="IV11" s="168"/>
      <c r="IW11" s="9"/>
      <c r="IX11" s="170" t="s">
        <v>99</v>
      </c>
      <c r="IY11" s="162"/>
      <c r="IZ11" s="9"/>
      <c r="JA11" s="9"/>
      <c r="JB11" s="131"/>
      <c r="JC11" s="15"/>
      <c r="JD11" s="13"/>
      <c r="JE11" s="25"/>
      <c r="JF11" s="45"/>
      <c r="JG11" s="45"/>
      <c r="JH11" s="167"/>
      <c r="JI11" s="168"/>
      <c r="JJ11" s="9"/>
      <c r="JK11" s="170" t="s">
        <v>99</v>
      </c>
      <c r="JL11" s="162"/>
      <c r="JM11" s="9"/>
      <c r="JN11" s="9"/>
      <c r="JO11" s="131"/>
      <c r="JP11" s="15"/>
      <c r="JQ11" s="13"/>
      <c r="JR11" s="25"/>
      <c r="JS11" s="45"/>
      <c r="JT11" s="45"/>
      <c r="JU11" s="167"/>
      <c r="JV11" s="168"/>
      <c r="JW11" s="9"/>
      <c r="JX11" s="170" t="s">
        <v>99</v>
      </c>
      <c r="JY11" s="162"/>
      <c r="JZ11" s="9"/>
      <c r="KA11" s="9"/>
      <c r="KB11" s="131"/>
      <c r="KC11" s="15"/>
      <c r="KD11" s="13"/>
      <c r="KE11" s="25"/>
      <c r="KF11" s="45"/>
      <c r="KG11" s="45"/>
      <c r="KH11" s="167"/>
      <c r="KI11" s="168"/>
      <c r="KJ11" s="9"/>
      <c r="KK11" s="170" t="s">
        <v>99</v>
      </c>
      <c r="KL11" s="162"/>
      <c r="KM11" s="9"/>
      <c r="KN11" s="9"/>
      <c r="KO11" s="131"/>
      <c r="KP11" s="15"/>
      <c r="KQ11" s="13"/>
      <c r="KR11" s="25"/>
      <c r="KS11" s="45"/>
      <c r="KT11" s="45"/>
      <c r="KU11" s="167"/>
      <c r="KV11" s="168"/>
      <c r="KW11" s="9"/>
      <c r="KX11" s="170" t="s">
        <v>99</v>
      </c>
      <c r="KY11" s="162"/>
      <c r="KZ11" s="9"/>
      <c r="LA11" s="9"/>
      <c r="LB11" s="131"/>
      <c r="LC11" s="15"/>
      <c r="LD11" s="13"/>
      <c r="LE11" s="25"/>
      <c r="LF11" s="45"/>
      <c r="LG11" s="45"/>
      <c r="LH11" s="167"/>
      <c r="LI11" s="168"/>
      <c r="LJ11" s="9"/>
      <c r="LK11" s="170" t="s">
        <v>99</v>
      </c>
      <c r="LL11" s="162"/>
      <c r="LM11" s="9"/>
      <c r="LN11" s="9"/>
      <c r="LO11" s="131"/>
      <c r="LP11" s="15"/>
      <c r="LQ11" s="13"/>
      <c r="LR11" s="25"/>
      <c r="LS11" s="45"/>
      <c r="LT11" s="45"/>
      <c r="LU11" s="167"/>
      <c r="LV11" s="168"/>
      <c r="LW11" s="9"/>
      <c r="LX11" s="170" t="s">
        <v>99</v>
      </c>
      <c r="LY11" s="162"/>
      <c r="LZ11" s="9"/>
      <c r="MA11" s="9"/>
      <c r="MB11" s="131"/>
      <c r="MC11" s="15"/>
      <c r="MD11" s="13"/>
      <c r="ME11" s="25"/>
      <c r="MF11" s="45"/>
      <c r="MG11" s="45"/>
      <c r="MH11" s="167"/>
      <c r="MI11" s="168"/>
      <c r="MJ11" s="9"/>
      <c r="MK11" s="170" t="s">
        <v>99</v>
      </c>
      <c r="ML11" s="162"/>
      <c r="MM11" s="9"/>
      <c r="MN11" s="9"/>
      <c r="MO11" s="131"/>
      <c r="MP11" s="15"/>
      <c r="MQ11" s="13"/>
      <c r="MR11" s="25"/>
      <c r="MS11" s="45"/>
      <c r="MT11" s="45"/>
      <c r="MU11" s="167"/>
      <c r="MV11" s="168"/>
      <c r="MW11" s="9"/>
      <c r="MX11" s="170" t="s">
        <v>99</v>
      </c>
      <c r="MY11" s="162"/>
      <c r="MZ11" s="9"/>
      <c r="NA11" s="9"/>
      <c r="NB11" s="131" t="str">
        <f t="shared" si="0"/>
        <v/>
      </c>
      <c r="NC11" s="15" t="str">
        <f>IF(NC10="","",IF(NC10='（参考）【別紙２】'!$E$35,"",IF(MONTH(NC10)=MONTH(NC10+1),NC10+1,"")))</f>
        <v/>
      </c>
      <c r="ND11" s="13" t="str">
        <f>IF(COUNTIF(祝日一覧!$E$2:$E$142,NC11),"○",IF(NG11&lt;&gt;"","○",""))</f>
        <v/>
      </c>
      <c r="NE11" s="25"/>
      <c r="NF11" s="45" t="str">
        <f t="shared" si="1"/>
        <v/>
      </c>
      <c r="NG11" s="45"/>
      <c r="NH11" s="167"/>
      <c r="NI11" s="168"/>
      <c r="NJ11" s="9"/>
      <c r="NK11" s="170" t="s">
        <v>99</v>
      </c>
      <c r="NL11" s="162"/>
      <c r="NM11" s="9"/>
      <c r="NN11" s="9"/>
      <c r="NO11" s="131"/>
      <c r="NP11" s="15"/>
      <c r="NQ11" s="13"/>
      <c r="NR11" s="25"/>
      <c r="NS11" s="45"/>
      <c r="NT11" s="45"/>
      <c r="NU11" s="167"/>
      <c r="NV11" s="168"/>
      <c r="NW11" s="9"/>
      <c r="NX11" s="170" t="s">
        <v>99</v>
      </c>
      <c r="NY11" s="162"/>
      <c r="NZ11" s="9"/>
      <c r="OA11" s="9"/>
      <c r="OB11" s="131"/>
      <c r="OC11" s="15"/>
      <c r="OD11" s="13"/>
      <c r="OE11" s="25"/>
      <c r="OF11" s="45"/>
      <c r="OG11" s="45"/>
      <c r="OH11" s="167"/>
      <c r="OI11" s="168"/>
      <c r="OJ11" s="9"/>
      <c r="OK11" s="170" t="s">
        <v>99</v>
      </c>
      <c r="OL11" s="162"/>
      <c r="OM11" s="9"/>
      <c r="ON11" s="9"/>
      <c r="OO11" s="131"/>
      <c r="OP11" s="15"/>
      <c r="OQ11" s="13"/>
      <c r="OR11" s="25"/>
      <c r="OS11" s="45"/>
      <c r="OT11" s="45"/>
      <c r="OU11" s="167"/>
      <c r="OV11" s="168"/>
      <c r="OW11" s="9"/>
      <c r="OX11" s="170" t="s">
        <v>99</v>
      </c>
      <c r="OY11" s="162"/>
      <c r="OZ11" s="9"/>
      <c r="PA11" s="9"/>
      <c r="PB11" s="131"/>
      <c r="PC11" s="15"/>
      <c r="PD11" s="13"/>
      <c r="PE11" s="25"/>
      <c r="PF11" s="45"/>
      <c r="PG11" s="45"/>
      <c r="PH11" s="167"/>
      <c r="PI11" s="168"/>
      <c r="PJ11" s="9"/>
      <c r="PK11" s="170" t="s">
        <v>99</v>
      </c>
      <c r="PL11" s="162"/>
      <c r="PM11" s="9"/>
      <c r="PN11" s="9"/>
      <c r="PO11" s="131"/>
      <c r="PP11" s="15"/>
      <c r="PQ11" s="13"/>
      <c r="PR11" s="25"/>
      <c r="PS11" s="45"/>
      <c r="PT11" s="45"/>
      <c r="PU11" s="167"/>
      <c r="PV11" s="168"/>
      <c r="PW11" s="9"/>
      <c r="PX11" s="170" t="s">
        <v>99</v>
      </c>
      <c r="PY11" s="162"/>
      <c r="PZ11" s="9"/>
      <c r="QA11" s="9"/>
      <c r="QB11" s="131"/>
      <c r="QC11" s="15"/>
      <c r="QD11" s="13"/>
      <c r="QE11" s="25"/>
      <c r="QF11" s="45"/>
      <c r="QG11" s="45"/>
      <c r="QH11" s="167"/>
      <c r="QI11" s="168"/>
      <c r="QJ11" s="9"/>
      <c r="QK11" s="170" t="s">
        <v>99</v>
      </c>
      <c r="QL11" s="162"/>
      <c r="QM11" s="9"/>
      <c r="QN11" s="9"/>
      <c r="QO11" s="131"/>
      <c r="QP11" s="15"/>
      <c r="QQ11" s="13"/>
      <c r="QR11" s="25"/>
      <c r="QS11" s="45"/>
      <c r="QT11" s="45"/>
      <c r="QU11" s="167"/>
      <c r="QV11" s="168"/>
      <c r="QW11" s="9"/>
      <c r="QX11" s="170" t="s">
        <v>99</v>
      </c>
      <c r="QY11" s="162"/>
      <c r="QZ11" s="9"/>
      <c r="RA11" s="9"/>
      <c r="RB11" s="131"/>
      <c r="RC11" s="15"/>
      <c r="RD11" s="13"/>
      <c r="RE11" s="25"/>
      <c r="RF11" s="45"/>
      <c r="RG11" s="45"/>
      <c r="RH11" s="167"/>
      <c r="RI11" s="168"/>
      <c r="RJ11" s="9"/>
      <c r="RK11" s="170" t="s">
        <v>99</v>
      </c>
      <c r="RL11" s="162"/>
      <c r="RM11" s="9"/>
      <c r="RN11" s="9"/>
      <c r="RO11" s="131"/>
      <c r="RP11" s="15"/>
      <c r="RQ11" s="13"/>
      <c r="RR11" s="25"/>
      <c r="RS11" s="45"/>
      <c r="RT11" s="45"/>
      <c r="RU11" s="167"/>
      <c r="RV11" s="168"/>
      <c r="RW11" s="9"/>
      <c r="RX11" s="170" t="s">
        <v>99</v>
      </c>
      <c r="RY11" s="162"/>
      <c r="RZ11" s="9"/>
      <c r="SA11" s="9"/>
      <c r="SB11" s="131"/>
      <c r="SC11" s="15"/>
      <c r="SD11" s="13"/>
      <c r="SE11" s="25"/>
      <c r="SF11" s="45"/>
      <c r="SG11" s="45"/>
      <c r="SH11" s="167"/>
      <c r="SI11" s="168"/>
      <c r="SJ11" s="9"/>
      <c r="SK11" s="170" t="s">
        <v>99</v>
      </c>
      <c r="SL11" s="162"/>
      <c r="SM11" s="9"/>
    </row>
    <row r="12" spans="1:507" ht="15.6" customHeight="1">
      <c r="A12" s="105"/>
      <c r="B12" s="131"/>
      <c r="C12" s="15"/>
      <c r="D12" s="13"/>
      <c r="E12" s="26"/>
      <c r="F12" s="45"/>
      <c r="G12" s="45"/>
      <c r="H12" s="167"/>
      <c r="I12" s="168"/>
      <c r="J12" s="42"/>
      <c r="K12" s="165"/>
      <c r="L12" s="163"/>
      <c r="M12" s="9"/>
      <c r="N12" s="105"/>
      <c r="O12" s="131"/>
      <c r="P12" s="15"/>
      <c r="Q12" s="13"/>
      <c r="R12" s="26"/>
      <c r="S12" s="45"/>
      <c r="T12" s="45"/>
      <c r="U12" s="167"/>
      <c r="V12" s="168"/>
      <c r="W12" s="9"/>
      <c r="X12" s="171"/>
      <c r="Y12" s="163"/>
      <c r="Z12" s="9"/>
      <c r="AA12" s="105"/>
      <c r="AB12" s="131"/>
      <c r="AC12" s="15"/>
      <c r="AD12" s="13"/>
      <c r="AE12" s="26"/>
      <c r="AF12" s="45"/>
      <c r="AG12" s="45"/>
      <c r="AH12" s="167"/>
      <c r="AI12" s="168"/>
      <c r="AJ12" s="9"/>
      <c r="AK12" s="171"/>
      <c r="AL12" s="163"/>
      <c r="AM12" s="9"/>
      <c r="AN12" s="105"/>
      <c r="AO12" s="131"/>
      <c r="AP12" s="15"/>
      <c r="AQ12" s="13"/>
      <c r="AR12" s="26"/>
      <c r="AS12" s="45"/>
      <c r="AT12" s="45"/>
      <c r="AU12" s="167"/>
      <c r="AV12" s="168"/>
      <c r="AW12" s="9"/>
      <c r="AX12" s="161"/>
      <c r="AY12" s="163"/>
      <c r="AZ12" s="9"/>
      <c r="BA12" s="105"/>
      <c r="BB12" s="131"/>
      <c r="BC12" s="15"/>
      <c r="BD12" s="13"/>
      <c r="BE12" s="26"/>
      <c r="BF12" s="45"/>
      <c r="BG12" s="45"/>
      <c r="BH12" s="167"/>
      <c r="BI12" s="168"/>
      <c r="BJ12" s="9"/>
      <c r="BK12" s="161"/>
      <c r="BL12" s="163"/>
      <c r="BM12" s="9"/>
      <c r="BN12" s="105"/>
      <c r="BO12" s="131"/>
      <c r="BP12" s="15"/>
      <c r="BQ12" s="13"/>
      <c r="BR12" s="26"/>
      <c r="BS12" s="45"/>
      <c r="BT12" s="45"/>
      <c r="BU12" s="167"/>
      <c r="BV12" s="168"/>
      <c r="BW12" s="9"/>
      <c r="BX12" s="161"/>
      <c r="BY12" s="163"/>
      <c r="BZ12" s="9"/>
      <c r="CA12" s="105"/>
      <c r="CB12" s="131"/>
      <c r="CC12" s="15"/>
      <c r="CD12" s="13"/>
      <c r="CE12" s="26"/>
      <c r="CF12" s="45"/>
      <c r="CG12" s="45"/>
      <c r="CH12" s="167"/>
      <c r="CI12" s="168"/>
      <c r="CJ12" s="9"/>
      <c r="CK12" s="161"/>
      <c r="CL12" s="163"/>
      <c r="CM12" s="9"/>
      <c r="CN12" s="105"/>
      <c r="CO12" s="131"/>
      <c r="CP12" s="15"/>
      <c r="CQ12" s="13"/>
      <c r="CR12" s="26"/>
      <c r="CS12" s="45"/>
      <c r="CT12" s="45"/>
      <c r="CU12" s="167"/>
      <c r="CV12" s="168"/>
      <c r="CW12" s="9"/>
      <c r="CX12" s="161"/>
      <c r="CY12" s="163"/>
      <c r="CZ12" s="9"/>
      <c r="DA12" s="105"/>
      <c r="DB12" s="131"/>
      <c r="DC12" s="15"/>
      <c r="DD12" s="13"/>
      <c r="DE12" s="26"/>
      <c r="DF12" s="45"/>
      <c r="DG12" s="45"/>
      <c r="DH12" s="167"/>
      <c r="DI12" s="168"/>
      <c r="DJ12" s="9"/>
      <c r="DK12" s="161"/>
      <c r="DL12" s="163"/>
      <c r="DM12" s="9"/>
      <c r="DN12" s="105"/>
      <c r="DO12" s="131"/>
      <c r="DP12" s="15"/>
      <c r="DQ12" s="13"/>
      <c r="DR12" s="26"/>
      <c r="DS12" s="45"/>
      <c r="DT12" s="45"/>
      <c r="DU12" s="167"/>
      <c r="DV12" s="168"/>
      <c r="DW12" s="9"/>
      <c r="DX12" s="161"/>
      <c r="DY12" s="163"/>
      <c r="DZ12" s="9"/>
      <c r="EA12" s="105"/>
      <c r="EB12" s="131"/>
      <c r="EC12" s="15"/>
      <c r="ED12" s="13"/>
      <c r="EE12" s="26"/>
      <c r="EF12" s="45"/>
      <c r="EG12" s="45"/>
      <c r="EH12" s="167"/>
      <c r="EI12" s="168"/>
      <c r="EJ12" s="9"/>
      <c r="EK12" s="161"/>
      <c r="EL12" s="163"/>
      <c r="EM12" s="9"/>
      <c r="EN12" s="105"/>
      <c r="EO12" s="131"/>
      <c r="EP12" s="15"/>
      <c r="EQ12" s="13"/>
      <c r="ER12" s="26"/>
      <c r="ES12" s="45"/>
      <c r="ET12" s="45"/>
      <c r="EU12" s="167"/>
      <c r="EV12" s="168"/>
      <c r="EW12" s="9"/>
      <c r="EX12" s="161"/>
      <c r="EY12" s="163"/>
      <c r="EZ12" s="9"/>
      <c r="FA12" s="105"/>
      <c r="FB12" s="131"/>
      <c r="FC12" s="15"/>
      <c r="FD12" s="13"/>
      <c r="FE12" s="26"/>
      <c r="FF12" s="45"/>
      <c r="FG12" s="45"/>
      <c r="FH12" s="167"/>
      <c r="FI12" s="168"/>
      <c r="FJ12" s="9"/>
      <c r="FK12" s="161"/>
      <c r="FL12" s="163"/>
      <c r="FM12" s="9"/>
      <c r="FN12" s="105"/>
      <c r="FO12" s="131"/>
      <c r="FP12" s="15"/>
      <c r="FQ12" s="13"/>
      <c r="FR12" s="26"/>
      <c r="FS12" s="45"/>
      <c r="FT12" s="45"/>
      <c r="FU12" s="167"/>
      <c r="FV12" s="168"/>
      <c r="FW12" s="9"/>
      <c r="FX12" s="161"/>
      <c r="FY12" s="163"/>
      <c r="FZ12" s="9"/>
      <c r="GA12" s="105"/>
      <c r="GB12" s="131"/>
      <c r="GC12" s="15"/>
      <c r="GD12" s="13"/>
      <c r="GE12" s="25"/>
      <c r="GF12" s="45"/>
      <c r="GG12" s="45"/>
      <c r="GH12" s="167"/>
      <c r="GI12" s="168"/>
      <c r="GJ12" s="9"/>
      <c r="GK12" s="161"/>
      <c r="GL12" s="163"/>
      <c r="GM12" s="9"/>
      <c r="GN12" s="105"/>
      <c r="GO12" s="131"/>
      <c r="GP12" s="15"/>
      <c r="GQ12" s="13"/>
      <c r="GR12" s="25"/>
      <c r="GS12" s="45"/>
      <c r="GT12" s="45"/>
      <c r="GU12" s="167"/>
      <c r="GV12" s="168"/>
      <c r="GW12" s="9"/>
      <c r="GX12" s="161"/>
      <c r="GY12" s="163"/>
      <c r="GZ12" s="9"/>
      <c r="HA12" s="105"/>
      <c r="HB12" s="131"/>
      <c r="HC12" s="15"/>
      <c r="HD12" s="13"/>
      <c r="HE12" s="26"/>
      <c r="HF12" s="45"/>
      <c r="HG12" s="45"/>
      <c r="HH12" s="167"/>
      <c r="HI12" s="168"/>
      <c r="HJ12" s="9"/>
      <c r="HK12" s="161"/>
      <c r="HL12" s="163"/>
      <c r="HM12" s="9"/>
      <c r="HN12" s="105"/>
      <c r="HO12" s="131"/>
      <c r="HP12" s="15"/>
      <c r="HQ12" s="13"/>
      <c r="HR12" s="25"/>
      <c r="HS12" s="45"/>
      <c r="HT12" s="45"/>
      <c r="HU12" s="167"/>
      <c r="HV12" s="168"/>
      <c r="HW12" s="9"/>
      <c r="HX12" s="161"/>
      <c r="HY12" s="163"/>
      <c r="HZ12" s="9"/>
      <c r="IA12" s="105"/>
      <c r="IB12" s="131"/>
      <c r="IC12" s="15"/>
      <c r="ID12" s="13"/>
      <c r="IE12" s="25"/>
      <c r="IF12" s="45"/>
      <c r="IG12" s="45"/>
      <c r="IH12" s="167"/>
      <c r="II12" s="168"/>
      <c r="IJ12" s="9"/>
      <c r="IK12" s="161"/>
      <c r="IL12" s="163"/>
      <c r="IM12" s="9"/>
      <c r="IN12" s="105"/>
      <c r="IO12" s="131"/>
      <c r="IP12" s="15"/>
      <c r="IQ12" s="13"/>
      <c r="IR12" s="25"/>
      <c r="IS12" s="45"/>
      <c r="IT12" s="45"/>
      <c r="IU12" s="167"/>
      <c r="IV12" s="168"/>
      <c r="IW12" s="9"/>
      <c r="IX12" s="161"/>
      <c r="IY12" s="163"/>
      <c r="IZ12" s="9"/>
      <c r="JA12" s="105"/>
      <c r="JB12" s="131"/>
      <c r="JC12" s="15"/>
      <c r="JD12" s="13"/>
      <c r="JE12" s="25"/>
      <c r="JF12" s="45"/>
      <c r="JG12" s="45"/>
      <c r="JH12" s="167"/>
      <c r="JI12" s="168"/>
      <c r="JJ12" s="9"/>
      <c r="JK12" s="161"/>
      <c r="JL12" s="163"/>
      <c r="JM12" s="9"/>
      <c r="JN12" s="105"/>
      <c r="JO12" s="131"/>
      <c r="JP12" s="15"/>
      <c r="JQ12" s="13"/>
      <c r="JR12" s="25"/>
      <c r="JS12" s="45"/>
      <c r="JT12" s="45"/>
      <c r="JU12" s="167"/>
      <c r="JV12" s="168"/>
      <c r="JW12" s="9"/>
      <c r="JX12" s="161"/>
      <c r="JY12" s="163"/>
      <c r="JZ12" s="9"/>
      <c r="KA12" s="105"/>
      <c r="KB12" s="131"/>
      <c r="KC12" s="15"/>
      <c r="KD12" s="13"/>
      <c r="KE12" s="25"/>
      <c r="KF12" s="45"/>
      <c r="KG12" s="45"/>
      <c r="KH12" s="167"/>
      <c r="KI12" s="168"/>
      <c r="KJ12" s="9"/>
      <c r="KK12" s="161"/>
      <c r="KL12" s="163"/>
      <c r="KM12" s="9"/>
      <c r="KN12" s="105"/>
      <c r="KO12" s="131"/>
      <c r="KP12" s="15"/>
      <c r="KQ12" s="13"/>
      <c r="KR12" s="25"/>
      <c r="KS12" s="45"/>
      <c r="KT12" s="45"/>
      <c r="KU12" s="167"/>
      <c r="KV12" s="168"/>
      <c r="KW12" s="9"/>
      <c r="KX12" s="161"/>
      <c r="KY12" s="163"/>
      <c r="KZ12" s="9"/>
      <c r="LA12" s="105"/>
      <c r="LB12" s="131"/>
      <c r="LC12" s="15"/>
      <c r="LD12" s="13"/>
      <c r="LE12" s="25"/>
      <c r="LF12" s="45"/>
      <c r="LG12" s="45"/>
      <c r="LH12" s="167"/>
      <c r="LI12" s="168"/>
      <c r="LJ12" s="9"/>
      <c r="LK12" s="161"/>
      <c r="LL12" s="163"/>
      <c r="LM12" s="9"/>
      <c r="LN12" s="105"/>
      <c r="LO12" s="131"/>
      <c r="LP12" s="15"/>
      <c r="LQ12" s="13"/>
      <c r="LR12" s="25"/>
      <c r="LS12" s="45"/>
      <c r="LT12" s="45"/>
      <c r="LU12" s="167"/>
      <c r="LV12" s="168"/>
      <c r="LW12" s="9"/>
      <c r="LX12" s="161"/>
      <c r="LY12" s="163"/>
      <c r="LZ12" s="9"/>
      <c r="MA12" s="105"/>
      <c r="MB12" s="131"/>
      <c r="MC12" s="15"/>
      <c r="MD12" s="13"/>
      <c r="ME12" s="25"/>
      <c r="MF12" s="45"/>
      <c r="MG12" s="45"/>
      <c r="MH12" s="167"/>
      <c r="MI12" s="168"/>
      <c r="MJ12" s="9"/>
      <c r="MK12" s="161"/>
      <c r="ML12" s="163"/>
      <c r="MM12" s="9"/>
      <c r="MN12" s="105"/>
      <c r="MO12" s="131"/>
      <c r="MP12" s="15"/>
      <c r="MQ12" s="13"/>
      <c r="MR12" s="25"/>
      <c r="MS12" s="45"/>
      <c r="MT12" s="45"/>
      <c r="MU12" s="167"/>
      <c r="MV12" s="168"/>
      <c r="MW12" s="9"/>
      <c r="MX12" s="161"/>
      <c r="MY12" s="163"/>
      <c r="MZ12" s="9"/>
      <c r="NA12" s="105"/>
      <c r="NB12" s="131" t="str">
        <f t="shared" si="0"/>
        <v/>
      </c>
      <c r="NC12" s="15" t="str">
        <f>IF(NC11="","",IF(NC11='（参考）【別紙２】'!$E$35,"",IF(MONTH(NC11)=MONTH(NC11+1),NC11+1,"")))</f>
        <v/>
      </c>
      <c r="ND12" s="13" t="str">
        <f>IF(COUNTIF(祝日一覧!$E$2:$E$142,NC12),"○",IF(NG12&lt;&gt;"","○",""))</f>
        <v/>
      </c>
      <c r="NE12" s="25"/>
      <c r="NF12" s="45" t="str">
        <f t="shared" si="1"/>
        <v/>
      </c>
      <c r="NG12" s="45"/>
      <c r="NH12" s="167"/>
      <c r="NI12" s="168"/>
      <c r="NJ12" s="9"/>
      <c r="NK12" s="161"/>
      <c r="NL12" s="163"/>
      <c r="NM12" s="9"/>
      <c r="NN12" s="105"/>
      <c r="NO12" s="131"/>
      <c r="NP12" s="15"/>
      <c r="NQ12" s="13"/>
      <c r="NR12" s="25"/>
      <c r="NS12" s="45"/>
      <c r="NT12" s="45"/>
      <c r="NU12" s="167"/>
      <c r="NV12" s="168"/>
      <c r="NW12" s="9"/>
      <c r="NX12" s="161"/>
      <c r="NY12" s="163"/>
      <c r="NZ12" s="9"/>
      <c r="OA12" s="105"/>
      <c r="OB12" s="131"/>
      <c r="OC12" s="15"/>
      <c r="OD12" s="13"/>
      <c r="OE12" s="25"/>
      <c r="OF12" s="45"/>
      <c r="OG12" s="45"/>
      <c r="OH12" s="167"/>
      <c r="OI12" s="168"/>
      <c r="OJ12" s="9"/>
      <c r="OK12" s="161"/>
      <c r="OL12" s="163"/>
      <c r="OM12" s="9"/>
      <c r="ON12" s="105"/>
      <c r="OO12" s="131"/>
      <c r="OP12" s="15"/>
      <c r="OQ12" s="13"/>
      <c r="OR12" s="25"/>
      <c r="OS12" s="45"/>
      <c r="OT12" s="45"/>
      <c r="OU12" s="167"/>
      <c r="OV12" s="168"/>
      <c r="OW12" s="9"/>
      <c r="OX12" s="161"/>
      <c r="OY12" s="163"/>
      <c r="OZ12" s="9"/>
      <c r="PA12" s="105"/>
      <c r="PB12" s="131"/>
      <c r="PC12" s="15"/>
      <c r="PD12" s="13"/>
      <c r="PE12" s="25"/>
      <c r="PF12" s="45"/>
      <c r="PG12" s="45"/>
      <c r="PH12" s="167"/>
      <c r="PI12" s="168"/>
      <c r="PJ12" s="9"/>
      <c r="PK12" s="161"/>
      <c r="PL12" s="163"/>
      <c r="PM12" s="9"/>
      <c r="PN12" s="105"/>
      <c r="PO12" s="131"/>
      <c r="PP12" s="15"/>
      <c r="PQ12" s="13"/>
      <c r="PR12" s="25"/>
      <c r="PS12" s="45"/>
      <c r="PT12" s="45"/>
      <c r="PU12" s="167"/>
      <c r="PV12" s="168"/>
      <c r="PW12" s="9"/>
      <c r="PX12" s="161"/>
      <c r="PY12" s="163"/>
      <c r="PZ12" s="9"/>
      <c r="QA12" s="105"/>
      <c r="QB12" s="131"/>
      <c r="QC12" s="15"/>
      <c r="QD12" s="13"/>
      <c r="QE12" s="25"/>
      <c r="QF12" s="45"/>
      <c r="QG12" s="45"/>
      <c r="QH12" s="167"/>
      <c r="QI12" s="168"/>
      <c r="QJ12" s="9"/>
      <c r="QK12" s="161"/>
      <c r="QL12" s="163"/>
      <c r="QM12" s="9"/>
      <c r="QN12" s="105"/>
      <c r="QO12" s="131"/>
      <c r="QP12" s="15"/>
      <c r="QQ12" s="13"/>
      <c r="QR12" s="25"/>
      <c r="QS12" s="45"/>
      <c r="QT12" s="45"/>
      <c r="QU12" s="167"/>
      <c r="QV12" s="168"/>
      <c r="QW12" s="9"/>
      <c r="QX12" s="161"/>
      <c r="QY12" s="163"/>
      <c r="QZ12" s="9"/>
      <c r="RA12" s="105"/>
      <c r="RB12" s="131"/>
      <c r="RC12" s="15"/>
      <c r="RD12" s="13"/>
      <c r="RE12" s="25"/>
      <c r="RF12" s="45"/>
      <c r="RG12" s="45"/>
      <c r="RH12" s="167"/>
      <c r="RI12" s="168"/>
      <c r="RJ12" s="9"/>
      <c r="RK12" s="161"/>
      <c r="RL12" s="163"/>
      <c r="RM12" s="9"/>
      <c r="RN12" s="105"/>
      <c r="RO12" s="131"/>
      <c r="RP12" s="15"/>
      <c r="RQ12" s="13"/>
      <c r="RR12" s="25"/>
      <c r="RS12" s="45"/>
      <c r="RT12" s="45"/>
      <c r="RU12" s="167"/>
      <c r="RV12" s="168"/>
      <c r="RW12" s="9"/>
      <c r="RX12" s="161"/>
      <c r="RY12" s="163"/>
      <c r="RZ12" s="9"/>
      <c r="SA12" s="105"/>
      <c r="SB12" s="131"/>
      <c r="SC12" s="15"/>
      <c r="SD12" s="13"/>
      <c r="SE12" s="25"/>
      <c r="SF12" s="45"/>
      <c r="SG12" s="45"/>
      <c r="SH12" s="167"/>
      <c r="SI12" s="168"/>
      <c r="SJ12" s="9"/>
      <c r="SK12" s="161"/>
      <c r="SL12" s="163"/>
      <c r="SM12" s="9"/>
    </row>
    <row r="13" spans="1:507" ht="15.6" customHeight="1">
      <c r="A13" s="105"/>
      <c r="B13" s="131"/>
      <c r="C13" s="15"/>
      <c r="D13" s="13"/>
      <c r="E13" s="26"/>
      <c r="F13" s="45"/>
      <c r="G13" s="45"/>
      <c r="H13" s="167"/>
      <c r="I13" s="168"/>
      <c r="J13" s="42"/>
      <c r="K13" s="160" t="s">
        <v>64</v>
      </c>
      <c r="L13" s="172"/>
      <c r="M13" s="9"/>
      <c r="N13" s="105"/>
      <c r="O13" s="131"/>
      <c r="P13" s="15"/>
      <c r="Q13" s="13"/>
      <c r="R13" s="26"/>
      <c r="S13" s="45"/>
      <c r="T13" s="45"/>
      <c r="U13" s="167"/>
      <c r="V13" s="168"/>
      <c r="W13" s="9"/>
      <c r="X13" s="160" t="s">
        <v>64</v>
      </c>
      <c r="Y13" s="172"/>
      <c r="Z13" s="9"/>
      <c r="AA13" s="105"/>
      <c r="AB13" s="131"/>
      <c r="AC13" s="15"/>
      <c r="AD13" s="13"/>
      <c r="AE13" s="26"/>
      <c r="AF13" s="45"/>
      <c r="AG13" s="45"/>
      <c r="AH13" s="167"/>
      <c r="AI13" s="168"/>
      <c r="AJ13" s="9"/>
      <c r="AK13" s="160" t="s">
        <v>64</v>
      </c>
      <c r="AL13" s="172"/>
      <c r="AM13" s="9"/>
      <c r="AN13" s="105"/>
      <c r="AO13" s="131"/>
      <c r="AP13" s="15"/>
      <c r="AQ13" s="13"/>
      <c r="AR13" s="26"/>
      <c r="AS13" s="45"/>
      <c r="AT13" s="45"/>
      <c r="AU13" s="167"/>
      <c r="AV13" s="168"/>
      <c r="AW13" s="9"/>
      <c r="AX13" s="160" t="s">
        <v>64</v>
      </c>
      <c r="AY13" s="172"/>
      <c r="AZ13" s="9"/>
      <c r="BA13" s="105"/>
      <c r="BB13" s="131"/>
      <c r="BC13" s="15"/>
      <c r="BD13" s="13"/>
      <c r="BE13" s="26"/>
      <c r="BF13" s="45"/>
      <c r="BG13" s="45"/>
      <c r="BH13" s="167"/>
      <c r="BI13" s="168"/>
      <c r="BJ13" s="9"/>
      <c r="BK13" s="160" t="s">
        <v>64</v>
      </c>
      <c r="BL13" s="172"/>
      <c r="BM13" s="9"/>
      <c r="BN13" s="105"/>
      <c r="BO13" s="131"/>
      <c r="BP13" s="15"/>
      <c r="BQ13" s="13"/>
      <c r="BR13" s="26"/>
      <c r="BS13" s="45"/>
      <c r="BT13" s="45"/>
      <c r="BU13" s="167"/>
      <c r="BV13" s="168"/>
      <c r="BW13" s="9"/>
      <c r="BX13" s="160" t="s">
        <v>64</v>
      </c>
      <c r="BY13" s="172"/>
      <c r="BZ13" s="9"/>
      <c r="CA13" s="105"/>
      <c r="CB13" s="131"/>
      <c r="CC13" s="15"/>
      <c r="CD13" s="13"/>
      <c r="CE13" s="26"/>
      <c r="CF13" s="45"/>
      <c r="CG13" s="45"/>
      <c r="CH13" s="167"/>
      <c r="CI13" s="168"/>
      <c r="CJ13" s="9"/>
      <c r="CK13" s="160" t="s">
        <v>64</v>
      </c>
      <c r="CL13" s="172"/>
      <c r="CM13" s="9"/>
      <c r="CN13" s="105"/>
      <c r="CO13" s="131"/>
      <c r="CP13" s="15"/>
      <c r="CQ13" s="13"/>
      <c r="CR13" s="26"/>
      <c r="CS13" s="45"/>
      <c r="CT13" s="45"/>
      <c r="CU13" s="167"/>
      <c r="CV13" s="168"/>
      <c r="CW13" s="9"/>
      <c r="CX13" s="160" t="s">
        <v>64</v>
      </c>
      <c r="CY13" s="172"/>
      <c r="CZ13" s="9"/>
      <c r="DA13" s="105"/>
      <c r="DB13" s="131"/>
      <c r="DC13" s="15"/>
      <c r="DD13" s="13"/>
      <c r="DE13" s="26"/>
      <c r="DF13" s="45"/>
      <c r="DG13" s="45"/>
      <c r="DH13" s="167"/>
      <c r="DI13" s="168"/>
      <c r="DJ13" s="9"/>
      <c r="DK13" s="160" t="s">
        <v>64</v>
      </c>
      <c r="DL13" s="172"/>
      <c r="DM13" s="9"/>
      <c r="DN13" s="105"/>
      <c r="DO13" s="131"/>
      <c r="DP13" s="15"/>
      <c r="DQ13" s="13"/>
      <c r="DR13" s="26"/>
      <c r="DS13" s="45"/>
      <c r="DT13" s="45"/>
      <c r="DU13" s="167"/>
      <c r="DV13" s="168"/>
      <c r="DW13" s="9"/>
      <c r="DX13" s="160" t="s">
        <v>64</v>
      </c>
      <c r="DY13" s="172"/>
      <c r="DZ13" s="9"/>
      <c r="EA13" s="105"/>
      <c r="EB13" s="131"/>
      <c r="EC13" s="15"/>
      <c r="ED13" s="13"/>
      <c r="EE13" s="26"/>
      <c r="EF13" s="45"/>
      <c r="EG13" s="45"/>
      <c r="EH13" s="167"/>
      <c r="EI13" s="168"/>
      <c r="EJ13" s="9"/>
      <c r="EK13" s="160" t="s">
        <v>64</v>
      </c>
      <c r="EL13" s="172"/>
      <c r="EM13" s="9"/>
      <c r="EN13" s="105"/>
      <c r="EO13" s="131"/>
      <c r="EP13" s="15"/>
      <c r="EQ13" s="13"/>
      <c r="ER13" s="26"/>
      <c r="ES13" s="45"/>
      <c r="ET13" s="45"/>
      <c r="EU13" s="167"/>
      <c r="EV13" s="168"/>
      <c r="EW13" s="9"/>
      <c r="EX13" s="160" t="s">
        <v>64</v>
      </c>
      <c r="EY13" s="172"/>
      <c r="EZ13" s="9"/>
      <c r="FA13" s="105"/>
      <c r="FB13" s="131"/>
      <c r="FC13" s="15"/>
      <c r="FD13" s="13"/>
      <c r="FE13" s="26"/>
      <c r="FF13" s="45"/>
      <c r="FG13" s="45"/>
      <c r="FH13" s="167"/>
      <c r="FI13" s="168"/>
      <c r="FJ13" s="9"/>
      <c r="FK13" s="160" t="s">
        <v>64</v>
      </c>
      <c r="FL13" s="172"/>
      <c r="FM13" s="9"/>
      <c r="FN13" s="105"/>
      <c r="FO13" s="131"/>
      <c r="FP13" s="15"/>
      <c r="FQ13" s="13"/>
      <c r="FR13" s="26"/>
      <c r="FS13" s="45"/>
      <c r="FT13" s="45"/>
      <c r="FU13" s="167"/>
      <c r="FV13" s="168"/>
      <c r="FW13" s="9"/>
      <c r="FX13" s="160" t="s">
        <v>64</v>
      </c>
      <c r="FY13" s="172"/>
      <c r="FZ13" s="9"/>
      <c r="GA13" s="105"/>
      <c r="GB13" s="131"/>
      <c r="GC13" s="15"/>
      <c r="GD13" s="13"/>
      <c r="GE13" s="25"/>
      <c r="GF13" s="45"/>
      <c r="GG13" s="45"/>
      <c r="GH13" s="167"/>
      <c r="GI13" s="168"/>
      <c r="GJ13" s="9"/>
      <c r="GK13" s="160" t="s">
        <v>64</v>
      </c>
      <c r="GL13" s="172"/>
      <c r="GM13" s="9"/>
      <c r="GN13" s="105"/>
      <c r="GO13" s="131"/>
      <c r="GP13" s="15"/>
      <c r="GQ13" s="13"/>
      <c r="GR13" s="25"/>
      <c r="GS13" s="45"/>
      <c r="GT13" s="45"/>
      <c r="GU13" s="167"/>
      <c r="GV13" s="168"/>
      <c r="GW13" s="9"/>
      <c r="GX13" s="160" t="s">
        <v>64</v>
      </c>
      <c r="GY13" s="172"/>
      <c r="GZ13" s="9"/>
      <c r="HA13" s="105"/>
      <c r="HB13" s="131"/>
      <c r="HC13" s="15"/>
      <c r="HD13" s="13"/>
      <c r="HE13" s="26"/>
      <c r="HF13" s="45"/>
      <c r="HG13" s="45"/>
      <c r="HH13" s="167"/>
      <c r="HI13" s="168"/>
      <c r="HJ13" s="9"/>
      <c r="HK13" s="160" t="s">
        <v>64</v>
      </c>
      <c r="HL13" s="172"/>
      <c r="HM13" s="9"/>
      <c r="HN13" s="105"/>
      <c r="HO13" s="131"/>
      <c r="HP13" s="15"/>
      <c r="HQ13" s="13"/>
      <c r="HR13" s="25"/>
      <c r="HS13" s="45"/>
      <c r="HT13" s="45"/>
      <c r="HU13" s="167"/>
      <c r="HV13" s="168"/>
      <c r="HW13" s="9"/>
      <c r="HX13" s="160" t="s">
        <v>64</v>
      </c>
      <c r="HY13" s="172"/>
      <c r="HZ13" s="9"/>
      <c r="IA13" s="105"/>
      <c r="IB13" s="131"/>
      <c r="IC13" s="15"/>
      <c r="ID13" s="13"/>
      <c r="IE13" s="25"/>
      <c r="IF13" s="45"/>
      <c r="IG13" s="45"/>
      <c r="IH13" s="167"/>
      <c r="II13" s="168"/>
      <c r="IJ13" s="9"/>
      <c r="IK13" s="160" t="s">
        <v>64</v>
      </c>
      <c r="IL13" s="172"/>
      <c r="IM13" s="9"/>
      <c r="IN13" s="105"/>
      <c r="IO13" s="131"/>
      <c r="IP13" s="15"/>
      <c r="IQ13" s="13"/>
      <c r="IR13" s="25"/>
      <c r="IS13" s="45"/>
      <c r="IT13" s="45"/>
      <c r="IU13" s="167"/>
      <c r="IV13" s="168"/>
      <c r="IW13" s="9"/>
      <c r="IX13" s="160" t="s">
        <v>64</v>
      </c>
      <c r="IY13" s="172"/>
      <c r="IZ13" s="9"/>
      <c r="JA13" s="105"/>
      <c r="JB13" s="131"/>
      <c r="JC13" s="15"/>
      <c r="JD13" s="13"/>
      <c r="JE13" s="25"/>
      <c r="JF13" s="45"/>
      <c r="JG13" s="45"/>
      <c r="JH13" s="167"/>
      <c r="JI13" s="168"/>
      <c r="JJ13" s="9"/>
      <c r="JK13" s="160" t="s">
        <v>64</v>
      </c>
      <c r="JL13" s="172"/>
      <c r="JM13" s="9"/>
      <c r="JN13" s="105"/>
      <c r="JO13" s="131"/>
      <c r="JP13" s="15"/>
      <c r="JQ13" s="13"/>
      <c r="JR13" s="25"/>
      <c r="JS13" s="45"/>
      <c r="JT13" s="45"/>
      <c r="JU13" s="167"/>
      <c r="JV13" s="168"/>
      <c r="JW13" s="9"/>
      <c r="JX13" s="160" t="s">
        <v>64</v>
      </c>
      <c r="JY13" s="172"/>
      <c r="JZ13" s="9"/>
      <c r="KA13" s="105"/>
      <c r="KB13" s="131"/>
      <c r="KC13" s="15"/>
      <c r="KD13" s="13"/>
      <c r="KE13" s="25"/>
      <c r="KF13" s="45"/>
      <c r="KG13" s="45"/>
      <c r="KH13" s="167"/>
      <c r="KI13" s="168"/>
      <c r="KJ13" s="9"/>
      <c r="KK13" s="160" t="s">
        <v>64</v>
      </c>
      <c r="KL13" s="172"/>
      <c r="KM13" s="9"/>
      <c r="KN13" s="105"/>
      <c r="KO13" s="131"/>
      <c r="KP13" s="15"/>
      <c r="KQ13" s="13"/>
      <c r="KR13" s="25"/>
      <c r="KS13" s="45"/>
      <c r="KT13" s="45"/>
      <c r="KU13" s="167"/>
      <c r="KV13" s="168"/>
      <c r="KW13" s="9"/>
      <c r="KX13" s="160" t="s">
        <v>64</v>
      </c>
      <c r="KY13" s="172"/>
      <c r="KZ13" s="9"/>
      <c r="LA13" s="105"/>
      <c r="LB13" s="131"/>
      <c r="LC13" s="15"/>
      <c r="LD13" s="13"/>
      <c r="LE13" s="25"/>
      <c r="LF13" s="45"/>
      <c r="LG13" s="45"/>
      <c r="LH13" s="167"/>
      <c r="LI13" s="168"/>
      <c r="LJ13" s="9"/>
      <c r="LK13" s="160" t="s">
        <v>64</v>
      </c>
      <c r="LL13" s="172"/>
      <c r="LM13" s="9"/>
      <c r="LN13" s="105"/>
      <c r="LO13" s="131"/>
      <c r="LP13" s="15"/>
      <c r="LQ13" s="13"/>
      <c r="LR13" s="25"/>
      <c r="LS13" s="45"/>
      <c r="LT13" s="45"/>
      <c r="LU13" s="167"/>
      <c r="LV13" s="168"/>
      <c r="LW13" s="9"/>
      <c r="LX13" s="160" t="s">
        <v>64</v>
      </c>
      <c r="LY13" s="172"/>
      <c r="LZ13" s="9"/>
      <c r="MA13" s="105"/>
      <c r="MB13" s="131"/>
      <c r="MC13" s="15"/>
      <c r="MD13" s="13"/>
      <c r="ME13" s="25"/>
      <c r="MF13" s="45"/>
      <c r="MG13" s="45"/>
      <c r="MH13" s="167"/>
      <c r="MI13" s="168"/>
      <c r="MJ13" s="9"/>
      <c r="MK13" s="160" t="s">
        <v>64</v>
      </c>
      <c r="ML13" s="172"/>
      <c r="MM13" s="9"/>
      <c r="MN13" s="105"/>
      <c r="MO13" s="131"/>
      <c r="MP13" s="15"/>
      <c r="MQ13" s="13"/>
      <c r="MR13" s="25"/>
      <c r="MS13" s="45"/>
      <c r="MT13" s="45"/>
      <c r="MU13" s="167"/>
      <c r="MV13" s="168"/>
      <c r="MW13" s="9"/>
      <c r="MX13" s="160" t="s">
        <v>64</v>
      </c>
      <c r="MY13" s="172"/>
      <c r="MZ13" s="9"/>
      <c r="NA13" s="105"/>
      <c r="NB13" s="131" t="str">
        <f t="shared" si="0"/>
        <v/>
      </c>
      <c r="NC13" s="15" t="str">
        <f>IF(NC12="","",IF(NC12='（参考）【別紙２】'!$E$35,"",IF(MONTH(NC12)=MONTH(NC12+1),NC12+1,"")))</f>
        <v/>
      </c>
      <c r="ND13" s="13" t="str">
        <f>IF(COUNTIF(祝日一覧!$E$2:$E$142,NC13),"○",IF(NG13&lt;&gt;"","○",""))</f>
        <v/>
      </c>
      <c r="NE13" s="25"/>
      <c r="NF13" s="45" t="str">
        <f t="shared" si="1"/>
        <v/>
      </c>
      <c r="NG13" s="45"/>
      <c r="NH13" s="167"/>
      <c r="NI13" s="168"/>
      <c r="NJ13" s="9"/>
      <c r="NK13" s="160" t="s">
        <v>64</v>
      </c>
      <c r="NL13" s="172"/>
      <c r="NM13" s="9"/>
      <c r="NN13" s="105"/>
      <c r="NO13" s="131"/>
      <c r="NP13" s="15"/>
      <c r="NQ13" s="13"/>
      <c r="NR13" s="25"/>
      <c r="NS13" s="45"/>
      <c r="NT13" s="45"/>
      <c r="NU13" s="167"/>
      <c r="NV13" s="168"/>
      <c r="NW13" s="9"/>
      <c r="NX13" s="160" t="s">
        <v>64</v>
      </c>
      <c r="NY13" s="172"/>
      <c r="NZ13" s="9"/>
      <c r="OA13" s="105"/>
      <c r="OB13" s="131"/>
      <c r="OC13" s="15"/>
      <c r="OD13" s="13"/>
      <c r="OE13" s="25"/>
      <c r="OF13" s="45"/>
      <c r="OG13" s="45"/>
      <c r="OH13" s="167"/>
      <c r="OI13" s="168"/>
      <c r="OJ13" s="9"/>
      <c r="OK13" s="160" t="s">
        <v>64</v>
      </c>
      <c r="OL13" s="172"/>
      <c r="OM13" s="9"/>
      <c r="ON13" s="105"/>
      <c r="OO13" s="131"/>
      <c r="OP13" s="15"/>
      <c r="OQ13" s="13"/>
      <c r="OR13" s="25"/>
      <c r="OS13" s="45"/>
      <c r="OT13" s="45"/>
      <c r="OU13" s="167"/>
      <c r="OV13" s="168"/>
      <c r="OW13" s="9"/>
      <c r="OX13" s="160" t="s">
        <v>64</v>
      </c>
      <c r="OY13" s="172"/>
      <c r="OZ13" s="9"/>
      <c r="PA13" s="105"/>
      <c r="PB13" s="131"/>
      <c r="PC13" s="15"/>
      <c r="PD13" s="13"/>
      <c r="PE13" s="25"/>
      <c r="PF13" s="45"/>
      <c r="PG13" s="45"/>
      <c r="PH13" s="167"/>
      <c r="PI13" s="168"/>
      <c r="PJ13" s="9"/>
      <c r="PK13" s="160" t="s">
        <v>64</v>
      </c>
      <c r="PL13" s="172"/>
      <c r="PM13" s="9"/>
      <c r="PN13" s="105"/>
      <c r="PO13" s="131"/>
      <c r="PP13" s="15"/>
      <c r="PQ13" s="13"/>
      <c r="PR13" s="25"/>
      <c r="PS13" s="45"/>
      <c r="PT13" s="45"/>
      <c r="PU13" s="167"/>
      <c r="PV13" s="168"/>
      <c r="PW13" s="9"/>
      <c r="PX13" s="160" t="s">
        <v>64</v>
      </c>
      <c r="PY13" s="172"/>
      <c r="PZ13" s="9"/>
      <c r="QA13" s="105"/>
      <c r="QB13" s="131"/>
      <c r="QC13" s="15"/>
      <c r="QD13" s="13"/>
      <c r="QE13" s="25"/>
      <c r="QF13" s="45"/>
      <c r="QG13" s="45"/>
      <c r="QH13" s="167"/>
      <c r="QI13" s="168"/>
      <c r="QJ13" s="9"/>
      <c r="QK13" s="160" t="s">
        <v>64</v>
      </c>
      <c r="QL13" s="172"/>
      <c r="QM13" s="9"/>
      <c r="QN13" s="105"/>
      <c r="QO13" s="131"/>
      <c r="QP13" s="15"/>
      <c r="QQ13" s="13"/>
      <c r="QR13" s="25"/>
      <c r="QS13" s="45"/>
      <c r="QT13" s="45"/>
      <c r="QU13" s="167"/>
      <c r="QV13" s="168"/>
      <c r="QW13" s="9"/>
      <c r="QX13" s="160" t="s">
        <v>64</v>
      </c>
      <c r="QY13" s="172"/>
      <c r="QZ13" s="9"/>
      <c r="RA13" s="105"/>
      <c r="RB13" s="131"/>
      <c r="RC13" s="15"/>
      <c r="RD13" s="13"/>
      <c r="RE13" s="25"/>
      <c r="RF13" s="45"/>
      <c r="RG13" s="45"/>
      <c r="RH13" s="167"/>
      <c r="RI13" s="168"/>
      <c r="RJ13" s="9"/>
      <c r="RK13" s="160" t="s">
        <v>64</v>
      </c>
      <c r="RL13" s="172"/>
      <c r="RM13" s="9"/>
      <c r="RN13" s="105"/>
      <c r="RO13" s="131"/>
      <c r="RP13" s="15"/>
      <c r="RQ13" s="13"/>
      <c r="RR13" s="25"/>
      <c r="RS13" s="45"/>
      <c r="RT13" s="45"/>
      <c r="RU13" s="167"/>
      <c r="RV13" s="168"/>
      <c r="RW13" s="9"/>
      <c r="RX13" s="160" t="s">
        <v>64</v>
      </c>
      <c r="RY13" s="172"/>
      <c r="RZ13" s="9"/>
      <c r="SA13" s="105"/>
      <c r="SB13" s="131"/>
      <c r="SC13" s="15"/>
      <c r="SD13" s="13"/>
      <c r="SE13" s="25"/>
      <c r="SF13" s="45"/>
      <c r="SG13" s="45"/>
      <c r="SH13" s="167"/>
      <c r="SI13" s="168"/>
      <c r="SJ13" s="9"/>
      <c r="SK13" s="160" t="s">
        <v>64</v>
      </c>
      <c r="SL13" s="172"/>
      <c r="SM13" s="9"/>
    </row>
    <row r="14" spans="1:507" ht="15.6" customHeight="1">
      <c r="A14" s="105"/>
      <c r="B14" s="131"/>
      <c r="C14" s="15"/>
      <c r="D14" s="13"/>
      <c r="E14" s="26"/>
      <c r="F14" s="45"/>
      <c r="G14" s="45"/>
      <c r="H14" s="167"/>
      <c r="I14" s="168"/>
      <c r="J14" s="42"/>
      <c r="K14" s="155"/>
      <c r="L14" s="173"/>
      <c r="M14" s="9"/>
      <c r="N14" s="105"/>
      <c r="O14" s="131"/>
      <c r="P14" s="15"/>
      <c r="Q14" s="13"/>
      <c r="R14" s="26"/>
      <c r="S14" s="45"/>
      <c r="T14" s="45"/>
      <c r="U14" s="167"/>
      <c r="V14" s="168"/>
      <c r="W14" s="9"/>
      <c r="X14" s="155"/>
      <c r="Y14" s="173"/>
      <c r="Z14" s="9"/>
      <c r="AA14" s="105"/>
      <c r="AB14" s="131"/>
      <c r="AC14" s="15"/>
      <c r="AD14" s="13"/>
      <c r="AE14" s="26"/>
      <c r="AF14" s="45"/>
      <c r="AG14" s="45"/>
      <c r="AH14" s="167"/>
      <c r="AI14" s="168"/>
      <c r="AJ14" s="9"/>
      <c r="AK14" s="155"/>
      <c r="AL14" s="173"/>
      <c r="AM14" s="9"/>
      <c r="AN14" s="105"/>
      <c r="AO14" s="131"/>
      <c r="AP14" s="15"/>
      <c r="AQ14" s="13"/>
      <c r="AR14" s="26"/>
      <c r="AS14" s="45"/>
      <c r="AT14" s="45"/>
      <c r="AU14" s="167"/>
      <c r="AV14" s="168"/>
      <c r="AW14" s="9"/>
      <c r="AX14" s="155"/>
      <c r="AY14" s="173"/>
      <c r="AZ14" s="9"/>
      <c r="BA14" s="105"/>
      <c r="BB14" s="131"/>
      <c r="BC14" s="15"/>
      <c r="BD14" s="13"/>
      <c r="BE14" s="26"/>
      <c r="BF14" s="45"/>
      <c r="BG14" s="45"/>
      <c r="BH14" s="167"/>
      <c r="BI14" s="168"/>
      <c r="BJ14" s="9"/>
      <c r="BK14" s="155"/>
      <c r="BL14" s="173"/>
      <c r="BM14" s="9"/>
      <c r="BN14" s="105"/>
      <c r="BO14" s="131"/>
      <c r="BP14" s="15"/>
      <c r="BQ14" s="13"/>
      <c r="BR14" s="26"/>
      <c r="BS14" s="45"/>
      <c r="BT14" s="45"/>
      <c r="BU14" s="167"/>
      <c r="BV14" s="168"/>
      <c r="BW14" s="9"/>
      <c r="BX14" s="155"/>
      <c r="BY14" s="173"/>
      <c r="BZ14" s="9"/>
      <c r="CA14" s="105"/>
      <c r="CB14" s="131"/>
      <c r="CC14" s="15"/>
      <c r="CD14" s="13"/>
      <c r="CE14" s="26"/>
      <c r="CF14" s="45"/>
      <c r="CG14" s="45"/>
      <c r="CH14" s="167"/>
      <c r="CI14" s="168"/>
      <c r="CJ14" s="9"/>
      <c r="CK14" s="155"/>
      <c r="CL14" s="173"/>
      <c r="CM14" s="9"/>
      <c r="CN14" s="105"/>
      <c r="CO14" s="131"/>
      <c r="CP14" s="15"/>
      <c r="CQ14" s="13"/>
      <c r="CR14" s="26"/>
      <c r="CS14" s="45"/>
      <c r="CT14" s="45"/>
      <c r="CU14" s="167"/>
      <c r="CV14" s="168"/>
      <c r="CW14" s="9"/>
      <c r="CX14" s="155"/>
      <c r="CY14" s="173"/>
      <c r="CZ14" s="9"/>
      <c r="DA14" s="105"/>
      <c r="DB14" s="131"/>
      <c r="DC14" s="15"/>
      <c r="DD14" s="13"/>
      <c r="DE14" s="26"/>
      <c r="DF14" s="45"/>
      <c r="DG14" s="45"/>
      <c r="DH14" s="167"/>
      <c r="DI14" s="168"/>
      <c r="DJ14" s="9"/>
      <c r="DK14" s="155"/>
      <c r="DL14" s="173"/>
      <c r="DM14" s="9"/>
      <c r="DN14" s="105"/>
      <c r="DO14" s="131"/>
      <c r="DP14" s="15"/>
      <c r="DQ14" s="13"/>
      <c r="DR14" s="26"/>
      <c r="DS14" s="45"/>
      <c r="DT14" s="45"/>
      <c r="DU14" s="167"/>
      <c r="DV14" s="168"/>
      <c r="DW14" s="9"/>
      <c r="DX14" s="155"/>
      <c r="DY14" s="173"/>
      <c r="DZ14" s="9"/>
      <c r="EA14" s="105"/>
      <c r="EB14" s="131"/>
      <c r="EC14" s="15"/>
      <c r="ED14" s="13"/>
      <c r="EE14" s="26"/>
      <c r="EF14" s="45"/>
      <c r="EG14" s="45"/>
      <c r="EH14" s="167"/>
      <c r="EI14" s="168"/>
      <c r="EJ14" s="9"/>
      <c r="EK14" s="155"/>
      <c r="EL14" s="173"/>
      <c r="EM14" s="9"/>
      <c r="EN14" s="105"/>
      <c r="EO14" s="131"/>
      <c r="EP14" s="15"/>
      <c r="EQ14" s="13"/>
      <c r="ER14" s="26"/>
      <c r="ES14" s="45"/>
      <c r="ET14" s="45"/>
      <c r="EU14" s="167"/>
      <c r="EV14" s="168"/>
      <c r="EW14" s="9"/>
      <c r="EX14" s="155"/>
      <c r="EY14" s="173"/>
      <c r="EZ14" s="9"/>
      <c r="FA14" s="105"/>
      <c r="FB14" s="131"/>
      <c r="FC14" s="15"/>
      <c r="FD14" s="13"/>
      <c r="FE14" s="26"/>
      <c r="FF14" s="45"/>
      <c r="FG14" s="45"/>
      <c r="FH14" s="167"/>
      <c r="FI14" s="168"/>
      <c r="FJ14" s="9"/>
      <c r="FK14" s="155"/>
      <c r="FL14" s="173"/>
      <c r="FM14" s="9"/>
      <c r="FN14" s="105"/>
      <c r="FO14" s="131"/>
      <c r="FP14" s="15"/>
      <c r="FQ14" s="13"/>
      <c r="FR14" s="26"/>
      <c r="FS14" s="45"/>
      <c r="FT14" s="45"/>
      <c r="FU14" s="167"/>
      <c r="FV14" s="168"/>
      <c r="FW14" s="9"/>
      <c r="FX14" s="155"/>
      <c r="FY14" s="173"/>
      <c r="FZ14" s="9"/>
      <c r="GA14" s="105"/>
      <c r="GB14" s="131"/>
      <c r="GC14" s="15"/>
      <c r="GD14" s="13"/>
      <c r="GE14" s="25"/>
      <c r="GF14" s="45"/>
      <c r="GG14" s="45"/>
      <c r="GH14" s="167"/>
      <c r="GI14" s="168"/>
      <c r="GJ14" s="9"/>
      <c r="GK14" s="155"/>
      <c r="GL14" s="173"/>
      <c r="GM14" s="9"/>
      <c r="GN14" s="105"/>
      <c r="GO14" s="131"/>
      <c r="GP14" s="15"/>
      <c r="GQ14" s="13"/>
      <c r="GR14" s="25"/>
      <c r="GS14" s="45"/>
      <c r="GT14" s="45"/>
      <c r="GU14" s="167"/>
      <c r="GV14" s="168"/>
      <c r="GW14" s="9"/>
      <c r="GX14" s="155"/>
      <c r="GY14" s="173"/>
      <c r="GZ14" s="9"/>
      <c r="HA14" s="105"/>
      <c r="HB14" s="131"/>
      <c r="HC14" s="15"/>
      <c r="HD14" s="13"/>
      <c r="HE14" s="26"/>
      <c r="HF14" s="45"/>
      <c r="HG14" s="45"/>
      <c r="HH14" s="167"/>
      <c r="HI14" s="168"/>
      <c r="HJ14" s="9"/>
      <c r="HK14" s="155"/>
      <c r="HL14" s="173"/>
      <c r="HM14" s="9"/>
      <c r="HN14" s="105"/>
      <c r="HO14" s="131"/>
      <c r="HP14" s="15"/>
      <c r="HQ14" s="13"/>
      <c r="HR14" s="25"/>
      <c r="HS14" s="45"/>
      <c r="HT14" s="45"/>
      <c r="HU14" s="167"/>
      <c r="HV14" s="168"/>
      <c r="HW14" s="9"/>
      <c r="HX14" s="155"/>
      <c r="HY14" s="173"/>
      <c r="HZ14" s="9"/>
      <c r="IA14" s="105"/>
      <c r="IB14" s="131"/>
      <c r="IC14" s="15"/>
      <c r="ID14" s="13"/>
      <c r="IE14" s="25"/>
      <c r="IF14" s="45"/>
      <c r="IG14" s="45"/>
      <c r="IH14" s="167"/>
      <c r="II14" s="168"/>
      <c r="IJ14" s="9"/>
      <c r="IK14" s="155"/>
      <c r="IL14" s="173"/>
      <c r="IM14" s="9"/>
      <c r="IN14" s="105"/>
      <c r="IO14" s="131"/>
      <c r="IP14" s="15"/>
      <c r="IQ14" s="13"/>
      <c r="IR14" s="25"/>
      <c r="IS14" s="45"/>
      <c r="IT14" s="45"/>
      <c r="IU14" s="167"/>
      <c r="IV14" s="168"/>
      <c r="IW14" s="9"/>
      <c r="IX14" s="155"/>
      <c r="IY14" s="173"/>
      <c r="IZ14" s="9"/>
      <c r="JA14" s="105"/>
      <c r="JB14" s="131"/>
      <c r="JC14" s="15"/>
      <c r="JD14" s="13"/>
      <c r="JE14" s="25"/>
      <c r="JF14" s="45"/>
      <c r="JG14" s="45"/>
      <c r="JH14" s="167"/>
      <c r="JI14" s="168"/>
      <c r="JJ14" s="9"/>
      <c r="JK14" s="155"/>
      <c r="JL14" s="173"/>
      <c r="JM14" s="9"/>
      <c r="JN14" s="105"/>
      <c r="JO14" s="131"/>
      <c r="JP14" s="15"/>
      <c r="JQ14" s="13"/>
      <c r="JR14" s="25"/>
      <c r="JS14" s="45"/>
      <c r="JT14" s="45"/>
      <c r="JU14" s="167"/>
      <c r="JV14" s="168"/>
      <c r="JW14" s="9"/>
      <c r="JX14" s="155"/>
      <c r="JY14" s="173"/>
      <c r="JZ14" s="9"/>
      <c r="KA14" s="105"/>
      <c r="KB14" s="131"/>
      <c r="KC14" s="15"/>
      <c r="KD14" s="13"/>
      <c r="KE14" s="25"/>
      <c r="KF14" s="45"/>
      <c r="KG14" s="45"/>
      <c r="KH14" s="167"/>
      <c r="KI14" s="168"/>
      <c r="KJ14" s="9"/>
      <c r="KK14" s="155"/>
      <c r="KL14" s="173"/>
      <c r="KM14" s="9"/>
      <c r="KN14" s="105"/>
      <c r="KO14" s="131"/>
      <c r="KP14" s="15"/>
      <c r="KQ14" s="13"/>
      <c r="KR14" s="25"/>
      <c r="KS14" s="45"/>
      <c r="KT14" s="45"/>
      <c r="KU14" s="167"/>
      <c r="KV14" s="168"/>
      <c r="KW14" s="9"/>
      <c r="KX14" s="155"/>
      <c r="KY14" s="173"/>
      <c r="KZ14" s="9"/>
      <c r="LA14" s="105"/>
      <c r="LB14" s="131"/>
      <c r="LC14" s="15"/>
      <c r="LD14" s="13"/>
      <c r="LE14" s="25"/>
      <c r="LF14" s="45"/>
      <c r="LG14" s="45"/>
      <c r="LH14" s="167"/>
      <c r="LI14" s="168"/>
      <c r="LJ14" s="9"/>
      <c r="LK14" s="155"/>
      <c r="LL14" s="173"/>
      <c r="LM14" s="9"/>
      <c r="LN14" s="105"/>
      <c r="LO14" s="131"/>
      <c r="LP14" s="15"/>
      <c r="LQ14" s="13"/>
      <c r="LR14" s="25"/>
      <c r="LS14" s="45"/>
      <c r="LT14" s="45"/>
      <c r="LU14" s="167"/>
      <c r="LV14" s="168"/>
      <c r="LW14" s="9"/>
      <c r="LX14" s="155"/>
      <c r="LY14" s="173"/>
      <c r="LZ14" s="9"/>
      <c r="MA14" s="105"/>
      <c r="MB14" s="131"/>
      <c r="MC14" s="15"/>
      <c r="MD14" s="13"/>
      <c r="ME14" s="25"/>
      <c r="MF14" s="45"/>
      <c r="MG14" s="45"/>
      <c r="MH14" s="167"/>
      <c r="MI14" s="168"/>
      <c r="MJ14" s="9"/>
      <c r="MK14" s="155"/>
      <c r="ML14" s="173"/>
      <c r="MM14" s="9"/>
      <c r="MN14" s="105"/>
      <c r="MO14" s="131"/>
      <c r="MP14" s="15"/>
      <c r="MQ14" s="13"/>
      <c r="MR14" s="25"/>
      <c r="MS14" s="45"/>
      <c r="MT14" s="45"/>
      <c r="MU14" s="167"/>
      <c r="MV14" s="168"/>
      <c r="MW14" s="9"/>
      <c r="MX14" s="155"/>
      <c r="MY14" s="173"/>
      <c r="MZ14" s="9"/>
      <c r="NA14" s="105"/>
      <c r="NB14" s="131" t="str">
        <f t="shared" si="0"/>
        <v/>
      </c>
      <c r="NC14" s="15" t="str">
        <f>IF(NC13="","",IF(NC13='（参考）【別紙２】'!$E$35,"",IF(MONTH(NC13)=MONTH(NC13+1),NC13+1,"")))</f>
        <v/>
      </c>
      <c r="ND14" s="13" t="str">
        <f>IF(COUNTIF(祝日一覧!$E$2:$E$142,NC14),"○",IF(NG14&lt;&gt;"","○",""))</f>
        <v/>
      </c>
      <c r="NE14" s="25"/>
      <c r="NF14" s="45" t="str">
        <f t="shared" si="1"/>
        <v/>
      </c>
      <c r="NG14" s="45"/>
      <c r="NH14" s="167"/>
      <c r="NI14" s="168"/>
      <c r="NJ14" s="9"/>
      <c r="NK14" s="155"/>
      <c r="NL14" s="173"/>
      <c r="NM14" s="9"/>
      <c r="NN14" s="105"/>
      <c r="NO14" s="131"/>
      <c r="NP14" s="15"/>
      <c r="NQ14" s="13"/>
      <c r="NR14" s="25"/>
      <c r="NS14" s="45"/>
      <c r="NT14" s="45"/>
      <c r="NU14" s="167"/>
      <c r="NV14" s="168"/>
      <c r="NW14" s="9"/>
      <c r="NX14" s="155"/>
      <c r="NY14" s="173"/>
      <c r="NZ14" s="9"/>
      <c r="OA14" s="105"/>
      <c r="OB14" s="131"/>
      <c r="OC14" s="15"/>
      <c r="OD14" s="13"/>
      <c r="OE14" s="25"/>
      <c r="OF14" s="45"/>
      <c r="OG14" s="45"/>
      <c r="OH14" s="167"/>
      <c r="OI14" s="168"/>
      <c r="OJ14" s="9"/>
      <c r="OK14" s="155"/>
      <c r="OL14" s="173"/>
      <c r="OM14" s="9"/>
      <c r="ON14" s="105"/>
      <c r="OO14" s="131"/>
      <c r="OP14" s="15"/>
      <c r="OQ14" s="13"/>
      <c r="OR14" s="25"/>
      <c r="OS14" s="45"/>
      <c r="OT14" s="45"/>
      <c r="OU14" s="167"/>
      <c r="OV14" s="168"/>
      <c r="OW14" s="9"/>
      <c r="OX14" s="155"/>
      <c r="OY14" s="173"/>
      <c r="OZ14" s="9"/>
      <c r="PA14" s="105"/>
      <c r="PB14" s="131"/>
      <c r="PC14" s="15"/>
      <c r="PD14" s="13"/>
      <c r="PE14" s="25"/>
      <c r="PF14" s="45"/>
      <c r="PG14" s="45"/>
      <c r="PH14" s="167"/>
      <c r="PI14" s="168"/>
      <c r="PJ14" s="9"/>
      <c r="PK14" s="155"/>
      <c r="PL14" s="173"/>
      <c r="PM14" s="9"/>
      <c r="PN14" s="105"/>
      <c r="PO14" s="131"/>
      <c r="PP14" s="15"/>
      <c r="PQ14" s="13"/>
      <c r="PR14" s="25"/>
      <c r="PS14" s="45"/>
      <c r="PT14" s="45"/>
      <c r="PU14" s="167"/>
      <c r="PV14" s="168"/>
      <c r="PW14" s="9"/>
      <c r="PX14" s="155"/>
      <c r="PY14" s="173"/>
      <c r="PZ14" s="9"/>
      <c r="QA14" s="105"/>
      <c r="QB14" s="131"/>
      <c r="QC14" s="15"/>
      <c r="QD14" s="13"/>
      <c r="QE14" s="25"/>
      <c r="QF14" s="45"/>
      <c r="QG14" s="45"/>
      <c r="QH14" s="167"/>
      <c r="QI14" s="168"/>
      <c r="QJ14" s="9"/>
      <c r="QK14" s="155"/>
      <c r="QL14" s="173"/>
      <c r="QM14" s="9"/>
      <c r="QN14" s="105"/>
      <c r="QO14" s="131"/>
      <c r="QP14" s="15"/>
      <c r="QQ14" s="13"/>
      <c r="QR14" s="25"/>
      <c r="QS14" s="45"/>
      <c r="QT14" s="45"/>
      <c r="QU14" s="167"/>
      <c r="QV14" s="168"/>
      <c r="QW14" s="9"/>
      <c r="QX14" s="155"/>
      <c r="QY14" s="173"/>
      <c r="QZ14" s="9"/>
      <c r="RA14" s="105"/>
      <c r="RB14" s="131"/>
      <c r="RC14" s="15"/>
      <c r="RD14" s="13"/>
      <c r="RE14" s="25"/>
      <c r="RF14" s="45"/>
      <c r="RG14" s="45"/>
      <c r="RH14" s="167"/>
      <c r="RI14" s="168"/>
      <c r="RJ14" s="9"/>
      <c r="RK14" s="155"/>
      <c r="RL14" s="173"/>
      <c r="RM14" s="9"/>
      <c r="RN14" s="105"/>
      <c r="RO14" s="131"/>
      <c r="RP14" s="15"/>
      <c r="RQ14" s="13"/>
      <c r="RR14" s="25"/>
      <c r="RS14" s="45"/>
      <c r="RT14" s="45"/>
      <c r="RU14" s="167"/>
      <c r="RV14" s="168"/>
      <c r="RW14" s="9"/>
      <c r="RX14" s="155"/>
      <c r="RY14" s="173"/>
      <c r="RZ14" s="9"/>
      <c r="SA14" s="105"/>
      <c r="SB14" s="131"/>
      <c r="SC14" s="15"/>
      <c r="SD14" s="13"/>
      <c r="SE14" s="25"/>
      <c r="SF14" s="45"/>
      <c r="SG14" s="45"/>
      <c r="SH14" s="167"/>
      <c r="SI14" s="168"/>
      <c r="SJ14" s="9"/>
      <c r="SK14" s="155"/>
      <c r="SL14" s="173"/>
      <c r="SM14" s="9"/>
    </row>
    <row r="15" spans="1:507" ht="15.6" customHeight="1">
      <c r="A15" s="105"/>
      <c r="B15" s="131"/>
      <c r="C15" s="15"/>
      <c r="D15" s="13"/>
      <c r="E15" s="26"/>
      <c r="F15" s="45"/>
      <c r="G15" s="45"/>
      <c r="H15" s="167"/>
      <c r="I15" s="168"/>
      <c r="J15" s="43"/>
      <c r="M15" s="9"/>
      <c r="N15" s="105"/>
      <c r="O15" s="131"/>
      <c r="P15" s="15"/>
      <c r="Q15" s="13"/>
      <c r="R15" s="26"/>
      <c r="S15" s="45"/>
      <c r="T15" s="45"/>
      <c r="U15" s="167"/>
      <c r="V15" s="168"/>
      <c r="W15" s="9"/>
      <c r="Z15" s="9"/>
      <c r="AA15" s="105"/>
      <c r="AB15" s="131"/>
      <c r="AC15" s="15"/>
      <c r="AD15" s="13"/>
      <c r="AE15" s="26"/>
      <c r="AF15" s="45"/>
      <c r="AG15" s="45"/>
      <c r="AH15" s="167"/>
      <c r="AI15" s="168"/>
      <c r="AJ15" s="9"/>
      <c r="AM15" s="9"/>
      <c r="AN15" s="105"/>
      <c r="AO15" s="131"/>
      <c r="AP15" s="15"/>
      <c r="AQ15" s="13"/>
      <c r="AR15" s="26"/>
      <c r="AS15" s="45"/>
      <c r="AT15" s="45"/>
      <c r="AU15" s="167"/>
      <c r="AV15" s="168"/>
      <c r="AW15" s="9"/>
      <c r="AZ15" s="9"/>
      <c r="BA15" s="105"/>
      <c r="BB15" s="131"/>
      <c r="BC15" s="15"/>
      <c r="BD15" s="13"/>
      <c r="BE15" s="26"/>
      <c r="BF15" s="45"/>
      <c r="BG15" s="45"/>
      <c r="BH15" s="167"/>
      <c r="BI15" s="168"/>
      <c r="BJ15" s="9"/>
      <c r="BM15" s="9"/>
      <c r="BN15" s="105"/>
      <c r="BO15" s="131"/>
      <c r="BP15" s="15"/>
      <c r="BQ15" s="13"/>
      <c r="BR15" s="26"/>
      <c r="BS15" s="45"/>
      <c r="BT15" s="45"/>
      <c r="BU15" s="167"/>
      <c r="BV15" s="168"/>
      <c r="BW15" s="9"/>
      <c r="BZ15" s="9"/>
      <c r="CA15" s="105"/>
      <c r="CB15" s="131"/>
      <c r="CC15" s="15"/>
      <c r="CD15" s="13"/>
      <c r="CE15" s="26"/>
      <c r="CF15" s="45"/>
      <c r="CG15" s="45"/>
      <c r="CH15" s="167"/>
      <c r="CI15" s="168"/>
      <c r="CJ15" s="9"/>
      <c r="CM15" s="9"/>
      <c r="CN15" s="105"/>
      <c r="CO15" s="131"/>
      <c r="CP15" s="15"/>
      <c r="CQ15" s="13"/>
      <c r="CR15" s="26"/>
      <c r="CS15" s="45"/>
      <c r="CT15" s="45"/>
      <c r="CU15" s="167"/>
      <c r="CV15" s="168"/>
      <c r="CW15" s="9"/>
      <c r="CZ15" s="9"/>
      <c r="DA15" s="105"/>
      <c r="DB15" s="131"/>
      <c r="DC15" s="15"/>
      <c r="DD15" s="13"/>
      <c r="DE15" s="26"/>
      <c r="DF15" s="45"/>
      <c r="DG15" s="45"/>
      <c r="DH15" s="167"/>
      <c r="DI15" s="168"/>
      <c r="DJ15" s="9"/>
      <c r="DM15" s="9"/>
      <c r="DN15" s="105"/>
      <c r="DO15" s="131"/>
      <c r="DP15" s="15"/>
      <c r="DQ15" s="13"/>
      <c r="DR15" s="26"/>
      <c r="DS15" s="45"/>
      <c r="DT15" s="45"/>
      <c r="DU15" s="167"/>
      <c r="DV15" s="168"/>
      <c r="DW15" s="9"/>
      <c r="DZ15" s="9"/>
      <c r="EA15" s="105"/>
      <c r="EB15" s="131"/>
      <c r="EC15" s="15"/>
      <c r="ED15" s="13"/>
      <c r="EE15" s="26"/>
      <c r="EF15" s="45"/>
      <c r="EG15" s="45"/>
      <c r="EH15" s="167"/>
      <c r="EI15" s="168"/>
      <c r="EJ15" s="9"/>
      <c r="EM15" s="9"/>
      <c r="EN15" s="105"/>
      <c r="EO15" s="131"/>
      <c r="EP15" s="15"/>
      <c r="EQ15" s="13"/>
      <c r="ER15" s="26"/>
      <c r="ES15" s="45"/>
      <c r="ET15" s="45"/>
      <c r="EU15" s="167"/>
      <c r="EV15" s="168"/>
      <c r="EW15" s="9"/>
      <c r="EZ15" s="9"/>
      <c r="FA15" s="105"/>
      <c r="FB15" s="131"/>
      <c r="FC15" s="15"/>
      <c r="FD15" s="13"/>
      <c r="FE15" s="26"/>
      <c r="FF15" s="45"/>
      <c r="FG15" s="45"/>
      <c r="FH15" s="167"/>
      <c r="FI15" s="168"/>
      <c r="FJ15" s="9"/>
      <c r="FM15" s="9"/>
      <c r="FN15" s="105"/>
      <c r="FO15" s="131"/>
      <c r="FP15" s="15"/>
      <c r="FQ15" s="13"/>
      <c r="FR15" s="26"/>
      <c r="FS15" s="45"/>
      <c r="FT15" s="45"/>
      <c r="FU15" s="167"/>
      <c r="FV15" s="168"/>
      <c r="FW15" s="9"/>
      <c r="FZ15" s="9"/>
      <c r="GA15" s="105"/>
      <c r="GB15" s="131"/>
      <c r="GC15" s="15"/>
      <c r="GD15" s="13"/>
      <c r="GE15" s="25"/>
      <c r="GF15" s="45"/>
      <c r="GG15" s="45"/>
      <c r="GH15" s="167"/>
      <c r="GI15" s="168"/>
      <c r="GJ15" s="9"/>
      <c r="GM15" s="9"/>
      <c r="GN15" s="105"/>
      <c r="GO15" s="131"/>
      <c r="GP15" s="15"/>
      <c r="GQ15" s="13"/>
      <c r="GR15" s="25"/>
      <c r="GS15" s="45"/>
      <c r="GT15" s="45"/>
      <c r="GU15" s="167"/>
      <c r="GV15" s="168"/>
      <c r="GW15" s="9"/>
      <c r="GZ15" s="9"/>
      <c r="HA15" s="105"/>
      <c r="HB15" s="131"/>
      <c r="HC15" s="15"/>
      <c r="HD15" s="13"/>
      <c r="HE15" s="26"/>
      <c r="HF15" s="45"/>
      <c r="HG15" s="45"/>
      <c r="HH15" s="167"/>
      <c r="HI15" s="168"/>
      <c r="HJ15" s="9"/>
      <c r="HM15" s="9"/>
      <c r="HN15" s="105"/>
      <c r="HO15" s="131"/>
      <c r="HP15" s="15"/>
      <c r="HQ15" s="13"/>
      <c r="HR15" s="25"/>
      <c r="HS15" s="45"/>
      <c r="HT15" s="45"/>
      <c r="HU15" s="167"/>
      <c r="HV15" s="168"/>
      <c r="HW15" s="9"/>
      <c r="HZ15" s="9"/>
      <c r="IA15" s="105"/>
      <c r="IB15" s="131"/>
      <c r="IC15" s="15"/>
      <c r="ID15" s="13"/>
      <c r="IE15" s="25"/>
      <c r="IF15" s="45"/>
      <c r="IG15" s="45"/>
      <c r="IH15" s="167"/>
      <c r="II15" s="168"/>
      <c r="IJ15" s="9"/>
      <c r="IM15" s="9"/>
      <c r="IN15" s="105"/>
      <c r="IO15" s="131"/>
      <c r="IP15" s="15"/>
      <c r="IQ15" s="13"/>
      <c r="IR15" s="25"/>
      <c r="IS15" s="45"/>
      <c r="IT15" s="45"/>
      <c r="IU15" s="167"/>
      <c r="IV15" s="168"/>
      <c r="IW15" s="9"/>
      <c r="IZ15" s="9"/>
      <c r="JA15" s="105"/>
      <c r="JB15" s="131"/>
      <c r="JC15" s="15"/>
      <c r="JD15" s="13"/>
      <c r="JE15" s="25"/>
      <c r="JF15" s="45"/>
      <c r="JG15" s="45"/>
      <c r="JH15" s="167"/>
      <c r="JI15" s="168"/>
      <c r="JJ15" s="9"/>
      <c r="JM15" s="9"/>
      <c r="JN15" s="105"/>
      <c r="JO15" s="131"/>
      <c r="JP15" s="15"/>
      <c r="JQ15" s="13"/>
      <c r="JR15" s="25"/>
      <c r="JS15" s="45"/>
      <c r="JT15" s="45"/>
      <c r="JU15" s="167"/>
      <c r="JV15" s="168"/>
      <c r="JW15" s="9"/>
      <c r="JZ15" s="9"/>
      <c r="KA15" s="105"/>
      <c r="KB15" s="131"/>
      <c r="KC15" s="15"/>
      <c r="KD15" s="13"/>
      <c r="KE15" s="25"/>
      <c r="KF15" s="45"/>
      <c r="KG15" s="45"/>
      <c r="KH15" s="167"/>
      <c r="KI15" s="168"/>
      <c r="KJ15" s="9"/>
      <c r="KM15" s="9"/>
      <c r="KN15" s="105"/>
      <c r="KO15" s="131"/>
      <c r="KP15" s="15"/>
      <c r="KQ15" s="13"/>
      <c r="KR15" s="25"/>
      <c r="KS15" s="45"/>
      <c r="KT15" s="45"/>
      <c r="KU15" s="167"/>
      <c r="KV15" s="168"/>
      <c r="KW15" s="9"/>
      <c r="KZ15" s="9"/>
      <c r="LA15" s="105"/>
      <c r="LB15" s="131"/>
      <c r="LC15" s="15"/>
      <c r="LD15" s="13"/>
      <c r="LE15" s="25"/>
      <c r="LF15" s="45"/>
      <c r="LG15" s="45"/>
      <c r="LH15" s="167"/>
      <c r="LI15" s="168"/>
      <c r="LJ15" s="9"/>
      <c r="LM15" s="9"/>
      <c r="LN15" s="105"/>
      <c r="LO15" s="131"/>
      <c r="LP15" s="15"/>
      <c r="LQ15" s="13"/>
      <c r="LR15" s="25"/>
      <c r="LS15" s="45"/>
      <c r="LT15" s="45"/>
      <c r="LU15" s="167"/>
      <c r="LV15" s="168"/>
      <c r="LW15" s="9"/>
      <c r="LZ15" s="9"/>
      <c r="MA15" s="105"/>
      <c r="MB15" s="131"/>
      <c r="MC15" s="15"/>
      <c r="MD15" s="13"/>
      <c r="ME15" s="25"/>
      <c r="MF15" s="45"/>
      <c r="MG15" s="45"/>
      <c r="MH15" s="167"/>
      <c r="MI15" s="168"/>
      <c r="MJ15" s="9"/>
      <c r="MM15" s="9"/>
      <c r="MN15" s="105"/>
      <c r="MO15" s="131"/>
      <c r="MP15" s="15"/>
      <c r="MQ15" s="13"/>
      <c r="MR15" s="25"/>
      <c r="MS15" s="45"/>
      <c r="MT15" s="45"/>
      <c r="MU15" s="167"/>
      <c r="MV15" s="168"/>
      <c r="MW15" s="9"/>
      <c r="MZ15" s="9"/>
      <c r="NA15" s="105"/>
      <c r="NB15" s="131" t="str">
        <f t="shared" si="0"/>
        <v/>
      </c>
      <c r="NC15" s="15" t="str">
        <f>IF(NC14="","",IF(NC14='（参考）【別紙２】'!$E$35,"",IF(MONTH(NC14)=MONTH(NC14+1),NC14+1,"")))</f>
        <v/>
      </c>
      <c r="ND15" s="13" t="str">
        <f>IF(COUNTIF(祝日一覧!$E$2:$E$142,NC15),"○",IF(NG15&lt;&gt;"","○",""))</f>
        <v/>
      </c>
      <c r="NE15" s="25"/>
      <c r="NF15" s="45" t="str">
        <f>IF(OR(NB15="土",NB15="日"),IF(ND15="○","","○"),"")</f>
        <v/>
      </c>
      <c r="NG15" s="45"/>
      <c r="NH15" s="167"/>
      <c r="NI15" s="168"/>
      <c r="NJ15" s="9"/>
      <c r="NM15" s="9"/>
      <c r="NN15" s="105"/>
      <c r="NO15" s="131"/>
      <c r="NP15" s="15"/>
      <c r="NQ15" s="13"/>
      <c r="NR15" s="25"/>
      <c r="NS15" s="45"/>
      <c r="NT15" s="45"/>
      <c r="NU15" s="167"/>
      <c r="NV15" s="168"/>
      <c r="NW15" s="9"/>
      <c r="NZ15" s="9"/>
      <c r="OA15" s="105"/>
      <c r="OB15" s="131"/>
      <c r="OC15" s="15"/>
      <c r="OD15" s="13"/>
      <c r="OE15" s="25"/>
      <c r="OF15" s="45"/>
      <c r="OG15" s="45"/>
      <c r="OH15" s="167"/>
      <c r="OI15" s="168"/>
      <c r="OJ15" s="9"/>
      <c r="OM15" s="9"/>
      <c r="ON15" s="105"/>
      <c r="OO15" s="131"/>
      <c r="OP15" s="15"/>
      <c r="OQ15" s="13"/>
      <c r="OR15" s="25"/>
      <c r="OS15" s="45"/>
      <c r="OT15" s="45"/>
      <c r="OU15" s="167"/>
      <c r="OV15" s="168"/>
      <c r="OW15" s="9"/>
      <c r="OZ15" s="9"/>
      <c r="PA15" s="105"/>
      <c r="PB15" s="131"/>
      <c r="PC15" s="15"/>
      <c r="PD15" s="13"/>
      <c r="PE15" s="25"/>
      <c r="PF15" s="45"/>
      <c r="PG15" s="45"/>
      <c r="PH15" s="167"/>
      <c r="PI15" s="168"/>
      <c r="PJ15" s="9"/>
      <c r="PM15" s="9"/>
      <c r="PN15" s="105"/>
      <c r="PO15" s="131"/>
      <c r="PP15" s="15"/>
      <c r="PQ15" s="13"/>
      <c r="PR15" s="25"/>
      <c r="PS15" s="45"/>
      <c r="PT15" s="45"/>
      <c r="PU15" s="167"/>
      <c r="PV15" s="168"/>
      <c r="PW15" s="9"/>
      <c r="PZ15" s="9"/>
      <c r="QA15" s="105"/>
      <c r="QB15" s="131"/>
      <c r="QC15" s="15"/>
      <c r="QD15" s="13"/>
      <c r="QE15" s="25"/>
      <c r="QF15" s="45"/>
      <c r="QG15" s="45"/>
      <c r="QH15" s="167"/>
      <c r="QI15" s="168"/>
      <c r="QJ15" s="9"/>
      <c r="QM15" s="9"/>
      <c r="QN15" s="105"/>
      <c r="QO15" s="131"/>
      <c r="QP15" s="15"/>
      <c r="QQ15" s="13"/>
      <c r="QR15" s="25"/>
      <c r="QS15" s="45"/>
      <c r="QT15" s="45"/>
      <c r="QU15" s="167"/>
      <c r="QV15" s="168"/>
      <c r="QW15" s="9"/>
      <c r="QZ15" s="9"/>
      <c r="RA15" s="105"/>
      <c r="RB15" s="131"/>
      <c r="RC15" s="15"/>
      <c r="RD15" s="13"/>
      <c r="RE15" s="25"/>
      <c r="RF15" s="45"/>
      <c r="RG15" s="45"/>
      <c r="RH15" s="167"/>
      <c r="RI15" s="168"/>
      <c r="RJ15" s="9"/>
      <c r="RM15" s="9"/>
      <c r="RN15" s="105"/>
      <c r="RO15" s="131"/>
      <c r="RP15" s="15"/>
      <c r="RQ15" s="13"/>
      <c r="RR15" s="25"/>
      <c r="RS15" s="45"/>
      <c r="RT15" s="45"/>
      <c r="RU15" s="167"/>
      <c r="RV15" s="168"/>
      <c r="RW15" s="9"/>
      <c r="RZ15" s="9"/>
      <c r="SA15" s="105"/>
      <c r="SB15" s="131"/>
      <c r="SC15" s="15"/>
      <c r="SD15" s="13"/>
      <c r="SE15" s="25"/>
      <c r="SF15" s="45"/>
      <c r="SG15" s="45"/>
      <c r="SH15" s="167"/>
      <c r="SI15" s="168"/>
      <c r="SJ15" s="9"/>
      <c r="SM15" s="9"/>
    </row>
    <row r="16" spans="1:507" ht="15.6" customHeight="1">
      <c r="A16" s="9"/>
      <c r="B16" s="131"/>
      <c r="C16" s="15"/>
      <c r="D16" s="13"/>
      <c r="E16" s="26"/>
      <c r="F16" s="45"/>
      <c r="G16" s="45"/>
      <c r="H16" s="167"/>
      <c r="I16" s="168"/>
      <c r="J16" s="43"/>
      <c r="M16" s="9"/>
      <c r="N16" s="9"/>
      <c r="O16" s="131"/>
      <c r="P16" s="15"/>
      <c r="Q16" s="13"/>
      <c r="R16" s="25"/>
      <c r="S16" s="45"/>
      <c r="T16" s="45"/>
      <c r="U16" s="167"/>
      <c r="V16" s="168"/>
      <c r="W16" s="9"/>
      <c r="Z16" s="9"/>
      <c r="AA16" s="9"/>
      <c r="AB16" s="131"/>
      <c r="AC16" s="15"/>
      <c r="AD16" s="13"/>
      <c r="AE16" s="26"/>
      <c r="AF16" s="45"/>
      <c r="AG16" s="45"/>
      <c r="AH16" s="167"/>
      <c r="AI16" s="168"/>
      <c r="AJ16" s="9"/>
      <c r="AM16" s="9"/>
      <c r="AN16" s="9"/>
      <c r="AO16" s="131"/>
      <c r="AP16" s="15"/>
      <c r="AQ16" s="13"/>
      <c r="AR16" s="26"/>
      <c r="AS16" s="45"/>
      <c r="AT16" s="45"/>
      <c r="AU16" s="167"/>
      <c r="AV16" s="168"/>
      <c r="AW16" s="9"/>
      <c r="AZ16" s="9"/>
      <c r="BA16" s="9"/>
      <c r="BB16" s="131"/>
      <c r="BC16" s="15"/>
      <c r="BD16" s="13"/>
      <c r="BE16" s="26"/>
      <c r="BF16" s="45"/>
      <c r="BG16" s="45"/>
      <c r="BH16" s="167"/>
      <c r="BI16" s="168"/>
      <c r="BJ16" s="9"/>
      <c r="BM16" s="9"/>
      <c r="BN16" s="9"/>
      <c r="BO16" s="131"/>
      <c r="BP16" s="15"/>
      <c r="BQ16" s="13"/>
      <c r="BR16" s="26"/>
      <c r="BS16" s="45"/>
      <c r="BT16" s="45"/>
      <c r="BU16" s="167"/>
      <c r="BV16" s="168"/>
      <c r="BW16" s="9"/>
      <c r="BZ16" s="9"/>
      <c r="CA16" s="9"/>
      <c r="CB16" s="131"/>
      <c r="CC16" s="15"/>
      <c r="CD16" s="13"/>
      <c r="CE16" s="26"/>
      <c r="CF16" s="45"/>
      <c r="CG16" s="45"/>
      <c r="CH16" s="167"/>
      <c r="CI16" s="168"/>
      <c r="CJ16" s="9"/>
      <c r="CM16" s="9"/>
      <c r="CN16" s="9"/>
      <c r="CO16" s="131"/>
      <c r="CP16" s="15"/>
      <c r="CQ16" s="13"/>
      <c r="CR16" s="26"/>
      <c r="CS16" s="45"/>
      <c r="CT16" s="45"/>
      <c r="CU16" s="167"/>
      <c r="CV16" s="168"/>
      <c r="CW16" s="9"/>
      <c r="CZ16" s="9"/>
      <c r="DA16" s="9"/>
      <c r="DB16" s="131"/>
      <c r="DC16" s="15"/>
      <c r="DD16" s="13"/>
      <c r="DE16" s="26"/>
      <c r="DF16" s="45"/>
      <c r="DG16" s="45"/>
      <c r="DH16" s="167"/>
      <c r="DI16" s="168"/>
      <c r="DJ16" s="9"/>
      <c r="DM16" s="9"/>
      <c r="DN16" s="9"/>
      <c r="DO16" s="131"/>
      <c r="DP16" s="15"/>
      <c r="DQ16" s="13"/>
      <c r="DR16" s="26"/>
      <c r="DS16" s="45"/>
      <c r="DT16" s="45"/>
      <c r="DU16" s="167"/>
      <c r="DV16" s="168"/>
      <c r="DW16" s="9"/>
      <c r="DZ16" s="9"/>
      <c r="EA16" s="9"/>
      <c r="EB16" s="131"/>
      <c r="EC16" s="15"/>
      <c r="ED16" s="13"/>
      <c r="EE16" s="26"/>
      <c r="EF16" s="45"/>
      <c r="EG16" s="45"/>
      <c r="EH16" s="167"/>
      <c r="EI16" s="168"/>
      <c r="EJ16" s="9"/>
      <c r="EM16" s="9"/>
      <c r="EN16" s="9"/>
      <c r="EO16" s="131"/>
      <c r="EP16" s="15"/>
      <c r="EQ16" s="13"/>
      <c r="ER16" s="26"/>
      <c r="ES16" s="45"/>
      <c r="ET16" s="45"/>
      <c r="EU16" s="167"/>
      <c r="EV16" s="168"/>
      <c r="EW16" s="9"/>
      <c r="EZ16" s="9"/>
      <c r="FA16" s="9"/>
      <c r="FB16" s="131"/>
      <c r="FC16" s="15"/>
      <c r="FD16" s="13"/>
      <c r="FE16" s="26"/>
      <c r="FF16" s="45"/>
      <c r="FG16" s="45"/>
      <c r="FH16" s="167"/>
      <c r="FI16" s="168"/>
      <c r="FJ16" s="9"/>
      <c r="FM16" s="9"/>
      <c r="FN16" s="9"/>
      <c r="FO16" s="131"/>
      <c r="FP16" s="15"/>
      <c r="FQ16" s="13"/>
      <c r="FR16" s="26"/>
      <c r="FS16" s="45"/>
      <c r="FT16" s="45"/>
      <c r="FU16" s="167"/>
      <c r="FV16" s="168"/>
      <c r="FW16" s="9"/>
      <c r="FZ16" s="9"/>
      <c r="GA16" s="9"/>
      <c r="GB16" s="131"/>
      <c r="GC16" s="15"/>
      <c r="GD16" s="13"/>
      <c r="GE16" s="25"/>
      <c r="GF16" s="45"/>
      <c r="GG16" s="45"/>
      <c r="GH16" s="167"/>
      <c r="GI16" s="168"/>
      <c r="GJ16" s="9"/>
      <c r="GM16" s="9"/>
      <c r="GN16" s="9"/>
      <c r="GO16" s="131"/>
      <c r="GP16" s="15"/>
      <c r="GQ16" s="13"/>
      <c r="GR16" s="25"/>
      <c r="GS16" s="45"/>
      <c r="GT16" s="45"/>
      <c r="GU16" s="167"/>
      <c r="GV16" s="168"/>
      <c r="GW16" s="9"/>
      <c r="GZ16" s="9"/>
      <c r="HA16" s="9"/>
      <c r="HB16" s="131"/>
      <c r="HC16" s="15"/>
      <c r="HD16" s="13"/>
      <c r="HE16" s="26"/>
      <c r="HF16" s="45"/>
      <c r="HG16" s="45"/>
      <c r="HH16" s="167"/>
      <c r="HI16" s="168"/>
      <c r="HJ16" s="9"/>
      <c r="HM16" s="9"/>
      <c r="HN16" s="9"/>
      <c r="HO16" s="131"/>
      <c r="HP16" s="15"/>
      <c r="HQ16" s="13"/>
      <c r="HR16" s="25"/>
      <c r="HS16" s="45"/>
      <c r="HT16" s="45"/>
      <c r="HU16" s="167"/>
      <c r="HV16" s="168"/>
      <c r="HW16" s="9"/>
      <c r="HZ16" s="9"/>
      <c r="IA16" s="9"/>
      <c r="IB16" s="131"/>
      <c r="IC16" s="15"/>
      <c r="ID16" s="13"/>
      <c r="IE16" s="25"/>
      <c r="IF16" s="45"/>
      <c r="IG16" s="45"/>
      <c r="IH16" s="167"/>
      <c r="II16" s="168"/>
      <c r="IJ16" s="9"/>
      <c r="IM16" s="9"/>
      <c r="IN16" s="9"/>
      <c r="IO16" s="131"/>
      <c r="IP16" s="15"/>
      <c r="IQ16" s="13"/>
      <c r="IR16" s="25"/>
      <c r="IS16" s="45"/>
      <c r="IT16" s="45"/>
      <c r="IU16" s="167"/>
      <c r="IV16" s="168"/>
      <c r="IW16" s="9"/>
      <c r="IZ16" s="9"/>
      <c r="JA16" s="9"/>
      <c r="JB16" s="131"/>
      <c r="JC16" s="15"/>
      <c r="JD16" s="13"/>
      <c r="JE16" s="25"/>
      <c r="JF16" s="45"/>
      <c r="JG16" s="45"/>
      <c r="JH16" s="167"/>
      <c r="JI16" s="168"/>
      <c r="JJ16" s="9"/>
      <c r="JM16" s="9"/>
      <c r="JN16" s="9"/>
      <c r="JO16" s="131"/>
      <c r="JP16" s="15"/>
      <c r="JQ16" s="13"/>
      <c r="JR16" s="25"/>
      <c r="JS16" s="45"/>
      <c r="JT16" s="45"/>
      <c r="JU16" s="167"/>
      <c r="JV16" s="168"/>
      <c r="JW16" s="9"/>
      <c r="JZ16" s="9"/>
      <c r="KA16" s="9"/>
      <c r="KB16" s="131"/>
      <c r="KC16" s="15"/>
      <c r="KD16" s="13"/>
      <c r="KE16" s="25"/>
      <c r="KF16" s="45"/>
      <c r="KG16" s="45"/>
      <c r="KH16" s="167"/>
      <c r="KI16" s="168"/>
      <c r="KJ16" s="9"/>
      <c r="KM16" s="9"/>
      <c r="KN16" s="9"/>
      <c r="KO16" s="131"/>
      <c r="KP16" s="15"/>
      <c r="KQ16" s="13"/>
      <c r="KR16" s="25"/>
      <c r="KS16" s="45"/>
      <c r="KT16" s="45"/>
      <c r="KU16" s="167"/>
      <c r="KV16" s="168"/>
      <c r="KW16" s="9"/>
      <c r="KZ16" s="9"/>
      <c r="LA16" s="9"/>
      <c r="LB16" s="131"/>
      <c r="LC16" s="15"/>
      <c r="LD16" s="13"/>
      <c r="LE16" s="25"/>
      <c r="LF16" s="45"/>
      <c r="LG16" s="45"/>
      <c r="LH16" s="167"/>
      <c r="LI16" s="168"/>
      <c r="LJ16" s="9"/>
      <c r="LM16" s="9"/>
      <c r="LN16" s="9"/>
      <c r="LO16" s="131"/>
      <c r="LP16" s="15"/>
      <c r="LQ16" s="13"/>
      <c r="LR16" s="25"/>
      <c r="LS16" s="45"/>
      <c r="LT16" s="45"/>
      <c r="LU16" s="167"/>
      <c r="LV16" s="168"/>
      <c r="LW16" s="9"/>
      <c r="LZ16" s="9"/>
      <c r="MA16" s="9"/>
      <c r="MB16" s="131"/>
      <c r="MC16" s="15"/>
      <c r="MD16" s="13"/>
      <c r="ME16" s="25"/>
      <c r="MF16" s="45"/>
      <c r="MG16" s="45"/>
      <c r="MH16" s="167"/>
      <c r="MI16" s="168"/>
      <c r="MJ16" s="9"/>
      <c r="MM16" s="9"/>
      <c r="MN16" s="9"/>
      <c r="MO16" s="131"/>
      <c r="MP16" s="15"/>
      <c r="MQ16" s="13"/>
      <c r="MR16" s="25"/>
      <c r="MS16" s="45"/>
      <c r="MT16" s="45"/>
      <c r="MU16" s="167"/>
      <c r="MV16" s="168"/>
      <c r="MW16" s="9"/>
      <c r="MZ16" s="9"/>
      <c r="NA16" s="9"/>
      <c r="NB16" s="131" t="str">
        <f t="shared" si="0"/>
        <v/>
      </c>
      <c r="NC16" s="15" t="str">
        <f>IF(NC15="","",IF(NC15='（参考）【別紙２】'!$E$35,"",IF(MONTH(NC15)=MONTH(NC15+1),NC15+1,"")))</f>
        <v/>
      </c>
      <c r="ND16" s="13" t="str">
        <f>IF(COUNTIF(祝日一覧!$E$2:$E$142,NC16),"○",IF(NG16&lt;&gt;"","○",""))</f>
        <v/>
      </c>
      <c r="NE16" s="25"/>
      <c r="NF16" s="45" t="str">
        <f t="shared" ref="NF16:NF46" si="2">IF(OR(NB16="土",NB16="日"),IF(ND16="○","","○"),"")</f>
        <v/>
      </c>
      <c r="NG16" s="45"/>
      <c r="NH16" s="167"/>
      <c r="NI16" s="168"/>
      <c r="NJ16" s="9"/>
      <c r="NM16" s="9"/>
      <c r="NN16" s="9"/>
      <c r="NO16" s="131"/>
      <c r="NP16" s="15"/>
      <c r="NQ16" s="13"/>
      <c r="NR16" s="25"/>
      <c r="NS16" s="45"/>
      <c r="NT16" s="45"/>
      <c r="NU16" s="167"/>
      <c r="NV16" s="168"/>
      <c r="NW16" s="9"/>
      <c r="NZ16" s="9"/>
      <c r="OA16" s="9"/>
      <c r="OB16" s="131"/>
      <c r="OC16" s="15"/>
      <c r="OD16" s="13"/>
      <c r="OE16" s="25"/>
      <c r="OF16" s="45"/>
      <c r="OG16" s="45"/>
      <c r="OH16" s="167"/>
      <c r="OI16" s="168"/>
      <c r="OJ16" s="9"/>
      <c r="OM16" s="9"/>
      <c r="ON16" s="9"/>
      <c r="OO16" s="131"/>
      <c r="OP16" s="15"/>
      <c r="OQ16" s="13"/>
      <c r="OR16" s="25"/>
      <c r="OS16" s="45"/>
      <c r="OT16" s="45"/>
      <c r="OU16" s="167"/>
      <c r="OV16" s="168"/>
      <c r="OW16" s="9"/>
      <c r="OZ16" s="9"/>
      <c r="PA16" s="9"/>
      <c r="PB16" s="131"/>
      <c r="PC16" s="15"/>
      <c r="PD16" s="13"/>
      <c r="PE16" s="25"/>
      <c r="PF16" s="45"/>
      <c r="PG16" s="45"/>
      <c r="PH16" s="167"/>
      <c r="PI16" s="168"/>
      <c r="PJ16" s="9"/>
      <c r="PM16" s="9"/>
      <c r="PN16" s="9"/>
      <c r="PO16" s="131"/>
      <c r="PP16" s="15"/>
      <c r="PQ16" s="13"/>
      <c r="PR16" s="25"/>
      <c r="PS16" s="45"/>
      <c r="PT16" s="45"/>
      <c r="PU16" s="167"/>
      <c r="PV16" s="168"/>
      <c r="PW16" s="9"/>
      <c r="PZ16" s="9"/>
      <c r="QA16" s="9"/>
      <c r="QB16" s="131"/>
      <c r="QC16" s="15"/>
      <c r="QD16" s="13"/>
      <c r="QE16" s="25"/>
      <c r="QF16" s="45"/>
      <c r="QG16" s="45"/>
      <c r="QH16" s="167"/>
      <c r="QI16" s="168"/>
      <c r="QJ16" s="9"/>
      <c r="QM16" s="9"/>
      <c r="QN16" s="9"/>
      <c r="QO16" s="131"/>
      <c r="QP16" s="15"/>
      <c r="QQ16" s="13"/>
      <c r="QR16" s="25"/>
      <c r="QS16" s="45"/>
      <c r="QT16" s="45"/>
      <c r="QU16" s="167"/>
      <c r="QV16" s="168"/>
      <c r="QW16" s="9"/>
      <c r="QZ16" s="9"/>
      <c r="RA16" s="9"/>
      <c r="RB16" s="131"/>
      <c r="RC16" s="15"/>
      <c r="RD16" s="13"/>
      <c r="RE16" s="25"/>
      <c r="RF16" s="45"/>
      <c r="RG16" s="45"/>
      <c r="RH16" s="167"/>
      <c r="RI16" s="168"/>
      <c r="RJ16" s="9"/>
      <c r="RM16" s="9"/>
      <c r="RN16" s="9"/>
      <c r="RO16" s="131"/>
      <c r="RP16" s="15"/>
      <c r="RQ16" s="13"/>
      <c r="RR16" s="25"/>
      <c r="RS16" s="45"/>
      <c r="RT16" s="45"/>
      <c r="RU16" s="167"/>
      <c r="RV16" s="168"/>
      <c r="RW16" s="9"/>
      <c r="RZ16" s="9"/>
      <c r="SA16" s="9"/>
      <c r="SB16" s="131"/>
      <c r="SC16" s="15"/>
      <c r="SD16" s="13"/>
      <c r="SE16" s="25"/>
      <c r="SF16" s="45"/>
      <c r="SG16" s="45"/>
      <c r="SH16" s="167"/>
      <c r="SI16" s="168"/>
      <c r="SJ16" s="9"/>
      <c r="SM16" s="9"/>
    </row>
    <row r="17" spans="1:507" ht="15.6" customHeight="1">
      <c r="A17" s="9"/>
      <c r="B17" s="131"/>
      <c r="C17" s="15"/>
      <c r="D17" s="13"/>
      <c r="E17" s="26"/>
      <c r="F17" s="45"/>
      <c r="G17" s="45"/>
      <c r="H17" s="167"/>
      <c r="I17" s="168"/>
      <c r="J17" s="43"/>
      <c r="K17" s="174" t="s">
        <v>93</v>
      </c>
      <c r="L17" s="175"/>
      <c r="M17" s="9"/>
      <c r="N17" s="9"/>
      <c r="O17" s="131"/>
      <c r="P17" s="15"/>
      <c r="Q17" s="13"/>
      <c r="R17" s="26"/>
      <c r="S17" s="45"/>
      <c r="T17" s="45"/>
      <c r="U17" s="167"/>
      <c r="V17" s="168"/>
      <c r="W17" s="9"/>
      <c r="X17" s="174" t="s">
        <v>93</v>
      </c>
      <c r="Y17" s="175"/>
      <c r="Z17" s="9"/>
      <c r="AA17" s="9"/>
      <c r="AB17" s="131"/>
      <c r="AC17" s="15"/>
      <c r="AD17" s="13"/>
      <c r="AE17" s="26"/>
      <c r="AF17" s="45"/>
      <c r="AG17" s="45"/>
      <c r="AH17" s="167"/>
      <c r="AI17" s="168"/>
      <c r="AJ17" s="9"/>
      <c r="AK17" s="174" t="s">
        <v>93</v>
      </c>
      <c r="AL17" s="175"/>
      <c r="AM17" s="9"/>
      <c r="AN17" s="9"/>
      <c r="AO17" s="131"/>
      <c r="AP17" s="15"/>
      <c r="AQ17" s="13"/>
      <c r="AR17" s="26"/>
      <c r="AS17" s="45"/>
      <c r="AT17" s="45"/>
      <c r="AU17" s="167"/>
      <c r="AV17" s="168"/>
      <c r="AW17" s="9"/>
      <c r="AX17" s="174" t="s">
        <v>93</v>
      </c>
      <c r="AY17" s="175"/>
      <c r="AZ17" s="9"/>
      <c r="BA17" s="9"/>
      <c r="BB17" s="131"/>
      <c r="BC17" s="15"/>
      <c r="BD17" s="13"/>
      <c r="BE17" s="26"/>
      <c r="BF17" s="45"/>
      <c r="BG17" s="45"/>
      <c r="BH17" s="167"/>
      <c r="BI17" s="168"/>
      <c r="BJ17" s="9"/>
      <c r="BK17" s="174" t="s">
        <v>93</v>
      </c>
      <c r="BL17" s="175"/>
      <c r="BM17" s="9"/>
      <c r="BN17" s="9"/>
      <c r="BO17" s="131"/>
      <c r="BP17" s="15"/>
      <c r="BQ17" s="13"/>
      <c r="BR17" s="26"/>
      <c r="BS17" s="45"/>
      <c r="BT17" s="45"/>
      <c r="BU17" s="167"/>
      <c r="BV17" s="168"/>
      <c r="BW17" s="9"/>
      <c r="BX17" s="174" t="s">
        <v>93</v>
      </c>
      <c r="BY17" s="175"/>
      <c r="BZ17" s="9"/>
      <c r="CA17" s="9"/>
      <c r="CB17" s="131"/>
      <c r="CC17" s="15"/>
      <c r="CD17" s="13"/>
      <c r="CE17" s="26"/>
      <c r="CF17" s="45"/>
      <c r="CG17" s="45"/>
      <c r="CH17" s="167"/>
      <c r="CI17" s="168"/>
      <c r="CJ17" s="9"/>
      <c r="CK17" s="174" t="s">
        <v>93</v>
      </c>
      <c r="CL17" s="175"/>
      <c r="CM17" s="9"/>
      <c r="CN17" s="9"/>
      <c r="CO17" s="131"/>
      <c r="CP17" s="15"/>
      <c r="CQ17" s="13"/>
      <c r="CR17" s="26"/>
      <c r="CS17" s="45"/>
      <c r="CT17" s="45"/>
      <c r="CU17" s="167"/>
      <c r="CV17" s="168"/>
      <c r="CW17" s="9"/>
      <c r="CX17" s="174" t="s">
        <v>93</v>
      </c>
      <c r="CY17" s="175"/>
      <c r="CZ17" s="9"/>
      <c r="DA17" s="9"/>
      <c r="DB17" s="131"/>
      <c r="DC17" s="15"/>
      <c r="DD17" s="13"/>
      <c r="DE17" s="26"/>
      <c r="DF17" s="45"/>
      <c r="DG17" s="45"/>
      <c r="DH17" s="167"/>
      <c r="DI17" s="168"/>
      <c r="DJ17" s="9"/>
      <c r="DK17" s="174" t="s">
        <v>93</v>
      </c>
      <c r="DL17" s="175"/>
      <c r="DM17" s="9"/>
      <c r="DN17" s="9"/>
      <c r="DO17" s="131"/>
      <c r="DP17" s="15"/>
      <c r="DQ17" s="13"/>
      <c r="DR17" s="26"/>
      <c r="DS17" s="45"/>
      <c r="DT17" s="45"/>
      <c r="DU17" s="167"/>
      <c r="DV17" s="168"/>
      <c r="DW17" s="9"/>
      <c r="DX17" s="174" t="s">
        <v>93</v>
      </c>
      <c r="DY17" s="175"/>
      <c r="DZ17" s="9"/>
      <c r="EA17" s="9"/>
      <c r="EB17" s="131"/>
      <c r="EC17" s="15"/>
      <c r="ED17" s="13"/>
      <c r="EE17" s="26"/>
      <c r="EF17" s="45"/>
      <c r="EG17" s="45"/>
      <c r="EH17" s="167"/>
      <c r="EI17" s="168"/>
      <c r="EJ17" s="9"/>
      <c r="EK17" s="174" t="s">
        <v>93</v>
      </c>
      <c r="EL17" s="175"/>
      <c r="EM17" s="9"/>
      <c r="EN17" s="9"/>
      <c r="EO17" s="131"/>
      <c r="EP17" s="15"/>
      <c r="EQ17" s="13"/>
      <c r="ER17" s="26"/>
      <c r="ES17" s="45"/>
      <c r="ET17" s="45"/>
      <c r="EU17" s="167"/>
      <c r="EV17" s="168"/>
      <c r="EW17" s="9"/>
      <c r="EX17" s="174" t="s">
        <v>93</v>
      </c>
      <c r="EY17" s="175"/>
      <c r="EZ17" s="9"/>
      <c r="FA17" s="9"/>
      <c r="FB17" s="131"/>
      <c r="FC17" s="15"/>
      <c r="FD17" s="13"/>
      <c r="FE17" s="26"/>
      <c r="FF17" s="45"/>
      <c r="FG17" s="45"/>
      <c r="FH17" s="167"/>
      <c r="FI17" s="168"/>
      <c r="FJ17" s="9"/>
      <c r="FK17" s="174" t="s">
        <v>93</v>
      </c>
      <c r="FL17" s="175"/>
      <c r="FM17" s="9"/>
      <c r="FN17" s="9"/>
      <c r="FO17" s="131"/>
      <c r="FP17" s="15"/>
      <c r="FQ17" s="13"/>
      <c r="FR17" s="26"/>
      <c r="FS17" s="45"/>
      <c r="FT17" s="45"/>
      <c r="FU17" s="167"/>
      <c r="FV17" s="168"/>
      <c r="FW17" s="9"/>
      <c r="FX17" s="174" t="s">
        <v>93</v>
      </c>
      <c r="FY17" s="175"/>
      <c r="FZ17" s="9"/>
      <c r="GA17" s="9"/>
      <c r="GB17" s="131"/>
      <c r="GC17" s="15"/>
      <c r="GD17" s="13"/>
      <c r="GE17" s="25"/>
      <c r="GF17" s="45"/>
      <c r="GG17" s="45"/>
      <c r="GH17" s="167"/>
      <c r="GI17" s="168"/>
      <c r="GJ17" s="9"/>
      <c r="GK17" s="174" t="s">
        <v>93</v>
      </c>
      <c r="GL17" s="175"/>
      <c r="GM17" s="9"/>
      <c r="GN17" s="9"/>
      <c r="GO17" s="131"/>
      <c r="GP17" s="15"/>
      <c r="GQ17" s="13"/>
      <c r="GR17" s="25"/>
      <c r="GS17" s="45"/>
      <c r="GT17" s="45"/>
      <c r="GU17" s="167"/>
      <c r="GV17" s="168"/>
      <c r="GW17" s="9"/>
      <c r="GX17" s="174" t="s">
        <v>93</v>
      </c>
      <c r="GY17" s="175"/>
      <c r="GZ17" s="9"/>
      <c r="HA17" s="9"/>
      <c r="HB17" s="131"/>
      <c r="HC17" s="15"/>
      <c r="HD17" s="13"/>
      <c r="HE17" s="26"/>
      <c r="HF17" s="45"/>
      <c r="HG17" s="45"/>
      <c r="HH17" s="167"/>
      <c r="HI17" s="168"/>
      <c r="HJ17" s="9"/>
      <c r="HK17" s="174" t="s">
        <v>93</v>
      </c>
      <c r="HL17" s="175"/>
      <c r="HM17" s="9"/>
      <c r="HN17" s="9"/>
      <c r="HO17" s="131"/>
      <c r="HP17" s="15"/>
      <c r="HQ17" s="13"/>
      <c r="HR17" s="25"/>
      <c r="HS17" s="45"/>
      <c r="HT17" s="45"/>
      <c r="HU17" s="167"/>
      <c r="HV17" s="168"/>
      <c r="HW17" s="9"/>
      <c r="HX17" s="174" t="s">
        <v>93</v>
      </c>
      <c r="HY17" s="175"/>
      <c r="HZ17" s="9"/>
      <c r="IA17" s="9"/>
      <c r="IB17" s="131"/>
      <c r="IC17" s="15"/>
      <c r="ID17" s="13"/>
      <c r="IE17" s="25"/>
      <c r="IF17" s="45"/>
      <c r="IG17" s="45"/>
      <c r="IH17" s="167"/>
      <c r="II17" s="168"/>
      <c r="IJ17" s="9"/>
      <c r="IK17" s="174" t="s">
        <v>93</v>
      </c>
      <c r="IL17" s="175"/>
      <c r="IM17" s="9"/>
      <c r="IN17" s="9"/>
      <c r="IO17" s="131"/>
      <c r="IP17" s="15"/>
      <c r="IQ17" s="13"/>
      <c r="IR17" s="25"/>
      <c r="IS17" s="45"/>
      <c r="IT17" s="45"/>
      <c r="IU17" s="167"/>
      <c r="IV17" s="168"/>
      <c r="IW17" s="9"/>
      <c r="IX17" s="174" t="s">
        <v>93</v>
      </c>
      <c r="IY17" s="175"/>
      <c r="IZ17" s="9"/>
      <c r="JA17" s="9"/>
      <c r="JB17" s="131"/>
      <c r="JC17" s="15"/>
      <c r="JD17" s="13"/>
      <c r="JE17" s="25"/>
      <c r="JF17" s="45"/>
      <c r="JG17" s="45"/>
      <c r="JH17" s="167"/>
      <c r="JI17" s="168"/>
      <c r="JJ17" s="9"/>
      <c r="JK17" s="174" t="s">
        <v>93</v>
      </c>
      <c r="JL17" s="175"/>
      <c r="JM17" s="9"/>
      <c r="JN17" s="9"/>
      <c r="JO17" s="131"/>
      <c r="JP17" s="15"/>
      <c r="JQ17" s="13"/>
      <c r="JR17" s="25"/>
      <c r="JS17" s="45"/>
      <c r="JT17" s="45"/>
      <c r="JU17" s="167"/>
      <c r="JV17" s="168"/>
      <c r="JW17" s="9"/>
      <c r="JX17" s="174" t="s">
        <v>93</v>
      </c>
      <c r="JY17" s="175"/>
      <c r="JZ17" s="9"/>
      <c r="KA17" s="9"/>
      <c r="KB17" s="131"/>
      <c r="KC17" s="15"/>
      <c r="KD17" s="13"/>
      <c r="KE17" s="25"/>
      <c r="KF17" s="45"/>
      <c r="KG17" s="45"/>
      <c r="KH17" s="167"/>
      <c r="KI17" s="168"/>
      <c r="KJ17" s="9"/>
      <c r="KK17" s="174" t="s">
        <v>93</v>
      </c>
      <c r="KL17" s="175"/>
      <c r="KM17" s="9"/>
      <c r="KN17" s="9"/>
      <c r="KO17" s="131"/>
      <c r="KP17" s="15"/>
      <c r="KQ17" s="13"/>
      <c r="KR17" s="25"/>
      <c r="KS17" s="45"/>
      <c r="KT17" s="45"/>
      <c r="KU17" s="167"/>
      <c r="KV17" s="168"/>
      <c r="KW17" s="9"/>
      <c r="KX17" s="174" t="s">
        <v>93</v>
      </c>
      <c r="KY17" s="175"/>
      <c r="KZ17" s="9"/>
      <c r="LA17" s="9"/>
      <c r="LB17" s="131"/>
      <c r="LC17" s="15"/>
      <c r="LD17" s="13"/>
      <c r="LE17" s="25"/>
      <c r="LF17" s="45"/>
      <c r="LG17" s="45"/>
      <c r="LH17" s="167"/>
      <c r="LI17" s="168"/>
      <c r="LJ17" s="9"/>
      <c r="LK17" s="174" t="s">
        <v>93</v>
      </c>
      <c r="LL17" s="175"/>
      <c r="LM17" s="9"/>
      <c r="LN17" s="9"/>
      <c r="LO17" s="131"/>
      <c r="LP17" s="15"/>
      <c r="LQ17" s="13"/>
      <c r="LR17" s="25"/>
      <c r="LS17" s="45"/>
      <c r="LT17" s="45"/>
      <c r="LU17" s="167"/>
      <c r="LV17" s="168"/>
      <c r="LW17" s="9"/>
      <c r="LX17" s="174" t="s">
        <v>93</v>
      </c>
      <c r="LY17" s="175"/>
      <c r="LZ17" s="9"/>
      <c r="MA17" s="9"/>
      <c r="MB17" s="131"/>
      <c r="MC17" s="15"/>
      <c r="MD17" s="13"/>
      <c r="ME17" s="25"/>
      <c r="MF17" s="45"/>
      <c r="MG17" s="45"/>
      <c r="MH17" s="167"/>
      <c r="MI17" s="168"/>
      <c r="MJ17" s="9"/>
      <c r="MK17" s="174" t="s">
        <v>93</v>
      </c>
      <c r="ML17" s="175"/>
      <c r="MM17" s="9"/>
      <c r="MN17" s="9"/>
      <c r="MO17" s="131"/>
      <c r="MP17" s="15"/>
      <c r="MQ17" s="13"/>
      <c r="MR17" s="25"/>
      <c r="MS17" s="45"/>
      <c r="MT17" s="45"/>
      <c r="MU17" s="167"/>
      <c r="MV17" s="168"/>
      <c r="MW17" s="9"/>
      <c r="MX17" s="174" t="s">
        <v>93</v>
      </c>
      <c r="MY17" s="175"/>
      <c r="MZ17" s="9"/>
      <c r="NA17" s="9"/>
      <c r="NB17" s="131" t="str">
        <f t="shared" si="0"/>
        <v/>
      </c>
      <c r="NC17" s="15" t="str">
        <f>IF(NC16="","",IF(NC16='（参考）【別紙２】'!$E$35,"",IF(MONTH(NC16)=MONTH(NC16+1),NC16+1,"")))</f>
        <v/>
      </c>
      <c r="ND17" s="13" t="str">
        <f>IF(COUNTIF(祝日一覧!$E$2:$E$142,NC17),"○",IF(NG17&lt;&gt;"","○",""))</f>
        <v/>
      </c>
      <c r="NE17" s="25"/>
      <c r="NF17" s="45" t="str">
        <f t="shared" si="2"/>
        <v/>
      </c>
      <c r="NG17" s="45"/>
      <c r="NH17" s="167"/>
      <c r="NI17" s="168"/>
      <c r="NJ17" s="9"/>
      <c r="NK17" s="174" t="s">
        <v>93</v>
      </c>
      <c r="NL17" s="175"/>
      <c r="NM17" s="9"/>
      <c r="NN17" s="9"/>
      <c r="NO17" s="131"/>
      <c r="NP17" s="15"/>
      <c r="NQ17" s="13"/>
      <c r="NR17" s="25"/>
      <c r="NS17" s="45"/>
      <c r="NT17" s="45"/>
      <c r="NU17" s="167"/>
      <c r="NV17" s="168"/>
      <c r="NW17" s="9"/>
      <c r="NX17" s="174" t="s">
        <v>93</v>
      </c>
      <c r="NY17" s="175"/>
      <c r="NZ17" s="9"/>
      <c r="OA17" s="9"/>
      <c r="OB17" s="131"/>
      <c r="OC17" s="15"/>
      <c r="OD17" s="13"/>
      <c r="OE17" s="25"/>
      <c r="OF17" s="45"/>
      <c r="OG17" s="45"/>
      <c r="OH17" s="167"/>
      <c r="OI17" s="168"/>
      <c r="OJ17" s="9"/>
      <c r="OK17" s="174" t="s">
        <v>93</v>
      </c>
      <c r="OL17" s="175"/>
      <c r="OM17" s="9"/>
      <c r="ON17" s="9"/>
      <c r="OO17" s="131"/>
      <c r="OP17" s="15"/>
      <c r="OQ17" s="13"/>
      <c r="OR17" s="25"/>
      <c r="OS17" s="45"/>
      <c r="OT17" s="45"/>
      <c r="OU17" s="167"/>
      <c r="OV17" s="168"/>
      <c r="OW17" s="9"/>
      <c r="OX17" s="174" t="s">
        <v>93</v>
      </c>
      <c r="OY17" s="175"/>
      <c r="OZ17" s="9"/>
      <c r="PA17" s="9"/>
      <c r="PB17" s="131"/>
      <c r="PC17" s="15"/>
      <c r="PD17" s="13"/>
      <c r="PE17" s="25"/>
      <c r="PF17" s="45"/>
      <c r="PG17" s="45"/>
      <c r="PH17" s="167"/>
      <c r="PI17" s="168"/>
      <c r="PJ17" s="9"/>
      <c r="PK17" s="174" t="s">
        <v>93</v>
      </c>
      <c r="PL17" s="175"/>
      <c r="PM17" s="9"/>
      <c r="PN17" s="9"/>
      <c r="PO17" s="131"/>
      <c r="PP17" s="15"/>
      <c r="PQ17" s="13"/>
      <c r="PR17" s="25"/>
      <c r="PS17" s="45"/>
      <c r="PT17" s="45"/>
      <c r="PU17" s="167"/>
      <c r="PV17" s="168"/>
      <c r="PW17" s="9"/>
      <c r="PX17" s="174" t="s">
        <v>93</v>
      </c>
      <c r="PY17" s="175"/>
      <c r="PZ17" s="9"/>
      <c r="QA17" s="9"/>
      <c r="QB17" s="131"/>
      <c r="QC17" s="15"/>
      <c r="QD17" s="13"/>
      <c r="QE17" s="25"/>
      <c r="QF17" s="45"/>
      <c r="QG17" s="45"/>
      <c r="QH17" s="167"/>
      <c r="QI17" s="168"/>
      <c r="QJ17" s="9"/>
      <c r="QK17" s="174" t="s">
        <v>93</v>
      </c>
      <c r="QL17" s="175"/>
      <c r="QM17" s="9"/>
      <c r="QN17" s="9"/>
      <c r="QO17" s="131"/>
      <c r="QP17" s="15"/>
      <c r="QQ17" s="13"/>
      <c r="QR17" s="25"/>
      <c r="QS17" s="45"/>
      <c r="QT17" s="45"/>
      <c r="QU17" s="167"/>
      <c r="QV17" s="168"/>
      <c r="QW17" s="9"/>
      <c r="QX17" s="174" t="s">
        <v>93</v>
      </c>
      <c r="QY17" s="175"/>
      <c r="QZ17" s="9"/>
      <c r="RA17" s="9"/>
      <c r="RB17" s="131"/>
      <c r="RC17" s="15"/>
      <c r="RD17" s="13"/>
      <c r="RE17" s="25"/>
      <c r="RF17" s="45"/>
      <c r="RG17" s="45"/>
      <c r="RH17" s="167"/>
      <c r="RI17" s="168"/>
      <c r="RJ17" s="9"/>
      <c r="RK17" s="174" t="s">
        <v>93</v>
      </c>
      <c r="RL17" s="175"/>
      <c r="RM17" s="9"/>
      <c r="RN17" s="9"/>
      <c r="RO17" s="131"/>
      <c r="RP17" s="15"/>
      <c r="RQ17" s="13"/>
      <c r="RR17" s="25"/>
      <c r="RS17" s="45"/>
      <c r="RT17" s="45"/>
      <c r="RU17" s="167"/>
      <c r="RV17" s="168"/>
      <c r="RW17" s="9"/>
      <c r="RX17" s="174" t="s">
        <v>93</v>
      </c>
      <c r="RY17" s="175"/>
      <c r="RZ17" s="9"/>
      <c r="SA17" s="9"/>
      <c r="SB17" s="131"/>
      <c r="SC17" s="15"/>
      <c r="SD17" s="13"/>
      <c r="SE17" s="25"/>
      <c r="SF17" s="45"/>
      <c r="SG17" s="45"/>
      <c r="SH17" s="167"/>
      <c r="SI17" s="168"/>
      <c r="SJ17" s="9"/>
      <c r="SK17" s="174" t="s">
        <v>93</v>
      </c>
      <c r="SL17" s="175"/>
      <c r="SM17" s="9"/>
    </row>
    <row r="18" spans="1:507" ht="15.6" customHeight="1">
      <c r="A18" s="9"/>
      <c r="B18" s="131"/>
      <c r="C18" s="15"/>
      <c r="D18" s="13"/>
      <c r="E18" s="26"/>
      <c r="F18" s="45"/>
      <c r="G18" s="45"/>
      <c r="H18" s="167"/>
      <c r="I18" s="168"/>
      <c r="J18" s="43"/>
      <c r="K18" s="175"/>
      <c r="L18" s="175"/>
      <c r="M18" s="9"/>
      <c r="N18" s="9"/>
      <c r="O18" s="131"/>
      <c r="P18" s="15"/>
      <c r="Q18" s="13"/>
      <c r="R18" s="26"/>
      <c r="S18" s="45"/>
      <c r="T18" s="45"/>
      <c r="U18" s="167"/>
      <c r="V18" s="168"/>
      <c r="W18" s="9"/>
      <c r="X18" s="175"/>
      <c r="Y18" s="175"/>
      <c r="Z18" s="9"/>
      <c r="AA18" s="9"/>
      <c r="AB18" s="131"/>
      <c r="AC18" s="15"/>
      <c r="AD18" s="13"/>
      <c r="AE18" s="26"/>
      <c r="AF18" s="45"/>
      <c r="AG18" s="45"/>
      <c r="AH18" s="167"/>
      <c r="AI18" s="168"/>
      <c r="AJ18" s="9"/>
      <c r="AK18" s="175"/>
      <c r="AL18" s="175"/>
      <c r="AM18" s="9"/>
      <c r="AN18" s="9"/>
      <c r="AO18" s="131"/>
      <c r="AP18" s="15"/>
      <c r="AQ18" s="13"/>
      <c r="AR18" s="26"/>
      <c r="AS18" s="45"/>
      <c r="AT18" s="45"/>
      <c r="AU18" s="167"/>
      <c r="AV18" s="168"/>
      <c r="AW18" s="9"/>
      <c r="AX18" s="175"/>
      <c r="AY18" s="175"/>
      <c r="AZ18" s="9"/>
      <c r="BA18" s="9"/>
      <c r="BB18" s="131"/>
      <c r="BC18" s="15"/>
      <c r="BD18" s="13"/>
      <c r="BE18" s="26"/>
      <c r="BF18" s="45"/>
      <c r="BG18" s="45"/>
      <c r="BH18" s="167"/>
      <c r="BI18" s="168"/>
      <c r="BJ18" s="9"/>
      <c r="BK18" s="175"/>
      <c r="BL18" s="175"/>
      <c r="BM18" s="9"/>
      <c r="BN18" s="9"/>
      <c r="BO18" s="131"/>
      <c r="BP18" s="15"/>
      <c r="BQ18" s="13"/>
      <c r="BR18" s="26"/>
      <c r="BS18" s="45"/>
      <c r="BT18" s="45"/>
      <c r="BU18" s="167"/>
      <c r="BV18" s="168"/>
      <c r="BW18" s="9"/>
      <c r="BX18" s="175"/>
      <c r="BY18" s="175"/>
      <c r="BZ18" s="9"/>
      <c r="CA18" s="9"/>
      <c r="CB18" s="131"/>
      <c r="CC18" s="15"/>
      <c r="CD18" s="13"/>
      <c r="CE18" s="26"/>
      <c r="CF18" s="45"/>
      <c r="CG18" s="45"/>
      <c r="CH18" s="167"/>
      <c r="CI18" s="168"/>
      <c r="CJ18" s="9"/>
      <c r="CK18" s="175"/>
      <c r="CL18" s="175"/>
      <c r="CM18" s="9"/>
      <c r="CN18" s="9"/>
      <c r="CO18" s="131"/>
      <c r="CP18" s="15"/>
      <c r="CQ18" s="13"/>
      <c r="CR18" s="26"/>
      <c r="CS18" s="45"/>
      <c r="CT18" s="45"/>
      <c r="CU18" s="167"/>
      <c r="CV18" s="168"/>
      <c r="CW18" s="9"/>
      <c r="CX18" s="175"/>
      <c r="CY18" s="175"/>
      <c r="CZ18" s="9"/>
      <c r="DA18" s="9"/>
      <c r="DB18" s="131"/>
      <c r="DC18" s="15"/>
      <c r="DD18" s="13"/>
      <c r="DE18" s="26"/>
      <c r="DF18" s="45"/>
      <c r="DG18" s="45"/>
      <c r="DH18" s="167"/>
      <c r="DI18" s="168"/>
      <c r="DJ18" s="9"/>
      <c r="DK18" s="175"/>
      <c r="DL18" s="175"/>
      <c r="DM18" s="9"/>
      <c r="DN18" s="9"/>
      <c r="DO18" s="131"/>
      <c r="DP18" s="15"/>
      <c r="DQ18" s="13"/>
      <c r="DR18" s="26"/>
      <c r="DS18" s="45"/>
      <c r="DT18" s="45"/>
      <c r="DU18" s="167"/>
      <c r="DV18" s="168"/>
      <c r="DW18" s="9"/>
      <c r="DX18" s="175"/>
      <c r="DY18" s="175"/>
      <c r="DZ18" s="9"/>
      <c r="EA18" s="9"/>
      <c r="EB18" s="131"/>
      <c r="EC18" s="15"/>
      <c r="ED18" s="13"/>
      <c r="EE18" s="26"/>
      <c r="EF18" s="45"/>
      <c r="EG18" s="45"/>
      <c r="EH18" s="167"/>
      <c r="EI18" s="168"/>
      <c r="EJ18" s="9"/>
      <c r="EK18" s="175"/>
      <c r="EL18" s="175"/>
      <c r="EM18" s="9"/>
      <c r="EN18" s="9"/>
      <c r="EO18" s="131"/>
      <c r="EP18" s="15"/>
      <c r="EQ18" s="13"/>
      <c r="ER18" s="26"/>
      <c r="ES18" s="45"/>
      <c r="ET18" s="45"/>
      <c r="EU18" s="167"/>
      <c r="EV18" s="168"/>
      <c r="EW18" s="9"/>
      <c r="EX18" s="175"/>
      <c r="EY18" s="175"/>
      <c r="EZ18" s="9"/>
      <c r="FA18" s="9"/>
      <c r="FB18" s="131"/>
      <c r="FC18" s="15"/>
      <c r="FD18" s="13"/>
      <c r="FE18" s="26"/>
      <c r="FF18" s="45"/>
      <c r="FG18" s="45"/>
      <c r="FH18" s="167"/>
      <c r="FI18" s="168"/>
      <c r="FJ18" s="9"/>
      <c r="FK18" s="175"/>
      <c r="FL18" s="175"/>
      <c r="FM18" s="9"/>
      <c r="FN18" s="9"/>
      <c r="FO18" s="131"/>
      <c r="FP18" s="15"/>
      <c r="FQ18" s="13"/>
      <c r="FR18" s="26"/>
      <c r="FS18" s="45"/>
      <c r="FT18" s="45"/>
      <c r="FU18" s="167"/>
      <c r="FV18" s="168"/>
      <c r="FW18" s="9"/>
      <c r="FX18" s="175"/>
      <c r="FY18" s="175"/>
      <c r="FZ18" s="9"/>
      <c r="GA18" s="9"/>
      <c r="GB18" s="131"/>
      <c r="GC18" s="15"/>
      <c r="GD18" s="13"/>
      <c r="GE18" s="25"/>
      <c r="GF18" s="45"/>
      <c r="GG18" s="45"/>
      <c r="GH18" s="167"/>
      <c r="GI18" s="168"/>
      <c r="GJ18" s="9"/>
      <c r="GK18" s="175"/>
      <c r="GL18" s="175"/>
      <c r="GM18" s="9"/>
      <c r="GN18" s="9"/>
      <c r="GO18" s="131"/>
      <c r="GP18" s="15"/>
      <c r="GQ18" s="13"/>
      <c r="GR18" s="25"/>
      <c r="GS18" s="45"/>
      <c r="GT18" s="45"/>
      <c r="GU18" s="167"/>
      <c r="GV18" s="168"/>
      <c r="GW18" s="9"/>
      <c r="GX18" s="175"/>
      <c r="GY18" s="175"/>
      <c r="GZ18" s="9"/>
      <c r="HA18" s="9"/>
      <c r="HB18" s="131"/>
      <c r="HC18" s="15"/>
      <c r="HD18" s="13"/>
      <c r="HE18" s="26"/>
      <c r="HF18" s="45"/>
      <c r="HG18" s="45"/>
      <c r="HH18" s="167"/>
      <c r="HI18" s="168"/>
      <c r="HJ18" s="9"/>
      <c r="HK18" s="175"/>
      <c r="HL18" s="175"/>
      <c r="HM18" s="9"/>
      <c r="HN18" s="9"/>
      <c r="HO18" s="131"/>
      <c r="HP18" s="15"/>
      <c r="HQ18" s="13"/>
      <c r="HR18" s="25"/>
      <c r="HS18" s="45"/>
      <c r="HT18" s="45"/>
      <c r="HU18" s="167"/>
      <c r="HV18" s="168"/>
      <c r="HW18" s="9"/>
      <c r="HX18" s="175"/>
      <c r="HY18" s="175"/>
      <c r="HZ18" s="9"/>
      <c r="IA18" s="9"/>
      <c r="IB18" s="131"/>
      <c r="IC18" s="15"/>
      <c r="ID18" s="13"/>
      <c r="IE18" s="25"/>
      <c r="IF18" s="45"/>
      <c r="IG18" s="45"/>
      <c r="IH18" s="167"/>
      <c r="II18" s="168"/>
      <c r="IJ18" s="9"/>
      <c r="IK18" s="175"/>
      <c r="IL18" s="175"/>
      <c r="IM18" s="9"/>
      <c r="IN18" s="9"/>
      <c r="IO18" s="131"/>
      <c r="IP18" s="15"/>
      <c r="IQ18" s="13"/>
      <c r="IR18" s="25"/>
      <c r="IS18" s="45"/>
      <c r="IT18" s="45"/>
      <c r="IU18" s="167"/>
      <c r="IV18" s="168"/>
      <c r="IW18" s="9"/>
      <c r="IX18" s="175"/>
      <c r="IY18" s="175"/>
      <c r="IZ18" s="9"/>
      <c r="JA18" s="9"/>
      <c r="JB18" s="131"/>
      <c r="JC18" s="15"/>
      <c r="JD18" s="13"/>
      <c r="JE18" s="25"/>
      <c r="JF18" s="45"/>
      <c r="JG18" s="45"/>
      <c r="JH18" s="167"/>
      <c r="JI18" s="168"/>
      <c r="JJ18" s="9"/>
      <c r="JK18" s="175"/>
      <c r="JL18" s="175"/>
      <c r="JM18" s="9"/>
      <c r="JN18" s="9"/>
      <c r="JO18" s="131"/>
      <c r="JP18" s="15"/>
      <c r="JQ18" s="13"/>
      <c r="JR18" s="25"/>
      <c r="JS18" s="45"/>
      <c r="JT18" s="45"/>
      <c r="JU18" s="167"/>
      <c r="JV18" s="168"/>
      <c r="JW18" s="9"/>
      <c r="JX18" s="175"/>
      <c r="JY18" s="175"/>
      <c r="JZ18" s="9"/>
      <c r="KA18" s="9"/>
      <c r="KB18" s="131"/>
      <c r="KC18" s="15"/>
      <c r="KD18" s="13"/>
      <c r="KE18" s="25"/>
      <c r="KF18" s="45"/>
      <c r="KG18" s="45"/>
      <c r="KH18" s="167"/>
      <c r="KI18" s="168"/>
      <c r="KJ18" s="9"/>
      <c r="KK18" s="175"/>
      <c r="KL18" s="175"/>
      <c r="KM18" s="9"/>
      <c r="KN18" s="9"/>
      <c r="KO18" s="131"/>
      <c r="KP18" s="15"/>
      <c r="KQ18" s="13"/>
      <c r="KR18" s="25"/>
      <c r="KS18" s="45"/>
      <c r="KT18" s="45"/>
      <c r="KU18" s="167"/>
      <c r="KV18" s="168"/>
      <c r="KW18" s="9"/>
      <c r="KX18" s="175"/>
      <c r="KY18" s="175"/>
      <c r="KZ18" s="9"/>
      <c r="LA18" s="9"/>
      <c r="LB18" s="131"/>
      <c r="LC18" s="15"/>
      <c r="LD18" s="13"/>
      <c r="LE18" s="25"/>
      <c r="LF18" s="45"/>
      <c r="LG18" s="45"/>
      <c r="LH18" s="167"/>
      <c r="LI18" s="168"/>
      <c r="LJ18" s="9"/>
      <c r="LK18" s="175"/>
      <c r="LL18" s="175"/>
      <c r="LM18" s="9"/>
      <c r="LN18" s="9"/>
      <c r="LO18" s="131"/>
      <c r="LP18" s="15"/>
      <c r="LQ18" s="13"/>
      <c r="LR18" s="25"/>
      <c r="LS18" s="45"/>
      <c r="LT18" s="45"/>
      <c r="LU18" s="167"/>
      <c r="LV18" s="168"/>
      <c r="LW18" s="9"/>
      <c r="LX18" s="175"/>
      <c r="LY18" s="175"/>
      <c r="LZ18" s="9"/>
      <c r="MA18" s="9"/>
      <c r="MB18" s="131"/>
      <c r="MC18" s="15"/>
      <c r="MD18" s="13"/>
      <c r="ME18" s="25"/>
      <c r="MF18" s="45"/>
      <c r="MG18" s="45"/>
      <c r="MH18" s="167"/>
      <c r="MI18" s="168"/>
      <c r="MJ18" s="9"/>
      <c r="MK18" s="175"/>
      <c r="ML18" s="175"/>
      <c r="MM18" s="9"/>
      <c r="MN18" s="9"/>
      <c r="MO18" s="131"/>
      <c r="MP18" s="15"/>
      <c r="MQ18" s="13"/>
      <c r="MR18" s="25"/>
      <c r="MS18" s="45"/>
      <c r="MT18" s="45"/>
      <c r="MU18" s="167"/>
      <c r="MV18" s="168"/>
      <c r="MW18" s="9"/>
      <c r="MX18" s="175"/>
      <c r="MY18" s="175"/>
      <c r="MZ18" s="9"/>
      <c r="NA18" s="9"/>
      <c r="NB18" s="131" t="str">
        <f t="shared" si="0"/>
        <v/>
      </c>
      <c r="NC18" s="15" t="str">
        <f>IF(NC17="","",IF(NC17='（参考）【別紙２】'!$E$35,"",IF(MONTH(NC17)=MONTH(NC17+1),NC17+1,"")))</f>
        <v/>
      </c>
      <c r="ND18" s="13" t="str">
        <f>IF(COUNTIF(祝日一覧!$E$2:$E$142,NC18),"○",IF(NG18&lt;&gt;"","○",""))</f>
        <v/>
      </c>
      <c r="NE18" s="25"/>
      <c r="NF18" s="45" t="str">
        <f t="shared" si="2"/>
        <v/>
      </c>
      <c r="NG18" s="45"/>
      <c r="NH18" s="167"/>
      <c r="NI18" s="168"/>
      <c r="NJ18" s="9"/>
      <c r="NK18" s="175"/>
      <c r="NL18" s="175"/>
      <c r="NM18" s="9"/>
      <c r="NN18" s="9"/>
      <c r="NO18" s="131"/>
      <c r="NP18" s="15"/>
      <c r="NQ18" s="13"/>
      <c r="NR18" s="25"/>
      <c r="NS18" s="45"/>
      <c r="NT18" s="45"/>
      <c r="NU18" s="167"/>
      <c r="NV18" s="168"/>
      <c r="NW18" s="9"/>
      <c r="NX18" s="175"/>
      <c r="NY18" s="175"/>
      <c r="NZ18" s="9"/>
      <c r="OA18" s="9"/>
      <c r="OB18" s="131"/>
      <c r="OC18" s="15"/>
      <c r="OD18" s="13"/>
      <c r="OE18" s="25"/>
      <c r="OF18" s="45"/>
      <c r="OG18" s="45"/>
      <c r="OH18" s="167"/>
      <c r="OI18" s="168"/>
      <c r="OJ18" s="9"/>
      <c r="OK18" s="175"/>
      <c r="OL18" s="175"/>
      <c r="OM18" s="9"/>
      <c r="ON18" s="9"/>
      <c r="OO18" s="131"/>
      <c r="OP18" s="15"/>
      <c r="OQ18" s="13"/>
      <c r="OR18" s="25"/>
      <c r="OS18" s="45"/>
      <c r="OT18" s="45"/>
      <c r="OU18" s="167"/>
      <c r="OV18" s="168"/>
      <c r="OW18" s="9"/>
      <c r="OX18" s="175"/>
      <c r="OY18" s="175"/>
      <c r="OZ18" s="9"/>
      <c r="PA18" s="9"/>
      <c r="PB18" s="131"/>
      <c r="PC18" s="15"/>
      <c r="PD18" s="13"/>
      <c r="PE18" s="25"/>
      <c r="PF18" s="45"/>
      <c r="PG18" s="45"/>
      <c r="PH18" s="167"/>
      <c r="PI18" s="168"/>
      <c r="PJ18" s="9"/>
      <c r="PK18" s="175"/>
      <c r="PL18" s="175"/>
      <c r="PM18" s="9"/>
      <c r="PN18" s="9"/>
      <c r="PO18" s="131"/>
      <c r="PP18" s="15"/>
      <c r="PQ18" s="13"/>
      <c r="PR18" s="25"/>
      <c r="PS18" s="45"/>
      <c r="PT18" s="45"/>
      <c r="PU18" s="167"/>
      <c r="PV18" s="168"/>
      <c r="PW18" s="9"/>
      <c r="PX18" s="175"/>
      <c r="PY18" s="175"/>
      <c r="PZ18" s="9"/>
      <c r="QA18" s="9"/>
      <c r="QB18" s="131"/>
      <c r="QC18" s="15"/>
      <c r="QD18" s="13"/>
      <c r="QE18" s="25"/>
      <c r="QF18" s="45"/>
      <c r="QG18" s="45"/>
      <c r="QH18" s="167"/>
      <c r="QI18" s="168"/>
      <c r="QJ18" s="9"/>
      <c r="QK18" s="175"/>
      <c r="QL18" s="175"/>
      <c r="QM18" s="9"/>
      <c r="QN18" s="9"/>
      <c r="QO18" s="131"/>
      <c r="QP18" s="15"/>
      <c r="QQ18" s="13"/>
      <c r="QR18" s="25"/>
      <c r="QS18" s="45"/>
      <c r="QT18" s="45"/>
      <c r="QU18" s="167"/>
      <c r="QV18" s="168"/>
      <c r="QW18" s="9"/>
      <c r="QX18" s="175"/>
      <c r="QY18" s="175"/>
      <c r="QZ18" s="9"/>
      <c r="RA18" s="9"/>
      <c r="RB18" s="131"/>
      <c r="RC18" s="15"/>
      <c r="RD18" s="13"/>
      <c r="RE18" s="25"/>
      <c r="RF18" s="45"/>
      <c r="RG18" s="45"/>
      <c r="RH18" s="167"/>
      <c r="RI18" s="168"/>
      <c r="RJ18" s="9"/>
      <c r="RK18" s="175"/>
      <c r="RL18" s="175"/>
      <c r="RM18" s="9"/>
      <c r="RN18" s="9"/>
      <c r="RO18" s="131"/>
      <c r="RP18" s="15"/>
      <c r="RQ18" s="13"/>
      <c r="RR18" s="25"/>
      <c r="RS18" s="45"/>
      <c r="RT18" s="45"/>
      <c r="RU18" s="167"/>
      <c r="RV18" s="168"/>
      <c r="RW18" s="9"/>
      <c r="RX18" s="175"/>
      <c r="RY18" s="175"/>
      <c r="RZ18" s="9"/>
      <c r="SA18" s="9"/>
      <c r="SB18" s="131"/>
      <c r="SC18" s="15"/>
      <c r="SD18" s="13"/>
      <c r="SE18" s="25"/>
      <c r="SF18" s="45"/>
      <c r="SG18" s="45"/>
      <c r="SH18" s="167"/>
      <c r="SI18" s="168"/>
      <c r="SJ18" s="9"/>
      <c r="SK18" s="175"/>
      <c r="SL18" s="175"/>
      <c r="SM18" s="9"/>
    </row>
    <row r="19" spans="1:507" ht="15.6" customHeight="1">
      <c r="A19" s="9"/>
      <c r="B19" s="131"/>
      <c r="C19" s="15"/>
      <c r="D19" s="13"/>
      <c r="E19" s="26"/>
      <c r="F19" s="45"/>
      <c r="G19" s="45"/>
      <c r="H19" s="167"/>
      <c r="I19" s="168"/>
      <c r="J19" s="43"/>
      <c r="K19" s="176" t="s">
        <v>23</v>
      </c>
      <c r="L19" s="178"/>
      <c r="M19" s="29"/>
      <c r="N19" s="9"/>
      <c r="O19" s="131"/>
      <c r="P19" s="15"/>
      <c r="Q19" s="13"/>
      <c r="R19" s="26"/>
      <c r="S19" s="45"/>
      <c r="T19" s="45"/>
      <c r="U19" s="167"/>
      <c r="V19" s="168"/>
      <c r="W19" s="9"/>
      <c r="X19" s="154" t="s">
        <v>23</v>
      </c>
      <c r="Y19" s="166"/>
      <c r="Z19" s="29"/>
      <c r="AA19" s="9"/>
      <c r="AB19" s="131"/>
      <c r="AC19" s="15"/>
      <c r="AD19" s="13"/>
      <c r="AE19" s="26"/>
      <c r="AF19" s="45"/>
      <c r="AG19" s="45"/>
      <c r="AH19" s="167"/>
      <c r="AI19" s="168"/>
      <c r="AJ19" s="9"/>
      <c r="AK19" s="154" t="s">
        <v>23</v>
      </c>
      <c r="AL19" s="166"/>
      <c r="AM19" s="29"/>
      <c r="AN19" s="9"/>
      <c r="AO19" s="131"/>
      <c r="AP19" s="15"/>
      <c r="AQ19" s="13"/>
      <c r="AR19" s="26"/>
      <c r="AS19" s="45"/>
      <c r="AT19" s="45"/>
      <c r="AU19" s="167"/>
      <c r="AV19" s="168"/>
      <c r="AW19" s="9"/>
      <c r="AX19" s="154" t="s">
        <v>23</v>
      </c>
      <c r="AY19" s="166"/>
      <c r="AZ19" s="29"/>
      <c r="BA19" s="9"/>
      <c r="BB19" s="131"/>
      <c r="BC19" s="15"/>
      <c r="BD19" s="13"/>
      <c r="BE19" s="26"/>
      <c r="BF19" s="45"/>
      <c r="BG19" s="45"/>
      <c r="BH19" s="167"/>
      <c r="BI19" s="168"/>
      <c r="BJ19" s="9"/>
      <c r="BK19" s="154" t="s">
        <v>23</v>
      </c>
      <c r="BL19" s="166"/>
      <c r="BM19" s="29"/>
      <c r="BN19" s="9"/>
      <c r="BO19" s="131"/>
      <c r="BP19" s="15"/>
      <c r="BQ19" s="13"/>
      <c r="BR19" s="26"/>
      <c r="BS19" s="45"/>
      <c r="BT19" s="45"/>
      <c r="BU19" s="167"/>
      <c r="BV19" s="168"/>
      <c r="BW19" s="9"/>
      <c r="BX19" s="154" t="s">
        <v>23</v>
      </c>
      <c r="BY19" s="166"/>
      <c r="BZ19" s="29"/>
      <c r="CA19" s="9"/>
      <c r="CB19" s="131"/>
      <c r="CC19" s="15"/>
      <c r="CD19" s="13"/>
      <c r="CE19" s="26"/>
      <c r="CF19" s="45"/>
      <c r="CG19" s="45"/>
      <c r="CH19" s="167"/>
      <c r="CI19" s="168"/>
      <c r="CJ19" s="9"/>
      <c r="CK19" s="154" t="s">
        <v>23</v>
      </c>
      <c r="CL19" s="166"/>
      <c r="CM19" s="29"/>
      <c r="CN19" s="9"/>
      <c r="CO19" s="131"/>
      <c r="CP19" s="15"/>
      <c r="CQ19" s="13"/>
      <c r="CR19" s="26"/>
      <c r="CS19" s="45"/>
      <c r="CT19" s="45"/>
      <c r="CU19" s="167"/>
      <c r="CV19" s="168"/>
      <c r="CW19" s="9"/>
      <c r="CX19" s="154" t="s">
        <v>23</v>
      </c>
      <c r="CY19" s="166"/>
      <c r="CZ19" s="29"/>
      <c r="DA19" s="9"/>
      <c r="DB19" s="131"/>
      <c r="DC19" s="15"/>
      <c r="DD19" s="13"/>
      <c r="DE19" s="26"/>
      <c r="DF19" s="45"/>
      <c r="DG19" s="45"/>
      <c r="DH19" s="167"/>
      <c r="DI19" s="168"/>
      <c r="DJ19" s="9"/>
      <c r="DK19" s="154" t="s">
        <v>23</v>
      </c>
      <c r="DL19" s="166"/>
      <c r="DM19" s="29"/>
      <c r="DN19" s="9"/>
      <c r="DO19" s="131"/>
      <c r="DP19" s="15"/>
      <c r="DQ19" s="13"/>
      <c r="DR19" s="26"/>
      <c r="DS19" s="45"/>
      <c r="DT19" s="45"/>
      <c r="DU19" s="167"/>
      <c r="DV19" s="168"/>
      <c r="DW19" s="9"/>
      <c r="DX19" s="154" t="s">
        <v>23</v>
      </c>
      <c r="DY19" s="166"/>
      <c r="DZ19" s="29"/>
      <c r="EA19" s="9"/>
      <c r="EB19" s="131"/>
      <c r="EC19" s="15"/>
      <c r="ED19" s="13"/>
      <c r="EE19" s="26"/>
      <c r="EF19" s="45"/>
      <c r="EG19" s="45"/>
      <c r="EH19" s="167"/>
      <c r="EI19" s="168"/>
      <c r="EJ19" s="9"/>
      <c r="EK19" s="154" t="s">
        <v>23</v>
      </c>
      <c r="EL19" s="166"/>
      <c r="EM19" s="29"/>
      <c r="EN19" s="9"/>
      <c r="EO19" s="131"/>
      <c r="EP19" s="15"/>
      <c r="EQ19" s="13"/>
      <c r="ER19" s="26"/>
      <c r="ES19" s="45"/>
      <c r="ET19" s="45"/>
      <c r="EU19" s="167"/>
      <c r="EV19" s="168"/>
      <c r="EW19" s="9"/>
      <c r="EX19" s="154" t="s">
        <v>23</v>
      </c>
      <c r="EY19" s="166"/>
      <c r="EZ19" s="29"/>
      <c r="FA19" s="9"/>
      <c r="FB19" s="131"/>
      <c r="FC19" s="15"/>
      <c r="FD19" s="13"/>
      <c r="FE19" s="26"/>
      <c r="FF19" s="45"/>
      <c r="FG19" s="45"/>
      <c r="FH19" s="167"/>
      <c r="FI19" s="168"/>
      <c r="FJ19" s="9"/>
      <c r="FK19" s="154" t="s">
        <v>23</v>
      </c>
      <c r="FL19" s="166"/>
      <c r="FM19" s="29"/>
      <c r="FN19" s="9"/>
      <c r="FO19" s="131"/>
      <c r="FP19" s="15"/>
      <c r="FQ19" s="13"/>
      <c r="FR19" s="26"/>
      <c r="FS19" s="45"/>
      <c r="FT19" s="45"/>
      <c r="FU19" s="167"/>
      <c r="FV19" s="168"/>
      <c r="FW19" s="9"/>
      <c r="FX19" s="154" t="s">
        <v>23</v>
      </c>
      <c r="FY19" s="166"/>
      <c r="FZ19" s="29"/>
      <c r="GA19" s="9"/>
      <c r="GB19" s="131"/>
      <c r="GC19" s="15"/>
      <c r="GD19" s="13"/>
      <c r="GE19" s="25"/>
      <c r="GF19" s="45"/>
      <c r="GG19" s="45"/>
      <c r="GH19" s="167"/>
      <c r="GI19" s="168"/>
      <c r="GJ19" s="9"/>
      <c r="GK19" s="154" t="s">
        <v>23</v>
      </c>
      <c r="GL19" s="166"/>
      <c r="GM19" s="29"/>
      <c r="GN19" s="9"/>
      <c r="GO19" s="131"/>
      <c r="GP19" s="15"/>
      <c r="GQ19" s="13"/>
      <c r="GR19" s="25"/>
      <c r="GS19" s="45"/>
      <c r="GT19" s="45"/>
      <c r="GU19" s="167"/>
      <c r="GV19" s="168"/>
      <c r="GW19" s="9"/>
      <c r="GX19" s="154" t="s">
        <v>23</v>
      </c>
      <c r="GY19" s="166"/>
      <c r="GZ19" s="29"/>
      <c r="HA19" s="9"/>
      <c r="HB19" s="131"/>
      <c r="HC19" s="15"/>
      <c r="HD19" s="13"/>
      <c r="HE19" s="26"/>
      <c r="HF19" s="45"/>
      <c r="HG19" s="45"/>
      <c r="HH19" s="167"/>
      <c r="HI19" s="168"/>
      <c r="HJ19" s="9"/>
      <c r="HK19" s="154" t="s">
        <v>23</v>
      </c>
      <c r="HL19" s="166"/>
      <c r="HM19" s="29"/>
      <c r="HN19" s="9"/>
      <c r="HO19" s="131"/>
      <c r="HP19" s="15"/>
      <c r="HQ19" s="13"/>
      <c r="HR19" s="25"/>
      <c r="HS19" s="45"/>
      <c r="HT19" s="45"/>
      <c r="HU19" s="167"/>
      <c r="HV19" s="168"/>
      <c r="HW19" s="9"/>
      <c r="HX19" s="154" t="s">
        <v>23</v>
      </c>
      <c r="HY19" s="166"/>
      <c r="HZ19" s="29"/>
      <c r="IA19" s="9"/>
      <c r="IB19" s="131"/>
      <c r="IC19" s="15"/>
      <c r="ID19" s="13"/>
      <c r="IE19" s="25"/>
      <c r="IF19" s="45"/>
      <c r="IG19" s="45"/>
      <c r="IH19" s="167"/>
      <c r="II19" s="168"/>
      <c r="IJ19" s="9"/>
      <c r="IK19" s="154" t="s">
        <v>23</v>
      </c>
      <c r="IL19" s="166"/>
      <c r="IM19" s="29"/>
      <c r="IN19" s="9"/>
      <c r="IO19" s="131"/>
      <c r="IP19" s="15"/>
      <c r="IQ19" s="13"/>
      <c r="IR19" s="25"/>
      <c r="IS19" s="45"/>
      <c r="IT19" s="45"/>
      <c r="IU19" s="167"/>
      <c r="IV19" s="168"/>
      <c r="IW19" s="9"/>
      <c r="IX19" s="154" t="s">
        <v>23</v>
      </c>
      <c r="IY19" s="166"/>
      <c r="IZ19" s="29"/>
      <c r="JA19" s="9"/>
      <c r="JB19" s="131"/>
      <c r="JC19" s="15"/>
      <c r="JD19" s="13"/>
      <c r="JE19" s="25"/>
      <c r="JF19" s="45"/>
      <c r="JG19" s="45"/>
      <c r="JH19" s="167"/>
      <c r="JI19" s="168"/>
      <c r="JJ19" s="9"/>
      <c r="JK19" s="154" t="s">
        <v>23</v>
      </c>
      <c r="JL19" s="166"/>
      <c r="JM19" s="29"/>
      <c r="JN19" s="9"/>
      <c r="JO19" s="131"/>
      <c r="JP19" s="15"/>
      <c r="JQ19" s="13"/>
      <c r="JR19" s="25"/>
      <c r="JS19" s="45"/>
      <c r="JT19" s="45"/>
      <c r="JU19" s="167"/>
      <c r="JV19" s="168"/>
      <c r="JW19" s="9"/>
      <c r="JX19" s="154" t="s">
        <v>23</v>
      </c>
      <c r="JY19" s="166"/>
      <c r="JZ19" s="29"/>
      <c r="KA19" s="9"/>
      <c r="KB19" s="131"/>
      <c r="KC19" s="15"/>
      <c r="KD19" s="13"/>
      <c r="KE19" s="25"/>
      <c r="KF19" s="45"/>
      <c r="KG19" s="45"/>
      <c r="KH19" s="167"/>
      <c r="KI19" s="168"/>
      <c r="KJ19" s="9"/>
      <c r="KK19" s="154" t="s">
        <v>23</v>
      </c>
      <c r="KL19" s="166"/>
      <c r="KM19" s="29"/>
      <c r="KN19" s="9"/>
      <c r="KO19" s="131"/>
      <c r="KP19" s="15"/>
      <c r="KQ19" s="13"/>
      <c r="KR19" s="25"/>
      <c r="KS19" s="45"/>
      <c r="KT19" s="45"/>
      <c r="KU19" s="167"/>
      <c r="KV19" s="168"/>
      <c r="KW19" s="9"/>
      <c r="KX19" s="154" t="s">
        <v>23</v>
      </c>
      <c r="KY19" s="166"/>
      <c r="KZ19" s="29"/>
      <c r="LA19" s="9"/>
      <c r="LB19" s="131"/>
      <c r="LC19" s="15"/>
      <c r="LD19" s="13"/>
      <c r="LE19" s="25"/>
      <c r="LF19" s="45"/>
      <c r="LG19" s="45"/>
      <c r="LH19" s="167"/>
      <c r="LI19" s="168"/>
      <c r="LJ19" s="9"/>
      <c r="LK19" s="154" t="s">
        <v>23</v>
      </c>
      <c r="LL19" s="166"/>
      <c r="LM19" s="29"/>
      <c r="LN19" s="9"/>
      <c r="LO19" s="131"/>
      <c r="LP19" s="15"/>
      <c r="LQ19" s="13"/>
      <c r="LR19" s="25"/>
      <c r="LS19" s="45"/>
      <c r="LT19" s="45"/>
      <c r="LU19" s="167"/>
      <c r="LV19" s="168"/>
      <c r="LW19" s="9"/>
      <c r="LX19" s="154" t="s">
        <v>23</v>
      </c>
      <c r="LY19" s="166"/>
      <c r="LZ19" s="29"/>
      <c r="MA19" s="9"/>
      <c r="MB19" s="131"/>
      <c r="MC19" s="15"/>
      <c r="MD19" s="13"/>
      <c r="ME19" s="25"/>
      <c r="MF19" s="45"/>
      <c r="MG19" s="45"/>
      <c r="MH19" s="167"/>
      <c r="MI19" s="168"/>
      <c r="MJ19" s="9"/>
      <c r="MK19" s="154" t="s">
        <v>23</v>
      </c>
      <c r="ML19" s="166"/>
      <c r="MM19" s="29"/>
      <c r="MN19" s="9"/>
      <c r="MO19" s="131"/>
      <c r="MP19" s="15"/>
      <c r="MQ19" s="13"/>
      <c r="MR19" s="25"/>
      <c r="MS19" s="45"/>
      <c r="MT19" s="45"/>
      <c r="MU19" s="167"/>
      <c r="MV19" s="168"/>
      <c r="MW19" s="9"/>
      <c r="MX19" s="154" t="s">
        <v>23</v>
      </c>
      <c r="MY19" s="166"/>
      <c r="MZ19" s="29"/>
      <c r="NA19" s="9"/>
      <c r="NB19" s="131" t="str">
        <f t="shared" si="0"/>
        <v/>
      </c>
      <c r="NC19" s="15" t="str">
        <f>IF(NC18="","",IF(NC18='（参考）【別紙２】'!$E$35,"",IF(MONTH(NC18)=MONTH(NC18+1),NC18+1,"")))</f>
        <v/>
      </c>
      <c r="ND19" s="13" t="str">
        <f>IF(COUNTIF(祝日一覧!$E$2:$E$142,NC19),"○",IF(NG19&lt;&gt;"","○",""))</f>
        <v/>
      </c>
      <c r="NE19" s="25"/>
      <c r="NF19" s="45" t="str">
        <f t="shared" si="2"/>
        <v/>
      </c>
      <c r="NG19" s="45"/>
      <c r="NH19" s="167"/>
      <c r="NI19" s="168"/>
      <c r="NJ19" s="9"/>
      <c r="NK19" s="154" t="s">
        <v>23</v>
      </c>
      <c r="NL19" s="166"/>
      <c r="NM19" s="29"/>
      <c r="NN19" s="9"/>
      <c r="NO19" s="131"/>
      <c r="NP19" s="15"/>
      <c r="NQ19" s="13"/>
      <c r="NR19" s="25"/>
      <c r="NS19" s="45"/>
      <c r="NT19" s="45"/>
      <c r="NU19" s="167"/>
      <c r="NV19" s="168"/>
      <c r="NW19" s="9"/>
      <c r="NX19" s="154" t="s">
        <v>23</v>
      </c>
      <c r="NY19" s="166"/>
      <c r="NZ19" s="29"/>
      <c r="OA19" s="9"/>
      <c r="OB19" s="131"/>
      <c r="OC19" s="15"/>
      <c r="OD19" s="13"/>
      <c r="OE19" s="25"/>
      <c r="OF19" s="45"/>
      <c r="OG19" s="45"/>
      <c r="OH19" s="167"/>
      <c r="OI19" s="168"/>
      <c r="OJ19" s="9"/>
      <c r="OK19" s="154" t="s">
        <v>23</v>
      </c>
      <c r="OL19" s="166"/>
      <c r="OM19" s="29"/>
      <c r="ON19" s="9"/>
      <c r="OO19" s="131"/>
      <c r="OP19" s="15"/>
      <c r="OQ19" s="13"/>
      <c r="OR19" s="25"/>
      <c r="OS19" s="45"/>
      <c r="OT19" s="45"/>
      <c r="OU19" s="167"/>
      <c r="OV19" s="168"/>
      <c r="OW19" s="9"/>
      <c r="OX19" s="154" t="s">
        <v>23</v>
      </c>
      <c r="OY19" s="166"/>
      <c r="OZ19" s="29"/>
      <c r="PA19" s="9"/>
      <c r="PB19" s="131"/>
      <c r="PC19" s="15"/>
      <c r="PD19" s="13"/>
      <c r="PE19" s="25"/>
      <c r="PF19" s="45"/>
      <c r="PG19" s="45"/>
      <c r="PH19" s="167"/>
      <c r="PI19" s="168"/>
      <c r="PJ19" s="9"/>
      <c r="PK19" s="154" t="s">
        <v>23</v>
      </c>
      <c r="PL19" s="166"/>
      <c r="PM19" s="29"/>
      <c r="PN19" s="9"/>
      <c r="PO19" s="131"/>
      <c r="PP19" s="15"/>
      <c r="PQ19" s="13"/>
      <c r="PR19" s="25"/>
      <c r="PS19" s="45"/>
      <c r="PT19" s="45"/>
      <c r="PU19" s="167"/>
      <c r="PV19" s="168"/>
      <c r="PW19" s="9"/>
      <c r="PX19" s="154" t="s">
        <v>23</v>
      </c>
      <c r="PY19" s="166"/>
      <c r="PZ19" s="29"/>
      <c r="QA19" s="9"/>
      <c r="QB19" s="131"/>
      <c r="QC19" s="15"/>
      <c r="QD19" s="13"/>
      <c r="QE19" s="25"/>
      <c r="QF19" s="45"/>
      <c r="QG19" s="45"/>
      <c r="QH19" s="167"/>
      <c r="QI19" s="168"/>
      <c r="QJ19" s="9"/>
      <c r="QK19" s="154" t="s">
        <v>23</v>
      </c>
      <c r="QL19" s="166"/>
      <c r="QM19" s="29"/>
      <c r="QN19" s="9"/>
      <c r="QO19" s="131"/>
      <c r="QP19" s="15"/>
      <c r="QQ19" s="13"/>
      <c r="QR19" s="25"/>
      <c r="QS19" s="45"/>
      <c r="QT19" s="45"/>
      <c r="QU19" s="167"/>
      <c r="QV19" s="168"/>
      <c r="QW19" s="9"/>
      <c r="QX19" s="154" t="s">
        <v>23</v>
      </c>
      <c r="QY19" s="166"/>
      <c r="QZ19" s="29"/>
      <c r="RA19" s="9"/>
      <c r="RB19" s="131"/>
      <c r="RC19" s="15"/>
      <c r="RD19" s="13"/>
      <c r="RE19" s="25"/>
      <c r="RF19" s="45"/>
      <c r="RG19" s="45"/>
      <c r="RH19" s="167"/>
      <c r="RI19" s="168"/>
      <c r="RJ19" s="9"/>
      <c r="RK19" s="154" t="s">
        <v>23</v>
      </c>
      <c r="RL19" s="166"/>
      <c r="RM19" s="29"/>
      <c r="RN19" s="9"/>
      <c r="RO19" s="131"/>
      <c r="RP19" s="15"/>
      <c r="RQ19" s="13"/>
      <c r="RR19" s="25"/>
      <c r="RS19" s="45"/>
      <c r="RT19" s="45"/>
      <c r="RU19" s="167"/>
      <c r="RV19" s="168"/>
      <c r="RW19" s="9"/>
      <c r="RX19" s="154" t="s">
        <v>23</v>
      </c>
      <c r="RY19" s="166"/>
      <c r="RZ19" s="29"/>
      <c r="SA19" s="9"/>
      <c r="SB19" s="131"/>
      <c r="SC19" s="15"/>
      <c r="SD19" s="13"/>
      <c r="SE19" s="25"/>
      <c r="SF19" s="45"/>
      <c r="SG19" s="45"/>
      <c r="SH19" s="167"/>
      <c r="SI19" s="168"/>
      <c r="SJ19" s="9"/>
      <c r="SK19" s="154" t="s">
        <v>23</v>
      </c>
      <c r="SL19" s="166"/>
      <c r="SM19" s="29"/>
    </row>
    <row r="20" spans="1:507" ht="15.6" customHeight="1">
      <c r="A20" s="9"/>
      <c r="B20" s="131"/>
      <c r="C20" s="15"/>
      <c r="D20" s="13"/>
      <c r="E20" s="26"/>
      <c r="F20" s="45"/>
      <c r="G20" s="45"/>
      <c r="H20" s="167"/>
      <c r="I20" s="168"/>
      <c r="J20" s="43"/>
      <c r="K20" s="177"/>
      <c r="L20" s="179"/>
      <c r="M20" s="28"/>
      <c r="N20" s="9"/>
      <c r="O20" s="131"/>
      <c r="P20" s="15"/>
      <c r="Q20" s="13"/>
      <c r="R20" s="26"/>
      <c r="S20" s="45"/>
      <c r="T20" s="45"/>
      <c r="U20" s="167"/>
      <c r="V20" s="168"/>
      <c r="W20" s="9"/>
      <c r="X20" s="161"/>
      <c r="Y20" s="163"/>
      <c r="Z20" s="28"/>
      <c r="AA20" s="9"/>
      <c r="AB20" s="131"/>
      <c r="AC20" s="15"/>
      <c r="AD20" s="13"/>
      <c r="AE20" s="26"/>
      <c r="AF20" s="45"/>
      <c r="AG20" s="45"/>
      <c r="AH20" s="167"/>
      <c r="AI20" s="168"/>
      <c r="AJ20" s="9"/>
      <c r="AK20" s="161"/>
      <c r="AL20" s="163"/>
      <c r="AM20" s="28"/>
      <c r="AN20" s="9"/>
      <c r="AO20" s="131"/>
      <c r="AP20" s="15"/>
      <c r="AQ20" s="13"/>
      <c r="AR20" s="26"/>
      <c r="AS20" s="45"/>
      <c r="AT20" s="45"/>
      <c r="AU20" s="167"/>
      <c r="AV20" s="168"/>
      <c r="AW20" s="9"/>
      <c r="AX20" s="161"/>
      <c r="AY20" s="163"/>
      <c r="AZ20" s="28"/>
      <c r="BA20" s="9"/>
      <c r="BB20" s="131"/>
      <c r="BC20" s="15"/>
      <c r="BD20" s="13"/>
      <c r="BE20" s="26"/>
      <c r="BF20" s="45"/>
      <c r="BG20" s="45"/>
      <c r="BH20" s="167"/>
      <c r="BI20" s="168"/>
      <c r="BJ20" s="9"/>
      <c r="BK20" s="161"/>
      <c r="BL20" s="163"/>
      <c r="BM20" s="28"/>
      <c r="BN20" s="9"/>
      <c r="BO20" s="131"/>
      <c r="BP20" s="15"/>
      <c r="BQ20" s="13"/>
      <c r="BR20" s="26"/>
      <c r="BS20" s="45"/>
      <c r="BT20" s="45"/>
      <c r="BU20" s="167"/>
      <c r="BV20" s="168"/>
      <c r="BW20" s="9"/>
      <c r="BX20" s="161"/>
      <c r="BY20" s="163"/>
      <c r="BZ20" s="28"/>
      <c r="CA20" s="9"/>
      <c r="CB20" s="131"/>
      <c r="CC20" s="15"/>
      <c r="CD20" s="13"/>
      <c r="CE20" s="26"/>
      <c r="CF20" s="45"/>
      <c r="CG20" s="45"/>
      <c r="CH20" s="167"/>
      <c r="CI20" s="168"/>
      <c r="CJ20" s="9"/>
      <c r="CK20" s="161"/>
      <c r="CL20" s="163"/>
      <c r="CM20" s="28"/>
      <c r="CN20" s="9"/>
      <c r="CO20" s="131"/>
      <c r="CP20" s="15"/>
      <c r="CQ20" s="13"/>
      <c r="CR20" s="26"/>
      <c r="CS20" s="45"/>
      <c r="CT20" s="45"/>
      <c r="CU20" s="167"/>
      <c r="CV20" s="168"/>
      <c r="CW20" s="9"/>
      <c r="CX20" s="161"/>
      <c r="CY20" s="163"/>
      <c r="CZ20" s="28"/>
      <c r="DA20" s="9"/>
      <c r="DB20" s="131"/>
      <c r="DC20" s="15"/>
      <c r="DD20" s="13"/>
      <c r="DE20" s="26"/>
      <c r="DF20" s="45"/>
      <c r="DG20" s="45"/>
      <c r="DH20" s="167"/>
      <c r="DI20" s="168"/>
      <c r="DJ20" s="9"/>
      <c r="DK20" s="161"/>
      <c r="DL20" s="163"/>
      <c r="DM20" s="28"/>
      <c r="DN20" s="9"/>
      <c r="DO20" s="131"/>
      <c r="DP20" s="15"/>
      <c r="DQ20" s="13"/>
      <c r="DR20" s="26"/>
      <c r="DS20" s="45"/>
      <c r="DT20" s="45"/>
      <c r="DU20" s="167"/>
      <c r="DV20" s="168"/>
      <c r="DW20" s="9"/>
      <c r="DX20" s="161"/>
      <c r="DY20" s="163"/>
      <c r="DZ20" s="28"/>
      <c r="EA20" s="9"/>
      <c r="EB20" s="131"/>
      <c r="EC20" s="15"/>
      <c r="ED20" s="13"/>
      <c r="EE20" s="26"/>
      <c r="EF20" s="45"/>
      <c r="EG20" s="45"/>
      <c r="EH20" s="167"/>
      <c r="EI20" s="168"/>
      <c r="EJ20" s="9"/>
      <c r="EK20" s="161"/>
      <c r="EL20" s="163"/>
      <c r="EM20" s="28"/>
      <c r="EN20" s="9"/>
      <c r="EO20" s="131"/>
      <c r="EP20" s="15"/>
      <c r="EQ20" s="13"/>
      <c r="ER20" s="26"/>
      <c r="ES20" s="45"/>
      <c r="ET20" s="45"/>
      <c r="EU20" s="167"/>
      <c r="EV20" s="168"/>
      <c r="EW20" s="9"/>
      <c r="EX20" s="161"/>
      <c r="EY20" s="163"/>
      <c r="EZ20" s="28"/>
      <c r="FA20" s="9"/>
      <c r="FB20" s="131"/>
      <c r="FC20" s="15"/>
      <c r="FD20" s="13"/>
      <c r="FE20" s="26"/>
      <c r="FF20" s="45"/>
      <c r="FG20" s="45"/>
      <c r="FH20" s="167"/>
      <c r="FI20" s="168"/>
      <c r="FJ20" s="9"/>
      <c r="FK20" s="161"/>
      <c r="FL20" s="163"/>
      <c r="FM20" s="28"/>
      <c r="FN20" s="9"/>
      <c r="FO20" s="131"/>
      <c r="FP20" s="15"/>
      <c r="FQ20" s="13"/>
      <c r="FR20" s="26"/>
      <c r="FS20" s="45"/>
      <c r="FT20" s="45"/>
      <c r="FU20" s="167"/>
      <c r="FV20" s="168"/>
      <c r="FW20" s="9"/>
      <c r="FX20" s="161"/>
      <c r="FY20" s="163"/>
      <c r="FZ20" s="28"/>
      <c r="GA20" s="9"/>
      <c r="GB20" s="131"/>
      <c r="GC20" s="15"/>
      <c r="GD20" s="13"/>
      <c r="GE20" s="25"/>
      <c r="GF20" s="45"/>
      <c r="GG20" s="45"/>
      <c r="GH20" s="167"/>
      <c r="GI20" s="168"/>
      <c r="GJ20" s="9"/>
      <c r="GK20" s="161"/>
      <c r="GL20" s="163"/>
      <c r="GM20" s="28"/>
      <c r="GN20" s="9"/>
      <c r="GO20" s="131"/>
      <c r="GP20" s="15"/>
      <c r="GQ20" s="13"/>
      <c r="GR20" s="25"/>
      <c r="GS20" s="45"/>
      <c r="GT20" s="45"/>
      <c r="GU20" s="167"/>
      <c r="GV20" s="168"/>
      <c r="GW20" s="9"/>
      <c r="GX20" s="161"/>
      <c r="GY20" s="163"/>
      <c r="GZ20" s="28"/>
      <c r="HA20" s="9"/>
      <c r="HB20" s="131"/>
      <c r="HC20" s="15"/>
      <c r="HD20" s="13"/>
      <c r="HE20" s="26"/>
      <c r="HF20" s="45"/>
      <c r="HG20" s="45"/>
      <c r="HH20" s="167"/>
      <c r="HI20" s="168"/>
      <c r="HJ20" s="9"/>
      <c r="HK20" s="161"/>
      <c r="HL20" s="163"/>
      <c r="HM20" s="28"/>
      <c r="HN20" s="9"/>
      <c r="HO20" s="131"/>
      <c r="HP20" s="15"/>
      <c r="HQ20" s="13"/>
      <c r="HR20" s="25"/>
      <c r="HS20" s="45"/>
      <c r="HT20" s="45"/>
      <c r="HU20" s="167"/>
      <c r="HV20" s="168"/>
      <c r="HW20" s="9"/>
      <c r="HX20" s="161"/>
      <c r="HY20" s="163"/>
      <c r="HZ20" s="28"/>
      <c r="IA20" s="9"/>
      <c r="IB20" s="131"/>
      <c r="IC20" s="15"/>
      <c r="ID20" s="13"/>
      <c r="IE20" s="25"/>
      <c r="IF20" s="45"/>
      <c r="IG20" s="45"/>
      <c r="IH20" s="167"/>
      <c r="II20" s="168"/>
      <c r="IJ20" s="9"/>
      <c r="IK20" s="161"/>
      <c r="IL20" s="163"/>
      <c r="IM20" s="28"/>
      <c r="IN20" s="9"/>
      <c r="IO20" s="131"/>
      <c r="IP20" s="15"/>
      <c r="IQ20" s="13"/>
      <c r="IR20" s="25"/>
      <c r="IS20" s="45"/>
      <c r="IT20" s="45"/>
      <c r="IU20" s="167"/>
      <c r="IV20" s="168"/>
      <c r="IW20" s="9"/>
      <c r="IX20" s="161"/>
      <c r="IY20" s="163"/>
      <c r="IZ20" s="28"/>
      <c r="JA20" s="9"/>
      <c r="JB20" s="131"/>
      <c r="JC20" s="15"/>
      <c r="JD20" s="13"/>
      <c r="JE20" s="25"/>
      <c r="JF20" s="45"/>
      <c r="JG20" s="45"/>
      <c r="JH20" s="167"/>
      <c r="JI20" s="168"/>
      <c r="JJ20" s="9"/>
      <c r="JK20" s="161"/>
      <c r="JL20" s="163"/>
      <c r="JM20" s="28"/>
      <c r="JN20" s="9"/>
      <c r="JO20" s="131"/>
      <c r="JP20" s="15"/>
      <c r="JQ20" s="13"/>
      <c r="JR20" s="25"/>
      <c r="JS20" s="45"/>
      <c r="JT20" s="45"/>
      <c r="JU20" s="167"/>
      <c r="JV20" s="168"/>
      <c r="JW20" s="9"/>
      <c r="JX20" s="161"/>
      <c r="JY20" s="163"/>
      <c r="JZ20" s="28"/>
      <c r="KA20" s="9"/>
      <c r="KB20" s="131"/>
      <c r="KC20" s="15"/>
      <c r="KD20" s="13"/>
      <c r="KE20" s="25"/>
      <c r="KF20" s="45"/>
      <c r="KG20" s="45"/>
      <c r="KH20" s="167"/>
      <c r="KI20" s="168"/>
      <c r="KJ20" s="9"/>
      <c r="KK20" s="161"/>
      <c r="KL20" s="163"/>
      <c r="KM20" s="28"/>
      <c r="KN20" s="9"/>
      <c r="KO20" s="131"/>
      <c r="KP20" s="15"/>
      <c r="KQ20" s="13"/>
      <c r="KR20" s="25"/>
      <c r="KS20" s="45"/>
      <c r="KT20" s="45"/>
      <c r="KU20" s="167"/>
      <c r="KV20" s="168"/>
      <c r="KW20" s="9"/>
      <c r="KX20" s="161"/>
      <c r="KY20" s="163"/>
      <c r="KZ20" s="28"/>
      <c r="LA20" s="9"/>
      <c r="LB20" s="131"/>
      <c r="LC20" s="15"/>
      <c r="LD20" s="13"/>
      <c r="LE20" s="25"/>
      <c r="LF20" s="45"/>
      <c r="LG20" s="45"/>
      <c r="LH20" s="167"/>
      <c r="LI20" s="168"/>
      <c r="LJ20" s="9"/>
      <c r="LK20" s="161"/>
      <c r="LL20" s="163"/>
      <c r="LM20" s="28"/>
      <c r="LN20" s="9"/>
      <c r="LO20" s="131"/>
      <c r="LP20" s="15"/>
      <c r="LQ20" s="13"/>
      <c r="LR20" s="25"/>
      <c r="LS20" s="45"/>
      <c r="LT20" s="45"/>
      <c r="LU20" s="167"/>
      <c r="LV20" s="168"/>
      <c r="LW20" s="9"/>
      <c r="LX20" s="161"/>
      <c r="LY20" s="163"/>
      <c r="LZ20" s="28"/>
      <c r="MA20" s="9"/>
      <c r="MB20" s="131"/>
      <c r="MC20" s="15"/>
      <c r="MD20" s="13"/>
      <c r="ME20" s="25"/>
      <c r="MF20" s="45"/>
      <c r="MG20" s="45"/>
      <c r="MH20" s="167"/>
      <c r="MI20" s="168"/>
      <c r="MJ20" s="9"/>
      <c r="MK20" s="161"/>
      <c r="ML20" s="163"/>
      <c r="MM20" s="28"/>
      <c r="MN20" s="9"/>
      <c r="MO20" s="131"/>
      <c r="MP20" s="15"/>
      <c r="MQ20" s="13"/>
      <c r="MR20" s="25"/>
      <c r="MS20" s="45"/>
      <c r="MT20" s="45"/>
      <c r="MU20" s="167"/>
      <c r="MV20" s="168"/>
      <c r="MW20" s="9"/>
      <c r="MX20" s="161"/>
      <c r="MY20" s="163"/>
      <c r="MZ20" s="28"/>
      <c r="NA20" s="9"/>
      <c r="NB20" s="131" t="str">
        <f t="shared" si="0"/>
        <v/>
      </c>
      <c r="NC20" s="15" t="str">
        <f>IF(NC19="","",IF(NC19='（参考）【別紙２】'!$E$35,"",IF(MONTH(NC19)=MONTH(NC19+1),NC19+1,"")))</f>
        <v/>
      </c>
      <c r="ND20" s="13" t="str">
        <f>IF(COUNTIF(祝日一覧!$E$2:$E$142,NC20),"○",IF(NG20&lt;&gt;"","○",""))</f>
        <v/>
      </c>
      <c r="NE20" s="25"/>
      <c r="NF20" s="45" t="str">
        <f t="shared" si="2"/>
        <v/>
      </c>
      <c r="NG20" s="45"/>
      <c r="NH20" s="167"/>
      <c r="NI20" s="168"/>
      <c r="NJ20" s="9"/>
      <c r="NK20" s="161"/>
      <c r="NL20" s="163"/>
      <c r="NM20" s="28"/>
      <c r="NN20" s="9"/>
      <c r="NO20" s="131"/>
      <c r="NP20" s="15"/>
      <c r="NQ20" s="13"/>
      <c r="NR20" s="25"/>
      <c r="NS20" s="45"/>
      <c r="NT20" s="45"/>
      <c r="NU20" s="167"/>
      <c r="NV20" s="168"/>
      <c r="NW20" s="9"/>
      <c r="NX20" s="161"/>
      <c r="NY20" s="163"/>
      <c r="NZ20" s="28"/>
      <c r="OA20" s="9"/>
      <c r="OB20" s="131"/>
      <c r="OC20" s="15"/>
      <c r="OD20" s="13"/>
      <c r="OE20" s="25"/>
      <c r="OF20" s="45"/>
      <c r="OG20" s="45"/>
      <c r="OH20" s="167"/>
      <c r="OI20" s="168"/>
      <c r="OJ20" s="9"/>
      <c r="OK20" s="161"/>
      <c r="OL20" s="163"/>
      <c r="OM20" s="28"/>
      <c r="ON20" s="9"/>
      <c r="OO20" s="131"/>
      <c r="OP20" s="15"/>
      <c r="OQ20" s="13"/>
      <c r="OR20" s="25"/>
      <c r="OS20" s="45"/>
      <c r="OT20" s="45"/>
      <c r="OU20" s="167"/>
      <c r="OV20" s="168"/>
      <c r="OW20" s="9"/>
      <c r="OX20" s="161"/>
      <c r="OY20" s="163"/>
      <c r="OZ20" s="28"/>
      <c r="PA20" s="9"/>
      <c r="PB20" s="131"/>
      <c r="PC20" s="15"/>
      <c r="PD20" s="13"/>
      <c r="PE20" s="25"/>
      <c r="PF20" s="45"/>
      <c r="PG20" s="45"/>
      <c r="PH20" s="167"/>
      <c r="PI20" s="168"/>
      <c r="PJ20" s="9"/>
      <c r="PK20" s="161"/>
      <c r="PL20" s="163"/>
      <c r="PM20" s="28"/>
      <c r="PN20" s="9"/>
      <c r="PO20" s="131"/>
      <c r="PP20" s="15"/>
      <c r="PQ20" s="13"/>
      <c r="PR20" s="25"/>
      <c r="PS20" s="45"/>
      <c r="PT20" s="45"/>
      <c r="PU20" s="167"/>
      <c r="PV20" s="168"/>
      <c r="PW20" s="9"/>
      <c r="PX20" s="161"/>
      <c r="PY20" s="163"/>
      <c r="PZ20" s="28"/>
      <c r="QA20" s="9"/>
      <c r="QB20" s="131"/>
      <c r="QC20" s="15"/>
      <c r="QD20" s="13"/>
      <c r="QE20" s="25"/>
      <c r="QF20" s="45"/>
      <c r="QG20" s="45"/>
      <c r="QH20" s="167"/>
      <c r="QI20" s="168"/>
      <c r="QJ20" s="9"/>
      <c r="QK20" s="161"/>
      <c r="QL20" s="163"/>
      <c r="QM20" s="28"/>
      <c r="QN20" s="9"/>
      <c r="QO20" s="131"/>
      <c r="QP20" s="15"/>
      <c r="QQ20" s="13"/>
      <c r="QR20" s="25"/>
      <c r="QS20" s="45"/>
      <c r="QT20" s="45"/>
      <c r="QU20" s="167"/>
      <c r="QV20" s="168"/>
      <c r="QW20" s="9"/>
      <c r="QX20" s="161"/>
      <c r="QY20" s="163"/>
      <c r="QZ20" s="28"/>
      <c r="RA20" s="9"/>
      <c r="RB20" s="131"/>
      <c r="RC20" s="15"/>
      <c r="RD20" s="13"/>
      <c r="RE20" s="25"/>
      <c r="RF20" s="45"/>
      <c r="RG20" s="45"/>
      <c r="RH20" s="167"/>
      <c r="RI20" s="168"/>
      <c r="RJ20" s="9"/>
      <c r="RK20" s="161"/>
      <c r="RL20" s="163"/>
      <c r="RM20" s="28"/>
      <c r="RN20" s="9"/>
      <c r="RO20" s="131"/>
      <c r="RP20" s="15"/>
      <c r="RQ20" s="13"/>
      <c r="RR20" s="25"/>
      <c r="RS20" s="45"/>
      <c r="RT20" s="45"/>
      <c r="RU20" s="167"/>
      <c r="RV20" s="168"/>
      <c r="RW20" s="9"/>
      <c r="RX20" s="161"/>
      <c r="RY20" s="163"/>
      <c r="RZ20" s="28"/>
      <c r="SA20" s="9"/>
      <c r="SB20" s="131"/>
      <c r="SC20" s="15"/>
      <c r="SD20" s="13"/>
      <c r="SE20" s="25"/>
      <c r="SF20" s="45"/>
      <c r="SG20" s="45"/>
      <c r="SH20" s="167"/>
      <c r="SI20" s="168"/>
      <c r="SJ20" s="9"/>
      <c r="SK20" s="161"/>
      <c r="SL20" s="163"/>
      <c r="SM20" s="28"/>
    </row>
    <row r="21" spans="1:507" ht="15.6" customHeight="1">
      <c r="A21" s="9"/>
      <c r="B21" s="131"/>
      <c r="C21" s="15"/>
      <c r="D21" s="13"/>
      <c r="E21" s="26"/>
      <c r="F21" s="45"/>
      <c r="G21" s="45"/>
      <c r="H21" s="167"/>
      <c r="I21" s="168"/>
      <c r="J21" s="42"/>
      <c r="K21" s="180" t="s">
        <v>99</v>
      </c>
      <c r="L21" s="182"/>
      <c r="M21" s="9"/>
      <c r="N21" s="9"/>
      <c r="O21" s="131"/>
      <c r="P21" s="15"/>
      <c r="Q21" s="13"/>
      <c r="R21" s="26"/>
      <c r="S21" s="45"/>
      <c r="T21" s="45"/>
      <c r="U21" s="167"/>
      <c r="V21" s="168"/>
      <c r="W21" s="9"/>
      <c r="X21" s="170" t="s">
        <v>99</v>
      </c>
      <c r="Y21" s="162"/>
      <c r="Z21" s="9"/>
      <c r="AA21" s="9"/>
      <c r="AB21" s="131"/>
      <c r="AC21" s="15"/>
      <c r="AD21" s="13"/>
      <c r="AE21" s="26"/>
      <c r="AF21" s="45"/>
      <c r="AG21" s="45"/>
      <c r="AH21" s="167"/>
      <c r="AI21" s="168"/>
      <c r="AJ21" s="9"/>
      <c r="AK21" s="170" t="s">
        <v>99</v>
      </c>
      <c r="AL21" s="162"/>
      <c r="AM21" s="9"/>
      <c r="AN21" s="9"/>
      <c r="AO21" s="131"/>
      <c r="AP21" s="15"/>
      <c r="AQ21" s="13"/>
      <c r="AR21" s="26"/>
      <c r="AS21" s="45"/>
      <c r="AT21" s="45"/>
      <c r="AU21" s="167"/>
      <c r="AV21" s="168"/>
      <c r="AW21" s="9"/>
      <c r="AX21" s="170" t="s">
        <v>99</v>
      </c>
      <c r="AY21" s="162"/>
      <c r="AZ21" s="9"/>
      <c r="BA21" s="9"/>
      <c r="BB21" s="131"/>
      <c r="BC21" s="15"/>
      <c r="BD21" s="13"/>
      <c r="BE21" s="26"/>
      <c r="BF21" s="45"/>
      <c r="BG21" s="45"/>
      <c r="BH21" s="167"/>
      <c r="BI21" s="168"/>
      <c r="BJ21" s="9"/>
      <c r="BK21" s="170" t="s">
        <v>99</v>
      </c>
      <c r="BL21" s="162"/>
      <c r="BM21" s="9"/>
      <c r="BN21" s="9"/>
      <c r="BO21" s="131"/>
      <c r="BP21" s="15"/>
      <c r="BQ21" s="13"/>
      <c r="BR21" s="26"/>
      <c r="BS21" s="45"/>
      <c r="BT21" s="45"/>
      <c r="BU21" s="167"/>
      <c r="BV21" s="168"/>
      <c r="BW21" s="9"/>
      <c r="BX21" s="170" t="s">
        <v>99</v>
      </c>
      <c r="BY21" s="162"/>
      <c r="BZ21" s="9"/>
      <c r="CA21" s="9"/>
      <c r="CB21" s="131"/>
      <c r="CC21" s="15"/>
      <c r="CD21" s="13"/>
      <c r="CE21" s="26"/>
      <c r="CF21" s="45"/>
      <c r="CG21" s="45"/>
      <c r="CH21" s="167"/>
      <c r="CI21" s="168"/>
      <c r="CJ21" s="9"/>
      <c r="CK21" s="170" t="s">
        <v>99</v>
      </c>
      <c r="CL21" s="162"/>
      <c r="CM21" s="9"/>
      <c r="CN21" s="9"/>
      <c r="CO21" s="131"/>
      <c r="CP21" s="15"/>
      <c r="CQ21" s="13"/>
      <c r="CR21" s="26"/>
      <c r="CS21" s="45"/>
      <c r="CT21" s="45"/>
      <c r="CU21" s="167"/>
      <c r="CV21" s="168"/>
      <c r="CW21" s="9"/>
      <c r="CX21" s="170" t="s">
        <v>99</v>
      </c>
      <c r="CY21" s="162"/>
      <c r="CZ21" s="9"/>
      <c r="DA21" s="9"/>
      <c r="DB21" s="131"/>
      <c r="DC21" s="15"/>
      <c r="DD21" s="13"/>
      <c r="DE21" s="26"/>
      <c r="DF21" s="45"/>
      <c r="DG21" s="45"/>
      <c r="DH21" s="167"/>
      <c r="DI21" s="168"/>
      <c r="DJ21" s="9"/>
      <c r="DK21" s="170" t="s">
        <v>99</v>
      </c>
      <c r="DL21" s="162"/>
      <c r="DM21" s="9"/>
      <c r="DN21" s="9"/>
      <c r="DO21" s="131"/>
      <c r="DP21" s="15"/>
      <c r="DQ21" s="13"/>
      <c r="DR21" s="26"/>
      <c r="DS21" s="45"/>
      <c r="DT21" s="45"/>
      <c r="DU21" s="167"/>
      <c r="DV21" s="168"/>
      <c r="DW21" s="9"/>
      <c r="DX21" s="170" t="s">
        <v>99</v>
      </c>
      <c r="DY21" s="162"/>
      <c r="DZ21" s="9"/>
      <c r="EA21" s="9"/>
      <c r="EB21" s="131"/>
      <c r="EC21" s="15"/>
      <c r="ED21" s="13"/>
      <c r="EE21" s="26"/>
      <c r="EF21" s="45"/>
      <c r="EG21" s="45"/>
      <c r="EH21" s="167"/>
      <c r="EI21" s="168"/>
      <c r="EJ21" s="9"/>
      <c r="EK21" s="170" t="s">
        <v>99</v>
      </c>
      <c r="EL21" s="162"/>
      <c r="EM21" s="9"/>
      <c r="EN21" s="9"/>
      <c r="EO21" s="131"/>
      <c r="EP21" s="15"/>
      <c r="EQ21" s="13"/>
      <c r="ER21" s="26"/>
      <c r="ES21" s="45"/>
      <c r="ET21" s="45"/>
      <c r="EU21" s="167"/>
      <c r="EV21" s="168"/>
      <c r="EW21" s="9"/>
      <c r="EX21" s="170" t="s">
        <v>99</v>
      </c>
      <c r="EY21" s="162"/>
      <c r="EZ21" s="9"/>
      <c r="FA21" s="9"/>
      <c r="FB21" s="131"/>
      <c r="FC21" s="15"/>
      <c r="FD21" s="13"/>
      <c r="FE21" s="26"/>
      <c r="FF21" s="45"/>
      <c r="FG21" s="45"/>
      <c r="FH21" s="167"/>
      <c r="FI21" s="168"/>
      <c r="FJ21" s="9"/>
      <c r="FK21" s="170" t="s">
        <v>99</v>
      </c>
      <c r="FL21" s="162"/>
      <c r="FM21" s="9"/>
      <c r="FN21" s="9"/>
      <c r="FO21" s="131"/>
      <c r="FP21" s="15"/>
      <c r="FQ21" s="13"/>
      <c r="FR21" s="26"/>
      <c r="FS21" s="45"/>
      <c r="FT21" s="45"/>
      <c r="FU21" s="167"/>
      <c r="FV21" s="168"/>
      <c r="FW21" s="9"/>
      <c r="FX21" s="170" t="s">
        <v>99</v>
      </c>
      <c r="FY21" s="162"/>
      <c r="FZ21" s="9"/>
      <c r="GA21" s="9"/>
      <c r="GB21" s="131"/>
      <c r="GC21" s="15"/>
      <c r="GD21" s="13"/>
      <c r="GE21" s="25"/>
      <c r="GF21" s="45"/>
      <c r="GG21" s="45"/>
      <c r="GH21" s="167"/>
      <c r="GI21" s="168"/>
      <c r="GJ21" s="9"/>
      <c r="GK21" s="170" t="s">
        <v>99</v>
      </c>
      <c r="GL21" s="162"/>
      <c r="GM21" s="9"/>
      <c r="GN21" s="9"/>
      <c r="GO21" s="131"/>
      <c r="GP21" s="15"/>
      <c r="GQ21" s="13"/>
      <c r="GR21" s="25"/>
      <c r="GS21" s="45"/>
      <c r="GT21" s="45"/>
      <c r="GU21" s="167"/>
      <c r="GV21" s="168"/>
      <c r="GW21" s="9"/>
      <c r="GX21" s="170" t="s">
        <v>99</v>
      </c>
      <c r="GY21" s="162"/>
      <c r="GZ21" s="9"/>
      <c r="HA21" s="9"/>
      <c r="HB21" s="131"/>
      <c r="HC21" s="15"/>
      <c r="HD21" s="13"/>
      <c r="HE21" s="26"/>
      <c r="HF21" s="45"/>
      <c r="HG21" s="45"/>
      <c r="HH21" s="167"/>
      <c r="HI21" s="168"/>
      <c r="HJ21" s="9"/>
      <c r="HK21" s="170" t="s">
        <v>99</v>
      </c>
      <c r="HL21" s="162"/>
      <c r="HM21" s="9"/>
      <c r="HN21" s="9"/>
      <c r="HO21" s="131"/>
      <c r="HP21" s="15"/>
      <c r="HQ21" s="13"/>
      <c r="HR21" s="25"/>
      <c r="HS21" s="45"/>
      <c r="HT21" s="45"/>
      <c r="HU21" s="167"/>
      <c r="HV21" s="168"/>
      <c r="HW21" s="9"/>
      <c r="HX21" s="170" t="s">
        <v>99</v>
      </c>
      <c r="HY21" s="162"/>
      <c r="HZ21" s="9"/>
      <c r="IA21" s="9"/>
      <c r="IB21" s="131"/>
      <c r="IC21" s="15"/>
      <c r="ID21" s="13"/>
      <c r="IE21" s="25"/>
      <c r="IF21" s="45"/>
      <c r="IG21" s="45"/>
      <c r="IH21" s="167"/>
      <c r="II21" s="168"/>
      <c r="IJ21" s="9"/>
      <c r="IK21" s="170" t="s">
        <v>99</v>
      </c>
      <c r="IL21" s="162"/>
      <c r="IM21" s="9"/>
      <c r="IN21" s="9"/>
      <c r="IO21" s="131"/>
      <c r="IP21" s="15"/>
      <c r="IQ21" s="13"/>
      <c r="IR21" s="25"/>
      <c r="IS21" s="45"/>
      <c r="IT21" s="45"/>
      <c r="IU21" s="167"/>
      <c r="IV21" s="168"/>
      <c r="IW21" s="9"/>
      <c r="IX21" s="170" t="s">
        <v>99</v>
      </c>
      <c r="IY21" s="162"/>
      <c r="IZ21" s="9"/>
      <c r="JA21" s="9"/>
      <c r="JB21" s="131"/>
      <c r="JC21" s="15"/>
      <c r="JD21" s="13"/>
      <c r="JE21" s="25"/>
      <c r="JF21" s="45"/>
      <c r="JG21" s="45"/>
      <c r="JH21" s="167"/>
      <c r="JI21" s="168"/>
      <c r="JJ21" s="9"/>
      <c r="JK21" s="170" t="s">
        <v>99</v>
      </c>
      <c r="JL21" s="162"/>
      <c r="JM21" s="9"/>
      <c r="JN21" s="9"/>
      <c r="JO21" s="131"/>
      <c r="JP21" s="15"/>
      <c r="JQ21" s="13"/>
      <c r="JR21" s="25"/>
      <c r="JS21" s="45"/>
      <c r="JT21" s="45"/>
      <c r="JU21" s="167"/>
      <c r="JV21" s="168"/>
      <c r="JW21" s="9"/>
      <c r="JX21" s="170" t="s">
        <v>99</v>
      </c>
      <c r="JY21" s="162"/>
      <c r="JZ21" s="9"/>
      <c r="KA21" s="9"/>
      <c r="KB21" s="131"/>
      <c r="KC21" s="15"/>
      <c r="KD21" s="13"/>
      <c r="KE21" s="25"/>
      <c r="KF21" s="45"/>
      <c r="KG21" s="45"/>
      <c r="KH21" s="167"/>
      <c r="KI21" s="168"/>
      <c r="KJ21" s="9"/>
      <c r="KK21" s="170" t="s">
        <v>99</v>
      </c>
      <c r="KL21" s="162"/>
      <c r="KM21" s="9"/>
      <c r="KN21" s="9"/>
      <c r="KO21" s="131"/>
      <c r="KP21" s="15"/>
      <c r="KQ21" s="13"/>
      <c r="KR21" s="25"/>
      <c r="KS21" s="45"/>
      <c r="KT21" s="45"/>
      <c r="KU21" s="167"/>
      <c r="KV21" s="168"/>
      <c r="KW21" s="9"/>
      <c r="KX21" s="170" t="s">
        <v>99</v>
      </c>
      <c r="KY21" s="162"/>
      <c r="KZ21" s="9"/>
      <c r="LA21" s="9"/>
      <c r="LB21" s="131"/>
      <c r="LC21" s="15"/>
      <c r="LD21" s="13"/>
      <c r="LE21" s="25"/>
      <c r="LF21" s="45"/>
      <c r="LG21" s="45"/>
      <c r="LH21" s="167"/>
      <c r="LI21" s="168"/>
      <c r="LJ21" s="9"/>
      <c r="LK21" s="170" t="s">
        <v>99</v>
      </c>
      <c r="LL21" s="162"/>
      <c r="LM21" s="9"/>
      <c r="LN21" s="9"/>
      <c r="LO21" s="131"/>
      <c r="LP21" s="15"/>
      <c r="LQ21" s="13"/>
      <c r="LR21" s="25"/>
      <c r="LS21" s="45"/>
      <c r="LT21" s="45"/>
      <c r="LU21" s="167"/>
      <c r="LV21" s="168"/>
      <c r="LW21" s="9"/>
      <c r="LX21" s="170" t="s">
        <v>99</v>
      </c>
      <c r="LY21" s="162"/>
      <c r="LZ21" s="9"/>
      <c r="MA21" s="9"/>
      <c r="MB21" s="131"/>
      <c r="MC21" s="15"/>
      <c r="MD21" s="13"/>
      <c r="ME21" s="25"/>
      <c r="MF21" s="45"/>
      <c r="MG21" s="45"/>
      <c r="MH21" s="167"/>
      <c r="MI21" s="168"/>
      <c r="MJ21" s="9"/>
      <c r="MK21" s="170" t="s">
        <v>99</v>
      </c>
      <c r="ML21" s="162"/>
      <c r="MM21" s="9"/>
      <c r="MN21" s="9"/>
      <c r="MO21" s="131"/>
      <c r="MP21" s="15"/>
      <c r="MQ21" s="13"/>
      <c r="MR21" s="25"/>
      <c r="MS21" s="45"/>
      <c r="MT21" s="45"/>
      <c r="MU21" s="167"/>
      <c r="MV21" s="168"/>
      <c r="MW21" s="9"/>
      <c r="MX21" s="170" t="s">
        <v>99</v>
      </c>
      <c r="MY21" s="162"/>
      <c r="MZ21" s="9"/>
      <c r="NA21" s="9"/>
      <c r="NB21" s="131" t="str">
        <f t="shared" si="0"/>
        <v/>
      </c>
      <c r="NC21" s="15" t="str">
        <f>IF(NC20="","",IF(NC20='（参考）【別紙２】'!$E$35,"",IF(MONTH(NC20)=MONTH(NC20+1),NC20+1,"")))</f>
        <v/>
      </c>
      <c r="ND21" s="13" t="str">
        <f>IF(COUNTIF(祝日一覧!$E$2:$E$142,NC21),"○",IF(NG21&lt;&gt;"","○",""))</f>
        <v/>
      </c>
      <c r="NE21" s="25"/>
      <c r="NF21" s="45" t="str">
        <f t="shared" si="2"/>
        <v/>
      </c>
      <c r="NG21" s="45"/>
      <c r="NH21" s="167"/>
      <c r="NI21" s="168"/>
      <c r="NJ21" s="9"/>
      <c r="NK21" s="170" t="s">
        <v>99</v>
      </c>
      <c r="NL21" s="162"/>
      <c r="NM21" s="9"/>
      <c r="NN21" s="9"/>
      <c r="NO21" s="131"/>
      <c r="NP21" s="15"/>
      <c r="NQ21" s="13"/>
      <c r="NR21" s="25"/>
      <c r="NS21" s="45"/>
      <c r="NT21" s="45"/>
      <c r="NU21" s="167"/>
      <c r="NV21" s="168"/>
      <c r="NW21" s="9"/>
      <c r="NX21" s="170" t="s">
        <v>99</v>
      </c>
      <c r="NY21" s="162"/>
      <c r="NZ21" s="9"/>
      <c r="OA21" s="9"/>
      <c r="OB21" s="131"/>
      <c r="OC21" s="15"/>
      <c r="OD21" s="13"/>
      <c r="OE21" s="25"/>
      <c r="OF21" s="45"/>
      <c r="OG21" s="45"/>
      <c r="OH21" s="167"/>
      <c r="OI21" s="168"/>
      <c r="OJ21" s="9"/>
      <c r="OK21" s="170" t="s">
        <v>99</v>
      </c>
      <c r="OL21" s="162"/>
      <c r="OM21" s="9"/>
      <c r="ON21" s="9"/>
      <c r="OO21" s="131"/>
      <c r="OP21" s="15"/>
      <c r="OQ21" s="13"/>
      <c r="OR21" s="25"/>
      <c r="OS21" s="45"/>
      <c r="OT21" s="45"/>
      <c r="OU21" s="167"/>
      <c r="OV21" s="168"/>
      <c r="OW21" s="9"/>
      <c r="OX21" s="170" t="s">
        <v>99</v>
      </c>
      <c r="OY21" s="162"/>
      <c r="OZ21" s="9"/>
      <c r="PA21" s="9"/>
      <c r="PB21" s="131"/>
      <c r="PC21" s="15"/>
      <c r="PD21" s="13"/>
      <c r="PE21" s="25"/>
      <c r="PF21" s="45"/>
      <c r="PG21" s="45"/>
      <c r="PH21" s="167"/>
      <c r="PI21" s="168"/>
      <c r="PJ21" s="9"/>
      <c r="PK21" s="170" t="s">
        <v>99</v>
      </c>
      <c r="PL21" s="162"/>
      <c r="PM21" s="9"/>
      <c r="PN21" s="9"/>
      <c r="PO21" s="131"/>
      <c r="PP21" s="15"/>
      <c r="PQ21" s="13"/>
      <c r="PR21" s="25"/>
      <c r="PS21" s="45"/>
      <c r="PT21" s="45"/>
      <c r="PU21" s="167"/>
      <c r="PV21" s="168"/>
      <c r="PW21" s="9"/>
      <c r="PX21" s="170" t="s">
        <v>99</v>
      </c>
      <c r="PY21" s="162"/>
      <c r="PZ21" s="9"/>
      <c r="QA21" s="9"/>
      <c r="QB21" s="131"/>
      <c r="QC21" s="15"/>
      <c r="QD21" s="13"/>
      <c r="QE21" s="25"/>
      <c r="QF21" s="45"/>
      <c r="QG21" s="45"/>
      <c r="QH21" s="167"/>
      <c r="QI21" s="168"/>
      <c r="QJ21" s="9"/>
      <c r="QK21" s="170" t="s">
        <v>99</v>
      </c>
      <c r="QL21" s="162"/>
      <c r="QM21" s="9"/>
      <c r="QN21" s="9"/>
      <c r="QO21" s="131"/>
      <c r="QP21" s="15"/>
      <c r="QQ21" s="13"/>
      <c r="QR21" s="25"/>
      <c r="QS21" s="45"/>
      <c r="QT21" s="45"/>
      <c r="QU21" s="167"/>
      <c r="QV21" s="168"/>
      <c r="QW21" s="9"/>
      <c r="QX21" s="170" t="s">
        <v>99</v>
      </c>
      <c r="QY21" s="162"/>
      <c r="QZ21" s="9"/>
      <c r="RA21" s="9"/>
      <c r="RB21" s="131"/>
      <c r="RC21" s="15"/>
      <c r="RD21" s="13"/>
      <c r="RE21" s="25"/>
      <c r="RF21" s="45"/>
      <c r="RG21" s="45"/>
      <c r="RH21" s="167"/>
      <c r="RI21" s="168"/>
      <c r="RJ21" s="9"/>
      <c r="RK21" s="170" t="s">
        <v>99</v>
      </c>
      <c r="RL21" s="162"/>
      <c r="RM21" s="9"/>
      <c r="RN21" s="9"/>
      <c r="RO21" s="131"/>
      <c r="RP21" s="15"/>
      <c r="RQ21" s="13"/>
      <c r="RR21" s="25"/>
      <c r="RS21" s="45"/>
      <c r="RT21" s="45"/>
      <c r="RU21" s="167"/>
      <c r="RV21" s="168"/>
      <c r="RW21" s="9"/>
      <c r="RX21" s="170" t="s">
        <v>99</v>
      </c>
      <c r="RY21" s="162"/>
      <c r="RZ21" s="9"/>
      <c r="SA21" s="9"/>
      <c r="SB21" s="131"/>
      <c r="SC21" s="15"/>
      <c r="SD21" s="13"/>
      <c r="SE21" s="25"/>
      <c r="SF21" s="45"/>
      <c r="SG21" s="45"/>
      <c r="SH21" s="167"/>
      <c r="SI21" s="168"/>
      <c r="SJ21" s="9"/>
      <c r="SK21" s="170" t="s">
        <v>99</v>
      </c>
      <c r="SL21" s="162"/>
      <c r="SM21" s="9"/>
    </row>
    <row r="22" spans="1:507" ht="15.6" customHeight="1">
      <c r="A22" s="16"/>
      <c r="B22" s="131"/>
      <c r="C22" s="15"/>
      <c r="D22" s="13"/>
      <c r="E22" s="26"/>
      <c r="F22" s="45"/>
      <c r="G22" s="45"/>
      <c r="H22" s="167"/>
      <c r="I22" s="168"/>
      <c r="J22" s="42"/>
      <c r="K22" s="181"/>
      <c r="L22" s="179"/>
      <c r="M22" s="9"/>
      <c r="N22" s="16"/>
      <c r="O22" s="131"/>
      <c r="P22" s="15"/>
      <c r="Q22" s="13"/>
      <c r="R22" s="26"/>
      <c r="S22" s="45"/>
      <c r="T22" s="45"/>
      <c r="U22" s="167"/>
      <c r="V22" s="168"/>
      <c r="W22" s="9"/>
      <c r="X22" s="171"/>
      <c r="Y22" s="163"/>
      <c r="Z22" s="9"/>
      <c r="AA22" s="16"/>
      <c r="AB22" s="131"/>
      <c r="AC22" s="15"/>
      <c r="AD22" s="13"/>
      <c r="AE22" s="26"/>
      <c r="AF22" s="45"/>
      <c r="AG22" s="45"/>
      <c r="AH22" s="167"/>
      <c r="AI22" s="168"/>
      <c r="AJ22" s="9"/>
      <c r="AK22" s="171"/>
      <c r="AL22" s="163"/>
      <c r="AM22" s="9"/>
      <c r="AN22" s="16"/>
      <c r="AO22" s="131"/>
      <c r="AP22" s="15"/>
      <c r="AQ22" s="13"/>
      <c r="AR22" s="26"/>
      <c r="AS22" s="45"/>
      <c r="AT22" s="45"/>
      <c r="AU22" s="167"/>
      <c r="AV22" s="168"/>
      <c r="AW22" s="9"/>
      <c r="AX22" s="171"/>
      <c r="AY22" s="163"/>
      <c r="AZ22" s="9"/>
      <c r="BA22" s="16"/>
      <c r="BB22" s="131"/>
      <c r="BC22" s="15"/>
      <c r="BD22" s="13"/>
      <c r="BE22" s="26"/>
      <c r="BF22" s="45"/>
      <c r="BG22" s="45"/>
      <c r="BH22" s="167"/>
      <c r="BI22" s="168"/>
      <c r="BJ22" s="9"/>
      <c r="BK22" s="171"/>
      <c r="BL22" s="163"/>
      <c r="BM22" s="9"/>
      <c r="BN22" s="16"/>
      <c r="BO22" s="131"/>
      <c r="BP22" s="15"/>
      <c r="BQ22" s="13"/>
      <c r="BR22" s="26"/>
      <c r="BS22" s="45"/>
      <c r="BT22" s="45"/>
      <c r="BU22" s="167"/>
      <c r="BV22" s="168"/>
      <c r="BW22" s="9"/>
      <c r="BX22" s="171"/>
      <c r="BY22" s="163"/>
      <c r="BZ22" s="9"/>
      <c r="CA22" s="16"/>
      <c r="CB22" s="131"/>
      <c r="CC22" s="15"/>
      <c r="CD22" s="13"/>
      <c r="CE22" s="26"/>
      <c r="CF22" s="45"/>
      <c r="CG22" s="45"/>
      <c r="CH22" s="167"/>
      <c r="CI22" s="168"/>
      <c r="CJ22" s="9"/>
      <c r="CK22" s="171"/>
      <c r="CL22" s="163"/>
      <c r="CM22" s="9"/>
      <c r="CN22" s="16"/>
      <c r="CO22" s="131"/>
      <c r="CP22" s="15"/>
      <c r="CQ22" s="13"/>
      <c r="CR22" s="26"/>
      <c r="CS22" s="45"/>
      <c r="CT22" s="45"/>
      <c r="CU22" s="167"/>
      <c r="CV22" s="168"/>
      <c r="CW22" s="9"/>
      <c r="CX22" s="171"/>
      <c r="CY22" s="163"/>
      <c r="CZ22" s="9"/>
      <c r="DA22" s="16"/>
      <c r="DB22" s="131"/>
      <c r="DC22" s="15"/>
      <c r="DD22" s="13"/>
      <c r="DE22" s="26"/>
      <c r="DF22" s="45"/>
      <c r="DG22" s="45"/>
      <c r="DH22" s="167"/>
      <c r="DI22" s="168"/>
      <c r="DJ22" s="9"/>
      <c r="DK22" s="171"/>
      <c r="DL22" s="163"/>
      <c r="DM22" s="9"/>
      <c r="DN22" s="16"/>
      <c r="DO22" s="131"/>
      <c r="DP22" s="15"/>
      <c r="DQ22" s="13"/>
      <c r="DR22" s="26"/>
      <c r="DS22" s="45"/>
      <c r="DT22" s="45"/>
      <c r="DU22" s="167"/>
      <c r="DV22" s="168"/>
      <c r="DW22" s="9"/>
      <c r="DX22" s="171"/>
      <c r="DY22" s="163"/>
      <c r="DZ22" s="9"/>
      <c r="EA22" s="16"/>
      <c r="EB22" s="131"/>
      <c r="EC22" s="15"/>
      <c r="ED22" s="13"/>
      <c r="EE22" s="26"/>
      <c r="EF22" s="45"/>
      <c r="EG22" s="45"/>
      <c r="EH22" s="167"/>
      <c r="EI22" s="168"/>
      <c r="EJ22" s="9"/>
      <c r="EK22" s="171"/>
      <c r="EL22" s="163"/>
      <c r="EM22" s="9"/>
      <c r="EN22" s="16"/>
      <c r="EO22" s="131"/>
      <c r="EP22" s="15"/>
      <c r="EQ22" s="13"/>
      <c r="ER22" s="26"/>
      <c r="ES22" s="45"/>
      <c r="ET22" s="45"/>
      <c r="EU22" s="167"/>
      <c r="EV22" s="168"/>
      <c r="EW22" s="9"/>
      <c r="EX22" s="171"/>
      <c r="EY22" s="163"/>
      <c r="EZ22" s="9"/>
      <c r="FA22" s="16"/>
      <c r="FB22" s="131"/>
      <c r="FC22" s="15"/>
      <c r="FD22" s="13"/>
      <c r="FE22" s="26"/>
      <c r="FF22" s="45"/>
      <c r="FG22" s="45"/>
      <c r="FH22" s="167"/>
      <c r="FI22" s="168"/>
      <c r="FJ22" s="9"/>
      <c r="FK22" s="171"/>
      <c r="FL22" s="163"/>
      <c r="FM22" s="9"/>
      <c r="FN22" s="16"/>
      <c r="FO22" s="131"/>
      <c r="FP22" s="15"/>
      <c r="FQ22" s="13"/>
      <c r="FR22" s="26"/>
      <c r="FS22" s="45"/>
      <c r="FT22" s="45"/>
      <c r="FU22" s="167"/>
      <c r="FV22" s="168"/>
      <c r="FW22" s="9"/>
      <c r="FX22" s="171"/>
      <c r="FY22" s="163"/>
      <c r="FZ22" s="9"/>
      <c r="GA22" s="16"/>
      <c r="GB22" s="131"/>
      <c r="GC22" s="15"/>
      <c r="GD22" s="13"/>
      <c r="GE22" s="25"/>
      <c r="GF22" s="45"/>
      <c r="GG22" s="45"/>
      <c r="GH22" s="167"/>
      <c r="GI22" s="168"/>
      <c r="GJ22" s="9"/>
      <c r="GK22" s="171"/>
      <c r="GL22" s="163"/>
      <c r="GM22" s="9"/>
      <c r="GN22" s="16"/>
      <c r="GO22" s="131"/>
      <c r="GP22" s="15"/>
      <c r="GQ22" s="13"/>
      <c r="GR22" s="25"/>
      <c r="GS22" s="45"/>
      <c r="GT22" s="45"/>
      <c r="GU22" s="167"/>
      <c r="GV22" s="168"/>
      <c r="GW22" s="9"/>
      <c r="GX22" s="171"/>
      <c r="GY22" s="163"/>
      <c r="GZ22" s="9"/>
      <c r="HA22" s="16"/>
      <c r="HB22" s="131"/>
      <c r="HC22" s="15"/>
      <c r="HD22" s="13"/>
      <c r="HE22" s="26"/>
      <c r="HF22" s="45"/>
      <c r="HG22" s="45"/>
      <c r="HH22" s="167"/>
      <c r="HI22" s="168"/>
      <c r="HJ22" s="9"/>
      <c r="HK22" s="171"/>
      <c r="HL22" s="163"/>
      <c r="HM22" s="9"/>
      <c r="HN22" s="16"/>
      <c r="HO22" s="131"/>
      <c r="HP22" s="15"/>
      <c r="HQ22" s="13"/>
      <c r="HR22" s="25"/>
      <c r="HS22" s="45"/>
      <c r="HT22" s="45"/>
      <c r="HU22" s="167"/>
      <c r="HV22" s="168"/>
      <c r="HW22" s="9"/>
      <c r="HX22" s="171"/>
      <c r="HY22" s="163"/>
      <c r="HZ22" s="9"/>
      <c r="IA22" s="16"/>
      <c r="IB22" s="131"/>
      <c r="IC22" s="15"/>
      <c r="ID22" s="13"/>
      <c r="IE22" s="25"/>
      <c r="IF22" s="45"/>
      <c r="IG22" s="45"/>
      <c r="IH22" s="167"/>
      <c r="II22" s="168"/>
      <c r="IJ22" s="9"/>
      <c r="IK22" s="171"/>
      <c r="IL22" s="163"/>
      <c r="IM22" s="9"/>
      <c r="IN22" s="16"/>
      <c r="IO22" s="131"/>
      <c r="IP22" s="15"/>
      <c r="IQ22" s="13"/>
      <c r="IR22" s="25"/>
      <c r="IS22" s="45"/>
      <c r="IT22" s="45"/>
      <c r="IU22" s="167"/>
      <c r="IV22" s="168"/>
      <c r="IW22" s="9"/>
      <c r="IX22" s="171"/>
      <c r="IY22" s="163"/>
      <c r="IZ22" s="9"/>
      <c r="JA22" s="16"/>
      <c r="JB22" s="131"/>
      <c r="JC22" s="15"/>
      <c r="JD22" s="13"/>
      <c r="JE22" s="25"/>
      <c r="JF22" s="45"/>
      <c r="JG22" s="45"/>
      <c r="JH22" s="167"/>
      <c r="JI22" s="168"/>
      <c r="JJ22" s="9"/>
      <c r="JK22" s="171"/>
      <c r="JL22" s="163"/>
      <c r="JM22" s="9"/>
      <c r="JN22" s="16"/>
      <c r="JO22" s="131"/>
      <c r="JP22" s="15"/>
      <c r="JQ22" s="13"/>
      <c r="JR22" s="25"/>
      <c r="JS22" s="45"/>
      <c r="JT22" s="45"/>
      <c r="JU22" s="167"/>
      <c r="JV22" s="168"/>
      <c r="JW22" s="9"/>
      <c r="JX22" s="171"/>
      <c r="JY22" s="163"/>
      <c r="JZ22" s="9"/>
      <c r="KA22" s="16"/>
      <c r="KB22" s="131"/>
      <c r="KC22" s="15"/>
      <c r="KD22" s="13"/>
      <c r="KE22" s="25"/>
      <c r="KF22" s="45"/>
      <c r="KG22" s="45"/>
      <c r="KH22" s="167"/>
      <c r="KI22" s="168"/>
      <c r="KJ22" s="9"/>
      <c r="KK22" s="171"/>
      <c r="KL22" s="163"/>
      <c r="KM22" s="9"/>
      <c r="KN22" s="16"/>
      <c r="KO22" s="131"/>
      <c r="KP22" s="15"/>
      <c r="KQ22" s="13"/>
      <c r="KR22" s="25"/>
      <c r="KS22" s="45"/>
      <c r="KT22" s="45"/>
      <c r="KU22" s="167"/>
      <c r="KV22" s="168"/>
      <c r="KW22" s="9"/>
      <c r="KX22" s="171"/>
      <c r="KY22" s="163"/>
      <c r="KZ22" s="9"/>
      <c r="LA22" s="16"/>
      <c r="LB22" s="131"/>
      <c r="LC22" s="15"/>
      <c r="LD22" s="13"/>
      <c r="LE22" s="25"/>
      <c r="LF22" s="45"/>
      <c r="LG22" s="45"/>
      <c r="LH22" s="167"/>
      <c r="LI22" s="168"/>
      <c r="LJ22" s="9"/>
      <c r="LK22" s="171"/>
      <c r="LL22" s="163"/>
      <c r="LM22" s="9"/>
      <c r="LN22" s="16"/>
      <c r="LO22" s="131"/>
      <c r="LP22" s="15"/>
      <c r="LQ22" s="13"/>
      <c r="LR22" s="25"/>
      <c r="LS22" s="45"/>
      <c r="LT22" s="45"/>
      <c r="LU22" s="167"/>
      <c r="LV22" s="168"/>
      <c r="LW22" s="9"/>
      <c r="LX22" s="171"/>
      <c r="LY22" s="163"/>
      <c r="LZ22" s="9"/>
      <c r="MA22" s="16"/>
      <c r="MB22" s="131"/>
      <c r="MC22" s="15"/>
      <c r="MD22" s="13"/>
      <c r="ME22" s="25"/>
      <c r="MF22" s="45"/>
      <c r="MG22" s="45"/>
      <c r="MH22" s="167"/>
      <c r="MI22" s="168"/>
      <c r="MJ22" s="9"/>
      <c r="MK22" s="171"/>
      <c r="ML22" s="163"/>
      <c r="MM22" s="9"/>
      <c r="MN22" s="16"/>
      <c r="MO22" s="131"/>
      <c r="MP22" s="15"/>
      <c r="MQ22" s="13"/>
      <c r="MR22" s="25"/>
      <c r="MS22" s="45"/>
      <c r="MT22" s="45"/>
      <c r="MU22" s="167"/>
      <c r="MV22" s="168"/>
      <c r="MW22" s="9"/>
      <c r="MX22" s="171"/>
      <c r="MY22" s="163"/>
      <c r="MZ22" s="9"/>
      <c r="NA22" s="16"/>
      <c r="NB22" s="131" t="str">
        <f t="shared" si="0"/>
        <v/>
      </c>
      <c r="NC22" s="15" t="str">
        <f>IF(NC21="","",IF(NC21='（参考）【別紙２】'!$E$35,"",IF(MONTH(NC21)=MONTH(NC21+1),NC21+1,"")))</f>
        <v/>
      </c>
      <c r="ND22" s="13" t="str">
        <f>IF(COUNTIF(祝日一覧!$E$2:$E$142,NC22),"○",IF(NG22&lt;&gt;"","○",""))</f>
        <v/>
      </c>
      <c r="NE22" s="25"/>
      <c r="NF22" s="45" t="str">
        <f t="shared" si="2"/>
        <v/>
      </c>
      <c r="NG22" s="45"/>
      <c r="NH22" s="167"/>
      <c r="NI22" s="168"/>
      <c r="NJ22" s="9"/>
      <c r="NK22" s="171"/>
      <c r="NL22" s="163"/>
      <c r="NM22" s="9"/>
      <c r="NN22" s="16"/>
      <c r="NO22" s="131"/>
      <c r="NP22" s="15"/>
      <c r="NQ22" s="13"/>
      <c r="NR22" s="25"/>
      <c r="NS22" s="45"/>
      <c r="NT22" s="45"/>
      <c r="NU22" s="167"/>
      <c r="NV22" s="168"/>
      <c r="NW22" s="9"/>
      <c r="NX22" s="171"/>
      <c r="NY22" s="163"/>
      <c r="NZ22" s="9"/>
      <c r="OA22" s="16"/>
      <c r="OB22" s="131"/>
      <c r="OC22" s="15"/>
      <c r="OD22" s="13"/>
      <c r="OE22" s="25"/>
      <c r="OF22" s="45"/>
      <c r="OG22" s="45"/>
      <c r="OH22" s="167"/>
      <c r="OI22" s="168"/>
      <c r="OJ22" s="9"/>
      <c r="OK22" s="171"/>
      <c r="OL22" s="163"/>
      <c r="OM22" s="9"/>
      <c r="ON22" s="16"/>
      <c r="OO22" s="131"/>
      <c r="OP22" s="15"/>
      <c r="OQ22" s="13"/>
      <c r="OR22" s="25"/>
      <c r="OS22" s="45"/>
      <c r="OT22" s="45"/>
      <c r="OU22" s="167"/>
      <c r="OV22" s="168"/>
      <c r="OW22" s="9"/>
      <c r="OX22" s="171"/>
      <c r="OY22" s="163"/>
      <c r="OZ22" s="9"/>
      <c r="PA22" s="16"/>
      <c r="PB22" s="131"/>
      <c r="PC22" s="15"/>
      <c r="PD22" s="13"/>
      <c r="PE22" s="25"/>
      <c r="PF22" s="45"/>
      <c r="PG22" s="45"/>
      <c r="PH22" s="167"/>
      <c r="PI22" s="168"/>
      <c r="PJ22" s="9"/>
      <c r="PK22" s="171"/>
      <c r="PL22" s="163"/>
      <c r="PM22" s="9"/>
      <c r="PN22" s="16"/>
      <c r="PO22" s="131"/>
      <c r="PP22" s="15"/>
      <c r="PQ22" s="13"/>
      <c r="PR22" s="25"/>
      <c r="PS22" s="45"/>
      <c r="PT22" s="45"/>
      <c r="PU22" s="167"/>
      <c r="PV22" s="168"/>
      <c r="PW22" s="9"/>
      <c r="PX22" s="171"/>
      <c r="PY22" s="163"/>
      <c r="PZ22" s="9"/>
      <c r="QA22" s="16"/>
      <c r="QB22" s="131"/>
      <c r="QC22" s="15"/>
      <c r="QD22" s="13"/>
      <c r="QE22" s="25"/>
      <c r="QF22" s="45"/>
      <c r="QG22" s="45"/>
      <c r="QH22" s="167"/>
      <c r="QI22" s="168"/>
      <c r="QJ22" s="9"/>
      <c r="QK22" s="171"/>
      <c r="QL22" s="163"/>
      <c r="QM22" s="9"/>
      <c r="QN22" s="16"/>
      <c r="QO22" s="131"/>
      <c r="QP22" s="15"/>
      <c r="QQ22" s="13"/>
      <c r="QR22" s="25"/>
      <c r="QS22" s="45"/>
      <c r="QT22" s="45"/>
      <c r="QU22" s="167"/>
      <c r="QV22" s="168"/>
      <c r="QW22" s="9"/>
      <c r="QX22" s="171"/>
      <c r="QY22" s="163"/>
      <c r="QZ22" s="9"/>
      <c r="RA22" s="16"/>
      <c r="RB22" s="131"/>
      <c r="RC22" s="15"/>
      <c r="RD22" s="13"/>
      <c r="RE22" s="25"/>
      <c r="RF22" s="45"/>
      <c r="RG22" s="45"/>
      <c r="RH22" s="167"/>
      <c r="RI22" s="168"/>
      <c r="RJ22" s="9"/>
      <c r="RK22" s="171"/>
      <c r="RL22" s="163"/>
      <c r="RM22" s="9"/>
      <c r="RN22" s="16"/>
      <c r="RO22" s="131"/>
      <c r="RP22" s="15"/>
      <c r="RQ22" s="13"/>
      <c r="RR22" s="25"/>
      <c r="RS22" s="45"/>
      <c r="RT22" s="45"/>
      <c r="RU22" s="167"/>
      <c r="RV22" s="168"/>
      <c r="RW22" s="9"/>
      <c r="RX22" s="171"/>
      <c r="RY22" s="163"/>
      <c r="RZ22" s="9"/>
      <c r="SA22" s="16"/>
      <c r="SB22" s="131"/>
      <c r="SC22" s="15"/>
      <c r="SD22" s="13"/>
      <c r="SE22" s="25"/>
      <c r="SF22" s="45"/>
      <c r="SG22" s="45"/>
      <c r="SH22" s="167"/>
      <c r="SI22" s="168"/>
      <c r="SJ22" s="9"/>
      <c r="SK22" s="171"/>
      <c r="SL22" s="163"/>
      <c r="SM22" s="9"/>
    </row>
    <row r="23" spans="1:507" ht="15.6" customHeight="1">
      <c r="A23" s="16"/>
      <c r="B23" s="131"/>
      <c r="C23" s="15"/>
      <c r="D23" s="13"/>
      <c r="E23" s="26"/>
      <c r="F23" s="45"/>
      <c r="G23" s="45"/>
      <c r="H23" s="167"/>
      <c r="I23" s="168"/>
      <c r="J23" s="42"/>
      <c r="K23" s="181" t="s">
        <v>64</v>
      </c>
      <c r="L23" s="183"/>
      <c r="M23" s="9"/>
      <c r="N23" s="16"/>
      <c r="O23" s="131"/>
      <c r="P23" s="15"/>
      <c r="Q23" s="13"/>
      <c r="R23" s="25"/>
      <c r="S23" s="45"/>
      <c r="T23" s="45"/>
      <c r="U23" s="167"/>
      <c r="V23" s="168"/>
      <c r="W23" s="9"/>
      <c r="X23" s="160" t="s">
        <v>64</v>
      </c>
      <c r="Y23" s="172"/>
      <c r="Z23" s="9"/>
      <c r="AA23" s="16"/>
      <c r="AB23" s="131"/>
      <c r="AC23" s="15"/>
      <c r="AD23" s="13"/>
      <c r="AE23" s="26"/>
      <c r="AF23" s="45"/>
      <c r="AG23" s="45"/>
      <c r="AH23" s="167"/>
      <c r="AI23" s="168"/>
      <c r="AJ23" s="9"/>
      <c r="AK23" s="160" t="s">
        <v>64</v>
      </c>
      <c r="AL23" s="172"/>
      <c r="AM23" s="9"/>
      <c r="AN23" s="16"/>
      <c r="AO23" s="131"/>
      <c r="AP23" s="15"/>
      <c r="AQ23" s="13"/>
      <c r="AR23" s="26"/>
      <c r="AS23" s="45"/>
      <c r="AT23" s="45"/>
      <c r="AU23" s="167"/>
      <c r="AV23" s="168"/>
      <c r="AW23" s="9"/>
      <c r="AX23" s="160" t="s">
        <v>64</v>
      </c>
      <c r="AY23" s="172"/>
      <c r="AZ23" s="9"/>
      <c r="BA23" s="16"/>
      <c r="BB23" s="131"/>
      <c r="BC23" s="15"/>
      <c r="BD23" s="13"/>
      <c r="BE23" s="26"/>
      <c r="BF23" s="45"/>
      <c r="BG23" s="45"/>
      <c r="BH23" s="167"/>
      <c r="BI23" s="168"/>
      <c r="BJ23" s="9"/>
      <c r="BK23" s="160" t="s">
        <v>64</v>
      </c>
      <c r="BL23" s="172"/>
      <c r="BM23" s="9"/>
      <c r="BN23" s="16"/>
      <c r="BO23" s="131"/>
      <c r="BP23" s="15"/>
      <c r="BQ23" s="13"/>
      <c r="BR23" s="26"/>
      <c r="BS23" s="45"/>
      <c r="BT23" s="45"/>
      <c r="BU23" s="167"/>
      <c r="BV23" s="168"/>
      <c r="BW23" s="9"/>
      <c r="BX23" s="160" t="s">
        <v>64</v>
      </c>
      <c r="BY23" s="172"/>
      <c r="BZ23" s="9"/>
      <c r="CA23" s="16"/>
      <c r="CB23" s="131"/>
      <c r="CC23" s="15"/>
      <c r="CD23" s="13"/>
      <c r="CE23" s="26"/>
      <c r="CF23" s="45"/>
      <c r="CG23" s="45"/>
      <c r="CH23" s="167"/>
      <c r="CI23" s="168"/>
      <c r="CJ23" s="9"/>
      <c r="CK23" s="160" t="s">
        <v>64</v>
      </c>
      <c r="CL23" s="172"/>
      <c r="CM23" s="9"/>
      <c r="CN23" s="16"/>
      <c r="CO23" s="131"/>
      <c r="CP23" s="15"/>
      <c r="CQ23" s="13"/>
      <c r="CR23" s="26"/>
      <c r="CS23" s="45"/>
      <c r="CT23" s="45"/>
      <c r="CU23" s="167"/>
      <c r="CV23" s="168"/>
      <c r="CW23" s="9"/>
      <c r="CX23" s="160" t="s">
        <v>64</v>
      </c>
      <c r="CY23" s="172"/>
      <c r="CZ23" s="9"/>
      <c r="DA23" s="16"/>
      <c r="DB23" s="131"/>
      <c r="DC23" s="15"/>
      <c r="DD23" s="13"/>
      <c r="DE23" s="26"/>
      <c r="DF23" s="45"/>
      <c r="DG23" s="45"/>
      <c r="DH23" s="167"/>
      <c r="DI23" s="168"/>
      <c r="DJ23" s="9"/>
      <c r="DK23" s="160" t="s">
        <v>64</v>
      </c>
      <c r="DL23" s="172"/>
      <c r="DM23" s="9"/>
      <c r="DN23" s="16"/>
      <c r="DO23" s="131"/>
      <c r="DP23" s="15"/>
      <c r="DQ23" s="13"/>
      <c r="DR23" s="26"/>
      <c r="DS23" s="45"/>
      <c r="DT23" s="45"/>
      <c r="DU23" s="167"/>
      <c r="DV23" s="168"/>
      <c r="DW23" s="9"/>
      <c r="DX23" s="160" t="s">
        <v>64</v>
      </c>
      <c r="DY23" s="172"/>
      <c r="DZ23" s="9"/>
      <c r="EA23" s="16"/>
      <c r="EB23" s="131"/>
      <c r="EC23" s="15"/>
      <c r="ED23" s="13"/>
      <c r="EE23" s="26"/>
      <c r="EF23" s="45"/>
      <c r="EG23" s="45"/>
      <c r="EH23" s="167"/>
      <c r="EI23" s="168"/>
      <c r="EJ23" s="9"/>
      <c r="EK23" s="160" t="s">
        <v>64</v>
      </c>
      <c r="EL23" s="172"/>
      <c r="EM23" s="9"/>
      <c r="EN23" s="16"/>
      <c r="EO23" s="131"/>
      <c r="EP23" s="15"/>
      <c r="EQ23" s="13"/>
      <c r="ER23" s="26"/>
      <c r="ES23" s="45"/>
      <c r="ET23" s="45"/>
      <c r="EU23" s="167"/>
      <c r="EV23" s="168"/>
      <c r="EW23" s="9"/>
      <c r="EX23" s="160" t="s">
        <v>64</v>
      </c>
      <c r="EY23" s="172"/>
      <c r="EZ23" s="9"/>
      <c r="FA23" s="16"/>
      <c r="FB23" s="131"/>
      <c r="FC23" s="15"/>
      <c r="FD23" s="13"/>
      <c r="FE23" s="26"/>
      <c r="FF23" s="45"/>
      <c r="FG23" s="45"/>
      <c r="FH23" s="167"/>
      <c r="FI23" s="168"/>
      <c r="FJ23" s="9"/>
      <c r="FK23" s="160" t="s">
        <v>64</v>
      </c>
      <c r="FL23" s="172"/>
      <c r="FM23" s="9"/>
      <c r="FN23" s="16"/>
      <c r="FO23" s="131"/>
      <c r="FP23" s="15"/>
      <c r="FQ23" s="13"/>
      <c r="FR23" s="26"/>
      <c r="FS23" s="45"/>
      <c r="FT23" s="45"/>
      <c r="FU23" s="167"/>
      <c r="FV23" s="168"/>
      <c r="FW23" s="9"/>
      <c r="FX23" s="160" t="s">
        <v>64</v>
      </c>
      <c r="FY23" s="172"/>
      <c r="FZ23" s="9"/>
      <c r="GA23" s="16"/>
      <c r="GB23" s="131"/>
      <c r="GC23" s="15"/>
      <c r="GD23" s="13"/>
      <c r="GE23" s="25"/>
      <c r="GF23" s="45"/>
      <c r="GG23" s="45"/>
      <c r="GH23" s="167"/>
      <c r="GI23" s="168"/>
      <c r="GJ23" s="9"/>
      <c r="GK23" s="160" t="s">
        <v>64</v>
      </c>
      <c r="GL23" s="172"/>
      <c r="GM23" s="9"/>
      <c r="GN23" s="16"/>
      <c r="GO23" s="131"/>
      <c r="GP23" s="15"/>
      <c r="GQ23" s="13"/>
      <c r="GR23" s="25"/>
      <c r="GS23" s="45"/>
      <c r="GT23" s="45"/>
      <c r="GU23" s="167"/>
      <c r="GV23" s="168"/>
      <c r="GW23" s="9"/>
      <c r="GX23" s="160" t="s">
        <v>64</v>
      </c>
      <c r="GY23" s="172"/>
      <c r="GZ23" s="9"/>
      <c r="HA23" s="16"/>
      <c r="HB23" s="131"/>
      <c r="HC23" s="15"/>
      <c r="HD23" s="13"/>
      <c r="HE23" s="26"/>
      <c r="HF23" s="45"/>
      <c r="HG23" s="45"/>
      <c r="HH23" s="167"/>
      <c r="HI23" s="168"/>
      <c r="HJ23" s="9"/>
      <c r="HK23" s="160" t="s">
        <v>64</v>
      </c>
      <c r="HL23" s="172"/>
      <c r="HM23" s="9"/>
      <c r="HN23" s="16"/>
      <c r="HO23" s="131"/>
      <c r="HP23" s="15"/>
      <c r="HQ23" s="13"/>
      <c r="HR23" s="25"/>
      <c r="HS23" s="45"/>
      <c r="HT23" s="45"/>
      <c r="HU23" s="167"/>
      <c r="HV23" s="168"/>
      <c r="HW23" s="9"/>
      <c r="HX23" s="160" t="s">
        <v>64</v>
      </c>
      <c r="HY23" s="172"/>
      <c r="HZ23" s="9"/>
      <c r="IA23" s="16"/>
      <c r="IB23" s="131"/>
      <c r="IC23" s="15"/>
      <c r="ID23" s="13"/>
      <c r="IE23" s="25"/>
      <c r="IF23" s="45"/>
      <c r="IG23" s="45"/>
      <c r="IH23" s="167"/>
      <c r="II23" s="168"/>
      <c r="IJ23" s="9"/>
      <c r="IK23" s="160" t="s">
        <v>64</v>
      </c>
      <c r="IL23" s="172"/>
      <c r="IM23" s="9"/>
      <c r="IN23" s="16"/>
      <c r="IO23" s="131"/>
      <c r="IP23" s="15"/>
      <c r="IQ23" s="13"/>
      <c r="IR23" s="25"/>
      <c r="IS23" s="45"/>
      <c r="IT23" s="45"/>
      <c r="IU23" s="167"/>
      <c r="IV23" s="168"/>
      <c r="IW23" s="9"/>
      <c r="IX23" s="160" t="s">
        <v>64</v>
      </c>
      <c r="IY23" s="172"/>
      <c r="IZ23" s="9"/>
      <c r="JA23" s="16"/>
      <c r="JB23" s="131"/>
      <c r="JC23" s="15"/>
      <c r="JD23" s="13"/>
      <c r="JE23" s="25"/>
      <c r="JF23" s="45"/>
      <c r="JG23" s="45"/>
      <c r="JH23" s="167"/>
      <c r="JI23" s="168"/>
      <c r="JJ23" s="9"/>
      <c r="JK23" s="160" t="s">
        <v>64</v>
      </c>
      <c r="JL23" s="172"/>
      <c r="JM23" s="9"/>
      <c r="JN23" s="16"/>
      <c r="JO23" s="131"/>
      <c r="JP23" s="15"/>
      <c r="JQ23" s="13"/>
      <c r="JR23" s="25"/>
      <c r="JS23" s="45"/>
      <c r="JT23" s="45"/>
      <c r="JU23" s="167"/>
      <c r="JV23" s="168"/>
      <c r="JW23" s="9"/>
      <c r="JX23" s="160" t="s">
        <v>64</v>
      </c>
      <c r="JY23" s="172"/>
      <c r="JZ23" s="9"/>
      <c r="KA23" s="16"/>
      <c r="KB23" s="131"/>
      <c r="KC23" s="15"/>
      <c r="KD23" s="13"/>
      <c r="KE23" s="25"/>
      <c r="KF23" s="45"/>
      <c r="KG23" s="45"/>
      <c r="KH23" s="167"/>
      <c r="KI23" s="168"/>
      <c r="KJ23" s="9"/>
      <c r="KK23" s="160" t="s">
        <v>64</v>
      </c>
      <c r="KL23" s="172"/>
      <c r="KM23" s="9"/>
      <c r="KN23" s="16"/>
      <c r="KO23" s="131"/>
      <c r="KP23" s="15"/>
      <c r="KQ23" s="13"/>
      <c r="KR23" s="25"/>
      <c r="KS23" s="45"/>
      <c r="KT23" s="45"/>
      <c r="KU23" s="167"/>
      <c r="KV23" s="168"/>
      <c r="KW23" s="9"/>
      <c r="KX23" s="160" t="s">
        <v>64</v>
      </c>
      <c r="KY23" s="172"/>
      <c r="KZ23" s="9"/>
      <c r="LA23" s="16"/>
      <c r="LB23" s="131"/>
      <c r="LC23" s="15"/>
      <c r="LD23" s="13"/>
      <c r="LE23" s="25"/>
      <c r="LF23" s="45"/>
      <c r="LG23" s="45"/>
      <c r="LH23" s="167"/>
      <c r="LI23" s="168"/>
      <c r="LJ23" s="9"/>
      <c r="LK23" s="160" t="s">
        <v>64</v>
      </c>
      <c r="LL23" s="172"/>
      <c r="LM23" s="9"/>
      <c r="LN23" s="16"/>
      <c r="LO23" s="131"/>
      <c r="LP23" s="15"/>
      <c r="LQ23" s="13"/>
      <c r="LR23" s="25"/>
      <c r="LS23" s="45"/>
      <c r="LT23" s="45"/>
      <c r="LU23" s="167"/>
      <c r="LV23" s="168"/>
      <c r="LW23" s="9"/>
      <c r="LX23" s="160" t="s">
        <v>64</v>
      </c>
      <c r="LY23" s="172"/>
      <c r="LZ23" s="9"/>
      <c r="MA23" s="16"/>
      <c r="MB23" s="131"/>
      <c r="MC23" s="15"/>
      <c r="MD23" s="13"/>
      <c r="ME23" s="25"/>
      <c r="MF23" s="45"/>
      <c r="MG23" s="45"/>
      <c r="MH23" s="167"/>
      <c r="MI23" s="168"/>
      <c r="MJ23" s="9"/>
      <c r="MK23" s="160" t="s">
        <v>64</v>
      </c>
      <c r="ML23" s="172"/>
      <c r="MM23" s="9"/>
      <c r="MN23" s="16"/>
      <c r="MO23" s="131"/>
      <c r="MP23" s="15"/>
      <c r="MQ23" s="13"/>
      <c r="MR23" s="25"/>
      <c r="MS23" s="45"/>
      <c r="MT23" s="45"/>
      <c r="MU23" s="167"/>
      <c r="MV23" s="168"/>
      <c r="MW23" s="9"/>
      <c r="MX23" s="160" t="s">
        <v>64</v>
      </c>
      <c r="MY23" s="172"/>
      <c r="MZ23" s="9"/>
      <c r="NA23" s="16"/>
      <c r="NB23" s="131" t="str">
        <f t="shared" si="0"/>
        <v/>
      </c>
      <c r="NC23" s="15" t="str">
        <f>IF(NC22="","",IF(NC22='（参考）【別紙２】'!$E$35,"",IF(MONTH(NC22)=MONTH(NC22+1),NC22+1,"")))</f>
        <v/>
      </c>
      <c r="ND23" s="13" t="str">
        <f>IF(COUNTIF(祝日一覧!$E$2:$E$142,NC23),"○",IF(NG23&lt;&gt;"","○",""))</f>
        <v/>
      </c>
      <c r="NE23" s="25"/>
      <c r="NF23" s="45" t="str">
        <f t="shared" si="2"/>
        <v/>
      </c>
      <c r="NG23" s="45"/>
      <c r="NH23" s="167"/>
      <c r="NI23" s="168"/>
      <c r="NJ23" s="9"/>
      <c r="NK23" s="160" t="s">
        <v>64</v>
      </c>
      <c r="NL23" s="172"/>
      <c r="NM23" s="9"/>
      <c r="NN23" s="16"/>
      <c r="NO23" s="131"/>
      <c r="NP23" s="15"/>
      <c r="NQ23" s="13"/>
      <c r="NR23" s="25"/>
      <c r="NS23" s="45"/>
      <c r="NT23" s="45"/>
      <c r="NU23" s="167"/>
      <c r="NV23" s="168"/>
      <c r="NW23" s="9"/>
      <c r="NX23" s="160" t="s">
        <v>64</v>
      </c>
      <c r="NY23" s="172"/>
      <c r="NZ23" s="9"/>
      <c r="OA23" s="16"/>
      <c r="OB23" s="131"/>
      <c r="OC23" s="15"/>
      <c r="OD23" s="13"/>
      <c r="OE23" s="25"/>
      <c r="OF23" s="45"/>
      <c r="OG23" s="45"/>
      <c r="OH23" s="167"/>
      <c r="OI23" s="168"/>
      <c r="OJ23" s="9"/>
      <c r="OK23" s="160" t="s">
        <v>64</v>
      </c>
      <c r="OL23" s="172"/>
      <c r="OM23" s="9"/>
      <c r="ON23" s="16"/>
      <c r="OO23" s="131"/>
      <c r="OP23" s="15"/>
      <c r="OQ23" s="13"/>
      <c r="OR23" s="25"/>
      <c r="OS23" s="45"/>
      <c r="OT23" s="45"/>
      <c r="OU23" s="167"/>
      <c r="OV23" s="168"/>
      <c r="OW23" s="9"/>
      <c r="OX23" s="160" t="s">
        <v>64</v>
      </c>
      <c r="OY23" s="172"/>
      <c r="OZ23" s="9"/>
      <c r="PA23" s="16"/>
      <c r="PB23" s="131"/>
      <c r="PC23" s="15"/>
      <c r="PD23" s="13"/>
      <c r="PE23" s="25"/>
      <c r="PF23" s="45"/>
      <c r="PG23" s="45"/>
      <c r="PH23" s="167"/>
      <c r="PI23" s="168"/>
      <c r="PJ23" s="9"/>
      <c r="PK23" s="160" t="s">
        <v>64</v>
      </c>
      <c r="PL23" s="172"/>
      <c r="PM23" s="9"/>
      <c r="PN23" s="16"/>
      <c r="PO23" s="131"/>
      <c r="PP23" s="15"/>
      <c r="PQ23" s="13"/>
      <c r="PR23" s="25"/>
      <c r="PS23" s="45"/>
      <c r="PT23" s="45"/>
      <c r="PU23" s="167"/>
      <c r="PV23" s="168"/>
      <c r="PW23" s="9"/>
      <c r="PX23" s="160" t="s">
        <v>64</v>
      </c>
      <c r="PY23" s="172"/>
      <c r="PZ23" s="9"/>
      <c r="QA23" s="16"/>
      <c r="QB23" s="131"/>
      <c r="QC23" s="15"/>
      <c r="QD23" s="13"/>
      <c r="QE23" s="25"/>
      <c r="QF23" s="45"/>
      <c r="QG23" s="45"/>
      <c r="QH23" s="167"/>
      <c r="QI23" s="168"/>
      <c r="QJ23" s="9"/>
      <c r="QK23" s="160" t="s">
        <v>64</v>
      </c>
      <c r="QL23" s="172"/>
      <c r="QM23" s="9"/>
      <c r="QN23" s="16"/>
      <c r="QO23" s="131"/>
      <c r="QP23" s="15"/>
      <c r="QQ23" s="13"/>
      <c r="QR23" s="25"/>
      <c r="QS23" s="45"/>
      <c r="QT23" s="45"/>
      <c r="QU23" s="167"/>
      <c r="QV23" s="168"/>
      <c r="QW23" s="9"/>
      <c r="QX23" s="160" t="s">
        <v>64</v>
      </c>
      <c r="QY23" s="172"/>
      <c r="QZ23" s="9"/>
      <c r="RA23" s="16"/>
      <c r="RB23" s="131"/>
      <c r="RC23" s="15"/>
      <c r="RD23" s="13"/>
      <c r="RE23" s="25"/>
      <c r="RF23" s="45"/>
      <c r="RG23" s="45"/>
      <c r="RH23" s="167"/>
      <c r="RI23" s="168"/>
      <c r="RJ23" s="9"/>
      <c r="RK23" s="160" t="s">
        <v>64</v>
      </c>
      <c r="RL23" s="172"/>
      <c r="RM23" s="9"/>
      <c r="RN23" s="16"/>
      <c r="RO23" s="131"/>
      <c r="RP23" s="15"/>
      <c r="RQ23" s="13"/>
      <c r="RR23" s="25"/>
      <c r="RS23" s="45"/>
      <c r="RT23" s="45"/>
      <c r="RU23" s="167"/>
      <c r="RV23" s="168"/>
      <c r="RW23" s="9"/>
      <c r="RX23" s="160" t="s">
        <v>64</v>
      </c>
      <c r="RY23" s="172"/>
      <c r="RZ23" s="9"/>
      <c r="SA23" s="16"/>
      <c r="SB23" s="131"/>
      <c r="SC23" s="15"/>
      <c r="SD23" s="13"/>
      <c r="SE23" s="25"/>
      <c r="SF23" s="45"/>
      <c r="SG23" s="45"/>
      <c r="SH23" s="167"/>
      <c r="SI23" s="168"/>
      <c r="SJ23" s="9"/>
      <c r="SK23" s="160" t="s">
        <v>64</v>
      </c>
      <c r="SL23" s="172"/>
      <c r="SM23" s="9"/>
    </row>
    <row r="24" spans="1:507" ht="15.6" customHeight="1">
      <c r="A24" s="16"/>
      <c r="B24" s="131"/>
      <c r="C24" s="15"/>
      <c r="D24" s="13"/>
      <c r="E24" s="26"/>
      <c r="F24" s="45"/>
      <c r="G24" s="45"/>
      <c r="H24" s="167"/>
      <c r="I24" s="168"/>
      <c r="J24" s="42"/>
      <c r="K24" s="181"/>
      <c r="L24" s="183"/>
      <c r="M24" s="9"/>
      <c r="N24" s="16"/>
      <c r="O24" s="131"/>
      <c r="P24" s="15"/>
      <c r="Q24" s="13"/>
      <c r="R24" s="26"/>
      <c r="S24" s="45"/>
      <c r="T24" s="45"/>
      <c r="U24" s="167"/>
      <c r="V24" s="168"/>
      <c r="W24" s="9"/>
      <c r="X24" s="161"/>
      <c r="Y24" s="184"/>
      <c r="Z24" s="9"/>
      <c r="AA24" s="16"/>
      <c r="AB24" s="131"/>
      <c r="AC24" s="15"/>
      <c r="AD24" s="13"/>
      <c r="AE24" s="26"/>
      <c r="AF24" s="45"/>
      <c r="AG24" s="45"/>
      <c r="AH24" s="167"/>
      <c r="AI24" s="168"/>
      <c r="AJ24" s="9"/>
      <c r="AK24" s="161"/>
      <c r="AL24" s="184"/>
      <c r="AM24" s="9"/>
      <c r="AN24" s="16"/>
      <c r="AO24" s="131"/>
      <c r="AP24" s="15"/>
      <c r="AQ24" s="13"/>
      <c r="AR24" s="26"/>
      <c r="AS24" s="45"/>
      <c r="AT24" s="45"/>
      <c r="AU24" s="167"/>
      <c r="AV24" s="168"/>
      <c r="AW24" s="9"/>
      <c r="AX24" s="161"/>
      <c r="AY24" s="184"/>
      <c r="AZ24" s="9"/>
      <c r="BA24" s="16"/>
      <c r="BB24" s="131"/>
      <c r="BC24" s="15"/>
      <c r="BD24" s="13"/>
      <c r="BE24" s="26"/>
      <c r="BF24" s="45"/>
      <c r="BG24" s="45"/>
      <c r="BH24" s="167"/>
      <c r="BI24" s="168"/>
      <c r="BJ24" s="9"/>
      <c r="BK24" s="161"/>
      <c r="BL24" s="184"/>
      <c r="BM24" s="9"/>
      <c r="BN24" s="16"/>
      <c r="BO24" s="131"/>
      <c r="BP24" s="15"/>
      <c r="BQ24" s="13"/>
      <c r="BR24" s="26"/>
      <c r="BS24" s="45"/>
      <c r="BT24" s="45"/>
      <c r="BU24" s="167"/>
      <c r="BV24" s="168"/>
      <c r="BW24" s="9"/>
      <c r="BX24" s="161"/>
      <c r="BY24" s="184"/>
      <c r="BZ24" s="9"/>
      <c r="CA24" s="16"/>
      <c r="CB24" s="131"/>
      <c r="CC24" s="15"/>
      <c r="CD24" s="13"/>
      <c r="CE24" s="26"/>
      <c r="CF24" s="45"/>
      <c r="CG24" s="45"/>
      <c r="CH24" s="167"/>
      <c r="CI24" s="168"/>
      <c r="CJ24" s="9"/>
      <c r="CK24" s="161"/>
      <c r="CL24" s="184"/>
      <c r="CM24" s="9"/>
      <c r="CN24" s="16"/>
      <c r="CO24" s="131"/>
      <c r="CP24" s="15"/>
      <c r="CQ24" s="13"/>
      <c r="CR24" s="26"/>
      <c r="CS24" s="45"/>
      <c r="CT24" s="45"/>
      <c r="CU24" s="167"/>
      <c r="CV24" s="168"/>
      <c r="CW24" s="9"/>
      <c r="CX24" s="161"/>
      <c r="CY24" s="184"/>
      <c r="CZ24" s="9"/>
      <c r="DA24" s="16"/>
      <c r="DB24" s="131"/>
      <c r="DC24" s="15"/>
      <c r="DD24" s="13"/>
      <c r="DE24" s="26"/>
      <c r="DF24" s="45"/>
      <c r="DG24" s="45"/>
      <c r="DH24" s="167"/>
      <c r="DI24" s="168"/>
      <c r="DJ24" s="9"/>
      <c r="DK24" s="161"/>
      <c r="DL24" s="184"/>
      <c r="DM24" s="9"/>
      <c r="DN24" s="16"/>
      <c r="DO24" s="131"/>
      <c r="DP24" s="15"/>
      <c r="DQ24" s="13"/>
      <c r="DR24" s="26"/>
      <c r="DS24" s="45"/>
      <c r="DT24" s="45"/>
      <c r="DU24" s="167"/>
      <c r="DV24" s="168"/>
      <c r="DW24" s="9"/>
      <c r="DX24" s="161"/>
      <c r="DY24" s="184"/>
      <c r="DZ24" s="9"/>
      <c r="EA24" s="16"/>
      <c r="EB24" s="131"/>
      <c r="EC24" s="15"/>
      <c r="ED24" s="13"/>
      <c r="EE24" s="26"/>
      <c r="EF24" s="45"/>
      <c r="EG24" s="45"/>
      <c r="EH24" s="167"/>
      <c r="EI24" s="168"/>
      <c r="EJ24" s="9"/>
      <c r="EK24" s="161"/>
      <c r="EL24" s="184"/>
      <c r="EM24" s="9"/>
      <c r="EN24" s="16"/>
      <c r="EO24" s="131"/>
      <c r="EP24" s="15"/>
      <c r="EQ24" s="13"/>
      <c r="ER24" s="26"/>
      <c r="ES24" s="45"/>
      <c r="ET24" s="45"/>
      <c r="EU24" s="167"/>
      <c r="EV24" s="168"/>
      <c r="EW24" s="9"/>
      <c r="EX24" s="161"/>
      <c r="EY24" s="184"/>
      <c r="EZ24" s="9"/>
      <c r="FA24" s="16"/>
      <c r="FB24" s="131"/>
      <c r="FC24" s="15"/>
      <c r="FD24" s="13"/>
      <c r="FE24" s="26"/>
      <c r="FF24" s="45"/>
      <c r="FG24" s="45"/>
      <c r="FH24" s="167"/>
      <c r="FI24" s="168"/>
      <c r="FJ24" s="9"/>
      <c r="FK24" s="161"/>
      <c r="FL24" s="184"/>
      <c r="FM24" s="9"/>
      <c r="FN24" s="16"/>
      <c r="FO24" s="131"/>
      <c r="FP24" s="15"/>
      <c r="FQ24" s="13"/>
      <c r="FR24" s="26"/>
      <c r="FS24" s="45"/>
      <c r="FT24" s="45"/>
      <c r="FU24" s="167"/>
      <c r="FV24" s="168"/>
      <c r="FW24" s="9"/>
      <c r="FX24" s="161"/>
      <c r="FY24" s="184"/>
      <c r="FZ24" s="9"/>
      <c r="GA24" s="16"/>
      <c r="GB24" s="131"/>
      <c r="GC24" s="15"/>
      <c r="GD24" s="13"/>
      <c r="GE24" s="25"/>
      <c r="GF24" s="45"/>
      <c r="GG24" s="45"/>
      <c r="GH24" s="167"/>
      <c r="GI24" s="168"/>
      <c r="GJ24" s="9"/>
      <c r="GK24" s="161"/>
      <c r="GL24" s="184"/>
      <c r="GM24" s="9"/>
      <c r="GN24" s="16"/>
      <c r="GO24" s="131"/>
      <c r="GP24" s="15"/>
      <c r="GQ24" s="13"/>
      <c r="GR24" s="25"/>
      <c r="GS24" s="45"/>
      <c r="GT24" s="45"/>
      <c r="GU24" s="167"/>
      <c r="GV24" s="168"/>
      <c r="GW24" s="9"/>
      <c r="GX24" s="161"/>
      <c r="GY24" s="184"/>
      <c r="GZ24" s="9"/>
      <c r="HA24" s="16"/>
      <c r="HB24" s="131"/>
      <c r="HC24" s="15"/>
      <c r="HD24" s="13"/>
      <c r="HE24" s="26"/>
      <c r="HF24" s="45"/>
      <c r="HG24" s="45"/>
      <c r="HH24" s="167"/>
      <c r="HI24" s="168"/>
      <c r="HJ24" s="9"/>
      <c r="HK24" s="161"/>
      <c r="HL24" s="184"/>
      <c r="HM24" s="9"/>
      <c r="HN24" s="16"/>
      <c r="HO24" s="131"/>
      <c r="HP24" s="15"/>
      <c r="HQ24" s="13"/>
      <c r="HR24" s="25"/>
      <c r="HS24" s="45"/>
      <c r="HT24" s="45"/>
      <c r="HU24" s="167"/>
      <c r="HV24" s="168"/>
      <c r="HW24" s="9"/>
      <c r="HX24" s="161"/>
      <c r="HY24" s="184"/>
      <c r="HZ24" s="9"/>
      <c r="IA24" s="16"/>
      <c r="IB24" s="131"/>
      <c r="IC24" s="15"/>
      <c r="ID24" s="13"/>
      <c r="IE24" s="25"/>
      <c r="IF24" s="45"/>
      <c r="IG24" s="45"/>
      <c r="IH24" s="167"/>
      <c r="II24" s="168"/>
      <c r="IJ24" s="9"/>
      <c r="IK24" s="161"/>
      <c r="IL24" s="184"/>
      <c r="IM24" s="9"/>
      <c r="IN24" s="16"/>
      <c r="IO24" s="131"/>
      <c r="IP24" s="15"/>
      <c r="IQ24" s="13"/>
      <c r="IR24" s="25"/>
      <c r="IS24" s="45"/>
      <c r="IT24" s="45"/>
      <c r="IU24" s="167"/>
      <c r="IV24" s="168"/>
      <c r="IW24" s="9"/>
      <c r="IX24" s="161"/>
      <c r="IY24" s="184"/>
      <c r="IZ24" s="9"/>
      <c r="JA24" s="16"/>
      <c r="JB24" s="131"/>
      <c r="JC24" s="15"/>
      <c r="JD24" s="13"/>
      <c r="JE24" s="25"/>
      <c r="JF24" s="45"/>
      <c r="JG24" s="45"/>
      <c r="JH24" s="167"/>
      <c r="JI24" s="168"/>
      <c r="JJ24" s="9"/>
      <c r="JK24" s="161"/>
      <c r="JL24" s="184"/>
      <c r="JM24" s="9"/>
      <c r="JN24" s="16"/>
      <c r="JO24" s="131"/>
      <c r="JP24" s="15"/>
      <c r="JQ24" s="13"/>
      <c r="JR24" s="25"/>
      <c r="JS24" s="45"/>
      <c r="JT24" s="45"/>
      <c r="JU24" s="167"/>
      <c r="JV24" s="168"/>
      <c r="JW24" s="9"/>
      <c r="JX24" s="161"/>
      <c r="JY24" s="184"/>
      <c r="JZ24" s="9"/>
      <c r="KA24" s="16"/>
      <c r="KB24" s="131"/>
      <c r="KC24" s="15"/>
      <c r="KD24" s="13"/>
      <c r="KE24" s="25"/>
      <c r="KF24" s="45"/>
      <c r="KG24" s="45"/>
      <c r="KH24" s="167"/>
      <c r="KI24" s="168"/>
      <c r="KJ24" s="9"/>
      <c r="KK24" s="161"/>
      <c r="KL24" s="184"/>
      <c r="KM24" s="9"/>
      <c r="KN24" s="16"/>
      <c r="KO24" s="131"/>
      <c r="KP24" s="15"/>
      <c r="KQ24" s="13"/>
      <c r="KR24" s="25"/>
      <c r="KS24" s="45"/>
      <c r="KT24" s="45"/>
      <c r="KU24" s="167"/>
      <c r="KV24" s="168"/>
      <c r="KW24" s="9"/>
      <c r="KX24" s="161"/>
      <c r="KY24" s="184"/>
      <c r="KZ24" s="9"/>
      <c r="LA24" s="16"/>
      <c r="LB24" s="131"/>
      <c r="LC24" s="15"/>
      <c r="LD24" s="13"/>
      <c r="LE24" s="25"/>
      <c r="LF24" s="45"/>
      <c r="LG24" s="45"/>
      <c r="LH24" s="167"/>
      <c r="LI24" s="168"/>
      <c r="LJ24" s="9"/>
      <c r="LK24" s="161"/>
      <c r="LL24" s="184"/>
      <c r="LM24" s="9"/>
      <c r="LN24" s="16"/>
      <c r="LO24" s="131"/>
      <c r="LP24" s="15"/>
      <c r="LQ24" s="13"/>
      <c r="LR24" s="25"/>
      <c r="LS24" s="45"/>
      <c r="LT24" s="45"/>
      <c r="LU24" s="167"/>
      <c r="LV24" s="168"/>
      <c r="LW24" s="9"/>
      <c r="LX24" s="161"/>
      <c r="LY24" s="184"/>
      <c r="LZ24" s="9"/>
      <c r="MA24" s="16"/>
      <c r="MB24" s="131"/>
      <c r="MC24" s="15"/>
      <c r="MD24" s="13"/>
      <c r="ME24" s="25"/>
      <c r="MF24" s="45"/>
      <c r="MG24" s="45"/>
      <c r="MH24" s="167"/>
      <c r="MI24" s="168"/>
      <c r="MJ24" s="9"/>
      <c r="MK24" s="161"/>
      <c r="ML24" s="184"/>
      <c r="MM24" s="9"/>
      <c r="MN24" s="16"/>
      <c r="MO24" s="131"/>
      <c r="MP24" s="15"/>
      <c r="MQ24" s="13"/>
      <c r="MR24" s="25"/>
      <c r="MS24" s="45"/>
      <c r="MT24" s="45"/>
      <c r="MU24" s="167"/>
      <c r="MV24" s="168"/>
      <c r="MW24" s="9"/>
      <c r="MX24" s="161"/>
      <c r="MY24" s="184"/>
      <c r="MZ24" s="9"/>
      <c r="NA24" s="16"/>
      <c r="NB24" s="131" t="str">
        <f t="shared" si="0"/>
        <v/>
      </c>
      <c r="NC24" s="15" t="str">
        <f>IF(NC23="","",IF(NC23='（参考）【別紙２】'!$E$35,"",IF(MONTH(NC23)=MONTH(NC23+1),NC23+1,"")))</f>
        <v/>
      </c>
      <c r="ND24" s="13" t="str">
        <f>IF(COUNTIF(祝日一覧!$E$2:$E$142,NC24),"○",IF(NG24&lt;&gt;"","○",""))</f>
        <v/>
      </c>
      <c r="NE24" s="25"/>
      <c r="NF24" s="45" t="str">
        <f t="shared" si="2"/>
        <v/>
      </c>
      <c r="NG24" s="45"/>
      <c r="NH24" s="167"/>
      <c r="NI24" s="168"/>
      <c r="NJ24" s="9"/>
      <c r="NK24" s="161"/>
      <c r="NL24" s="184"/>
      <c r="NM24" s="9"/>
      <c r="NN24" s="16"/>
      <c r="NO24" s="131"/>
      <c r="NP24" s="15"/>
      <c r="NQ24" s="13"/>
      <c r="NR24" s="25"/>
      <c r="NS24" s="45"/>
      <c r="NT24" s="45"/>
      <c r="NU24" s="167"/>
      <c r="NV24" s="168"/>
      <c r="NW24" s="9"/>
      <c r="NX24" s="161"/>
      <c r="NY24" s="184"/>
      <c r="NZ24" s="9"/>
      <c r="OA24" s="16"/>
      <c r="OB24" s="131"/>
      <c r="OC24" s="15"/>
      <c r="OD24" s="13"/>
      <c r="OE24" s="25"/>
      <c r="OF24" s="45"/>
      <c r="OG24" s="45"/>
      <c r="OH24" s="167"/>
      <c r="OI24" s="168"/>
      <c r="OJ24" s="9"/>
      <c r="OK24" s="161"/>
      <c r="OL24" s="184"/>
      <c r="OM24" s="9"/>
      <c r="ON24" s="16"/>
      <c r="OO24" s="131"/>
      <c r="OP24" s="15"/>
      <c r="OQ24" s="13"/>
      <c r="OR24" s="25"/>
      <c r="OS24" s="45"/>
      <c r="OT24" s="45"/>
      <c r="OU24" s="167"/>
      <c r="OV24" s="168"/>
      <c r="OW24" s="9"/>
      <c r="OX24" s="161"/>
      <c r="OY24" s="184"/>
      <c r="OZ24" s="9"/>
      <c r="PA24" s="16"/>
      <c r="PB24" s="131"/>
      <c r="PC24" s="15"/>
      <c r="PD24" s="13"/>
      <c r="PE24" s="25"/>
      <c r="PF24" s="45"/>
      <c r="PG24" s="45"/>
      <c r="PH24" s="167"/>
      <c r="PI24" s="168"/>
      <c r="PJ24" s="9"/>
      <c r="PK24" s="161"/>
      <c r="PL24" s="184"/>
      <c r="PM24" s="9"/>
      <c r="PN24" s="16"/>
      <c r="PO24" s="131"/>
      <c r="PP24" s="15"/>
      <c r="PQ24" s="13"/>
      <c r="PR24" s="25"/>
      <c r="PS24" s="45"/>
      <c r="PT24" s="45"/>
      <c r="PU24" s="167"/>
      <c r="PV24" s="168"/>
      <c r="PW24" s="9"/>
      <c r="PX24" s="161"/>
      <c r="PY24" s="184"/>
      <c r="PZ24" s="9"/>
      <c r="QA24" s="16"/>
      <c r="QB24" s="131"/>
      <c r="QC24" s="15"/>
      <c r="QD24" s="13"/>
      <c r="QE24" s="25"/>
      <c r="QF24" s="45"/>
      <c r="QG24" s="45"/>
      <c r="QH24" s="167"/>
      <c r="QI24" s="168"/>
      <c r="QJ24" s="9"/>
      <c r="QK24" s="161"/>
      <c r="QL24" s="184"/>
      <c r="QM24" s="9"/>
      <c r="QN24" s="16"/>
      <c r="QO24" s="131"/>
      <c r="QP24" s="15"/>
      <c r="QQ24" s="13"/>
      <c r="QR24" s="25"/>
      <c r="QS24" s="45"/>
      <c r="QT24" s="45"/>
      <c r="QU24" s="167"/>
      <c r="QV24" s="168"/>
      <c r="QW24" s="9"/>
      <c r="QX24" s="161"/>
      <c r="QY24" s="184"/>
      <c r="QZ24" s="9"/>
      <c r="RA24" s="16"/>
      <c r="RB24" s="131"/>
      <c r="RC24" s="15"/>
      <c r="RD24" s="13"/>
      <c r="RE24" s="25"/>
      <c r="RF24" s="45"/>
      <c r="RG24" s="45"/>
      <c r="RH24" s="167"/>
      <c r="RI24" s="168"/>
      <c r="RJ24" s="9"/>
      <c r="RK24" s="161"/>
      <c r="RL24" s="184"/>
      <c r="RM24" s="9"/>
      <c r="RN24" s="16"/>
      <c r="RO24" s="131"/>
      <c r="RP24" s="15"/>
      <c r="RQ24" s="13"/>
      <c r="RR24" s="25"/>
      <c r="RS24" s="45"/>
      <c r="RT24" s="45"/>
      <c r="RU24" s="167"/>
      <c r="RV24" s="168"/>
      <c r="RW24" s="9"/>
      <c r="RX24" s="161"/>
      <c r="RY24" s="184"/>
      <c r="RZ24" s="9"/>
      <c r="SA24" s="16"/>
      <c r="SB24" s="131"/>
      <c r="SC24" s="15"/>
      <c r="SD24" s="13"/>
      <c r="SE24" s="25"/>
      <c r="SF24" s="45"/>
      <c r="SG24" s="45"/>
      <c r="SH24" s="167"/>
      <c r="SI24" s="168"/>
      <c r="SJ24" s="9"/>
      <c r="SK24" s="161"/>
      <c r="SL24" s="184"/>
      <c r="SM24" s="9"/>
    </row>
    <row r="25" spans="1:507" ht="15.6" customHeight="1">
      <c r="A25" s="17"/>
      <c r="B25" s="131"/>
      <c r="C25" s="15"/>
      <c r="D25" s="13"/>
      <c r="E25" s="26"/>
      <c r="F25" s="45"/>
      <c r="G25" s="45"/>
      <c r="H25" s="167"/>
      <c r="I25" s="168"/>
      <c r="J25" s="42"/>
      <c r="K25" s="185"/>
      <c r="L25" s="186"/>
      <c r="M25" s="9"/>
      <c r="N25" s="17"/>
      <c r="O25" s="131"/>
      <c r="P25" s="15"/>
      <c r="Q25" s="13"/>
      <c r="R25" s="26"/>
      <c r="S25" s="45"/>
      <c r="T25" s="45"/>
      <c r="U25" s="167"/>
      <c r="V25" s="168"/>
      <c r="W25" s="42"/>
      <c r="X25" s="185"/>
      <c r="Y25" s="186"/>
      <c r="Z25" s="9"/>
      <c r="AA25" s="17"/>
      <c r="AB25" s="131"/>
      <c r="AC25" s="15"/>
      <c r="AD25" s="13"/>
      <c r="AE25" s="26"/>
      <c r="AF25" s="45"/>
      <c r="AG25" s="45"/>
      <c r="AH25" s="167"/>
      <c r="AI25" s="168"/>
      <c r="AJ25" s="9"/>
      <c r="AK25" s="185"/>
      <c r="AL25" s="186"/>
      <c r="AM25" s="9"/>
      <c r="AN25" s="17"/>
      <c r="AO25" s="131"/>
      <c r="AP25" s="15"/>
      <c r="AQ25" s="13"/>
      <c r="AR25" s="26"/>
      <c r="AS25" s="45"/>
      <c r="AT25" s="45"/>
      <c r="AU25" s="167"/>
      <c r="AV25" s="168"/>
      <c r="AW25" s="9"/>
      <c r="AX25" s="185"/>
      <c r="AY25" s="186"/>
      <c r="AZ25" s="9"/>
      <c r="BA25" s="17"/>
      <c r="BB25" s="131"/>
      <c r="BC25" s="15"/>
      <c r="BD25" s="13"/>
      <c r="BE25" s="26"/>
      <c r="BF25" s="45"/>
      <c r="BG25" s="45"/>
      <c r="BH25" s="167"/>
      <c r="BI25" s="168"/>
      <c r="BJ25" s="9"/>
      <c r="BK25" s="185"/>
      <c r="BL25" s="186"/>
      <c r="BM25" s="9"/>
      <c r="BN25" s="17"/>
      <c r="BO25" s="131"/>
      <c r="BP25" s="15"/>
      <c r="BQ25" s="13"/>
      <c r="BR25" s="26"/>
      <c r="BS25" s="45"/>
      <c r="BT25" s="45"/>
      <c r="BU25" s="167"/>
      <c r="BV25" s="168"/>
      <c r="BW25" s="9"/>
      <c r="BX25" s="185"/>
      <c r="BY25" s="186"/>
      <c r="BZ25" s="9"/>
      <c r="CA25" s="17"/>
      <c r="CB25" s="131"/>
      <c r="CC25" s="15"/>
      <c r="CD25" s="13"/>
      <c r="CE25" s="26"/>
      <c r="CF25" s="45"/>
      <c r="CG25" s="45"/>
      <c r="CH25" s="167"/>
      <c r="CI25" s="168"/>
      <c r="CJ25" s="9"/>
      <c r="CK25" s="185"/>
      <c r="CL25" s="186"/>
      <c r="CM25" s="9"/>
      <c r="CN25" s="17"/>
      <c r="CO25" s="131"/>
      <c r="CP25" s="15"/>
      <c r="CQ25" s="13"/>
      <c r="CR25" s="26"/>
      <c r="CS25" s="45"/>
      <c r="CT25" s="45"/>
      <c r="CU25" s="167"/>
      <c r="CV25" s="168"/>
      <c r="CW25" s="9"/>
      <c r="CX25" s="185"/>
      <c r="CY25" s="186"/>
      <c r="CZ25" s="9"/>
      <c r="DA25" s="17"/>
      <c r="DB25" s="131"/>
      <c r="DC25" s="15"/>
      <c r="DD25" s="13"/>
      <c r="DE25" s="26"/>
      <c r="DF25" s="45"/>
      <c r="DG25" s="45"/>
      <c r="DH25" s="167"/>
      <c r="DI25" s="168"/>
      <c r="DJ25" s="9"/>
      <c r="DK25" s="185"/>
      <c r="DL25" s="186"/>
      <c r="DM25" s="9"/>
      <c r="DN25" s="17"/>
      <c r="DO25" s="131"/>
      <c r="DP25" s="15"/>
      <c r="DQ25" s="13"/>
      <c r="DR25" s="26"/>
      <c r="DS25" s="45"/>
      <c r="DT25" s="45"/>
      <c r="DU25" s="167"/>
      <c r="DV25" s="168"/>
      <c r="DW25" s="9"/>
      <c r="DX25" s="185"/>
      <c r="DY25" s="186"/>
      <c r="DZ25" s="9"/>
      <c r="EA25" s="17"/>
      <c r="EB25" s="131"/>
      <c r="EC25" s="15"/>
      <c r="ED25" s="13"/>
      <c r="EE25" s="26"/>
      <c r="EF25" s="45"/>
      <c r="EG25" s="45"/>
      <c r="EH25" s="167"/>
      <c r="EI25" s="168"/>
      <c r="EJ25" s="9"/>
      <c r="EK25" s="185"/>
      <c r="EL25" s="186"/>
      <c r="EM25" s="9"/>
      <c r="EN25" s="17"/>
      <c r="EO25" s="131"/>
      <c r="EP25" s="15"/>
      <c r="EQ25" s="13"/>
      <c r="ER25" s="26"/>
      <c r="ES25" s="45"/>
      <c r="ET25" s="45"/>
      <c r="EU25" s="167"/>
      <c r="EV25" s="168"/>
      <c r="EW25" s="9"/>
      <c r="EX25" s="185"/>
      <c r="EY25" s="186"/>
      <c r="EZ25" s="9"/>
      <c r="FA25" s="17"/>
      <c r="FB25" s="131"/>
      <c r="FC25" s="15"/>
      <c r="FD25" s="13"/>
      <c r="FE25" s="26"/>
      <c r="FF25" s="45"/>
      <c r="FG25" s="45"/>
      <c r="FH25" s="167"/>
      <c r="FI25" s="168"/>
      <c r="FJ25" s="9"/>
      <c r="FK25" s="185"/>
      <c r="FL25" s="186"/>
      <c r="FM25" s="9"/>
      <c r="FN25" s="17"/>
      <c r="FO25" s="131"/>
      <c r="FP25" s="15"/>
      <c r="FQ25" s="13"/>
      <c r="FR25" s="26"/>
      <c r="FS25" s="45"/>
      <c r="FT25" s="45"/>
      <c r="FU25" s="167"/>
      <c r="FV25" s="168"/>
      <c r="FW25" s="9"/>
      <c r="FX25" s="185"/>
      <c r="FY25" s="186"/>
      <c r="FZ25" s="9"/>
      <c r="GA25" s="17"/>
      <c r="GB25" s="131"/>
      <c r="GC25" s="15"/>
      <c r="GD25" s="13"/>
      <c r="GE25" s="25"/>
      <c r="GF25" s="45"/>
      <c r="GG25" s="45"/>
      <c r="GH25" s="167"/>
      <c r="GI25" s="168"/>
      <c r="GJ25" s="9"/>
      <c r="GK25" s="185"/>
      <c r="GL25" s="186"/>
      <c r="GM25" s="9"/>
      <c r="GN25" s="17"/>
      <c r="GO25" s="131"/>
      <c r="GP25" s="15"/>
      <c r="GQ25" s="13"/>
      <c r="GR25" s="25"/>
      <c r="GS25" s="45"/>
      <c r="GT25" s="45"/>
      <c r="GU25" s="167"/>
      <c r="GV25" s="168"/>
      <c r="GW25" s="9"/>
      <c r="GX25" s="185"/>
      <c r="GY25" s="186"/>
      <c r="GZ25" s="9"/>
      <c r="HA25" s="17"/>
      <c r="HB25" s="131"/>
      <c r="HC25" s="15"/>
      <c r="HD25" s="13"/>
      <c r="HE25" s="26"/>
      <c r="HF25" s="45"/>
      <c r="HG25" s="45"/>
      <c r="HH25" s="167"/>
      <c r="HI25" s="168"/>
      <c r="HJ25" s="9"/>
      <c r="HK25" s="185"/>
      <c r="HL25" s="186"/>
      <c r="HM25" s="9"/>
      <c r="HN25" s="17"/>
      <c r="HO25" s="131"/>
      <c r="HP25" s="15"/>
      <c r="HQ25" s="13"/>
      <c r="HR25" s="25"/>
      <c r="HS25" s="45"/>
      <c r="HT25" s="45"/>
      <c r="HU25" s="167"/>
      <c r="HV25" s="168"/>
      <c r="HW25" s="9"/>
      <c r="HX25" s="185"/>
      <c r="HY25" s="186"/>
      <c r="HZ25" s="9"/>
      <c r="IA25" s="17"/>
      <c r="IB25" s="131"/>
      <c r="IC25" s="15"/>
      <c r="ID25" s="13"/>
      <c r="IE25" s="25"/>
      <c r="IF25" s="45"/>
      <c r="IG25" s="45"/>
      <c r="IH25" s="167"/>
      <c r="II25" s="168"/>
      <c r="IJ25" s="9"/>
      <c r="IK25" s="185"/>
      <c r="IL25" s="186"/>
      <c r="IM25" s="9"/>
      <c r="IN25" s="17"/>
      <c r="IO25" s="131"/>
      <c r="IP25" s="15"/>
      <c r="IQ25" s="13"/>
      <c r="IR25" s="25"/>
      <c r="IS25" s="45"/>
      <c r="IT25" s="45"/>
      <c r="IU25" s="167"/>
      <c r="IV25" s="168"/>
      <c r="IW25" s="9"/>
      <c r="IX25" s="185"/>
      <c r="IY25" s="186"/>
      <c r="IZ25" s="9"/>
      <c r="JA25" s="17"/>
      <c r="JB25" s="131"/>
      <c r="JC25" s="15"/>
      <c r="JD25" s="13"/>
      <c r="JE25" s="25"/>
      <c r="JF25" s="45"/>
      <c r="JG25" s="45"/>
      <c r="JH25" s="167"/>
      <c r="JI25" s="168"/>
      <c r="JJ25" s="9"/>
      <c r="JK25" s="185"/>
      <c r="JL25" s="186"/>
      <c r="JM25" s="9"/>
      <c r="JN25" s="17"/>
      <c r="JO25" s="131"/>
      <c r="JP25" s="15"/>
      <c r="JQ25" s="13"/>
      <c r="JR25" s="25"/>
      <c r="JS25" s="45"/>
      <c r="JT25" s="45"/>
      <c r="JU25" s="167"/>
      <c r="JV25" s="168"/>
      <c r="JW25" s="9"/>
      <c r="JX25" s="185"/>
      <c r="JY25" s="186"/>
      <c r="JZ25" s="9"/>
      <c r="KA25" s="17"/>
      <c r="KB25" s="131"/>
      <c r="KC25" s="15"/>
      <c r="KD25" s="13"/>
      <c r="KE25" s="25"/>
      <c r="KF25" s="45"/>
      <c r="KG25" s="45"/>
      <c r="KH25" s="167"/>
      <c r="KI25" s="168"/>
      <c r="KJ25" s="9"/>
      <c r="KK25" s="185"/>
      <c r="KL25" s="186"/>
      <c r="KM25" s="9"/>
      <c r="KN25" s="17"/>
      <c r="KO25" s="131"/>
      <c r="KP25" s="15"/>
      <c r="KQ25" s="13"/>
      <c r="KR25" s="25"/>
      <c r="KS25" s="45"/>
      <c r="KT25" s="45"/>
      <c r="KU25" s="167"/>
      <c r="KV25" s="168"/>
      <c r="KW25" s="9"/>
      <c r="KX25" s="185"/>
      <c r="KY25" s="186"/>
      <c r="KZ25" s="9"/>
      <c r="LA25" s="17"/>
      <c r="LB25" s="131"/>
      <c r="LC25" s="15"/>
      <c r="LD25" s="13"/>
      <c r="LE25" s="25"/>
      <c r="LF25" s="45"/>
      <c r="LG25" s="45"/>
      <c r="LH25" s="167"/>
      <c r="LI25" s="168"/>
      <c r="LJ25" s="9"/>
      <c r="LK25" s="185"/>
      <c r="LL25" s="186"/>
      <c r="LM25" s="9"/>
      <c r="LN25" s="17"/>
      <c r="LO25" s="131"/>
      <c r="LP25" s="15"/>
      <c r="LQ25" s="13"/>
      <c r="LR25" s="25"/>
      <c r="LS25" s="45"/>
      <c r="LT25" s="45"/>
      <c r="LU25" s="167"/>
      <c r="LV25" s="168"/>
      <c r="LW25" s="9"/>
      <c r="LX25" s="185"/>
      <c r="LY25" s="186"/>
      <c r="LZ25" s="9"/>
      <c r="MA25" s="17"/>
      <c r="MB25" s="131"/>
      <c r="MC25" s="15"/>
      <c r="MD25" s="13"/>
      <c r="ME25" s="25"/>
      <c r="MF25" s="45"/>
      <c r="MG25" s="45"/>
      <c r="MH25" s="167"/>
      <c r="MI25" s="168"/>
      <c r="MJ25" s="9"/>
      <c r="MK25" s="185"/>
      <c r="ML25" s="186"/>
      <c r="MM25" s="9"/>
      <c r="MN25" s="17"/>
      <c r="MO25" s="131"/>
      <c r="MP25" s="15"/>
      <c r="MQ25" s="13"/>
      <c r="MR25" s="25"/>
      <c r="MS25" s="45"/>
      <c r="MT25" s="45"/>
      <c r="MU25" s="167"/>
      <c r="MV25" s="168"/>
      <c r="MW25" s="9"/>
      <c r="MX25" s="185"/>
      <c r="MY25" s="186"/>
      <c r="MZ25" s="9"/>
      <c r="NA25" s="17"/>
      <c r="NB25" s="131" t="str">
        <f t="shared" si="0"/>
        <v/>
      </c>
      <c r="NC25" s="15" t="str">
        <f>IF(NC24="","",IF(NC24='（参考）【別紙２】'!$E$35,"",IF(MONTH(NC24)=MONTH(NC24+1),NC24+1,"")))</f>
        <v/>
      </c>
      <c r="ND25" s="13" t="str">
        <f>IF(COUNTIF(祝日一覧!$E$2:$E$142,NC25),"○",IF(NG25&lt;&gt;"","○",""))</f>
        <v/>
      </c>
      <c r="NE25" s="25"/>
      <c r="NF25" s="45" t="str">
        <f t="shared" si="2"/>
        <v/>
      </c>
      <c r="NG25" s="45"/>
      <c r="NH25" s="167"/>
      <c r="NI25" s="168"/>
      <c r="NJ25" s="9"/>
      <c r="NK25" s="185"/>
      <c r="NL25" s="186"/>
      <c r="NM25" s="9"/>
      <c r="NN25" s="17"/>
      <c r="NO25" s="131"/>
      <c r="NP25" s="15"/>
      <c r="NQ25" s="13"/>
      <c r="NR25" s="25"/>
      <c r="NS25" s="45"/>
      <c r="NT25" s="45"/>
      <c r="NU25" s="167"/>
      <c r="NV25" s="168"/>
      <c r="NW25" s="9"/>
      <c r="NX25" s="185"/>
      <c r="NY25" s="186"/>
      <c r="NZ25" s="9"/>
      <c r="OA25" s="17"/>
      <c r="OB25" s="131"/>
      <c r="OC25" s="15"/>
      <c r="OD25" s="13"/>
      <c r="OE25" s="25"/>
      <c r="OF25" s="45"/>
      <c r="OG25" s="45"/>
      <c r="OH25" s="167"/>
      <c r="OI25" s="168"/>
      <c r="OJ25" s="9"/>
      <c r="OK25" s="185"/>
      <c r="OL25" s="186"/>
      <c r="OM25" s="9"/>
      <c r="ON25" s="17"/>
      <c r="OO25" s="131"/>
      <c r="OP25" s="15"/>
      <c r="OQ25" s="13"/>
      <c r="OR25" s="25"/>
      <c r="OS25" s="45"/>
      <c r="OT25" s="45"/>
      <c r="OU25" s="167"/>
      <c r="OV25" s="168"/>
      <c r="OW25" s="9"/>
      <c r="OX25" s="185"/>
      <c r="OY25" s="186"/>
      <c r="OZ25" s="9"/>
      <c r="PA25" s="17"/>
      <c r="PB25" s="131"/>
      <c r="PC25" s="15"/>
      <c r="PD25" s="13"/>
      <c r="PE25" s="25"/>
      <c r="PF25" s="45"/>
      <c r="PG25" s="45"/>
      <c r="PH25" s="167"/>
      <c r="PI25" s="168"/>
      <c r="PJ25" s="9"/>
      <c r="PK25" s="185"/>
      <c r="PL25" s="186"/>
      <c r="PM25" s="9"/>
      <c r="PN25" s="17"/>
      <c r="PO25" s="131"/>
      <c r="PP25" s="15"/>
      <c r="PQ25" s="13"/>
      <c r="PR25" s="25"/>
      <c r="PS25" s="45"/>
      <c r="PT25" s="45"/>
      <c r="PU25" s="167"/>
      <c r="PV25" s="168"/>
      <c r="PW25" s="9"/>
      <c r="PX25" s="185"/>
      <c r="PY25" s="186"/>
      <c r="PZ25" s="9"/>
      <c r="QA25" s="17"/>
      <c r="QB25" s="131"/>
      <c r="QC25" s="15"/>
      <c r="QD25" s="13"/>
      <c r="QE25" s="25"/>
      <c r="QF25" s="45"/>
      <c r="QG25" s="45"/>
      <c r="QH25" s="167"/>
      <c r="QI25" s="168"/>
      <c r="QJ25" s="9"/>
      <c r="QK25" s="185"/>
      <c r="QL25" s="186"/>
      <c r="QM25" s="9"/>
      <c r="QN25" s="17"/>
      <c r="QO25" s="131"/>
      <c r="QP25" s="15"/>
      <c r="QQ25" s="13"/>
      <c r="QR25" s="25"/>
      <c r="QS25" s="45"/>
      <c r="QT25" s="45"/>
      <c r="QU25" s="167"/>
      <c r="QV25" s="168"/>
      <c r="QW25" s="9"/>
      <c r="QX25" s="185"/>
      <c r="QY25" s="186"/>
      <c r="QZ25" s="9"/>
      <c r="RA25" s="17"/>
      <c r="RB25" s="131"/>
      <c r="RC25" s="15"/>
      <c r="RD25" s="13"/>
      <c r="RE25" s="25"/>
      <c r="RF25" s="45"/>
      <c r="RG25" s="45"/>
      <c r="RH25" s="167"/>
      <c r="RI25" s="168"/>
      <c r="RJ25" s="9"/>
      <c r="RK25" s="185"/>
      <c r="RL25" s="186"/>
      <c r="RM25" s="9"/>
      <c r="RN25" s="17"/>
      <c r="RO25" s="131"/>
      <c r="RP25" s="15"/>
      <c r="RQ25" s="13"/>
      <c r="RR25" s="25"/>
      <c r="RS25" s="45"/>
      <c r="RT25" s="45"/>
      <c r="RU25" s="167"/>
      <c r="RV25" s="168"/>
      <c r="RW25" s="9"/>
      <c r="RX25" s="185"/>
      <c r="RY25" s="186"/>
      <c r="RZ25" s="9"/>
      <c r="SA25" s="17"/>
      <c r="SB25" s="131"/>
      <c r="SC25" s="15"/>
      <c r="SD25" s="13"/>
      <c r="SE25" s="25"/>
      <c r="SF25" s="45"/>
      <c r="SG25" s="45"/>
      <c r="SH25" s="167"/>
      <c r="SI25" s="168"/>
      <c r="SJ25" s="9"/>
      <c r="SK25" s="185"/>
      <c r="SL25" s="186"/>
      <c r="SM25" s="9"/>
    </row>
    <row r="26" spans="1:507" ht="15.6" customHeight="1">
      <c r="A26" s="17"/>
      <c r="B26" s="131"/>
      <c r="C26" s="15"/>
      <c r="D26" s="13"/>
      <c r="E26" s="26"/>
      <c r="F26" s="45"/>
      <c r="G26" s="45"/>
      <c r="H26" s="167"/>
      <c r="I26" s="168"/>
      <c r="J26" s="42"/>
      <c r="K26" s="153"/>
      <c r="L26" s="151"/>
      <c r="M26" s="9"/>
      <c r="N26" s="17"/>
      <c r="O26" s="131"/>
      <c r="P26" s="15"/>
      <c r="Q26" s="13"/>
      <c r="R26" s="26"/>
      <c r="S26" s="45"/>
      <c r="T26" s="45"/>
      <c r="U26" s="167"/>
      <c r="V26" s="168"/>
      <c r="W26" s="42"/>
      <c r="X26" s="153"/>
      <c r="Y26" s="151"/>
      <c r="Z26" s="9"/>
      <c r="AA26" s="17"/>
      <c r="AB26" s="131"/>
      <c r="AC26" s="15"/>
      <c r="AD26" s="13"/>
      <c r="AE26" s="26"/>
      <c r="AF26" s="45"/>
      <c r="AG26" s="45"/>
      <c r="AH26" s="167"/>
      <c r="AI26" s="168"/>
      <c r="AJ26" s="9"/>
      <c r="AK26" s="153"/>
      <c r="AL26" s="151"/>
      <c r="AM26" s="9"/>
      <c r="AN26" s="17"/>
      <c r="AO26" s="131"/>
      <c r="AP26" s="15"/>
      <c r="AQ26" s="13"/>
      <c r="AR26" s="26"/>
      <c r="AS26" s="45"/>
      <c r="AT26" s="45"/>
      <c r="AU26" s="167"/>
      <c r="AV26" s="168"/>
      <c r="AW26" s="9"/>
      <c r="AX26" s="153"/>
      <c r="AY26" s="151"/>
      <c r="AZ26" s="9"/>
      <c r="BA26" s="17"/>
      <c r="BB26" s="131"/>
      <c r="BC26" s="15"/>
      <c r="BD26" s="13"/>
      <c r="BE26" s="26"/>
      <c r="BF26" s="45"/>
      <c r="BG26" s="45"/>
      <c r="BH26" s="167"/>
      <c r="BI26" s="168"/>
      <c r="BJ26" s="9"/>
      <c r="BK26" s="153"/>
      <c r="BL26" s="151"/>
      <c r="BM26" s="9"/>
      <c r="BN26" s="17"/>
      <c r="BO26" s="131"/>
      <c r="BP26" s="15"/>
      <c r="BQ26" s="13"/>
      <c r="BR26" s="26"/>
      <c r="BS26" s="45"/>
      <c r="BT26" s="45"/>
      <c r="BU26" s="167"/>
      <c r="BV26" s="168"/>
      <c r="BW26" s="9"/>
      <c r="BX26" s="153"/>
      <c r="BY26" s="151"/>
      <c r="BZ26" s="9"/>
      <c r="CA26" s="17"/>
      <c r="CB26" s="131"/>
      <c r="CC26" s="15"/>
      <c r="CD26" s="13"/>
      <c r="CE26" s="26"/>
      <c r="CF26" s="45"/>
      <c r="CG26" s="45"/>
      <c r="CH26" s="167"/>
      <c r="CI26" s="168"/>
      <c r="CJ26" s="9"/>
      <c r="CK26" s="153"/>
      <c r="CL26" s="151"/>
      <c r="CM26" s="9"/>
      <c r="CN26" s="17"/>
      <c r="CO26" s="131"/>
      <c r="CP26" s="15"/>
      <c r="CQ26" s="13"/>
      <c r="CR26" s="26"/>
      <c r="CS26" s="45"/>
      <c r="CT26" s="45"/>
      <c r="CU26" s="167"/>
      <c r="CV26" s="168"/>
      <c r="CW26" s="9"/>
      <c r="CX26" s="153"/>
      <c r="CY26" s="151"/>
      <c r="CZ26" s="9"/>
      <c r="DA26" s="17"/>
      <c r="DB26" s="131"/>
      <c r="DC26" s="15"/>
      <c r="DD26" s="13"/>
      <c r="DE26" s="26"/>
      <c r="DF26" s="45"/>
      <c r="DG26" s="45"/>
      <c r="DH26" s="167"/>
      <c r="DI26" s="168"/>
      <c r="DJ26" s="9"/>
      <c r="DK26" s="153"/>
      <c r="DL26" s="151"/>
      <c r="DM26" s="9"/>
      <c r="DN26" s="17"/>
      <c r="DO26" s="131"/>
      <c r="DP26" s="15"/>
      <c r="DQ26" s="13"/>
      <c r="DR26" s="26"/>
      <c r="DS26" s="45"/>
      <c r="DT26" s="45"/>
      <c r="DU26" s="167"/>
      <c r="DV26" s="168"/>
      <c r="DW26" s="9"/>
      <c r="DX26" s="153"/>
      <c r="DY26" s="151"/>
      <c r="DZ26" s="9"/>
      <c r="EA26" s="17"/>
      <c r="EB26" s="131"/>
      <c r="EC26" s="15"/>
      <c r="ED26" s="13"/>
      <c r="EE26" s="26"/>
      <c r="EF26" s="45"/>
      <c r="EG26" s="45"/>
      <c r="EH26" s="167"/>
      <c r="EI26" s="168"/>
      <c r="EJ26" s="9"/>
      <c r="EK26" s="153"/>
      <c r="EL26" s="151"/>
      <c r="EM26" s="9"/>
      <c r="EN26" s="17"/>
      <c r="EO26" s="131"/>
      <c r="EP26" s="15"/>
      <c r="EQ26" s="13"/>
      <c r="ER26" s="26"/>
      <c r="ES26" s="45"/>
      <c r="ET26" s="45"/>
      <c r="EU26" s="167"/>
      <c r="EV26" s="168"/>
      <c r="EW26" s="9"/>
      <c r="EX26" s="153"/>
      <c r="EY26" s="151"/>
      <c r="EZ26" s="9"/>
      <c r="FA26" s="17"/>
      <c r="FB26" s="131"/>
      <c r="FC26" s="15"/>
      <c r="FD26" s="13"/>
      <c r="FE26" s="26"/>
      <c r="FF26" s="45"/>
      <c r="FG26" s="45"/>
      <c r="FH26" s="167"/>
      <c r="FI26" s="168"/>
      <c r="FJ26" s="9"/>
      <c r="FK26" s="153"/>
      <c r="FL26" s="151"/>
      <c r="FM26" s="9"/>
      <c r="FN26" s="17"/>
      <c r="FO26" s="131"/>
      <c r="FP26" s="15"/>
      <c r="FQ26" s="13"/>
      <c r="FR26" s="26"/>
      <c r="FS26" s="45"/>
      <c r="FT26" s="45"/>
      <c r="FU26" s="167"/>
      <c r="FV26" s="168"/>
      <c r="FW26" s="9"/>
      <c r="FX26" s="153"/>
      <c r="FY26" s="151"/>
      <c r="FZ26" s="9"/>
      <c r="GA26" s="17"/>
      <c r="GB26" s="131"/>
      <c r="GC26" s="15"/>
      <c r="GD26" s="13"/>
      <c r="GE26" s="25"/>
      <c r="GF26" s="45"/>
      <c r="GG26" s="45"/>
      <c r="GH26" s="167"/>
      <c r="GI26" s="168"/>
      <c r="GJ26" s="9"/>
      <c r="GK26" s="153"/>
      <c r="GL26" s="151"/>
      <c r="GM26" s="9"/>
      <c r="GN26" s="17"/>
      <c r="GO26" s="131"/>
      <c r="GP26" s="15"/>
      <c r="GQ26" s="13"/>
      <c r="GR26" s="25"/>
      <c r="GS26" s="45"/>
      <c r="GT26" s="45"/>
      <c r="GU26" s="167"/>
      <c r="GV26" s="168"/>
      <c r="GW26" s="9"/>
      <c r="GX26" s="153"/>
      <c r="GY26" s="151"/>
      <c r="GZ26" s="9"/>
      <c r="HA26" s="17"/>
      <c r="HB26" s="131"/>
      <c r="HC26" s="15"/>
      <c r="HD26" s="13"/>
      <c r="HE26" s="26"/>
      <c r="HF26" s="45"/>
      <c r="HG26" s="45"/>
      <c r="HH26" s="167"/>
      <c r="HI26" s="168"/>
      <c r="HJ26" s="9"/>
      <c r="HK26" s="153"/>
      <c r="HL26" s="151"/>
      <c r="HM26" s="9"/>
      <c r="HN26" s="17"/>
      <c r="HO26" s="131"/>
      <c r="HP26" s="15"/>
      <c r="HQ26" s="13"/>
      <c r="HR26" s="25"/>
      <c r="HS26" s="45"/>
      <c r="HT26" s="45"/>
      <c r="HU26" s="167"/>
      <c r="HV26" s="168"/>
      <c r="HW26" s="9"/>
      <c r="HX26" s="153"/>
      <c r="HY26" s="151"/>
      <c r="HZ26" s="9"/>
      <c r="IA26" s="17"/>
      <c r="IB26" s="131"/>
      <c r="IC26" s="15"/>
      <c r="ID26" s="13"/>
      <c r="IE26" s="25"/>
      <c r="IF26" s="45"/>
      <c r="IG26" s="45"/>
      <c r="IH26" s="167"/>
      <c r="II26" s="168"/>
      <c r="IJ26" s="9"/>
      <c r="IK26" s="153"/>
      <c r="IL26" s="151"/>
      <c r="IM26" s="9"/>
      <c r="IN26" s="17"/>
      <c r="IO26" s="131"/>
      <c r="IP26" s="15"/>
      <c r="IQ26" s="13"/>
      <c r="IR26" s="25"/>
      <c r="IS26" s="45"/>
      <c r="IT26" s="45"/>
      <c r="IU26" s="167"/>
      <c r="IV26" s="168"/>
      <c r="IW26" s="9"/>
      <c r="IX26" s="153"/>
      <c r="IY26" s="151"/>
      <c r="IZ26" s="9"/>
      <c r="JA26" s="17"/>
      <c r="JB26" s="131"/>
      <c r="JC26" s="15"/>
      <c r="JD26" s="13"/>
      <c r="JE26" s="25"/>
      <c r="JF26" s="45"/>
      <c r="JG26" s="45"/>
      <c r="JH26" s="167"/>
      <c r="JI26" s="168"/>
      <c r="JJ26" s="9"/>
      <c r="JK26" s="153"/>
      <c r="JL26" s="151"/>
      <c r="JM26" s="9"/>
      <c r="JN26" s="17"/>
      <c r="JO26" s="131"/>
      <c r="JP26" s="15"/>
      <c r="JQ26" s="13"/>
      <c r="JR26" s="25"/>
      <c r="JS26" s="45"/>
      <c r="JT26" s="45"/>
      <c r="JU26" s="167"/>
      <c r="JV26" s="168"/>
      <c r="JW26" s="9"/>
      <c r="JX26" s="153"/>
      <c r="JY26" s="151"/>
      <c r="JZ26" s="9"/>
      <c r="KA26" s="17"/>
      <c r="KB26" s="131"/>
      <c r="KC26" s="15"/>
      <c r="KD26" s="13"/>
      <c r="KE26" s="25"/>
      <c r="KF26" s="45"/>
      <c r="KG26" s="45"/>
      <c r="KH26" s="167"/>
      <c r="KI26" s="168"/>
      <c r="KJ26" s="9"/>
      <c r="KK26" s="153"/>
      <c r="KL26" s="151"/>
      <c r="KM26" s="9"/>
      <c r="KN26" s="17"/>
      <c r="KO26" s="131"/>
      <c r="KP26" s="15"/>
      <c r="KQ26" s="13"/>
      <c r="KR26" s="25"/>
      <c r="KS26" s="45"/>
      <c r="KT26" s="45"/>
      <c r="KU26" s="167"/>
      <c r="KV26" s="168"/>
      <c r="KW26" s="9"/>
      <c r="KX26" s="153"/>
      <c r="KY26" s="151"/>
      <c r="KZ26" s="9"/>
      <c r="LA26" s="17"/>
      <c r="LB26" s="131"/>
      <c r="LC26" s="15"/>
      <c r="LD26" s="13"/>
      <c r="LE26" s="25"/>
      <c r="LF26" s="45"/>
      <c r="LG26" s="45"/>
      <c r="LH26" s="167"/>
      <c r="LI26" s="168"/>
      <c r="LJ26" s="9"/>
      <c r="LK26" s="153"/>
      <c r="LL26" s="151"/>
      <c r="LM26" s="9"/>
      <c r="LN26" s="17"/>
      <c r="LO26" s="131"/>
      <c r="LP26" s="15"/>
      <c r="LQ26" s="13"/>
      <c r="LR26" s="25"/>
      <c r="LS26" s="45"/>
      <c r="LT26" s="45"/>
      <c r="LU26" s="167"/>
      <c r="LV26" s="168"/>
      <c r="LW26" s="9"/>
      <c r="LX26" s="153"/>
      <c r="LY26" s="151"/>
      <c r="LZ26" s="9"/>
      <c r="MA26" s="17"/>
      <c r="MB26" s="131"/>
      <c r="MC26" s="15"/>
      <c r="MD26" s="13"/>
      <c r="ME26" s="25"/>
      <c r="MF26" s="45"/>
      <c r="MG26" s="45"/>
      <c r="MH26" s="167"/>
      <c r="MI26" s="168"/>
      <c r="MJ26" s="9"/>
      <c r="MK26" s="153"/>
      <c r="ML26" s="151"/>
      <c r="MM26" s="9"/>
      <c r="MN26" s="17"/>
      <c r="MO26" s="131"/>
      <c r="MP26" s="15"/>
      <c r="MQ26" s="13"/>
      <c r="MR26" s="25"/>
      <c r="MS26" s="45"/>
      <c r="MT26" s="45"/>
      <c r="MU26" s="167"/>
      <c r="MV26" s="168"/>
      <c r="MW26" s="9"/>
      <c r="MX26" s="153"/>
      <c r="MY26" s="151"/>
      <c r="MZ26" s="9"/>
      <c r="NA26" s="17"/>
      <c r="NB26" s="131" t="str">
        <f t="shared" si="0"/>
        <v/>
      </c>
      <c r="NC26" s="15" t="str">
        <f>IF(NC25="","",IF(NC25='（参考）【別紙２】'!$E$35,"",IF(MONTH(NC25)=MONTH(NC25+1),NC25+1,"")))</f>
        <v/>
      </c>
      <c r="ND26" s="13" t="str">
        <f>IF(COUNTIF(祝日一覧!$E$2:$E$142,NC26),"○",IF(NG26&lt;&gt;"","○",""))</f>
        <v/>
      </c>
      <c r="NE26" s="25"/>
      <c r="NF26" s="45" t="str">
        <f t="shared" si="2"/>
        <v/>
      </c>
      <c r="NG26" s="45"/>
      <c r="NH26" s="167"/>
      <c r="NI26" s="168"/>
      <c r="NJ26" s="9"/>
      <c r="NK26" s="153"/>
      <c r="NL26" s="151"/>
      <c r="NM26" s="9"/>
      <c r="NN26" s="17"/>
      <c r="NO26" s="131"/>
      <c r="NP26" s="15"/>
      <c r="NQ26" s="13"/>
      <c r="NR26" s="25"/>
      <c r="NS26" s="45"/>
      <c r="NT26" s="45"/>
      <c r="NU26" s="167"/>
      <c r="NV26" s="168"/>
      <c r="NW26" s="9"/>
      <c r="NX26" s="153"/>
      <c r="NY26" s="151"/>
      <c r="NZ26" s="9"/>
      <c r="OA26" s="17"/>
      <c r="OB26" s="131"/>
      <c r="OC26" s="15"/>
      <c r="OD26" s="13"/>
      <c r="OE26" s="25"/>
      <c r="OF26" s="45"/>
      <c r="OG26" s="45"/>
      <c r="OH26" s="167"/>
      <c r="OI26" s="168"/>
      <c r="OJ26" s="9"/>
      <c r="OK26" s="153"/>
      <c r="OL26" s="151"/>
      <c r="OM26" s="9"/>
      <c r="ON26" s="17"/>
      <c r="OO26" s="131"/>
      <c r="OP26" s="15"/>
      <c r="OQ26" s="13"/>
      <c r="OR26" s="25"/>
      <c r="OS26" s="45"/>
      <c r="OT26" s="45"/>
      <c r="OU26" s="167"/>
      <c r="OV26" s="168"/>
      <c r="OW26" s="9"/>
      <c r="OX26" s="153"/>
      <c r="OY26" s="151"/>
      <c r="OZ26" s="9"/>
      <c r="PA26" s="17"/>
      <c r="PB26" s="131"/>
      <c r="PC26" s="15"/>
      <c r="PD26" s="13"/>
      <c r="PE26" s="25"/>
      <c r="PF26" s="45"/>
      <c r="PG26" s="45"/>
      <c r="PH26" s="167"/>
      <c r="PI26" s="168"/>
      <c r="PJ26" s="9"/>
      <c r="PK26" s="153"/>
      <c r="PL26" s="151"/>
      <c r="PM26" s="9"/>
      <c r="PN26" s="17"/>
      <c r="PO26" s="131"/>
      <c r="PP26" s="15"/>
      <c r="PQ26" s="13"/>
      <c r="PR26" s="25"/>
      <c r="PS26" s="45"/>
      <c r="PT26" s="45"/>
      <c r="PU26" s="167"/>
      <c r="PV26" s="168"/>
      <c r="PW26" s="9"/>
      <c r="PX26" s="153"/>
      <c r="PY26" s="151"/>
      <c r="PZ26" s="9"/>
      <c r="QA26" s="17"/>
      <c r="QB26" s="131"/>
      <c r="QC26" s="15"/>
      <c r="QD26" s="13"/>
      <c r="QE26" s="25"/>
      <c r="QF26" s="45"/>
      <c r="QG26" s="45"/>
      <c r="QH26" s="167"/>
      <c r="QI26" s="168"/>
      <c r="QJ26" s="9"/>
      <c r="QK26" s="153"/>
      <c r="QL26" s="151"/>
      <c r="QM26" s="9"/>
      <c r="QN26" s="17"/>
      <c r="QO26" s="131"/>
      <c r="QP26" s="15"/>
      <c r="QQ26" s="13"/>
      <c r="QR26" s="25"/>
      <c r="QS26" s="45"/>
      <c r="QT26" s="45"/>
      <c r="QU26" s="167"/>
      <c r="QV26" s="168"/>
      <c r="QW26" s="9"/>
      <c r="QX26" s="153"/>
      <c r="QY26" s="151"/>
      <c r="QZ26" s="9"/>
      <c r="RA26" s="17"/>
      <c r="RB26" s="131"/>
      <c r="RC26" s="15"/>
      <c r="RD26" s="13"/>
      <c r="RE26" s="25"/>
      <c r="RF26" s="45"/>
      <c r="RG26" s="45"/>
      <c r="RH26" s="167"/>
      <c r="RI26" s="168"/>
      <c r="RJ26" s="9"/>
      <c r="RK26" s="153"/>
      <c r="RL26" s="151"/>
      <c r="RM26" s="9"/>
      <c r="RN26" s="17"/>
      <c r="RO26" s="131"/>
      <c r="RP26" s="15"/>
      <c r="RQ26" s="13"/>
      <c r="RR26" s="25"/>
      <c r="RS26" s="45"/>
      <c r="RT26" s="45"/>
      <c r="RU26" s="167"/>
      <c r="RV26" s="168"/>
      <c r="RW26" s="9"/>
      <c r="RX26" s="153"/>
      <c r="RY26" s="151"/>
      <c r="RZ26" s="9"/>
      <c r="SA26" s="17"/>
      <c r="SB26" s="131"/>
      <c r="SC26" s="15"/>
      <c r="SD26" s="13"/>
      <c r="SE26" s="25"/>
      <c r="SF26" s="45"/>
      <c r="SG26" s="45"/>
      <c r="SH26" s="167"/>
      <c r="SI26" s="168"/>
      <c r="SJ26" s="9"/>
      <c r="SK26" s="153"/>
      <c r="SL26" s="151"/>
      <c r="SM26" s="9"/>
    </row>
    <row r="27" spans="1:507" ht="15.6" customHeight="1">
      <c r="A27" s="17"/>
      <c r="B27" s="131"/>
      <c r="C27" s="15"/>
      <c r="D27" s="13"/>
      <c r="E27" s="26"/>
      <c r="F27" s="45"/>
      <c r="G27" s="45"/>
      <c r="H27" s="167"/>
      <c r="I27" s="168"/>
      <c r="J27" s="43"/>
      <c r="K27" s="113"/>
      <c r="L27" s="113"/>
      <c r="M27" s="9"/>
      <c r="N27" s="17"/>
      <c r="O27" s="131"/>
      <c r="P27" s="15"/>
      <c r="Q27" s="13"/>
      <c r="R27" s="26"/>
      <c r="S27" s="45"/>
      <c r="T27" s="45"/>
      <c r="U27" s="167"/>
      <c r="V27" s="168"/>
      <c r="W27" s="9"/>
      <c r="Z27" s="9"/>
      <c r="AA27" s="17"/>
      <c r="AB27" s="131"/>
      <c r="AC27" s="15"/>
      <c r="AD27" s="13"/>
      <c r="AE27" s="26"/>
      <c r="AF27" s="45"/>
      <c r="AG27" s="45"/>
      <c r="AH27" s="167"/>
      <c r="AI27" s="168"/>
      <c r="AJ27" s="9"/>
      <c r="AK27" s="9"/>
      <c r="AL27" s="9"/>
      <c r="AM27" s="9"/>
      <c r="AN27" s="17"/>
      <c r="AO27" s="131"/>
      <c r="AP27" s="15"/>
      <c r="AQ27" s="13"/>
      <c r="AR27" s="26"/>
      <c r="AS27" s="45"/>
      <c r="AT27" s="45"/>
      <c r="AU27" s="167"/>
      <c r="AV27" s="168"/>
      <c r="AW27" s="9"/>
      <c r="AX27" s="9"/>
      <c r="AY27" s="9"/>
      <c r="AZ27" s="9"/>
      <c r="BA27" s="17"/>
      <c r="BB27" s="131"/>
      <c r="BC27" s="15"/>
      <c r="BD27" s="13"/>
      <c r="BE27" s="26"/>
      <c r="BF27" s="45"/>
      <c r="BG27" s="45"/>
      <c r="BH27" s="167"/>
      <c r="BI27" s="168"/>
      <c r="BJ27" s="9"/>
      <c r="BK27" s="9"/>
      <c r="BL27" s="9"/>
      <c r="BM27" s="9"/>
      <c r="BN27" s="17"/>
      <c r="BO27" s="131"/>
      <c r="BP27" s="15"/>
      <c r="BQ27" s="13"/>
      <c r="BR27" s="26"/>
      <c r="BS27" s="45"/>
      <c r="BT27" s="45"/>
      <c r="BU27" s="167"/>
      <c r="BV27" s="168"/>
      <c r="BW27" s="9"/>
      <c r="BX27" s="9"/>
      <c r="BY27" s="9"/>
      <c r="BZ27" s="9"/>
      <c r="CA27" s="17"/>
      <c r="CB27" s="131"/>
      <c r="CC27" s="15"/>
      <c r="CD27" s="13"/>
      <c r="CE27" s="26"/>
      <c r="CF27" s="45"/>
      <c r="CG27" s="45"/>
      <c r="CH27" s="167"/>
      <c r="CI27" s="168"/>
      <c r="CJ27" s="9"/>
      <c r="CK27" s="9"/>
      <c r="CL27" s="9"/>
      <c r="CM27" s="9"/>
      <c r="CN27" s="17"/>
      <c r="CO27" s="131"/>
      <c r="CP27" s="15"/>
      <c r="CQ27" s="13"/>
      <c r="CR27" s="26"/>
      <c r="CS27" s="45"/>
      <c r="CT27" s="45"/>
      <c r="CU27" s="167"/>
      <c r="CV27" s="168"/>
      <c r="CW27" s="9"/>
      <c r="CX27" s="9"/>
      <c r="CY27" s="9"/>
      <c r="CZ27" s="9"/>
      <c r="DA27" s="17"/>
      <c r="DB27" s="131"/>
      <c r="DC27" s="15"/>
      <c r="DD27" s="13"/>
      <c r="DE27" s="26"/>
      <c r="DF27" s="45"/>
      <c r="DG27" s="45"/>
      <c r="DH27" s="167"/>
      <c r="DI27" s="168"/>
      <c r="DJ27" s="9"/>
      <c r="DK27" s="9"/>
      <c r="DL27" s="9"/>
      <c r="DM27" s="9"/>
      <c r="DN27" s="17"/>
      <c r="DO27" s="131"/>
      <c r="DP27" s="15"/>
      <c r="DQ27" s="13"/>
      <c r="DR27" s="26"/>
      <c r="DS27" s="45"/>
      <c r="DT27" s="45"/>
      <c r="DU27" s="167"/>
      <c r="DV27" s="168"/>
      <c r="DW27" s="9"/>
      <c r="DX27" s="9"/>
      <c r="DY27" s="9"/>
      <c r="DZ27" s="9"/>
      <c r="EA27" s="17"/>
      <c r="EB27" s="131"/>
      <c r="EC27" s="15"/>
      <c r="ED27" s="13"/>
      <c r="EE27" s="26"/>
      <c r="EF27" s="45"/>
      <c r="EG27" s="45"/>
      <c r="EH27" s="167"/>
      <c r="EI27" s="168"/>
      <c r="EJ27" s="9"/>
      <c r="EK27" s="9"/>
      <c r="EL27" s="9"/>
      <c r="EM27" s="9"/>
      <c r="EN27" s="17"/>
      <c r="EO27" s="131"/>
      <c r="EP27" s="15"/>
      <c r="EQ27" s="13"/>
      <c r="ER27" s="26"/>
      <c r="ES27" s="45"/>
      <c r="ET27" s="45"/>
      <c r="EU27" s="167"/>
      <c r="EV27" s="168"/>
      <c r="EW27" s="9"/>
      <c r="EX27" s="9"/>
      <c r="EY27" s="9"/>
      <c r="EZ27" s="9"/>
      <c r="FA27" s="17"/>
      <c r="FB27" s="131"/>
      <c r="FC27" s="15"/>
      <c r="FD27" s="13"/>
      <c r="FE27" s="26"/>
      <c r="FF27" s="45"/>
      <c r="FG27" s="45"/>
      <c r="FH27" s="167"/>
      <c r="FI27" s="168"/>
      <c r="FJ27" s="9"/>
      <c r="FK27" s="9"/>
      <c r="FL27" s="9"/>
      <c r="FM27" s="9"/>
      <c r="FN27" s="17"/>
      <c r="FO27" s="131"/>
      <c r="FP27" s="15"/>
      <c r="FQ27" s="13"/>
      <c r="FR27" s="26"/>
      <c r="FS27" s="45"/>
      <c r="FT27" s="45"/>
      <c r="FU27" s="167"/>
      <c r="FV27" s="168"/>
      <c r="FW27" s="9"/>
      <c r="FX27" s="9"/>
      <c r="FY27" s="9"/>
      <c r="FZ27" s="9"/>
      <c r="GA27" s="17"/>
      <c r="GB27" s="131"/>
      <c r="GC27" s="15"/>
      <c r="GD27" s="13"/>
      <c r="GE27" s="25"/>
      <c r="GF27" s="45"/>
      <c r="GG27" s="45"/>
      <c r="GH27" s="167"/>
      <c r="GI27" s="168"/>
      <c r="GJ27" s="9"/>
      <c r="GK27" s="9"/>
      <c r="GL27" s="9"/>
      <c r="GM27" s="9"/>
      <c r="GN27" s="17"/>
      <c r="GO27" s="131"/>
      <c r="GP27" s="15"/>
      <c r="GQ27" s="13"/>
      <c r="GR27" s="25"/>
      <c r="GS27" s="45"/>
      <c r="GT27" s="45"/>
      <c r="GU27" s="167"/>
      <c r="GV27" s="168"/>
      <c r="GW27" s="9"/>
      <c r="GX27" s="9"/>
      <c r="GY27" s="9"/>
      <c r="GZ27" s="9"/>
      <c r="HA27" s="17"/>
      <c r="HB27" s="131"/>
      <c r="HC27" s="15"/>
      <c r="HD27" s="13"/>
      <c r="HE27" s="26"/>
      <c r="HF27" s="45"/>
      <c r="HG27" s="45"/>
      <c r="HH27" s="167"/>
      <c r="HI27" s="168"/>
      <c r="HJ27" s="9"/>
      <c r="HK27" s="9"/>
      <c r="HL27" s="9"/>
      <c r="HM27" s="9"/>
      <c r="HN27" s="17"/>
      <c r="HO27" s="131"/>
      <c r="HP27" s="15"/>
      <c r="HQ27" s="13"/>
      <c r="HR27" s="25"/>
      <c r="HS27" s="45"/>
      <c r="HT27" s="45"/>
      <c r="HU27" s="167"/>
      <c r="HV27" s="168"/>
      <c r="HW27" s="9"/>
      <c r="HX27" s="9"/>
      <c r="HY27" s="9"/>
      <c r="HZ27" s="9"/>
      <c r="IA27" s="17"/>
      <c r="IB27" s="131"/>
      <c r="IC27" s="15"/>
      <c r="ID27" s="13"/>
      <c r="IE27" s="25"/>
      <c r="IF27" s="45"/>
      <c r="IG27" s="45"/>
      <c r="IH27" s="167"/>
      <c r="II27" s="168"/>
      <c r="IJ27" s="9"/>
      <c r="IK27" s="9"/>
      <c r="IL27" s="9"/>
      <c r="IM27" s="9"/>
      <c r="IN27" s="17"/>
      <c r="IO27" s="131"/>
      <c r="IP27" s="15"/>
      <c r="IQ27" s="13"/>
      <c r="IR27" s="25"/>
      <c r="IS27" s="45"/>
      <c r="IT27" s="45"/>
      <c r="IU27" s="167"/>
      <c r="IV27" s="168"/>
      <c r="IW27" s="9"/>
      <c r="IX27" s="9"/>
      <c r="IY27" s="9"/>
      <c r="IZ27" s="9"/>
      <c r="JA27" s="17"/>
      <c r="JB27" s="131"/>
      <c r="JC27" s="15"/>
      <c r="JD27" s="13"/>
      <c r="JE27" s="25"/>
      <c r="JF27" s="45"/>
      <c r="JG27" s="45"/>
      <c r="JH27" s="167"/>
      <c r="JI27" s="168"/>
      <c r="JJ27" s="9"/>
      <c r="JK27" s="9"/>
      <c r="JL27" s="9"/>
      <c r="JM27" s="9"/>
      <c r="JN27" s="17"/>
      <c r="JO27" s="131"/>
      <c r="JP27" s="15"/>
      <c r="JQ27" s="13"/>
      <c r="JR27" s="25"/>
      <c r="JS27" s="45"/>
      <c r="JT27" s="45"/>
      <c r="JU27" s="167"/>
      <c r="JV27" s="168"/>
      <c r="JW27" s="9"/>
      <c r="JX27" s="9"/>
      <c r="JY27" s="9"/>
      <c r="JZ27" s="9"/>
      <c r="KA27" s="17"/>
      <c r="KB27" s="131"/>
      <c r="KC27" s="15"/>
      <c r="KD27" s="13"/>
      <c r="KE27" s="25"/>
      <c r="KF27" s="45"/>
      <c r="KG27" s="45"/>
      <c r="KH27" s="167"/>
      <c r="KI27" s="168"/>
      <c r="KJ27" s="9"/>
      <c r="KK27" s="9"/>
      <c r="KL27" s="9"/>
      <c r="KM27" s="9"/>
      <c r="KN27" s="17"/>
      <c r="KO27" s="131"/>
      <c r="KP27" s="15"/>
      <c r="KQ27" s="13"/>
      <c r="KR27" s="25"/>
      <c r="KS27" s="45"/>
      <c r="KT27" s="45"/>
      <c r="KU27" s="167"/>
      <c r="KV27" s="168"/>
      <c r="KW27" s="9"/>
      <c r="KX27" s="9"/>
      <c r="KY27" s="9"/>
      <c r="KZ27" s="9"/>
      <c r="LA27" s="17"/>
      <c r="LB27" s="131"/>
      <c r="LC27" s="15"/>
      <c r="LD27" s="13"/>
      <c r="LE27" s="25"/>
      <c r="LF27" s="45"/>
      <c r="LG27" s="45"/>
      <c r="LH27" s="167"/>
      <c r="LI27" s="168"/>
      <c r="LJ27" s="9"/>
      <c r="LK27" s="9"/>
      <c r="LL27" s="9"/>
      <c r="LM27" s="9"/>
      <c r="LN27" s="17"/>
      <c r="LO27" s="131"/>
      <c r="LP27" s="15"/>
      <c r="LQ27" s="13"/>
      <c r="LR27" s="25"/>
      <c r="LS27" s="45"/>
      <c r="LT27" s="45"/>
      <c r="LU27" s="167"/>
      <c r="LV27" s="168"/>
      <c r="LW27" s="9"/>
      <c r="LX27" s="9"/>
      <c r="LY27" s="9"/>
      <c r="LZ27" s="9"/>
      <c r="MA27" s="17"/>
      <c r="MB27" s="131"/>
      <c r="MC27" s="15"/>
      <c r="MD27" s="13"/>
      <c r="ME27" s="25"/>
      <c r="MF27" s="45"/>
      <c r="MG27" s="45"/>
      <c r="MH27" s="167"/>
      <c r="MI27" s="168"/>
      <c r="MJ27" s="9"/>
      <c r="MK27" s="9"/>
      <c r="ML27" s="9"/>
      <c r="MM27" s="9"/>
      <c r="MN27" s="17"/>
      <c r="MO27" s="131"/>
      <c r="MP27" s="15"/>
      <c r="MQ27" s="13"/>
      <c r="MR27" s="25"/>
      <c r="MS27" s="45"/>
      <c r="MT27" s="45"/>
      <c r="MU27" s="167"/>
      <c r="MV27" s="168"/>
      <c r="MW27" s="9"/>
      <c r="MX27" s="9"/>
      <c r="MY27" s="9"/>
      <c r="MZ27" s="9"/>
      <c r="NA27" s="17"/>
      <c r="NB27" s="131" t="str">
        <f t="shared" si="0"/>
        <v/>
      </c>
      <c r="NC27" s="15" t="str">
        <f>IF(NC26="","",IF(NC26='（参考）【別紙２】'!$E$35,"",IF(MONTH(NC26)=MONTH(NC26+1),NC26+1,"")))</f>
        <v/>
      </c>
      <c r="ND27" s="13" t="str">
        <f>IF(COUNTIF(祝日一覧!$E$2:$E$142,NC27),"○",IF(NG27&lt;&gt;"","○",""))</f>
        <v/>
      </c>
      <c r="NE27" s="25"/>
      <c r="NF27" s="45" t="str">
        <f t="shared" si="2"/>
        <v/>
      </c>
      <c r="NG27" s="45"/>
      <c r="NH27" s="167"/>
      <c r="NI27" s="168"/>
      <c r="NJ27" s="9"/>
      <c r="NK27" s="9"/>
      <c r="NL27" s="9"/>
      <c r="NM27" s="9"/>
      <c r="NN27" s="17"/>
      <c r="NO27" s="131"/>
      <c r="NP27" s="15"/>
      <c r="NQ27" s="13"/>
      <c r="NR27" s="25"/>
      <c r="NS27" s="45"/>
      <c r="NT27" s="45"/>
      <c r="NU27" s="167"/>
      <c r="NV27" s="168"/>
      <c r="NW27" s="9"/>
      <c r="NX27" s="9"/>
      <c r="NY27" s="9"/>
      <c r="NZ27" s="9"/>
      <c r="OA27" s="17"/>
      <c r="OB27" s="131"/>
      <c r="OC27" s="15"/>
      <c r="OD27" s="13"/>
      <c r="OE27" s="25"/>
      <c r="OF27" s="45"/>
      <c r="OG27" s="45"/>
      <c r="OH27" s="167"/>
      <c r="OI27" s="168"/>
      <c r="OJ27" s="9"/>
      <c r="OK27" s="9"/>
      <c r="OL27" s="9"/>
      <c r="OM27" s="9"/>
      <c r="ON27" s="17"/>
      <c r="OO27" s="131"/>
      <c r="OP27" s="15"/>
      <c r="OQ27" s="13"/>
      <c r="OR27" s="25"/>
      <c r="OS27" s="45"/>
      <c r="OT27" s="45"/>
      <c r="OU27" s="167"/>
      <c r="OV27" s="168"/>
      <c r="OW27" s="9"/>
      <c r="OX27" s="9"/>
      <c r="OY27" s="9"/>
      <c r="OZ27" s="9"/>
      <c r="PA27" s="17"/>
      <c r="PB27" s="131"/>
      <c r="PC27" s="15"/>
      <c r="PD27" s="13"/>
      <c r="PE27" s="25"/>
      <c r="PF27" s="45"/>
      <c r="PG27" s="45"/>
      <c r="PH27" s="167"/>
      <c r="PI27" s="168"/>
      <c r="PJ27" s="9"/>
      <c r="PK27" s="9"/>
      <c r="PL27" s="9"/>
      <c r="PM27" s="9"/>
      <c r="PN27" s="17"/>
      <c r="PO27" s="131"/>
      <c r="PP27" s="15"/>
      <c r="PQ27" s="13"/>
      <c r="PR27" s="25"/>
      <c r="PS27" s="45"/>
      <c r="PT27" s="45"/>
      <c r="PU27" s="167"/>
      <c r="PV27" s="168"/>
      <c r="PW27" s="9"/>
      <c r="PX27" s="9"/>
      <c r="PY27" s="9"/>
      <c r="PZ27" s="9"/>
      <c r="QA27" s="17"/>
      <c r="QB27" s="131"/>
      <c r="QC27" s="15"/>
      <c r="QD27" s="13"/>
      <c r="QE27" s="25"/>
      <c r="QF27" s="45"/>
      <c r="QG27" s="45"/>
      <c r="QH27" s="167"/>
      <c r="QI27" s="168"/>
      <c r="QJ27" s="9"/>
      <c r="QK27" s="9"/>
      <c r="QL27" s="9"/>
      <c r="QM27" s="9"/>
      <c r="QN27" s="17"/>
      <c r="QO27" s="131"/>
      <c r="QP27" s="15"/>
      <c r="QQ27" s="13"/>
      <c r="QR27" s="25"/>
      <c r="QS27" s="45"/>
      <c r="QT27" s="45"/>
      <c r="QU27" s="167"/>
      <c r="QV27" s="168"/>
      <c r="QW27" s="9"/>
      <c r="QX27" s="9"/>
      <c r="QY27" s="9"/>
      <c r="QZ27" s="9"/>
      <c r="RA27" s="17"/>
      <c r="RB27" s="131"/>
      <c r="RC27" s="15"/>
      <c r="RD27" s="13"/>
      <c r="RE27" s="25"/>
      <c r="RF27" s="45"/>
      <c r="RG27" s="45"/>
      <c r="RH27" s="167"/>
      <c r="RI27" s="168"/>
      <c r="RJ27" s="9"/>
      <c r="RK27" s="9"/>
      <c r="RL27" s="9"/>
      <c r="RM27" s="9"/>
      <c r="RN27" s="17"/>
      <c r="RO27" s="131"/>
      <c r="RP27" s="15"/>
      <c r="RQ27" s="13"/>
      <c r="RR27" s="25"/>
      <c r="RS27" s="45"/>
      <c r="RT27" s="45"/>
      <c r="RU27" s="167"/>
      <c r="RV27" s="168"/>
      <c r="RW27" s="9"/>
      <c r="RX27" s="9"/>
      <c r="RY27" s="9"/>
      <c r="RZ27" s="9"/>
      <c r="SA27" s="17"/>
      <c r="SB27" s="131"/>
      <c r="SC27" s="15"/>
      <c r="SD27" s="13"/>
      <c r="SE27" s="25"/>
      <c r="SF27" s="45"/>
      <c r="SG27" s="45"/>
      <c r="SH27" s="167"/>
      <c r="SI27" s="168"/>
      <c r="SJ27" s="9"/>
      <c r="SK27" s="9"/>
      <c r="SL27" s="9"/>
      <c r="SM27" s="9"/>
    </row>
    <row r="28" spans="1:507" ht="15.6" customHeight="1">
      <c r="A28" s="17"/>
      <c r="B28" s="131"/>
      <c r="C28" s="15"/>
      <c r="D28" s="13"/>
      <c r="E28" s="26"/>
      <c r="F28" s="45"/>
      <c r="G28" s="45"/>
      <c r="H28" s="167"/>
      <c r="I28" s="168"/>
      <c r="J28" s="43"/>
      <c r="K28" s="175" t="s">
        <v>112</v>
      </c>
      <c r="L28" s="187"/>
      <c r="M28" s="9"/>
      <c r="N28" s="17"/>
      <c r="O28" s="131"/>
      <c r="P28" s="15"/>
      <c r="Q28" s="13"/>
      <c r="R28" s="26"/>
      <c r="S28" s="45"/>
      <c r="T28" s="45"/>
      <c r="U28" s="167"/>
      <c r="V28" s="168"/>
      <c r="W28" s="9"/>
      <c r="X28" s="175" t="s">
        <v>112</v>
      </c>
      <c r="Y28" s="187"/>
      <c r="Z28" s="9"/>
      <c r="AA28" s="17"/>
      <c r="AB28" s="131"/>
      <c r="AC28" s="15"/>
      <c r="AD28" s="13"/>
      <c r="AE28" s="26"/>
      <c r="AF28" s="45"/>
      <c r="AG28" s="45"/>
      <c r="AH28" s="167"/>
      <c r="AI28" s="168"/>
      <c r="AJ28" s="9"/>
      <c r="AK28" s="175" t="s">
        <v>112</v>
      </c>
      <c r="AL28" s="187"/>
      <c r="AM28" s="9"/>
      <c r="AN28" s="17"/>
      <c r="AO28" s="131"/>
      <c r="AP28" s="15"/>
      <c r="AQ28" s="13"/>
      <c r="AR28" s="26"/>
      <c r="AS28" s="45"/>
      <c r="AT28" s="45"/>
      <c r="AU28" s="167"/>
      <c r="AV28" s="168"/>
      <c r="AW28" s="9"/>
      <c r="AX28" s="175" t="s">
        <v>112</v>
      </c>
      <c r="AY28" s="187"/>
      <c r="AZ28" s="9"/>
      <c r="BA28" s="17"/>
      <c r="BB28" s="131"/>
      <c r="BC28" s="15"/>
      <c r="BD28" s="13"/>
      <c r="BE28" s="26"/>
      <c r="BF28" s="45"/>
      <c r="BG28" s="45"/>
      <c r="BH28" s="167"/>
      <c r="BI28" s="168"/>
      <c r="BJ28" s="9"/>
      <c r="BK28" s="175" t="s">
        <v>112</v>
      </c>
      <c r="BL28" s="187"/>
      <c r="BM28" s="9"/>
      <c r="BN28" s="17"/>
      <c r="BO28" s="131"/>
      <c r="BP28" s="15"/>
      <c r="BQ28" s="13"/>
      <c r="BR28" s="26"/>
      <c r="BS28" s="45"/>
      <c r="BT28" s="45"/>
      <c r="BU28" s="167"/>
      <c r="BV28" s="168"/>
      <c r="BW28" s="9"/>
      <c r="BX28" s="175" t="s">
        <v>112</v>
      </c>
      <c r="BY28" s="187"/>
      <c r="BZ28" s="9"/>
      <c r="CA28" s="17"/>
      <c r="CB28" s="131"/>
      <c r="CC28" s="15"/>
      <c r="CD28" s="13"/>
      <c r="CE28" s="26"/>
      <c r="CF28" s="45"/>
      <c r="CG28" s="45"/>
      <c r="CH28" s="167"/>
      <c r="CI28" s="168"/>
      <c r="CJ28" s="9"/>
      <c r="CK28" s="175" t="s">
        <v>112</v>
      </c>
      <c r="CL28" s="187"/>
      <c r="CM28" s="9"/>
      <c r="CN28" s="17"/>
      <c r="CO28" s="131"/>
      <c r="CP28" s="15"/>
      <c r="CQ28" s="13"/>
      <c r="CR28" s="26"/>
      <c r="CS28" s="45"/>
      <c r="CT28" s="45"/>
      <c r="CU28" s="167"/>
      <c r="CV28" s="168"/>
      <c r="CW28" s="9"/>
      <c r="CX28" s="175" t="s">
        <v>112</v>
      </c>
      <c r="CY28" s="187"/>
      <c r="CZ28" s="9"/>
      <c r="DA28" s="17"/>
      <c r="DB28" s="131"/>
      <c r="DC28" s="15"/>
      <c r="DD28" s="13"/>
      <c r="DE28" s="26"/>
      <c r="DF28" s="45"/>
      <c r="DG28" s="45"/>
      <c r="DH28" s="167"/>
      <c r="DI28" s="168"/>
      <c r="DJ28" s="9"/>
      <c r="DK28" s="175" t="s">
        <v>112</v>
      </c>
      <c r="DL28" s="187"/>
      <c r="DM28" s="9"/>
      <c r="DN28" s="17"/>
      <c r="DO28" s="131"/>
      <c r="DP28" s="15"/>
      <c r="DQ28" s="13"/>
      <c r="DR28" s="26"/>
      <c r="DS28" s="45"/>
      <c r="DT28" s="45"/>
      <c r="DU28" s="167"/>
      <c r="DV28" s="168"/>
      <c r="DW28" s="9"/>
      <c r="DX28" s="175" t="s">
        <v>112</v>
      </c>
      <c r="DY28" s="187"/>
      <c r="DZ28" s="9"/>
      <c r="EA28" s="17"/>
      <c r="EB28" s="131"/>
      <c r="EC28" s="15"/>
      <c r="ED28" s="13"/>
      <c r="EE28" s="26"/>
      <c r="EF28" s="45"/>
      <c r="EG28" s="45"/>
      <c r="EH28" s="167"/>
      <c r="EI28" s="168"/>
      <c r="EJ28" s="9"/>
      <c r="EK28" s="175" t="s">
        <v>112</v>
      </c>
      <c r="EL28" s="187"/>
      <c r="EM28" s="9"/>
      <c r="EN28" s="17"/>
      <c r="EO28" s="131"/>
      <c r="EP28" s="15"/>
      <c r="EQ28" s="13"/>
      <c r="ER28" s="26"/>
      <c r="ES28" s="45"/>
      <c r="ET28" s="45"/>
      <c r="EU28" s="167"/>
      <c r="EV28" s="168"/>
      <c r="EW28" s="9"/>
      <c r="EX28" s="175" t="s">
        <v>112</v>
      </c>
      <c r="EY28" s="187"/>
      <c r="EZ28" s="9"/>
      <c r="FA28" s="17"/>
      <c r="FB28" s="131"/>
      <c r="FC28" s="15"/>
      <c r="FD28" s="13"/>
      <c r="FE28" s="26"/>
      <c r="FF28" s="45"/>
      <c r="FG28" s="45"/>
      <c r="FH28" s="167"/>
      <c r="FI28" s="168"/>
      <c r="FJ28" s="9"/>
      <c r="FK28" s="175" t="s">
        <v>112</v>
      </c>
      <c r="FL28" s="187"/>
      <c r="FM28" s="9"/>
      <c r="FN28" s="17"/>
      <c r="FO28" s="131"/>
      <c r="FP28" s="15"/>
      <c r="FQ28" s="13"/>
      <c r="FR28" s="26"/>
      <c r="FS28" s="45"/>
      <c r="FT28" s="45"/>
      <c r="FU28" s="167"/>
      <c r="FV28" s="168"/>
      <c r="FW28" s="9"/>
      <c r="FX28" s="175" t="s">
        <v>112</v>
      </c>
      <c r="FY28" s="187"/>
      <c r="FZ28" s="9"/>
      <c r="GA28" s="17"/>
      <c r="GB28" s="131"/>
      <c r="GC28" s="15"/>
      <c r="GD28" s="13"/>
      <c r="GE28" s="25"/>
      <c r="GF28" s="45"/>
      <c r="GG28" s="45"/>
      <c r="GH28" s="167"/>
      <c r="GI28" s="168"/>
      <c r="GJ28" s="9"/>
      <c r="GK28" s="175" t="s">
        <v>112</v>
      </c>
      <c r="GL28" s="187"/>
      <c r="GM28" s="9"/>
      <c r="GN28" s="17"/>
      <c r="GO28" s="131"/>
      <c r="GP28" s="15"/>
      <c r="GQ28" s="13"/>
      <c r="GR28" s="25"/>
      <c r="GS28" s="45"/>
      <c r="GT28" s="45"/>
      <c r="GU28" s="167"/>
      <c r="GV28" s="168"/>
      <c r="GW28" s="9"/>
      <c r="GX28" s="175" t="s">
        <v>112</v>
      </c>
      <c r="GY28" s="187"/>
      <c r="GZ28" s="9"/>
      <c r="HA28" s="17"/>
      <c r="HB28" s="131"/>
      <c r="HC28" s="15"/>
      <c r="HD28" s="13"/>
      <c r="HE28" s="26"/>
      <c r="HF28" s="45"/>
      <c r="HG28" s="45"/>
      <c r="HH28" s="167"/>
      <c r="HI28" s="168"/>
      <c r="HJ28" s="9"/>
      <c r="HK28" s="175" t="s">
        <v>112</v>
      </c>
      <c r="HL28" s="187"/>
      <c r="HM28" s="9"/>
      <c r="HN28" s="17"/>
      <c r="HO28" s="131"/>
      <c r="HP28" s="15"/>
      <c r="HQ28" s="13"/>
      <c r="HR28" s="25"/>
      <c r="HS28" s="45"/>
      <c r="HT28" s="45"/>
      <c r="HU28" s="167"/>
      <c r="HV28" s="168"/>
      <c r="HW28" s="9"/>
      <c r="HX28" s="175" t="s">
        <v>112</v>
      </c>
      <c r="HY28" s="187"/>
      <c r="HZ28" s="9"/>
      <c r="IA28" s="17"/>
      <c r="IB28" s="131"/>
      <c r="IC28" s="15"/>
      <c r="ID28" s="13"/>
      <c r="IE28" s="25"/>
      <c r="IF28" s="45"/>
      <c r="IG28" s="45"/>
      <c r="IH28" s="167"/>
      <c r="II28" s="168"/>
      <c r="IJ28" s="9"/>
      <c r="IK28" s="175" t="s">
        <v>112</v>
      </c>
      <c r="IL28" s="187"/>
      <c r="IM28" s="9"/>
      <c r="IN28" s="17"/>
      <c r="IO28" s="131"/>
      <c r="IP28" s="15"/>
      <c r="IQ28" s="13"/>
      <c r="IR28" s="25"/>
      <c r="IS28" s="45"/>
      <c r="IT28" s="45"/>
      <c r="IU28" s="167"/>
      <c r="IV28" s="168"/>
      <c r="IW28" s="9"/>
      <c r="IX28" s="175" t="s">
        <v>112</v>
      </c>
      <c r="IY28" s="187"/>
      <c r="IZ28" s="9"/>
      <c r="JA28" s="17"/>
      <c r="JB28" s="131"/>
      <c r="JC28" s="15"/>
      <c r="JD28" s="13"/>
      <c r="JE28" s="25"/>
      <c r="JF28" s="45"/>
      <c r="JG28" s="45"/>
      <c r="JH28" s="167"/>
      <c r="JI28" s="168"/>
      <c r="JJ28" s="9"/>
      <c r="JK28" s="175" t="s">
        <v>112</v>
      </c>
      <c r="JL28" s="187"/>
      <c r="JM28" s="9"/>
      <c r="JN28" s="17"/>
      <c r="JO28" s="131"/>
      <c r="JP28" s="15"/>
      <c r="JQ28" s="13"/>
      <c r="JR28" s="25"/>
      <c r="JS28" s="45"/>
      <c r="JT28" s="45"/>
      <c r="JU28" s="167"/>
      <c r="JV28" s="168"/>
      <c r="JW28" s="9"/>
      <c r="JX28" s="175" t="s">
        <v>112</v>
      </c>
      <c r="JY28" s="187"/>
      <c r="JZ28" s="9"/>
      <c r="KA28" s="17"/>
      <c r="KB28" s="131"/>
      <c r="KC28" s="15"/>
      <c r="KD28" s="13"/>
      <c r="KE28" s="25"/>
      <c r="KF28" s="45"/>
      <c r="KG28" s="45"/>
      <c r="KH28" s="167"/>
      <c r="KI28" s="168"/>
      <c r="KJ28" s="9"/>
      <c r="KK28" s="175" t="s">
        <v>112</v>
      </c>
      <c r="KL28" s="187"/>
      <c r="KM28" s="9"/>
      <c r="KN28" s="17"/>
      <c r="KO28" s="131"/>
      <c r="KP28" s="15"/>
      <c r="KQ28" s="13"/>
      <c r="KR28" s="25"/>
      <c r="KS28" s="45"/>
      <c r="KT28" s="45"/>
      <c r="KU28" s="167"/>
      <c r="KV28" s="168"/>
      <c r="KW28" s="9"/>
      <c r="KX28" s="175" t="s">
        <v>112</v>
      </c>
      <c r="KY28" s="187"/>
      <c r="KZ28" s="9"/>
      <c r="LA28" s="17"/>
      <c r="LB28" s="131"/>
      <c r="LC28" s="15"/>
      <c r="LD28" s="13"/>
      <c r="LE28" s="25"/>
      <c r="LF28" s="45"/>
      <c r="LG28" s="45"/>
      <c r="LH28" s="167"/>
      <c r="LI28" s="168"/>
      <c r="LJ28" s="9"/>
      <c r="LK28" s="175" t="s">
        <v>112</v>
      </c>
      <c r="LL28" s="187"/>
      <c r="LM28" s="9"/>
      <c r="LN28" s="17"/>
      <c r="LO28" s="131"/>
      <c r="LP28" s="15"/>
      <c r="LQ28" s="13"/>
      <c r="LR28" s="25"/>
      <c r="LS28" s="45"/>
      <c r="LT28" s="45"/>
      <c r="LU28" s="167"/>
      <c r="LV28" s="168"/>
      <c r="LW28" s="9"/>
      <c r="LX28" s="175" t="s">
        <v>112</v>
      </c>
      <c r="LY28" s="187"/>
      <c r="LZ28" s="9"/>
      <c r="MA28" s="17"/>
      <c r="MB28" s="131"/>
      <c r="MC28" s="15"/>
      <c r="MD28" s="13"/>
      <c r="ME28" s="25"/>
      <c r="MF28" s="45"/>
      <c r="MG28" s="45"/>
      <c r="MH28" s="167"/>
      <c r="MI28" s="168"/>
      <c r="MJ28" s="9"/>
      <c r="MK28" s="175" t="s">
        <v>112</v>
      </c>
      <c r="ML28" s="187"/>
      <c r="MM28" s="9"/>
      <c r="MN28" s="17"/>
      <c r="MO28" s="131"/>
      <c r="MP28" s="15"/>
      <c r="MQ28" s="13"/>
      <c r="MR28" s="25"/>
      <c r="MS28" s="45"/>
      <c r="MT28" s="45"/>
      <c r="MU28" s="167"/>
      <c r="MV28" s="168"/>
      <c r="MW28" s="9"/>
      <c r="MX28" s="175" t="s">
        <v>112</v>
      </c>
      <c r="MY28" s="187"/>
      <c r="MZ28" s="9"/>
      <c r="NA28" s="17"/>
      <c r="NB28" s="131" t="str">
        <f t="shared" si="0"/>
        <v/>
      </c>
      <c r="NC28" s="15" t="str">
        <f>IF(NC27="","",IF(NC27='（参考）【別紙２】'!$E$35,"",IF(MONTH(NC27)=MONTH(NC27+1),NC27+1,"")))</f>
        <v/>
      </c>
      <c r="ND28" s="13" t="str">
        <f>IF(COUNTIF(祝日一覧!$E$2:$E$142,NC28),"○",IF(NG28&lt;&gt;"","○",""))</f>
        <v/>
      </c>
      <c r="NE28" s="25"/>
      <c r="NF28" s="45" t="str">
        <f t="shared" si="2"/>
        <v/>
      </c>
      <c r="NG28" s="45"/>
      <c r="NH28" s="167"/>
      <c r="NI28" s="168"/>
      <c r="NJ28" s="9"/>
      <c r="NK28" s="175" t="s">
        <v>112</v>
      </c>
      <c r="NL28" s="187"/>
      <c r="NM28" s="9"/>
      <c r="NN28" s="17"/>
      <c r="NO28" s="131"/>
      <c r="NP28" s="15"/>
      <c r="NQ28" s="13"/>
      <c r="NR28" s="25"/>
      <c r="NS28" s="45"/>
      <c r="NT28" s="45"/>
      <c r="NU28" s="167"/>
      <c r="NV28" s="168"/>
      <c r="NW28" s="9"/>
      <c r="NX28" s="175" t="s">
        <v>112</v>
      </c>
      <c r="NY28" s="187"/>
      <c r="NZ28" s="9"/>
      <c r="OA28" s="17"/>
      <c r="OB28" s="131"/>
      <c r="OC28" s="15"/>
      <c r="OD28" s="13"/>
      <c r="OE28" s="25"/>
      <c r="OF28" s="45"/>
      <c r="OG28" s="45"/>
      <c r="OH28" s="167"/>
      <c r="OI28" s="168"/>
      <c r="OJ28" s="9"/>
      <c r="OK28" s="175" t="s">
        <v>112</v>
      </c>
      <c r="OL28" s="187"/>
      <c r="OM28" s="9"/>
      <c r="ON28" s="17"/>
      <c r="OO28" s="131"/>
      <c r="OP28" s="15"/>
      <c r="OQ28" s="13"/>
      <c r="OR28" s="25"/>
      <c r="OS28" s="45"/>
      <c r="OT28" s="45"/>
      <c r="OU28" s="167"/>
      <c r="OV28" s="168"/>
      <c r="OW28" s="9"/>
      <c r="OX28" s="175" t="s">
        <v>112</v>
      </c>
      <c r="OY28" s="187"/>
      <c r="OZ28" s="9"/>
      <c r="PA28" s="17"/>
      <c r="PB28" s="131"/>
      <c r="PC28" s="15"/>
      <c r="PD28" s="13"/>
      <c r="PE28" s="25"/>
      <c r="PF28" s="45"/>
      <c r="PG28" s="45"/>
      <c r="PH28" s="167"/>
      <c r="PI28" s="168"/>
      <c r="PJ28" s="9"/>
      <c r="PK28" s="175" t="s">
        <v>112</v>
      </c>
      <c r="PL28" s="187"/>
      <c r="PM28" s="9"/>
      <c r="PN28" s="17"/>
      <c r="PO28" s="131"/>
      <c r="PP28" s="15"/>
      <c r="PQ28" s="13"/>
      <c r="PR28" s="25"/>
      <c r="PS28" s="45"/>
      <c r="PT28" s="45"/>
      <c r="PU28" s="167"/>
      <c r="PV28" s="168"/>
      <c r="PW28" s="9"/>
      <c r="PX28" s="175" t="s">
        <v>112</v>
      </c>
      <c r="PY28" s="187"/>
      <c r="PZ28" s="9"/>
      <c r="QA28" s="17"/>
      <c r="QB28" s="131"/>
      <c r="QC28" s="15"/>
      <c r="QD28" s="13"/>
      <c r="QE28" s="25"/>
      <c r="QF28" s="45"/>
      <c r="QG28" s="45"/>
      <c r="QH28" s="167"/>
      <c r="QI28" s="168"/>
      <c r="QJ28" s="9"/>
      <c r="QK28" s="175" t="s">
        <v>112</v>
      </c>
      <c r="QL28" s="187"/>
      <c r="QM28" s="9"/>
      <c r="QN28" s="17"/>
      <c r="QO28" s="131"/>
      <c r="QP28" s="15"/>
      <c r="QQ28" s="13"/>
      <c r="QR28" s="25"/>
      <c r="QS28" s="45"/>
      <c r="QT28" s="45"/>
      <c r="QU28" s="167"/>
      <c r="QV28" s="168"/>
      <c r="QW28" s="9"/>
      <c r="QX28" s="175" t="s">
        <v>112</v>
      </c>
      <c r="QY28" s="187"/>
      <c r="QZ28" s="9"/>
      <c r="RA28" s="17"/>
      <c r="RB28" s="131"/>
      <c r="RC28" s="15"/>
      <c r="RD28" s="13"/>
      <c r="RE28" s="25"/>
      <c r="RF28" s="45"/>
      <c r="RG28" s="45"/>
      <c r="RH28" s="167"/>
      <c r="RI28" s="168"/>
      <c r="RJ28" s="9"/>
      <c r="RK28" s="175" t="s">
        <v>112</v>
      </c>
      <c r="RL28" s="187"/>
      <c r="RM28" s="9"/>
      <c r="RN28" s="17"/>
      <c r="RO28" s="131"/>
      <c r="RP28" s="15"/>
      <c r="RQ28" s="13"/>
      <c r="RR28" s="25"/>
      <c r="RS28" s="45"/>
      <c r="RT28" s="45"/>
      <c r="RU28" s="167"/>
      <c r="RV28" s="168"/>
      <c r="RW28" s="9"/>
      <c r="RX28" s="175" t="s">
        <v>112</v>
      </c>
      <c r="RY28" s="187"/>
      <c r="RZ28" s="9"/>
      <c r="SA28" s="17"/>
      <c r="SB28" s="131"/>
      <c r="SC28" s="15"/>
      <c r="SD28" s="13"/>
      <c r="SE28" s="25"/>
      <c r="SF28" s="45"/>
      <c r="SG28" s="45"/>
      <c r="SH28" s="167"/>
      <c r="SI28" s="168"/>
      <c r="SJ28" s="9"/>
      <c r="SK28" s="175" t="s">
        <v>112</v>
      </c>
      <c r="SL28" s="187"/>
      <c r="SM28" s="9"/>
    </row>
    <row r="29" spans="1:507" ht="15.6" customHeight="1">
      <c r="A29" s="17"/>
      <c r="B29" s="131"/>
      <c r="C29" s="15"/>
      <c r="D29" s="13"/>
      <c r="E29" s="26"/>
      <c r="F29" s="45"/>
      <c r="G29" s="45"/>
      <c r="H29" s="167"/>
      <c r="I29" s="168"/>
      <c r="J29" s="43"/>
      <c r="K29" s="188"/>
      <c r="L29" s="188"/>
      <c r="M29" s="9"/>
      <c r="N29" s="17"/>
      <c r="O29" s="131"/>
      <c r="P29" s="15"/>
      <c r="Q29" s="13"/>
      <c r="R29" s="26"/>
      <c r="S29" s="45"/>
      <c r="T29" s="45"/>
      <c r="U29" s="167"/>
      <c r="V29" s="168"/>
      <c r="W29" s="9"/>
      <c r="X29" s="188"/>
      <c r="Y29" s="188"/>
      <c r="Z29" s="9"/>
      <c r="AA29" s="17"/>
      <c r="AB29" s="131"/>
      <c r="AC29" s="15"/>
      <c r="AD29" s="13"/>
      <c r="AE29" s="26"/>
      <c r="AF29" s="45"/>
      <c r="AG29" s="45"/>
      <c r="AH29" s="167"/>
      <c r="AI29" s="168"/>
      <c r="AJ29" s="9"/>
      <c r="AK29" s="188"/>
      <c r="AL29" s="188"/>
      <c r="AM29" s="9"/>
      <c r="AN29" s="17"/>
      <c r="AO29" s="131"/>
      <c r="AP29" s="15"/>
      <c r="AQ29" s="13"/>
      <c r="AR29" s="26"/>
      <c r="AS29" s="45"/>
      <c r="AT29" s="45"/>
      <c r="AU29" s="167"/>
      <c r="AV29" s="168"/>
      <c r="AW29" s="9"/>
      <c r="AX29" s="188"/>
      <c r="AY29" s="188"/>
      <c r="AZ29" s="9"/>
      <c r="BA29" s="17"/>
      <c r="BB29" s="131"/>
      <c r="BC29" s="15"/>
      <c r="BD29" s="13"/>
      <c r="BE29" s="26"/>
      <c r="BF29" s="45"/>
      <c r="BG29" s="45"/>
      <c r="BH29" s="167"/>
      <c r="BI29" s="168"/>
      <c r="BJ29" s="9"/>
      <c r="BK29" s="188"/>
      <c r="BL29" s="188"/>
      <c r="BM29" s="9"/>
      <c r="BN29" s="17"/>
      <c r="BO29" s="131"/>
      <c r="BP29" s="15"/>
      <c r="BQ29" s="13"/>
      <c r="BR29" s="26"/>
      <c r="BS29" s="45"/>
      <c r="BT29" s="45"/>
      <c r="BU29" s="167"/>
      <c r="BV29" s="168"/>
      <c r="BW29" s="9"/>
      <c r="BX29" s="188"/>
      <c r="BY29" s="188"/>
      <c r="BZ29" s="9"/>
      <c r="CA29" s="17"/>
      <c r="CB29" s="131"/>
      <c r="CC29" s="15"/>
      <c r="CD29" s="13"/>
      <c r="CE29" s="26"/>
      <c r="CF29" s="45"/>
      <c r="CG29" s="45"/>
      <c r="CH29" s="167"/>
      <c r="CI29" s="168"/>
      <c r="CJ29" s="9"/>
      <c r="CK29" s="188"/>
      <c r="CL29" s="188"/>
      <c r="CM29" s="9"/>
      <c r="CN29" s="17"/>
      <c r="CO29" s="131"/>
      <c r="CP29" s="15"/>
      <c r="CQ29" s="13"/>
      <c r="CR29" s="26"/>
      <c r="CS29" s="45"/>
      <c r="CT29" s="45"/>
      <c r="CU29" s="167"/>
      <c r="CV29" s="168"/>
      <c r="CW29" s="9"/>
      <c r="CX29" s="188"/>
      <c r="CY29" s="188"/>
      <c r="CZ29" s="9"/>
      <c r="DA29" s="17"/>
      <c r="DB29" s="131"/>
      <c r="DC29" s="15"/>
      <c r="DD29" s="13"/>
      <c r="DE29" s="26"/>
      <c r="DF29" s="45"/>
      <c r="DG29" s="45"/>
      <c r="DH29" s="167"/>
      <c r="DI29" s="168"/>
      <c r="DJ29" s="9"/>
      <c r="DK29" s="188"/>
      <c r="DL29" s="188"/>
      <c r="DM29" s="9"/>
      <c r="DN29" s="17"/>
      <c r="DO29" s="131"/>
      <c r="DP29" s="15"/>
      <c r="DQ29" s="13"/>
      <c r="DR29" s="26"/>
      <c r="DS29" s="45"/>
      <c r="DT29" s="45"/>
      <c r="DU29" s="167"/>
      <c r="DV29" s="168"/>
      <c r="DW29" s="9"/>
      <c r="DX29" s="188"/>
      <c r="DY29" s="188"/>
      <c r="DZ29" s="9"/>
      <c r="EA29" s="17"/>
      <c r="EB29" s="131"/>
      <c r="EC29" s="15"/>
      <c r="ED29" s="13"/>
      <c r="EE29" s="26"/>
      <c r="EF29" s="45"/>
      <c r="EG29" s="45"/>
      <c r="EH29" s="167"/>
      <c r="EI29" s="168"/>
      <c r="EJ29" s="9"/>
      <c r="EK29" s="188"/>
      <c r="EL29" s="188"/>
      <c r="EM29" s="9"/>
      <c r="EN29" s="17"/>
      <c r="EO29" s="131"/>
      <c r="EP29" s="15"/>
      <c r="EQ29" s="13"/>
      <c r="ER29" s="26"/>
      <c r="ES29" s="45"/>
      <c r="ET29" s="45"/>
      <c r="EU29" s="167"/>
      <c r="EV29" s="168"/>
      <c r="EW29" s="9"/>
      <c r="EX29" s="188"/>
      <c r="EY29" s="188"/>
      <c r="EZ29" s="9"/>
      <c r="FA29" s="17"/>
      <c r="FB29" s="131"/>
      <c r="FC29" s="15"/>
      <c r="FD29" s="13"/>
      <c r="FE29" s="26"/>
      <c r="FF29" s="45"/>
      <c r="FG29" s="45"/>
      <c r="FH29" s="167"/>
      <c r="FI29" s="168"/>
      <c r="FJ29" s="9"/>
      <c r="FK29" s="188"/>
      <c r="FL29" s="188"/>
      <c r="FM29" s="9"/>
      <c r="FN29" s="17"/>
      <c r="FO29" s="131"/>
      <c r="FP29" s="15"/>
      <c r="FQ29" s="13"/>
      <c r="FR29" s="26"/>
      <c r="FS29" s="45"/>
      <c r="FT29" s="45"/>
      <c r="FU29" s="167"/>
      <c r="FV29" s="168"/>
      <c r="FW29" s="9"/>
      <c r="FX29" s="188"/>
      <c r="FY29" s="188"/>
      <c r="FZ29" s="9"/>
      <c r="GA29" s="17"/>
      <c r="GB29" s="131"/>
      <c r="GC29" s="15"/>
      <c r="GD29" s="13"/>
      <c r="GE29" s="25"/>
      <c r="GF29" s="45"/>
      <c r="GG29" s="45"/>
      <c r="GH29" s="167"/>
      <c r="GI29" s="168"/>
      <c r="GJ29" s="9"/>
      <c r="GK29" s="188"/>
      <c r="GL29" s="188"/>
      <c r="GM29" s="9"/>
      <c r="GN29" s="17"/>
      <c r="GO29" s="131"/>
      <c r="GP29" s="15"/>
      <c r="GQ29" s="13"/>
      <c r="GR29" s="25"/>
      <c r="GS29" s="45"/>
      <c r="GT29" s="45"/>
      <c r="GU29" s="167"/>
      <c r="GV29" s="168"/>
      <c r="GW29" s="9"/>
      <c r="GX29" s="188"/>
      <c r="GY29" s="188"/>
      <c r="GZ29" s="9"/>
      <c r="HA29" s="17"/>
      <c r="HB29" s="131"/>
      <c r="HC29" s="15"/>
      <c r="HD29" s="13"/>
      <c r="HE29" s="26"/>
      <c r="HF29" s="45"/>
      <c r="HG29" s="45"/>
      <c r="HH29" s="167"/>
      <c r="HI29" s="168"/>
      <c r="HJ29" s="9"/>
      <c r="HK29" s="188"/>
      <c r="HL29" s="188"/>
      <c r="HM29" s="9"/>
      <c r="HN29" s="17"/>
      <c r="HO29" s="131"/>
      <c r="HP29" s="15"/>
      <c r="HQ29" s="13"/>
      <c r="HR29" s="25"/>
      <c r="HS29" s="45"/>
      <c r="HT29" s="45"/>
      <c r="HU29" s="167"/>
      <c r="HV29" s="168"/>
      <c r="HW29" s="9"/>
      <c r="HX29" s="188"/>
      <c r="HY29" s="188"/>
      <c r="HZ29" s="9"/>
      <c r="IA29" s="17"/>
      <c r="IB29" s="131"/>
      <c r="IC29" s="15"/>
      <c r="ID29" s="13"/>
      <c r="IE29" s="25"/>
      <c r="IF29" s="45"/>
      <c r="IG29" s="45"/>
      <c r="IH29" s="167"/>
      <c r="II29" s="168"/>
      <c r="IJ29" s="9"/>
      <c r="IK29" s="188"/>
      <c r="IL29" s="188"/>
      <c r="IM29" s="9"/>
      <c r="IN29" s="17"/>
      <c r="IO29" s="131"/>
      <c r="IP29" s="15"/>
      <c r="IQ29" s="13"/>
      <c r="IR29" s="25"/>
      <c r="IS29" s="45"/>
      <c r="IT29" s="45"/>
      <c r="IU29" s="167"/>
      <c r="IV29" s="168"/>
      <c r="IW29" s="9"/>
      <c r="IX29" s="188"/>
      <c r="IY29" s="188"/>
      <c r="IZ29" s="9"/>
      <c r="JA29" s="17"/>
      <c r="JB29" s="131"/>
      <c r="JC29" s="15"/>
      <c r="JD29" s="13"/>
      <c r="JE29" s="25"/>
      <c r="JF29" s="45"/>
      <c r="JG29" s="45"/>
      <c r="JH29" s="167"/>
      <c r="JI29" s="168"/>
      <c r="JJ29" s="9"/>
      <c r="JK29" s="188"/>
      <c r="JL29" s="188"/>
      <c r="JM29" s="9"/>
      <c r="JN29" s="17"/>
      <c r="JO29" s="131"/>
      <c r="JP29" s="15"/>
      <c r="JQ29" s="13"/>
      <c r="JR29" s="25"/>
      <c r="JS29" s="45"/>
      <c r="JT29" s="45"/>
      <c r="JU29" s="167"/>
      <c r="JV29" s="168"/>
      <c r="JW29" s="9"/>
      <c r="JX29" s="188"/>
      <c r="JY29" s="188"/>
      <c r="JZ29" s="9"/>
      <c r="KA29" s="17"/>
      <c r="KB29" s="131"/>
      <c r="KC29" s="15"/>
      <c r="KD29" s="13"/>
      <c r="KE29" s="25"/>
      <c r="KF29" s="45"/>
      <c r="KG29" s="45"/>
      <c r="KH29" s="167"/>
      <c r="KI29" s="168"/>
      <c r="KJ29" s="9"/>
      <c r="KK29" s="188"/>
      <c r="KL29" s="188"/>
      <c r="KM29" s="9"/>
      <c r="KN29" s="17"/>
      <c r="KO29" s="131"/>
      <c r="KP29" s="15"/>
      <c r="KQ29" s="13"/>
      <c r="KR29" s="25"/>
      <c r="KS29" s="45"/>
      <c r="KT29" s="45"/>
      <c r="KU29" s="167"/>
      <c r="KV29" s="168"/>
      <c r="KW29" s="9"/>
      <c r="KX29" s="188"/>
      <c r="KY29" s="188"/>
      <c r="KZ29" s="9"/>
      <c r="LA29" s="17"/>
      <c r="LB29" s="131"/>
      <c r="LC29" s="15"/>
      <c r="LD29" s="13"/>
      <c r="LE29" s="25"/>
      <c r="LF29" s="45"/>
      <c r="LG29" s="45"/>
      <c r="LH29" s="167"/>
      <c r="LI29" s="168"/>
      <c r="LJ29" s="9"/>
      <c r="LK29" s="188"/>
      <c r="LL29" s="188"/>
      <c r="LM29" s="9"/>
      <c r="LN29" s="17"/>
      <c r="LO29" s="131"/>
      <c r="LP29" s="15"/>
      <c r="LQ29" s="13"/>
      <c r="LR29" s="25"/>
      <c r="LS29" s="45"/>
      <c r="LT29" s="45"/>
      <c r="LU29" s="167"/>
      <c r="LV29" s="168"/>
      <c r="LW29" s="9"/>
      <c r="LX29" s="188"/>
      <c r="LY29" s="188"/>
      <c r="LZ29" s="9"/>
      <c r="MA29" s="17"/>
      <c r="MB29" s="131"/>
      <c r="MC29" s="15"/>
      <c r="MD29" s="13"/>
      <c r="ME29" s="25"/>
      <c r="MF29" s="45"/>
      <c r="MG29" s="45"/>
      <c r="MH29" s="167"/>
      <c r="MI29" s="168"/>
      <c r="MJ29" s="9"/>
      <c r="MK29" s="188"/>
      <c r="ML29" s="188"/>
      <c r="MM29" s="9"/>
      <c r="MN29" s="17"/>
      <c r="MO29" s="131"/>
      <c r="MP29" s="15"/>
      <c r="MQ29" s="13"/>
      <c r="MR29" s="25"/>
      <c r="MS29" s="45"/>
      <c r="MT29" s="45"/>
      <c r="MU29" s="167"/>
      <c r="MV29" s="168"/>
      <c r="MW29" s="9"/>
      <c r="MX29" s="188"/>
      <c r="MY29" s="188"/>
      <c r="MZ29" s="9"/>
      <c r="NA29" s="17"/>
      <c r="NB29" s="131" t="str">
        <f t="shared" si="0"/>
        <v/>
      </c>
      <c r="NC29" s="15" t="str">
        <f>IF(NC28="","",IF(NC28='（参考）【別紙２】'!$E$35,"",IF(MONTH(NC28)=MONTH(NC28+1),NC28+1,"")))</f>
        <v/>
      </c>
      <c r="ND29" s="13" t="str">
        <f>IF(COUNTIF(祝日一覧!$E$2:$E$142,NC29),"○",IF(NG29&lt;&gt;"","○",""))</f>
        <v/>
      </c>
      <c r="NE29" s="25"/>
      <c r="NF29" s="45" t="str">
        <f t="shared" si="2"/>
        <v/>
      </c>
      <c r="NG29" s="45"/>
      <c r="NH29" s="167"/>
      <c r="NI29" s="168"/>
      <c r="NJ29" s="9"/>
      <c r="NK29" s="188"/>
      <c r="NL29" s="188"/>
      <c r="NM29" s="9"/>
      <c r="NN29" s="17"/>
      <c r="NO29" s="131"/>
      <c r="NP29" s="15"/>
      <c r="NQ29" s="13"/>
      <c r="NR29" s="25"/>
      <c r="NS29" s="45"/>
      <c r="NT29" s="45"/>
      <c r="NU29" s="167"/>
      <c r="NV29" s="168"/>
      <c r="NW29" s="9"/>
      <c r="NX29" s="188"/>
      <c r="NY29" s="188"/>
      <c r="NZ29" s="9"/>
      <c r="OA29" s="17"/>
      <c r="OB29" s="131"/>
      <c r="OC29" s="15"/>
      <c r="OD29" s="13"/>
      <c r="OE29" s="25"/>
      <c r="OF29" s="45"/>
      <c r="OG29" s="45"/>
      <c r="OH29" s="167"/>
      <c r="OI29" s="168"/>
      <c r="OJ29" s="9"/>
      <c r="OK29" s="188"/>
      <c r="OL29" s="188"/>
      <c r="OM29" s="9"/>
      <c r="ON29" s="17"/>
      <c r="OO29" s="131"/>
      <c r="OP29" s="15"/>
      <c r="OQ29" s="13"/>
      <c r="OR29" s="25"/>
      <c r="OS29" s="45"/>
      <c r="OT29" s="45"/>
      <c r="OU29" s="167"/>
      <c r="OV29" s="168"/>
      <c r="OW29" s="9"/>
      <c r="OX29" s="188"/>
      <c r="OY29" s="188"/>
      <c r="OZ29" s="9"/>
      <c r="PA29" s="17"/>
      <c r="PB29" s="131"/>
      <c r="PC29" s="15"/>
      <c r="PD29" s="13"/>
      <c r="PE29" s="25"/>
      <c r="PF29" s="45"/>
      <c r="PG29" s="45"/>
      <c r="PH29" s="167"/>
      <c r="PI29" s="168"/>
      <c r="PJ29" s="9"/>
      <c r="PK29" s="188"/>
      <c r="PL29" s="188"/>
      <c r="PM29" s="9"/>
      <c r="PN29" s="17"/>
      <c r="PO29" s="131"/>
      <c r="PP29" s="15"/>
      <c r="PQ29" s="13"/>
      <c r="PR29" s="25"/>
      <c r="PS29" s="45"/>
      <c r="PT29" s="45"/>
      <c r="PU29" s="167"/>
      <c r="PV29" s="168"/>
      <c r="PW29" s="9"/>
      <c r="PX29" s="188"/>
      <c r="PY29" s="188"/>
      <c r="PZ29" s="9"/>
      <c r="QA29" s="17"/>
      <c r="QB29" s="131"/>
      <c r="QC29" s="15"/>
      <c r="QD29" s="13"/>
      <c r="QE29" s="25"/>
      <c r="QF29" s="45"/>
      <c r="QG29" s="45"/>
      <c r="QH29" s="167"/>
      <c r="QI29" s="168"/>
      <c r="QJ29" s="9"/>
      <c r="QK29" s="188"/>
      <c r="QL29" s="188"/>
      <c r="QM29" s="9"/>
      <c r="QN29" s="17"/>
      <c r="QO29" s="131"/>
      <c r="QP29" s="15"/>
      <c r="QQ29" s="13"/>
      <c r="QR29" s="25"/>
      <c r="QS29" s="45"/>
      <c r="QT29" s="45"/>
      <c r="QU29" s="167"/>
      <c r="QV29" s="168"/>
      <c r="QW29" s="9"/>
      <c r="QX29" s="188"/>
      <c r="QY29" s="188"/>
      <c r="QZ29" s="9"/>
      <c r="RA29" s="17"/>
      <c r="RB29" s="131"/>
      <c r="RC29" s="15"/>
      <c r="RD29" s="13"/>
      <c r="RE29" s="25"/>
      <c r="RF29" s="45"/>
      <c r="RG29" s="45"/>
      <c r="RH29" s="167"/>
      <c r="RI29" s="168"/>
      <c r="RJ29" s="9"/>
      <c r="RK29" s="188"/>
      <c r="RL29" s="188"/>
      <c r="RM29" s="9"/>
      <c r="RN29" s="17"/>
      <c r="RO29" s="131"/>
      <c r="RP29" s="15"/>
      <c r="RQ29" s="13"/>
      <c r="RR29" s="25"/>
      <c r="RS29" s="45"/>
      <c r="RT29" s="45"/>
      <c r="RU29" s="167"/>
      <c r="RV29" s="168"/>
      <c r="RW29" s="9"/>
      <c r="RX29" s="188"/>
      <c r="RY29" s="188"/>
      <c r="RZ29" s="9"/>
      <c r="SA29" s="17"/>
      <c r="SB29" s="131"/>
      <c r="SC29" s="15"/>
      <c r="SD29" s="13"/>
      <c r="SE29" s="25"/>
      <c r="SF29" s="45"/>
      <c r="SG29" s="45"/>
      <c r="SH29" s="167"/>
      <c r="SI29" s="168"/>
      <c r="SJ29" s="9"/>
      <c r="SK29" s="188"/>
      <c r="SL29" s="188"/>
      <c r="SM29" s="9"/>
    </row>
    <row r="30" spans="1:507" ht="15.6" customHeight="1">
      <c r="A30" s="17"/>
      <c r="B30" s="131"/>
      <c r="C30" s="15"/>
      <c r="D30" s="13"/>
      <c r="E30" s="26"/>
      <c r="F30" s="45"/>
      <c r="G30" s="45"/>
      <c r="H30" s="167"/>
      <c r="I30" s="168"/>
      <c r="J30" s="42"/>
      <c r="K30" s="193" t="s">
        <v>104</v>
      </c>
      <c r="L30" s="195"/>
      <c r="M30" s="9"/>
      <c r="N30" s="17"/>
      <c r="O30" s="131"/>
      <c r="P30" s="15"/>
      <c r="Q30" s="13"/>
      <c r="R30" s="25"/>
      <c r="S30" s="45"/>
      <c r="T30" s="45"/>
      <c r="U30" s="167"/>
      <c r="V30" s="168"/>
      <c r="W30" s="43"/>
      <c r="X30" s="191" t="s">
        <v>104</v>
      </c>
      <c r="Y30" s="189"/>
      <c r="Z30" s="9"/>
      <c r="AA30" s="17"/>
      <c r="AB30" s="131"/>
      <c r="AC30" s="15"/>
      <c r="AD30" s="13"/>
      <c r="AE30" s="26"/>
      <c r="AF30" s="45"/>
      <c r="AG30" s="45"/>
      <c r="AH30" s="167"/>
      <c r="AI30" s="168"/>
      <c r="AJ30" s="43"/>
      <c r="AK30" s="191" t="s">
        <v>104</v>
      </c>
      <c r="AL30" s="189"/>
      <c r="AM30" s="9"/>
      <c r="AN30" s="17"/>
      <c r="AO30" s="131"/>
      <c r="AP30" s="15"/>
      <c r="AQ30" s="13"/>
      <c r="AR30" s="26"/>
      <c r="AS30" s="45"/>
      <c r="AT30" s="45"/>
      <c r="AU30" s="167"/>
      <c r="AV30" s="168"/>
      <c r="AW30" s="43"/>
      <c r="AX30" s="191" t="s">
        <v>104</v>
      </c>
      <c r="AY30" s="189"/>
      <c r="AZ30" s="9"/>
      <c r="BA30" s="17"/>
      <c r="BB30" s="131"/>
      <c r="BC30" s="15"/>
      <c r="BD30" s="13"/>
      <c r="BE30" s="26"/>
      <c r="BF30" s="45"/>
      <c r="BG30" s="45"/>
      <c r="BH30" s="167"/>
      <c r="BI30" s="168"/>
      <c r="BJ30" s="43"/>
      <c r="BK30" s="191" t="s">
        <v>104</v>
      </c>
      <c r="BL30" s="189"/>
      <c r="BM30" s="9"/>
      <c r="BN30" s="17"/>
      <c r="BO30" s="131"/>
      <c r="BP30" s="15"/>
      <c r="BQ30" s="13"/>
      <c r="BR30" s="26"/>
      <c r="BS30" s="45"/>
      <c r="BT30" s="45"/>
      <c r="BU30" s="167"/>
      <c r="BV30" s="168"/>
      <c r="BW30" s="43"/>
      <c r="BX30" s="191" t="s">
        <v>104</v>
      </c>
      <c r="BY30" s="189"/>
      <c r="BZ30" s="9"/>
      <c r="CA30" s="17"/>
      <c r="CB30" s="131"/>
      <c r="CC30" s="15"/>
      <c r="CD30" s="13"/>
      <c r="CE30" s="26"/>
      <c r="CF30" s="45"/>
      <c r="CG30" s="45"/>
      <c r="CH30" s="167"/>
      <c r="CI30" s="168"/>
      <c r="CJ30" s="43"/>
      <c r="CK30" s="191" t="s">
        <v>104</v>
      </c>
      <c r="CL30" s="189"/>
      <c r="CM30" s="9"/>
      <c r="CN30" s="17"/>
      <c r="CO30" s="131"/>
      <c r="CP30" s="15"/>
      <c r="CQ30" s="13"/>
      <c r="CR30" s="26"/>
      <c r="CS30" s="45"/>
      <c r="CT30" s="45"/>
      <c r="CU30" s="167"/>
      <c r="CV30" s="168"/>
      <c r="CW30" s="43"/>
      <c r="CX30" s="191" t="s">
        <v>104</v>
      </c>
      <c r="CY30" s="189"/>
      <c r="CZ30" s="9"/>
      <c r="DA30" s="17"/>
      <c r="DB30" s="131"/>
      <c r="DC30" s="15"/>
      <c r="DD30" s="13"/>
      <c r="DE30" s="26"/>
      <c r="DF30" s="45"/>
      <c r="DG30" s="45"/>
      <c r="DH30" s="167"/>
      <c r="DI30" s="168"/>
      <c r="DJ30" s="43"/>
      <c r="DK30" s="191" t="s">
        <v>104</v>
      </c>
      <c r="DL30" s="189"/>
      <c r="DM30" s="9"/>
      <c r="DN30" s="17"/>
      <c r="DO30" s="131"/>
      <c r="DP30" s="15"/>
      <c r="DQ30" s="13"/>
      <c r="DR30" s="26"/>
      <c r="DS30" s="45"/>
      <c r="DT30" s="45"/>
      <c r="DU30" s="167"/>
      <c r="DV30" s="168"/>
      <c r="DW30" s="43"/>
      <c r="DX30" s="191" t="s">
        <v>104</v>
      </c>
      <c r="DY30" s="189"/>
      <c r="DZ30" s="9"/>
      <c r="EA30" s="17"/>
      <c r="EB30" s="131"/>
      <c r="EC30" s="15"/>
      <c r="ED30" s="13"/>
      <c r="EE30" s="26"/>
      <c r="EF30" s="45"/>
      <c r="EG30" s="45"/>
      <c r="EH30" s="167"/>
      <c r="EI30" s="168"/>
      <c r="EJ30" s="43"/>
      <c r="EK30" s="191" t="s">
        <v>104</v>
      </c>
      <c r="EL30" s="189"/>
      <c r="EM30" s="9"/>
      <c r="EN30" s="17"/>
      <c r="EO30" s="131"/>
      <c r="EP30" s="15"/>
      <c r="EQ30" s="13"/>
      <c r="ER30" s="26"/>
      <c r="ES30" s="45"/>
      <c r="ET30" s="45"/>
      <c r="EU30" s="167"/>
      <c r="EV30" s="168"/>
      <c r="EW30" s="43"/>
      <c r="EX30" s="191" t="s">
        <v>104</v>
      </c>
      <c r="EY30" s="189"/>
      <c r="EZ30" s="9"/>
      <c r="FA30" s="17"/>
      <c r="FB30" s="131"/>
      <c r="FC30" s="15"/>
      <c r="FD30" s="13"/>
      <c r="FE30" s="26"/>
      <c r="FF30" s="45"/>
      <c r="FG30" s="45"/>
      <c r="FH30" s="167"/>
      <c r="FI30" s="168"/>
      <c r="FJ30" s="43"/>
      <c r="FK30" s="191" t="s">
        <v>104</v>
      </c>
      <c r="FL30" s="189"/>
      <c r="FM30" s="9"/>
      <c r="FN30" s="17"/>
      <c r="FO30" s="131"/>
      <c r="FP30" s="15"/>
      <c r="FQ30" s="13"/>
      <c r="FR30" s="26"/>
      <c r="FS30" s="45"/>
      <c r="FT30" s="45"/>
      <c r="FU30" s="167"/>
      <c r="FV30" s="168"/>
      <c r="FW30" s="43"/>
      <c r="FX30" s="191" t="s">
        <v>104</v>
      </c>
      <c r="FY30" s="189"/>
      <c r="FZ30" s="9"/>
      <c r="GA30" s="17"/>
      <c r="GB30" s="131"/>
      <c r="GC30" s="15"/>
      <c r="GD30" s="13"/>
      <c r="GE30" s="25"/>
      <c r="GF30" s="45"/>
      <c r="GG30" s="45"/>
      <c r="GH30" s="167"/>
      <c r="GI30" s="168"/>
      <c r="GJ30" s="43"/>
      <c r="GK30" s="191" t="s">
        <v>104</v>
      </c>
      <c r="GL30" s="189"/>
      <c r="GM30" s="9"/>
      <c r="GN30" s="17"/>
      <c r="GO30" s="131"/>
      <c r="GP30" s="15"/>
      <c r="GQ30" s="13"/>
      <c r="GR30" s="25"/>
      <c r="GS30" s="45"/>
      <c r="GT30" s="45"/>
      <c r="GU30" s="167"/>
      <c r="GV30" s="168"/>
      <c r="GW30" s="43"/>
      <c r="GX30" s="191" t="s">
        <v>104</v>
      </c>
      <c r="GY30" s="189"/>
      <c r="GZ30" s="9"/>
      <c r="HA30" s="17"/>
      <c r="HB30" s="131"/>
      <c r="HC30" s="15"/>
      <c r="HD30" s="13"/>
      <c r="HE30" s="26"/>
      <c r="HF30" s="45"/>
      <c r="HG30" s="45"/>
      <c r="HH30" s="167"/>
      <c r="HI30" s="168"/>
      <c r="HJ30" s="43"/>
      <c r="HK30" s="191" t="s">
        <v>104</v>
      </c>
      <c r="HL30" s="189"/>
      <c r="HM30" s="9"/>
      <c r="HN30" s="17"/>
      <c r="HO30" s="131"/>
      <c r="HP30" s="15"/>
      <c r="HQ30" s="13"/>
      <c r="HR30" s="25"/>
      <c r="HS30" s="45"/>
      <c r="HT30" s="45"/>
      <c r="HU30" s="167"/>
      <c r="HV30" s="168"/>
      <c r="HW30" s="43"/>
      <c r="HX30" s="191" t="s">
        <v>104</v>
      </c>
      <c r="HY30" s="189"/>
      <c r="HZ30" s="9"/>
      <c r="IA30" s="17"/>
      <c r="IB30" s="131"/>
      <c r="IC30" s="15"/>
      <c r="ID30" s="13"/>
      <c r="IE30" s="25"/>
      <c r="IF30" s="45"/>
      <c r="IG30" s="45"/>
      <c r="IH30" s="167"/>
      <c r="II30" s="168"/>
      <c r="IJ30" s="43"/>
      <c r="IK30" s="191" t="s">
        <v>104</v>
      </c>
      <c r="IL30" s="189"/>
      <c r="IM30" s="9"/>
      <c r="IN30" s="17"/>
      <c r="IO30" s="131"/>
      <c r="IP30" s="15"/>
      <c r="IQ30" s="13"/>
      <c r="IR30" s="25"/>
      <c r="IS30" s="45"/>
      <c r="IT30" s="45"/>
      <c r="IU30" s="167"/>
      <c r="IV30" s="168"/>
      <c r="IW30" s="43"/>
      <c r="IX30" s="191" t="s">
        <v>104</v>
      </c>
      <c r="IY30" s="189"/>
      <c r="IZ30" s="9"/>
      <c r="JA30" s="17"/>
      <c r="JB30" s="131"/>
      <c r="JC30" s="15"/>
      <c r="JD30" s="13"/>
      <c r="JE30" s="25"/>
      <c r="JF30" s="45"/>
      <c r="JG30" s="45"/>
      <c r="JH30" s="167"/>
      <c r="JI30" s="168"/>
      <c r="JJ30" s="43"/>
      <c r="JK30" s="191" t="s">
        <v>104</v>
      </c>
      <c r="JL30" s="189"/>
      <c r="JM30" s="9"/>
      <c r="JN30" s="17"/>
      <c r="JO30" s="131"/>
      <c r="JP30" s="15"/>
      <c r="JQ30" s="13"/>
      <c r="JR30" s="25"/>
      <c r="JS30" s="45"/>
      <c r="JT30" s="45"/>
      <c r="JU30" s="167"/>
      <c r="JV30" s="168"/>
      <c r="JW30" s="43"/>
      <c r="JX30" s="191" t="s">
        <v>104</v>
      </c>
      <c r="JY30" s="189"/>
      <c r="JZ30" s="9"/>
      <c r="KA30" s="17"/>
      <c r="KB30" s="131"/>
      <c r="KC30" s="15"/>
      <c r="KD30" s="13"/>
      <c r="KE30" s="25"/>
      <c r="KF30" s="45"/>
      <c r="KG30" s="45"/>
      <c r="KH30" s="167"/>
      <c r="KI30" s="168"/>
      <c r="KJ30" s="43"/>
      <c r="KK30" s="191" t="s">
        <v>104</v>
      </c>
      <c r="KL30" s="189"/>
      <c r="KM30" s="9"/>
      <c r="KN30" s="17"/>
      <c r="KO30" s="131"/>
      <c r="KP30" s="15"/>
      <c r="KQ30" s="13"/>
      <c r="KR30" s="25"/>
      <c r="KS30" s="45"/>
      <c r="KT30" s="45"/>
      <c r="KU30" s="167"/>
      <c r="KV30" s="168"/>
      <c r="KW30" s="43"/>
      <c r="KX30" s="191" t="s">
        <v>104</v>
      </c>
      <c r="KY30" s="189"/>
      <c r="KZ30" s="9"/>
      <c r="LA30" s="17"/>
      <c r="LB30" s="131"/>
      <c r="LC30" s="15"/>
      <c r="LD30" s="13"/>
      <c r="LE30" s="25"/>
      <c r="LF30" s="45"/>
      <c r="LG30" s="45"/>
      <c r="LH30" s="167"/>
      <c r="LI30" s="168"/>
      <c r="LJ30" s="43"/>
      <c r="LK30" s="191" t="s">
        <v>104</v>
      </c>
      <c r="LL30" s="189"/>
      <c r="LM30" s="9"/>
      <c r="LN30" s="17"/>
      <c r="LO30" s="131"/>
      <c r="LP30" s="15"/>
      <c r="LQ30" s="13"/>
      <c r="LR30" s="25"/>
      <c r="LS30" s="45"/>
      <c r="LT30" s="45"/>
      <c r="LU30" s="167"/>
      <c r="LV30" s="168"/>
      <c r="LW30" s="43"/>
      <c r="LX30" s="191" t="s">
        <v>104</v>
      </c>
      <c r="LY30" s="189"/>
      <c r="LZ30" s="9"/>
      <c r="MA30" s="17"/>
      <c r="MB30" s="131"/>
      <c r="MC30" s="15"/>
      <c r="MD30" s="13"/>
      <c r="ME30" s="25"/>
      <c r="MF30" s="45"/>
      <c r="MG30" s="45"/>
      <c r="MH30" s="167"/>
      <c r="MI30" s="168"/>
      <c r="MJ30" s="43"/>
      <c r="MK30" s="191" t="s">
        <v>104</v>
      </c>
      <c r="ML30" s="189"/>
      <c r="MM30" s="9"/>
      <c r="MN30" s="17"/>
      <c r="MO30" s="131"/>
      <c r="MP30" s="15"/>
      <c r="MQ30" s="13"/>
      <c r="MR30" s="25"/>
      <c r="MS30" s="45"/>
      <c r="MT30" s="45"/>
      <c r="MU30" s="167"/>
      <c r="MV30" s="168"/>
      <c r="MW30" s="43"/>
      <c r="MX30" s="191" t="s">
        <v>104</v>
      </c>
      <c r="MY30" s="189"/>
      <c r="MZ30" s="9"/>
      <c r="NA30" s="17"/>
      <c r="NB30" s="131" t="str">
        <f t="shared" si="0"/>
        <v/>
      </c>
      <c r="NC30" s="15" t="str">
        <f>IF(NC29="","",IF(NC29='（参考）【別紙２】'!$E$35,"",IF(MONTH(NC29)=MONTH(NC29+1),NC29+1,"")))</f>
        <v/>
      </c>
      <c r="ND30" s="13" t="str">
        <f>IF(COUNTIF(祝日一覧!$E$2:$E$142,NC30),"○",IF(NG30&lt;&gt;"","○",""))</f>
        <v/>
      </c>
      <c r="NE30" s="25"/>
      <c r="NF30" s="45" t="str">
        <f t="shared" si="2"/>
        <v/>
      </c>
      <c r="NG30" s="45"/>
      <c r="NH30" s="167"/>
      <c r="NI30" s="168"/>
      <c r="NJ30" s="43"/>
      <c r="NK30" s="191" t="s">
        <v>104</v>
      </c>
      <c r="NL30" s="189"/>
      <c r="NM30" s="9"/>
      <c r="NN30" s="17"/>
      <c r="NO30" s="131"/>
      <c r="NP30" s="15"/>
      <c r="NQ30" s="13"/>
      <c r="NR30" s="25"/>
      <c r="NS30" s="45"/>
      <c r="NT30" s="45"/>
      <c r="NU30" s="167"/>
      <c r="NV30" s="168"/>
      <c r="NW30" s="43"/>
      <c r="NX30" s="191" t="s">
        <v>104</v>
      </c>
      <c r="NY30" s="189"/>
      <c r="NZ30" s="9"/>
      <c r="OA30" s="17"/>
      <c r="OB30" s="131"/>
      <c r="OC30" s="15"/>
      <c r="OD30" s="13"/>
      <c r="OE30" s="25"/>
      <c r="OF30" s="45"/>
      <c r="OG30" s="45"/>
      <c r="OH30" s="167"/>
      <c r="OI30" s="168"/>
      <c r="OJ30" s="43"/>
      <c r="OK30" s="191" t="s">
        <v>104</v>
      </c>
      <c r="OL30" s="189"/>
      <c r="OM30" s="9"/>
      <c r="ON30" s="17"/>
      <c r="OO30" s="131"/>
      <c r="OP30" s="15"/>
      <c r="OQ30" s="13"/>
      <c r="OR30" s="25"/>
      <c r="OS30" s="45"/>
      <c r="OT30" s="45"/>
      <c r="OU30" s="167"/>
      <c r="OV30" s="168"/>
      <c r="OW30" s="43"/>
      <c r="OX30" s="191" t="s">
        <v>104</v>
      </c>
      <c r="OY30" s="189"/>
      <c r="OZ30" s="9"/>
      <c r="PA30" s="17"/>
      <c r="PB30" s="131"/>
      <c r="PC30" s="15"/>
      <c r="PD30" s="13"/>
      <c r="PE30" s="25"/>
      <c r="PF30" s="45"/>
      <c r="PG30" s="45"/>
      <c r="PH30" s="167"/>
      <c r="PI30" s="168"/>
      <c r="PJ30" s="43"/>
      <c r="PK30" s="191" t="s">
        <v>104</v>
      </c>
      <c r="PL30" s="189"/>
      <c r="PM30" s="9"/>
      <c r="PN30" s="17"/>
      <c r="PO30" s="131"/>
      <c r="PP30" s="15"/>
      <c r="PQ30" s="13"/>
      <c r="PR30" s="25"/>
      <c r="PS30" s="45"/>
      <c r="PT30" s="45"/>
      <c r="PU30" s="167"/>
      <c r="PV30" s="168"/>
      <c r="PW30" s="43"/>
      <c r="PX30" s="191" t="s">
        <v>104</v>
      </c>
      <c r="PY30" s="189"/>
      <c r="PZ30" s="9"/>
      <c r="QA30" s="17"/>
      <c r="QB30" s="131"/>
      <c r="QC30" s="15"/>
      <c r="QD30" s="13"/>
      <c r="QE30" s="25"/>
      <c r="QF30" s="45"/>
      <c r="QG30" s="45"/>
      <c r="QH30" s="167"/>
      <c r="QI30" s="168"/>
      <c r="QJ30" s="43"/>
      <c r="QK30" s="191" t="s">
        <v>104</v>
      </c>
      <c r="QL30" s="189"/>
      <c r="QM30" s="9"/>
      <c r="QN30" s="17"/>
      <c r="QO30" s="131"/>
      <c r="QP30" s="15"/>
      <c r="QQ30" s="13"/>
      <c r="QR30" s="25"/>
      <c r="QS30" s="45"/>
      <c r="QT30" s="45"/>
      <c r="QU30" s="167"/>
      <c r="QV30" s="168"/>
      <c r="QW30" s="43"/>
      <c r="QX30" s="191" t="s">
        <v>104</v>
      </c>
      <c r="QY30" s="189"/>
      <c r="QZ30" s="9"/>
      <c r="RA30" s="17"/>
      <c r="RB30" s="131"/>
      <c r="RC30" s="15"/>
      <c r="RD30" s="13"/>
      <c r="RE30" s="25"/>
      <c r="RF30" s="45"/>
      <c r="RG30" s="45"/>
      <c r="RH30" s="167"/>
      <c r="RI30" s="168"/>
      <c r="RJ30" s="43"/>
      <c r="RK30" s="191" t="s">
        <v>104</v>
      </c>
      <c r="RL30" s="189"/>
      <c r="RM30" s="9"/>
      <c r="RN30" s="17"/>
      <c r="RO30" s="131"/>
      <c r="RP30" s="15"/>
      <c r="RQ30" s="13"/>
      <c r="RR30" s="25"/>
      <c r="RS30" s="45"/>
      <c r="RT30" s="45"/>
      <c r="RU30" s="167"/>
      <c r="RV30" s="168"/>
      <c r="RW30" s="43"/>
      <c r="RX30" s="191" t="s">
        <v>104</v>
      </c>
      <c r="RY30" s="189"/>
      <c r="RZ30" s="9"/>
      <c r="SA30" s="17"/>
      <c r="SB30" s="131"/>
      <c r="SC30" s="15"/>
      <c r="SD30" s="13"/>
      <c r="SE30" s="25"/>
      <c r="SF30" s="45"/>
      <c r="SG30" s="45"/>
      <c r="SH30" s="167"/>
      <c r="SI30" s="168"/>
      <c r="SJ30" s="43"/>
      <c r="SK30" s="191" t="s">
        <v>104</v>
      </c>
      <c r="SL30" s="189"/>
      <c r="SM30" s="9"/>
    </row>
    <row r="31" spans="1:507" ht="15.6" customHeight="1">
      <c r="A31" s="17"/>
      <c r="B31" s="131"/>
      <c r="C31" s="15"/>
      <c r="D31" s="13"/>
      <c r="E31" s="26"/>
      <c r="F31" s="45"/>
      <c r="G31" s="45"/>
      <c r="H31" s="167"/>
      <c r="I31" s="168"/>
      <c r="J31" s="42"/>
      <c r="K31" s="194"/>
      <c r="L31" s="196"/>
      <c r="M31" s="9"/>
      <c r="N31" s="17"/>
      <c r="O31" s="131"/>
      <c r="P31" s="15"/>
      <c r="Q31" s="13"/>
      <c r="R31" s="26"/>
      <c r="S31" s="45"/>
      <c r="T31" s="45"/>
      <c r="U31" s="167"/>
      <c r="V31" s="168"/>
      <c r="W31" s="43"/>
      <c r="X31" s="197"/>
      <c r="Y31" s="190"/>
      <c r="Z31" s="9"/>
      <c r="AA31" s="17"/>
      <c r="AB31" s="131"/>
      <c r="AC31" s="15"/>
      <c r="AD31" s="13"/>
      <c r="AE31" s="26"/>
      <c r="AF31" s="45"/>
      <c r="AG31" s="45"/>
      <c r="AH31" s="167"/>
      <c r="AI31" s="168"/>
      <c r="AJ31" s="43"/>
      <c r="AK31" s="192"/>
      <c r="AL31" s="190"/>
      <c r="AM31" s="9"/>
      <c r="AN31" s="17"/>
      <c r="AO31" s="131"/>
      <c r="AP31" s="15"/>
      <c r="AQ31" s="13"/>
      <c r="AR31" s="26"/>
      <c r="AS31" s="45"/>
      <c r="AT31" s="45"/>
      <c r="AU31" s="167"/>
      <c r="AV31" s="168"/>
      <c r="AW31" s="43"/>
      <c r="AX31" s="192"/>
      <c r="AY31" s="190"/>
      <c r="AZ31" s="9"/>
      <c r="BA31" s="17"/>
      <c r="BB31" s="131"/>
      <c r="BC31" s="15"/>
      <c r="BD31" s="13"/>
      <c r="BE31" s="26"/>
      <c r="BF31" s="45"/>
      <c r="BG31" s="45"/>
      <c r="BH31" s="167"/>
      <c r="BI31" s="168"/>
      <c r="BJ31" s="43"/>
      <c r="BK31" s="192"/>
      <c r="BL31" s="190"/>
      <c r="BM31" s="9"/>
      <c r="BN31" s="17"/>
      <c r="BO31" s="131"/>
      <c r="BP31" s="15"/>
      <c r="BQ31" s="13"/>
      <c r="BR31" s="26"/>
      <c r="BS31" s="45"/>
      <c r="BT31" s="45"/>
      <c r="BU31" s="167"/>
      <c r="BV31" s="168"/>
      <c r="BW31" s="43"/>
      <c r="BX31" s="192"/>
      <c r="BY31" s="190"/>
      <c r="BZ31" s="9"/>
      <c r="CA31" s="17"/>
      <c r="CB31" s="131"/>
      <c r="CC31" s="15"/>
      <c r="CD31" s="13"/>
      <c r="CE31" s="26"/>
      <c r="CF31" s="45"/>
      <c r="CG31" s="45"/>
      <c r="CH31" s="167"/>
      <c r="CI31" s="168"/>
      <c r="CJ31" s="43"/>
      <c r="CK31" s="192"/>
      <c r="CL31" s="190"/>
      <c r="CM31" s="9"/>
      <c r="CN31" s="17"/>
      <c r="CO31" s="131"/>
      <c r="CP31" s="15"/>
      <c r="CQ31" s="13"/>
      <c r="CR31" s="26"/>
      <c r="CS31" s="45"/>
      <c r="CT31" s="45"/>
      <c r="CU31" s="167"/>
      <c r="CV31" s="168"/>
      <c r="CW31" s="43"/>
      <c r="CX31" s="192"/>
      <c r="CY31" s="190"/>
      <c r="CZ31" s="9"/>
      <c r="DA31" s="17"/>
      <c r="DB31" s="131"/>
      <c r="DC31" s="15"/>
      <c r="DD31" s="13"/>
      <c r="DE31" s="26"/>
      <c r="DF31" s="45"/>
      <c r="DG31" s="45"/>
      <c r="DH31" s="167"/>
      <c r="DI31" s="168"/>
      <c r="DJ31" s="43"/>
      <c r="DK31" s="192"/>
      <c r="DL31" s="190"/>
      <c r="DM31" s="9"/>
      <c r="DN31" s="17"/>
      <c r="DO31" s="131"/>
      <c r="DP31" s="15"/>
      <c r="DQ31" s="13"/>
      <c r="DR31" s="26"/>
      <c r="DS31" s="45"/>
      <c r="DT31" s="45"/>
      <c r="DU31" s="167"/>
      <c r="DV31" s="168"/>
      <c r="DW31" s="43"/>
      <c r="DX31" s="192"/>
      <c r="DY31" s="190"/>
      <c r="DZ31" s="9"/>
      <c r="EA31" s="17"/>
      <c r="EB31" s="131"/>
      <c r="EC31" s="15"/>
      <c r="ED31" s="13"/>
      <c r="EE31" s="26"/>
      <c r="EF31" s="45"/>
      <c r="EG31" s="45"/>
      <c r="EH31" s="167"/>
      <c r="EI31" s="168"/>
      <c r="EJ31" s="43"/>
      <c r="EK31" s="192"/>
      <c r="EL31" s="190"/>
      <c r="EM31" s="9"/>
      <c r="EN31" s="17"/>
      <c r="EO31" s="131"/>
      <c r="EP31" s="15"/>
      <c r="EQ31" s="13"/>
      <c r="ER31" s="26"/>
      <c r="ES31" s="45"/>
      <c r="ET31" s="45"/>
      <c r="EU31" s="167"/>
      <c r="EV31" s="168"/>
      <c r="EW31" s="43"/>
      <c r="EX31" s="192"/>
      <c r="EY31" s="190"/>
      <c r="EZ31" s="9"/>
      <c r="FA31" s="17"/>
      <c r="FB31" s="131"/>
      <c r="FC31" s="15"/>
      <c r="FD31" s="13"/>
      <c r="FE31" s="26"/>
      <c r="FF31" s="45"/>
      <c r="FG31" s="45"/>
      <c r="FH31" s="167"/>
      <c r="FI31" s="168"/>
      <c r="FJ31" s="43"/>
      <c r="FK31" s="192"/>
      <c r="FL31" s="190"/>
      <c r="FM31" s="9"/>
      <c r="FN31" s="17"/>
      <c r="FO31" s="131"/>
      <c r="FP31" s="15"/>
      <c r="FQ31" s="13"/>
      <c r="FR31" s="26"/>
      <c r="FS31" s="45"/>
      <c r="FT31" s="45"/>
      <c r="FU31" s="167"/>
      <c r="FV31" s="168"/>
      <c r="FW31" s="43"/>
      <c r="FX31" s="192"/>
      <c r="FY31" s="190"/>
      <c r="FZ31" s="9"/>
      <c r="GA31" s="17"/>
      <c r="GB31" s="131"/>
      <c r="GC31" s="15"/>
      <c r="GD31" s="13"/>
      <c r="GE31" s="25"/>
      <c r="GF31" s="45"/>
      <c r="GG31" s="45"/>
      <c r="GH31" s="167"/>
      <c r="GI31" s="168"/>
      <c r="GJ31" s="43"/>
      <c r="GK31" s="192"/>
      <c r="GL31" s="190"/>
      <c r="GM31" s="9"/>
      <c r="GN31" s="17"/>
      <c r="GO31" s="131"/>
      <c r="GP31" s="15"/>
      <c r="GQ31" s="13"/>
      <c r="GR31" s="25"/>
      <c r="GS31" s="45"/>
      <c r="GT31" s="45"/>
      <c r="GU31" s="167"/>
      <c r="GV31" s="168"/>
      <c r="GW31" s="43"/>
      <c r="GX31" s="192"/>
      <c r="GY31" s="190"/>
      <c r="GZ31" s="9"/>
      <c r="HA31" s="17"/>
      <c r="HB31" s="131"/>
      <c r="HC31" s="15"/>
      <c r="HD31" s="13"/>
      <c r="HE31" s="26"/>
      <c r="HF31" s="45"/>
      <c r="HG31" s="45"/>
      <c r="HH31" s="167"/>
      <c r="HI31" s="168"/>
      <c r="HJ31" s="43"/>
      <c r="HK31" s="192"/>
      <c r="HL31" s="190"/>
      <c r="HM31" s="9"/>
      <c r="HN31" s="17"/>
      <c r="HO31" s="131"/>
      <c r="HP31" s="15"/>
      <c r="HQ31" s="13"/>
      <c r="HR31" s="25"/>
      <c r="HS31" s="45"/>
      <c r="HT31" s="45"/>
      <c r="HU31" s="167"/>
      <c r="HV31" s="168"/>
      <c r="HW31" s="43"/>
      <c r="HX31" s="192"/>
      <c r="HY31" s="190"/>
      <c r="HZ31" s="9"/>
      <c r="IA31" s="17"/>
      <c r="IB31" s="131"/>
      <c r="IC31" s="15"/>
      <c r="ID31" s="13"/>
      <c r="IE31" s="25"/>
      <c r="IF31" s="45"/>
      <c r="IG31" s="45"/>
      <c r="IH31" s="167"/>
      <c r="II31" s="168"/>
      <c r="IJ31" s="43"/>
      <c r="IK31" s="192"/>
      <c r="IL31" s="190"/>
      <c r="IM31" s="9"/>
      <c r="IN31" s="17"/>
      <c r="IO31" s="131"/>
      <c r="IP31" s="15"/>
      <c r="IQ31" s="13"/>
      <c r="IR31" s="25"/>
      <c r="IS31" s="45"/>
      <c r="IT31" s="45"/>
      <c r="IU31" s="167"/>
      <c r="IV31" s="168"/>
      <c r="IW31" s="43"/>
      <c r="IX31" s="192"/>
      <c r="IY31" s="190"/>
      <c r="IZ31" s="9"/>
      <c r="JA31" s="17"/>
      <c r="JB31" s="131"/>
      <c r="JC31" s="15"/>
      <c r="JD31" s="13"/>
      <c r="JE31" s="25"/>
      <c r="JF31" s="45"/>
      <c r="JG31" s="45"/>
      <c r="JH31" s="167"/>
      <c r="JI31" s="168"/>
      <c r="JJ31" s="43"/>
      <c r="JK31" s="192"/>
      <c r="JL31" s="190"/>
      <c r="JM31" s="9"/>
      <c r="JN31" s="17"/>
      <c r="JO31" s="131"/>
      <c r="JP31" s="15"/>
      <c r="JQ31" s="13"/>
      <c r="JR31" s="25"/>
      <c r="JS31" s="45"/>
      <c r="JT31" s="45"/>
      <c r="JU31" s="167"/>
      <c r="JV31" s="168"/>
      <c r="JW31" s="43"/>
      <c r="JX31" s="192"/>
      <c r="JY31" s="190"/>
      <c r="JZ31" s="9"/>
      <c r="KA31" s="17"/>
      <c r="KB31" s="131"/>
      <c r="KC31" s="15"/>
      <c r="KD31" s="13"/>
      <c r="KE31" s="25"/>
      <c r="KF31" s="45"/>
      <c r="KG31" s="45"/>
      <c r="KH31" s="167"/>
      <c r="KI31" s="168"/>
      <c r="KJ31" s="43"/>
      <c r="KK31" s="192"/>
      <c r="KL31" s="190"/>
      <c r="KM31" s="9"/>
      <c r="KN31" s="17"/>
      <c r="KO31" s="131"/>
      <c r="KP31" s="15"/>
      <c r="KQ31" s="13"/>
      <c r="KR31" s="25"/>
      <c r="KS31" s="45"/>
      <c r="KT31" s="45"/>
      <c r="KU31" s="167"/>
      <c r="KV31" s="168"/>
      <c r="KW31" s="43"/>
      <c r="KX31" s="192"/>
      <c r="KY31" s="190"/>
      <c r="KZ31" s="9"/>
      <c r="LA31" s="17"/>
      <c r="LB31" s="131"/>
      <c r="LC31" s="15"/>
      <c r="LD31" s="13"/>
      <c r="LE31" s="25"/>
      <c r="LF31" s="45"/>
      <c r="LG31" s="45"/>
      <c r="LH31" s="167"/>
      <c r="LI31" s="168"/>
      <c r="LJ31" s="43"/>
      <c r="LK31" s="192"/>
      <c r="LL31" s="190"/>
      <c r="LM31" s="9"/>
      <c r="LN31" s="17"/>
      <c r="LO31" s="131"/>
      <c r="LP31" s="15"/>
      <c r="LQ31" s="13"/>
      <c r="LR31" s="25"/>
      <c r="LS31" s="45"/>
      <c r="LT31" s="45"/>
      <c r="LU31" s="167"/>
      <c r="LV31" s="168"/>
      <c r="LW31" s="43"/>
      <c r="LX31" s="192"/>
      <c r="LY31" s="190"/>
      <c r="LZ31" s="9"/>
      <c r="MA31" s="17"/>
      <c r="MB31" s="131"/>
      <c r="MC31" s="15"/>
      <c r="MD31" s="13"/>
      <c r="ME31" s="25"/>
      <c r="MF31" s="45"/>
      <c r="MG31" s="45"/>
      <c r="MH31" s="167"/>
      <c r="MI31" s="168"/>
      <c r="MJ31" s="43"/>
      <c r="MK31" s="192"/>
      <c r="ML31" s="190"/>
      <c r="MM31" s="9"/>
      <c r="MN31" s="17"/>
      <c r="MO31" s="131"/>
      <c r="MP31" s="15"/>
      <c r="MQ31" s="13"/>
      <c r="MR31" s="25"/>
      <c r="MS31" s="45"/>
      <c r="MT31" s="45"/>
      <c r="MU31" s="167"/>
      <c r="MV31" s="168"/>
      <c r="MW31" s="43"/>
      <c r="MX31" s="192"/>
      <c r="MY31" s="190"/>
      <c r="MZ31" s="9"/>
      <c r="NA31" s="17"/>
      <c r="NB31" s="131" t="str">
        <f t="shared" si="0"/>
        <v/>
      </c>
      <c r="NC31" s="15" t="str">
        <f>IF(NC30="","",IF(NC30='（参考）【別紙２】'!$E$35,"",IF(MONTH(NC30)=MONTH(NC30+1),NC30+1,"")))</f>
        <v/>
      </c>
      <c r="ND31" s="13" t="str">
        <f>IF(COUNTIF(祝日一覧!$E$2:$E$142,NC31),"○",IF(NG31&lt;&gt;"","○",""))</f>
        <v/>
      </c>
      <c r="NE31" s="25"/>
      <c r="NF31" s="45" t="str">
        <f t="shared" si="2"/>
        <v/>
      </c>
      <c r="NG31" s="45"/>
      <c r="NH31" s="167"/>
      <c r="NI31" s="168"/>
      <c r="NJ31" s="43"/>
      <c r="NK31" s="192"/>
      <c r="NL31" s="190"/>
      <c r="NM31" s="9"/>
      <c r="NN31" s="17"/>
      <c r="NO31" s="131"/>
      <c r="NP31" s="15"/>
      <c r="NQ31" s="13"/>
      <c r="NR31" s="25"/>
      <c r="NS31" s="45"/>
      <c r="NT31" s="45"/>
      <c r="NU31" s="167"/>
      <c r="NV31" s="168"/>
      <c r="NW31" s="43"/>
      <c r="NX31" s="192"/>
      <c r="NY31" s="190"/>
      <c r="NZ31" s="9"/>
      <c r="OA31" s="17"/>
      <c r="OB31" s="131"/>
      <c r="OC31" s="15"/>
      <c r="OD31" s="13"/>
      <c r="OE31" s="25"/>
      <c r="OF31" s="45"/>
      <c r="OG31" s="45"/>
      <c r="OH31" s="167"/>
      <c r="OI31" s="168"/>
      <c r="OJ31" s="43"/>
      <c r="OK31" s="192"/>
      <c r="OL31" s="190"/>
      <c r="OM31" s="9"/>
      <c r="ON31" s="17"/>
      <c r="OO31" s="131"/>
      <c r="OP31" s="15"/>
      <c r="OQ31" s="13"/>
      <c r="OR31" s="25"/>
      <c r="OS31" s="45"/>
      <c r="OT31" s="45"/>
      <c r="OU31" s="167"/>
      <c r="OV31" s="168"/>
      <c r="OW31" s="43"/>
      <c r="OX31" s="192"/>
      <c r="OY31" s="190"/>
      <c r="OZ31" s="9"/>
      <c r="PA31" s="17"/>
      <c r="PB31" s="131"/>
      <c r="PC31" s="15"/>
      <c r="PD31" s="13"/>
      <c r="PE31" s="25"/>
      <c r="PF31" s="45"/>
      <c r="PG31" s="45"/>
      <c r="PH31" s="167"/>
      <c r="PI31" s="168"/>
      <c r="PJ31" s="43"/>
      <c r="PK31" s="192"/>
      <c r="PL31" s="190"/>
      <c r="PM31" s="9"/>
      <c r="PN31" s="17"/>
      <c r="PO31" s="131"/>
      <c r="PP31" s="15"/>
      <c r="PQ31" s="13"/>
      <c r="PR31" s="25"/>
      <c r="PS31" s="45"/>
      <c r="PT31" s="45"/>
      <c r="PU31" s="167"/>
      <c r="PV31" s="168"/>
      <c r="PW31" s="43"/>
      <c r="PX31" s="192"/>
      <c r="PY31" s="190"/>
      <c r="PZ31" s="9"/>
      <c r="QA31" s="17"/>
      <c r="QB31" s="131"/>
      <c r="QC31" s="15"/>
      <c r="QD31" s="13"/>
      <c r="QE31" s="25"/>
      <c r="QF31" s="45"/>
      <c r="QG31" s="45"/>
      <c r="QH31" s="167"/>
      <c r="QI31" s="168"/>
      <c r="QJ31" s="43"/>
      <c r="QK31" s="192"/>
      <c r="QL31" s="190"/>
      <c r="QM31" s="9"/>
      <c r="QN31" s="17"/>
      <c r="QO31" s="131"/>
      <c r="QP31" s="15"/>
      <c r="QQ31" s="13"/>
      <c r="QR31" s="25"/>
      <c r="QS31" s="45"/>
      <c r="QT31" s="45"/>
      <c r="QU31" s="167"/>
      <c r="QV31" s="168"/>
      <c r="QW31" s="43"/>
      <c r="QX31" s="192"/>
      <c r="QY31" s="190"/>
      <c r="QZ31" s="9"/>
      <c r="RA31" s="17"/>
      <c r="RB31" s="131"/>
      <c r="RC31" s="15"/>
      <c r="RD31" s="13"/>
      <c r="RE31" s="25"/>
      <c r="RF31" s="45"/>
      <c r="RG31" s="45"/>
      <c r="RH31" s="167"/>
      <c r="RI31" s="168"/>
      <c r="RJ31" s="43"/>
      <c r="RK31" s="192"/>
      <c r="RL31" s="190"/>
      <c r="RM31" s="9"/>
      <c r="RN31" s="17"/>
      <c r="RO31" s="131"/>
      <c r="RP31" s="15"/>
      <c r="RQ31" s="13"/>
      <c r="RR31" s="25"/>
      <c r="RS31" s="45"/>
      <c r="RT31" s="45"/>
      <c r="RU31" s="167"/>
      <c r="RV31" s="168"/>
      <c r="RW31" s="43"/>
      <c r="RX31" s="192"/>
      <c r="RY31" s="190"/>
      <c r="RZ31" s="9"/>
      <c r="SA31" s="17"/>
      <c r="SB31" s="131"/>
      <c r="SC31" s="15"/>
      <c r="SD31" s="13"/>
      <c r="SE31" s="25"/>
      <c r="SF31" s="45"/>
      <c r="SG31" s="45"/>
      <c r="SH31" s="167"/>
      <c r="SI31" s="168"/>
      <c r="SJ31" s="43"/>
      <c r="SK31" s="192"/>
      <c r="SL31" s="190"/>
      <c r="SM31" s="9"/>
    </row>
    <row r="32" spans="1:507" ht="15.6" customHeight="1">
      <c r="A32" s="17"/>
      <c r="B32" s="131"/>
      <c r="C32" s="15"/>
      <c r="D32" s="13"/>
      <c r="E32" s="26"/>
      <c r="F32" s="45"/>
      <c r="G32" s="45"/>
      <c r="H32" s="167"/>
      <c r="I32" s="168"/>
      <c r="J32" s="42"/>
      <c r="K32" s="198" t="s">
        <v>111</v>
      </c>
      <c r="L32" s="200"/>
      <c r="M32" s="18"/>
      <c r="N32" s="17"/>
      <c r="O32" s="131"/>
      <c r="P32" s="15"/>
      <c r="Q32" s="13"/>
      <c r="R32" s="26"/>
      <c r="S32" s="45"/>
      <c r="T32" s="45"/>
      <c r="U32" s="167"/>
      <c r="V32" s="168"/>
      <c r="W32" s="43"/>
      <c r="X32" s="202" t="s">
        <v>111</v>
      </c>
      <c r="Y32" s="203"/>
      <c r="Z32" s="9"/>
      <c r="AA32" s="17"/>
      <c r="AB32" s="131"/>
      <c r="AC32" s="15"/>
      <c r="AD32" s="13"/>
      <c r="AE32" s="26"/>
      <c r="AF32" s="45"/>
      <c r="AG32" s="45"/>
      <c r="AH32" s="167"/>
      <c r="AI32" s="168"/>
      <c r="AJ32" s="43"/>
      <c r="AK32" s="202" t="s">
        <v>111</v>
      </c>
      <c r="AL32" s="203"/>
      <c r="AM32" s="9"/>
      <c r="AN32" s="17"/>
      <c r="AO32" s="131"/>
      <c r="AP32" s="15"/>
      <c r="AQ32" s="13"/>
      <c r="AR32" s="26"/>
      <c r="AS32" s="45"/>
      <c r="AT32" s="45"/>
      <c r="AU32" s="167"/>
      <c r="AV32" s="168"/>
      <c r="AW32" s="43"/>
      <c r="AX32" s="202" t="s">
        <v>111</v>
      </c>
      <c r="AY32" s="203"/>
      <c r="AZ32" s="9"/>
      <c r="BA32" s="17"/>
      <c r="BB32" s="131"/>
      <c r="BC32" s="15"/>
      <c r="BD32" s="13"/>
      <c r="BE32" s="26"/>
      <c r="BF32" s="45"/>
      <c r="BG32" s="45"/>
      <c r="BH32" s="167"/>
      <c r="BI32" s="168"/>
      <c r="BJ32" s="43"/>
      <c r="BK32" s="202" t="s">
        <v>111</v>
      </c>
      <c r="BL32" s="203"/>
      <c r="BM32" s="9"/>
      <c r="BN32" s="17"/>
      <c r="BO32" s="131"/>
      <c r="BP32" s="15"/>
      <c r="BQ32" s="13"/>
      <c r="BR32" s="26"/>
      <c r="BS32" s="45"/>
      <c r="BT32" s="45"/>
      <c r="BU32" s="167"/>
      <c r="BV32" s="168"/>
      <c r="BW32" s="43"/>
      <c r="BX32" s="202" t="s">
        <v>111</v>
      </c>
      <c r="BY32" s="203"/>
      <c r="BZ32" s="9"/>
      <c r="CA32" s="17"/>
      <c r="CB32" s="131"/>
      <c r="CC32" s="15"/>
      <c r="CD32" s="13"/>
      <c r="CE32" s="26"/>
      <c r="CF32" s="45"/>
      <c r="CG32" s="45"/>
      <c r="CH32" s="167"/>
      <c r="CI32" s="168"/>
      <c r="CJ32" s="43"/>
      <c r="CK32" s="202" t="s">
        <v>111</v>
      </c>
      <c r="CL32" s="203"/>
      <c r="CM32" s="9"/>
      <c r="CN32" s="17"/>
      <c r="CO32" s="131"/>
      <c r="CP32" s="15"/>
      <c r="CQ32" s="13"/>
      <c r="CR32" s="26"/>
      <c r="CS32" s="45"/>
      <c r="CT32" s="45"/>
      <c r="CU32" s="167"/>
      <c r="CV32" s="168"/>
      <c r="CW32" s="43"/>
      <c r="CX32" s="202" t="s">
        <v>111</v>
      </c>
      <c r="CY32" s="203"/>
      <c r="CZ32" s="9"/>
      <c r="DA32" s="17"/>
      <c r="DB32" s="131"/>
      <c r="DC32" s="15"/>
      <c r="DD32" s="13"/>
      <c r="DE32" s="26"/>
      <c r="DF32" s="45"/>
      <c r="DG32" s="45"/>
      <c r="DH32" s="167"/>
      <c r="DI32" s="168"/>
      <c r="DJ32" s="43"/>
      <c r="DK32" s="202" t="s">
        <v>111</v>
      </c>
      <c r="DL32" s="203"/>
      <c r="DM32" s="9"/>
      <c r="DN32" s="17"/>
      <c r="DO32" s="131"/>
      <c r="DP32" s="15"/>
      <c r="DQ32" s="13"/>
      <c r="DR32" s="26"/>
      <c r="DS32" s="45"/>
      <c r="DT32" s="45"/>
      <c r="DU32" s="167"/>
      <c r="DV32" s="168"/>
      <c r="DW32" s="43"/>
      <c r="DX32" s="202" t="s">
        <v>111</v>
      </c>
      <c r="DY32" s="203"/>
      <c r="DZ32" s="9"/>
      <c r="EA32" s="17"/>
      <c r="EB32" s="131"/>
      <c r="EC32" s="15"/>
      <c r="ED32" s="13"/>
      <c r="EE32" s="26"/>
      <c r="EF32" s="45"/>
      <c r="EG32" s="45"/>
      <c r="EH32" s="167"/>
      <c r="EI32" s="168"/>
      <c r="EJ32" s="43"/>
      <c r="EK32" s="202" t="s">
        <v>111</v>
      </c>
      <c r="EL32" s="203"/>
      <c r="EM32" s="9"/>
      <c r="EN32" s="17"/>
      <c r="EO32" s="131"/>
      <c r="EP32" s="15"/>
      <c r="EQ32" s="13"/>
      <c r="ER32" s="26"/>
      <c r="ES32" s="45"/>
      <c r="ET32" s="45"/>
      <c r="EU32" s="167"/>
      <c r="EV32" s="168"/>
      <c r="EW32" s="43"/>
      <c r="EX32" s="202" t="s">
        <v>111</v>
      </c>
      <c r="EY32" s="203"/>
      <c r="EZ32" s="9"/>
      <c r="FA32" s="17"/>
      <c r="FB32" s="131"/>
      <c r="FC32" s="15"/>
      <c r="FD32" s="13"/>
      <c r="FE32" s="26"/>
      <c r="FF32" s="45"/>
      <c r="FG32" s="45"/>
      <c r="FH32" s="167"/>
      <c r="FI32" s="168"/>
      <c r="FJ32" s="43"/>
      <c r="FK32" s="202" t="s">
        <v>111</v>
      </c>
      <c r="FL32" s="203"/>
      <c r="FM32" s="9"/>
      <c r="FN32" s="17"/>
      <c r="FO32" s="131"/>
      <c r="FP32" s="15"/>
      <c r="FQ32" s="13"/>
      <c r="FR32" s="26"/>
      <c r="FS32" s="45"/>
      <c r="FT32" s="45"/>
      <c r="FU32" s="167"/>
      <c r="FV32" s="168"/>
      <c r="FW32" s="43"/>
      <c r="FX32" s="202" t="s">
        <v>111</v>
      </c>
      <c r="FY32" s="203"/>
      <c r="FZ32" s="9"/>
      <c r="GA32" s="17"/>
      <c r="GB32" s="131"/>
      <c r="GC32" s="15"/>
      <c r="GD32" s="13"/>
      <c r="GE32" s="25"/>
      <c r="GF32" s="45"/>
      <c r="GG32" s="45"/>
      <c r="GH32" s="167"/>
      <c r="GI32" s="168"/>
      <c r="GJ32" s="43"/>
      <c r="GK32" s="202" t="s">
        <v>111</v>
      </c>
      <c r="GL32" s="203"/>
      <c r="GM32" s="9"/>
      <c r="GN32" s="17"/>
      <c r="GO32" s="131"/>
      <c r="GP32" s="15"/>
      <c r="GQ32" s="13"/>
      <c r="GR32" s="25"/>
      <c r="GS32" s="45"/>
      <c r="GT32" s="45"/>
      <c r="GU32" s="167"/>
      <c r="GV32" s="168"/>
      <c r="GW32" s="43"/>
      <c r="GX32" s="202" t="s">
        <v>111</v>
      </c>
      <c r="GY32" s="203"/>
      <c r="GZ32" s="9"/>
      <c r="HA32" s="17"/>
      <c r="HB32" s="131"/>
      <c r="HC32" s="15"/>
      <c r="HD32" s="13"/>
      <c r="HE32" s="26"/>
      <c r="HF32" s="45"/>
      <c r="HG32" s="45"/>
      <c r="HH32" s="167"/>
      <c r="HI32" s="168"/>
      <c r="HJ32" s="43"/>
      <c r="HK32" s="202" t="s">
        <v>111</v>
      </c>
      <c r="HL32" s="203"/>
      <c r="HM32" s="9"/>
      <c r="HN32" s="17"/>
      <c r="HO32" s="131"/>
      <c r="HP32" s="15"/>
      <c r="HQ32" s="13"/>
      <c r="HR32" s="25"/>
      <c r="HS32" s="45"/>
      <c r="HT32" s="45"/>
      <c r="HU32" s="167"/>
      <c r="HV32" s="168"/>
      <c r="HW32" s="43"/>
      <c r="HX32" s="202" t="s">
        <v>111</v>
      </c>
      <c r="HY32" s="203"/>
      <c r="HZ32" s="9"/>
      <c r="IA32" s="17"/>
      <c r="IB32" s="131"/>
      <c r="IC32" s="15"/>
      <c r="ID32" s="13"/>
      <c r="IE32" s="25"/>
      <c r="IF32" s="45"/>
      <c r="IG32" s="45"/>
      <c r="IH32" s="167"/>
      <c r="II32" s="168"/>
      <c r="IJ32" s="43"/>
      <c r="IK32" s="202" t="s">
        <v>111</v>
      </c>
      <c r="IL32" s="203"/>
      <c r="IM32" s="9"/>
      <c r="IN32" s="17"/>
      <c r="IO32" s="131"/>
      <c r="IP32" s="15"/>
      <c r="IQ32" s="13"/>
      <c r="IR32" s="25"/>
      <c r="IS32" s="45"/>
      <c r="IT32" s="45"/>
      <c r="IU32" s="167"/>
      <c r="IV32" s="168"/>
      <c r="IW32" s="43"/>
      <c r="IX32" s="202" t="s">
        <v>111</v>
      </c>
      <c r="IY32" s="203"/>
      <c r="IZ32" s="9"/>
      <c r="JA32" s="17"/>
      <c r="JB32" s="131"/>
      <c r="JC32" s="15"/>
      <c r="JD32" s="13"/>
      <c r="JE32" s="25"/>
      <c r="JF32" s="45"/>
      <c r="JG32" s="45"/>
      <c r="JH32" s="167"/>
      <c r="JI32" s="168"/>
      <c r="JJ32" s="43"/>
      <c r="JK32" s="202" t="s">
        <v>111</v>
      </c>
      <c r="JL32" s="203"/>
      <c r="JM32" s="9"/>
      <c r="JN32" s="17"/>
      <c r="JO32" s="131"/>
      <c r="JP32" s="15"/>
      <c r="JQ32" s="13"/>
      <c r="JR32" s="25"/>
      <c r="JS32" s="45"/>
      <c r="JT32" s="45"/>
      <c r="JU32" s="167"/>
      <c r="JV32" s="168"/>
      <c r="JW32" s="43"/>
      <c r="JX32" s="202" t="s">
        <v>111</v>
      </c>
      <c r="JY32" s="203"/>
      <c r="JZ32" s="9"/>
      <c r="KA32" s="17"/>
      <c r="KB32" s="131"/>
      <c r="KC32" s="15"/>
      <c r="KD32" s="13"/>
      <c r="KE32" s="25"/>
      <c r="KF32" s="45"/>
      <c r="KG32" s="45"/>
      <c r="KH32" s="167"/>
      <c r="KI32" s="168"/>
      <c r="KJ32" s="43"/>
      <c r="KK32" s="202" t="s">
        <v>111</v>
      </c>
      <c r="KL32" s="203"/>
      <c r="KM32" s="9"/>
      <c r="KN32" s="17"/>
      <c r="KO32" s="131"/>
      <c r="KP32" s="15"/>
      <c r="KQ32" s="13"/>
      <c r="KR32" s="25"/>
      <c r="KS32" s="45"/>
      <c r="KT32" s="45"/>
      <c r="KU32" s="167"/>
      <c r="KV32" s="168"/>
      <c r="KW32" s="43"/>
      <c r="KX32" s="202" t="s">
        <v>111</v>
      </c>
      <c r="KY32" s="203"/>
      <c r="KZ32" s="9"/>
      <c r="LA32" s="17"/>
      <c r="LB32" s="131"/>
      <c r="LC32" s="15"/>
      <c r="LD32" s="13"/>
      <c r="LE32" s="25"/>
      <c r="LF32" s="45"/>
      <c r="LG32" s="45"/>
      <c r="LH32" s="167"/>
      <c r="LI32" s="168"/>
      <c r="LJ32" s="43"/>
      <c r="LK32" s="202" t="s">
        <v>111</v>
      </c>
      <c r="LL32" s="203"/>
      <c r="LM32" s="9"/>
      <c r="LN32" s="17"/>
      <c r="LO32" s="131"/>
      <c r="LP32" s="15"/>
      <c r="LQ32" s="13"/>
      <c r="LR32" s="25"/>
      <c r="LS32" s="45"/>
      <c r="LT32" s="45"/>
      <c r="LU32" s="167"/>
      <c r="LV32" s="168"/>
      <c r="LW32" s="43"/>
      <c r="LX32" s="202" t="s">
        <v>111</v>
      </c>
      <c r="LY32" s="203"/>
      <c r="LZ32" s="9"/>
      <c r="MA32" s="17"/>
      <c r="MB32" s="131"/>
      <c r="MC32" s="15"/>
      <c r="MD32" s="13"/>
      <c r="ME32" s="25"/>
      <c r="MF32" s="45"/>
      <c r="MG32" s="45"/>
      <c r="MH32" s="167"/>
      <c r="MI32" s="168"/>
      <c r="MJ32" s="43"/>
      <c r="MK32" s="202" t="s">
        <v>111</v>
      </c>
      <c r="ML32" s="203"/>
      <c r="MM32" s="9"/>
      <c r="MN32" s="17"/>
      <c r="MO32" s="131"/>
      <c r="MP32" s="15"/>
      <c r="MQ32" s="13"/>
      <c r="MR32" s="25"/>
      <c r="MS32" s="45"/>
      <c r="MT32" s="45"/>
      <c r="MU32" s="167"/>
      <c r="MV32" s="168"/>
      <c r="MW32" s="43"/>
      <c r="MX32" s="202" t="s">
        <v>111</v>
      </c>
      <c r="MY32" s="203"/>
      <c r="MZ32" s="9"/>
      <c r="NA32" s="17"/>
      <c r="NB32" s="131" t="str">
        <f t="shared" si="0"/>
        <v/>
      </c>
      <c r="NC32" s="15" t="str">
        <f>IF(NC31="","",IF(NC31='（参考）【別紙２】'!$E$35,"",IF(MONTH(NC31)=MONTH(NC31+1),NC31+1,"")))</f>
        <v/>
      </c>
      <c r="ND32" s="13" t="str">
        <f>IF(COUNTIF(祝日一覧!$E$2:$E$142,NC32),"○",IF(NG32&lt;&gt;"","○",""))</f>
        <v/>
      </c>
      <c r="NE32" s="25"/>
      <c r="NF32" s="45" t="str">
        <f t="shared" si="2"/>
        <v/>
      </c>
      <c r="NG32" s="45"/>
      <c r="NH32" s="167"/>
      <c r="NI32" s="168"/>
      <c r="NJ32" s="43"/>
      <c r="NK32" s="202" t="s">
        <v>111</v>
      </c>
      <c r="NL32" s="203"/>
      <c r="NM32" s="9"/>
      <c r="NN32" s="17"/>
      <c r="NO32" s="131"/>
      <c r="NP32" s="15"/>
      <c r="NQ32" s="13"/>
      <c r="NR32" s="25"/>
      <c r="NS32" s="45"/>
      <c r="NT32" s="45"/>
      <c r="NU32" s="167"/>
      <c r="NV32" s="168"/>
      <c r="NW32" s="43"/>
      <c r="NX32" s="202" t="s">
        <v>111</v>
      </c>
      <c r="NY32" s="203"/>
      <c r="NZ32" s="9"/>
      <c r="OA32" s="17"/>
      <c r="OB32" s="131"/>
      <c r="OC32" s="15"/>
      <c r="OD32" s="13"/>
      <c r="OE32" s="25"/>
      <c r="OF32" s="45"/>
      <c r="OG32" s="45"/>
      <c r="OH32" s="167"/>
      <c r="OI32" s="168"/>
      <c r="OJ32" s="43"/>
      <c r="OK32" s="202" t="s">
        <v>111</v>
      </c>
      <c r="OL32" s="203"/>
      <c r="OM32" s="9"/>
      <c r="ON32" s="17"/>
      <c r="OO32" s="131"/>
      <c r="OP32" s="15"/>
      <c r="OQ32" s="13"/>
      <c r="OR32" s="25"/>
      <c r="OS32" s="45"/>
      <c r="OT32" s="45"/>
      <c r="OU32" s="167"/>
      <c r="OV32" s="168"/>
      <c r="OW32" s="43"/>
      <c r="OX32" s="202" t="s">
        <v>111</v>
      </c>
      <c r="OY32" s="203"/>
      <c r="OZ32" s="9"/>
      <c r="PA32" s="17"/>
      <c r="PB32" s="131"/>
      <c r="PC32" s="15"/>
      <c r="PD32" s="13"/>
      <c r="PE32" s="25"/>
      <c r="PF32" s="45"/>
      <c r="PG32" s="45"/>
      <c r="PH32" s="167"/>
      <c r="PI32" s="168"/>
      <c r="PJ32" s="43"/>
      <c r="PK32" s="202" t="s">
        <v>111</v>
      </c>
      <c r="PL32" s="203"/>
      <c r="PM32" s="9"/>
      <c r="PN32" s="17"/>
      <c r="PO32" s="131"/>
      <c r="PP32" s="15"/>
      <c r="PQ32" s="13"/>
      <c r="PR32" s="25"/>
      <c r="PS32" s="45"/>
      <c r="PT32" s="45"/>
      <c r="PU32" s="167"/>
      <c r="PV32" s="168"/>
      <c r="PW32" s="43"/>
      <c r="PX32" s="202" t="s">
        <v>111</v>
      </c>
      <c r="PY32" s="203"/>
      <c r="PZ32" s="9"/>
      <c r="QA32" s="17"/>
      <c r="QB32" s="131"/>
      <c r="QC32" s="15"/>
      <c r="QD32" s="13"/>
      <c r="QE32" s="25"/>
      <c r="QF32" s="45"/>
      <c r="QG32" s="45"/>
      <c r="QH32" s="167"/>
      <c r="QI32" s="168"/>
      <c r="QJ32" s="43"/>
      <c r="QK32" s="202" t="s">
        <v>111</v>
      </c>
      <c r="QL32" s="203"/>
      <c r="QM32" s="9"/>
      <c r="QN32" s="17"/>
      <c r="QO32" s="131"/>
      <c r="QP32" s="15"/>
      <c r="QQ32" s="13"/>
      <c r="QR32" s="25"/>
      <c r="QS32" s="45"/>
      <c r="QT32" s="45"/>
      <c r="QU32" s="167"/>
      <c r="QV32" s="168"/>
      <c r="QW32" s="43"/>
      <c r="QX32" s="202" t="s">
        <v>111</v>
      </c>
      <c r="QY32" s="203"/>
      <c r="QZ32" s="9"/>
      <c r="RA32" s="17"/>
      <c r="RB32" s="131"/>
      <c r="RC32" s="15"/>
      <c r="RD32" s="13"/>
      <c r="RE32" s="25"/>
      <c r="RF32" s="45"/>
      <c r="RG32" s="45"/>
      <c r="RH32" s="167"/>
      <c r="RI32" s="168"/>
      <c r="RJ32" s="43"/>
      <c r="RK32" s="202" t="s">
        <v>111</v>
      </c>
      <c r="RL32" s="203"/>
      <c r="RM32" s="9"/>
      <c r="RN32" s="17"/>
      <c r="RO32" s="131"/>
      <c r="RP32" s="15"/>
      <c r="RQ32" s="13"/>
      <c r="RR32" s="25"/>
      <c r="RS32" s="45"/>
      <c r="RT32" s="45"/>
      <c r="RU32" s="167"/>
      <c r="RV32" s="168"/>
      <c r="RW32" s="43"/>
      <c r="RX32" s="202" t="s">
        <v>111</v>
      </c>
      <c r="RY32" s="203"/>
      <c r="RZ32" s="9"/>
      <c r="SA32" s="17"/>
      <c r="SB32" s="131"/>
      <c r="SC32" s="15"/>
      <c r="SD32" s="13"/>
      <c r="SE32" s="25"/>
      <c r="SF32" s="45"/>
      <c r="SG32" s="45"/>
      <c r="SH32" s="167"/>
      <c r="SI32" s="168"/>
      <c r="SJ32" s="43"/>
      <c r="SK32" s="202" t="s">
        <v>111</v>
      </c>
      <c r="SL32" s="203"/>
      <c r="SM32" s="9"/>
    </row>
    <row r="33" spans="1:507" ht="15.6" customHeight="1">
      <c r="A33" s="17"/>
      <c r="B33" s="131"/>
      <c r="C33" s="15"/>
      <c r="D33" s="13"/>
      <c r="E33" s="26"/>
      <c r="F33" s="45"/>
      <c r="G33" s="45"/>
      <c r="H33" s="167"/>
      <c r="I33" s="168"/>
      <c r="J33" s="42"/>
      <c r="K33" s="199"/>
      <c r="L33" s="201"/>
      <c r="M33" s="18"/>
      <c r="N33" s="17"/>
      <c r="O33" s="131"/>
      <c r="P33" s="15"/>
      <c r="Q33" s="13"/>
      <c r="R33" s="26"/>
      <c r="S33" s="45"/>
      <c r="T33" s="45"/>
      <c r="U33" s="167"/>
      <c r="V33" s="168"/>
      <c r="W33" s="43"/>
      <c r="X33" s="202"/>
      <c r="Y33" s="203"/>
      <c r="Z33" s="9"/>
      <c r="AA33" s="17"/>
      <c r="AB33" s="131"/>
      <c r="AC33" s="15"/>
      <c r="AD33" s="13"/>
      <c r="AE33" s="26"/>
      <c r="AF33" s="45"/>
      <c r="AG33" s="45"/>
      <c r="AH33" s="167"/>
      <c r="AI33" s="168"/>
      <c r="AJ33" s="43"/>
      <c r="AK33" s="204"/>
      <c r="AL33" s="203"/>
      <c r="AM33" s="9"/>
      <c r="AN33" s="17"/>
      <c r="AO33" s="131"/>
      <c r="AP33" s="15"/>
      <c r="AQ33" s="13"/>
      <c r="AR33" s="26"/>
      <c r="AS33" s="45"/>
      <c r="AT33" s="45"/>
      <c r="AU33" s="167"/>
      <c r="AV33" s="168"/>
      <c r="AW33" s="43"/>
      <c r="AX33" s="204"/>
      <c r="AY33" s="203"/>
      <c r="AZ33" s="9"/>
      <c r="BA33" s="17"/>
      <c r="BB33" s="131"/>
      <c r="BC33" s="15"/>
      <c r="BD33" s="13"/>
      <c r="BE33" s="26"/>
      <c r="BF33" s="45"/>
      <c r="BG33" s="45"/>
      <c r="BH33" s="167"/>
      <c r="BI33" s="168"/>
      <c r="BJ33" s="43"/>
      <c r="BK33" s="204"/>
      <c r="BL33" s="203"/>
      <c r="BM33" s="9"/>
      <c r="BN33" s="17"/>
      <c r="BO33" s="131"/>
      <c r="BP33" s="15"/>
      <c r="BQ33" s="13"/>
      <c r="BR33" s="26"/>
      <c r="BS33" s="45"/>
      <c r="BT33" s="45"/>
      <c r="BU33" s="167"/>
      <c r="BV33" s="168"/>
      <c r="BW33" s="43"/>
      <c r="BX33" s="204"/>
      <c r="BY33" s="203"/>
      <c r="BZ33" s="9"/>
      <c r="CA33" s="17"/>
      <c r="CB33" s="131"/>
      <c r="CC33" s="15"/>
      <c r="CD33" s="13"/>
      <c r="CE33" s="26"/>
      <c r="CF33" s="45"/>
      <c r="CG33" s="45"/>
      <c r="CH33" s="167"/>
      <c r="CI33" s="168"/>
      <c r="CJ33" s="43"/>
      <c r="CK33" s="204"/>
      <c r="CL33" s="203"/>
      <c r="CM33" s="9"/>
      <c r="CN33" s="17"/>
      <c r="CO33" s="131"/>
      <c r="CP33" s="15"/>
      <c r="CQ33" s="13"/>
      <c r="CR33" s="26"/>
      <c r="CS33" s="45"/>
      <c r="CT33" s="45"/>
      <c r="CU33" s="167"/>
      <c r="CV33" s="168"/>
      <c r="CW33" s="43"/>
      <c r="CX33" s="204"/>
      <c r="CY33" s="203"/>
      <c r="CZ33" s="9"/>
      <c r="DA33" s="17"/>
      <c r="DB33" s="131"/>
      <c r="DC33" s="15"/>
      <c r="DD33" s="13"/>
      <c r="DE33" s="26"/>
      <c r="DF33" s="45"/>
      <c r="DG33" s="45"/>
      <c r="DH33" s="167"/>
      <c r="DI33" s="168"/>
      <c r="DJ33" s="43"/>
      <c r="DK33" s="204"/>
      <c r="DL33" s="203"/>
      <c r="DM33" s="9"/>
      <c r="DN33" s="17"/>
      <c r="DO33" s="131"/>
      <c r="DP33" s="15"/>
      <c r="DQ33" s="13"/>
      <c r="DR33" s="26"/>
      <c r="DS33" s="45"/>
      <c r="DT33" s="45"/>
      <c r="DU33" s="167"/>
      <c r="DV33" s="168"/>
      <c r="DW33" s="43"/>
      <c r="DX33" s="204"/>
      <c r="DY33" s="203"/>
      <c r="DZ33" s="9"/>
      <c r="EA33" s="17"/>
      <c r="EB33" s="131"/>
      <c r="EC33" s="15"/>
      <c r="ED33" s="13"/>
      <c r="EE33" s="26"/>
      <c r="EF33" s="45"/>
      <c r="EG33" s="45"/>
      <c r="EH33" s="167"/>
      <c r="EI33" s="168"/>
      <c r="EJ33" s="43"/>
      <c r="EK33" s="204"/>
      <c r="EL33" s="203"/>
      <c r="EM33" s="9"/>
      <c r="EN33" s="17"/>
      <c r="EO33" s="131"/>
      <c r="EP33" s="15"/>
      <c r="EQ33" s="13"/>
      <c r="ER33" s="26"/>
      <c r="ES33" s="45"/>
      <c r="ET33" s="45"/>
      <c r="EU33" s="167"/>
      <c r="EV33" s="168"/>
      <c r="EW33" s="43"/>
      <c r="EX33" s="204"/>
      <c r="EY33" s="203"/>
      <c r="EZ33" s="9"/>
      <c r="FA33" s="17"/>
      <c r="FB33" s="131"/>
      <c r="FC33" s="15"/>
      <c r="FD33" s="13"/>
      <c r="FE33" s="26"/>
      <c r="FF33" s="45"/>
      <c r="FG33" s="45"/>
      <c r="FH33" s="167"/>
      <c r="FI33" s="168"/>
      <c r="FJ33" s="43"/>
      <c r="FK33" s="204"/>
      <c r="FL33" s="203"/>
      <c r="FM33" s="9"/>
      <c r="FN33" s="17"/>
      <c r="FO33" s="131"/>
      <c r="FP33" s="15"/>
      <c r="FQ33" s="13"/>
      <c r="FR33" s="26"/>
      <c r="FS33" s="45"/>
      <c r="FT33" s="45"/>
      <c r="FU33" s="167"/>
      <c r="FV33" s="168"/>
      <c r="FW33" s="43"/>
      <c r="FX33" s="204"/>
      <c r="FY33" s="203"/>
      <c r="FZ33" s="9"/>
      <c r="GA33" s="17"/>
      <c r="GB33" s="131"/>
      <c r="GC33" s="15"/>
      <c r="GD33" s="13"/>
      <c r="GE33" s="25"/>
      <c r="GF33" s="45"/>
      <c r="GG33" s="45"/>
      <c r="GH33" s="167"/>
      <c r="GI33" s="168"/>
      <c r="GJ33" s="43"/>
      <c r="GK33" s="204"/>
      <c r="GL33" s="203"/>
      <c r="GM33" s="9"/>
      <c r="GN33" s="17"/>
      <c r="GO33" s="131"/>
      <c r="GP33" s="15"/>
      <c r="GQ33" s="13"/>
      <c r="GR33" s="25"/>
      <c r="GS33" s="45"/>
      <c r="GT33" s="45"/>
      <c r="GU33" s="167"/>
      <c r="GV33" s="168"/>
      <c r="GW33" s="43"/>
      <c r="GX33" s="204"/>
      <c r="GY33" s="203"/>
      <c r="GZ33" s="9"/>
      <c r="HA33" s="17"/>
      <c r="HB33" s="131"/>
      <c r="HC33" s="15"/>
      <c r="HD33" s="13"/>
      <c r="HE33" s="26"/>
      <c r="HF33" s="45"/>
      <c r="HG33" s="45"/>
      <c r="HH33" s="167"/>
      <c r="HI33" s="168"/>
      <c r="HJ33" s="43"/>
      <c r="HK33" s="204"/>
      <c r="HL33" s="203"/>
      <c r="HM33" s="9"/>
      <c r="HN33" s="17"/>
      <c r="HO33" s="131"/>
      <c r="HP33" s="15"/>
      <c r="HQ33" s="13"/>
      <c r="HR33" s="25"/>
      <c r="HS33" s="45"/>
      <c r="HT33" s="45"/>
      <c r="HU33" s="167"/>
      <c r="HV33" s="168"/>
      <c r="HW33" s="43"/>
      <c r="HX33" s="204"/>
      <c r="HY33" s="203"/>
      <c r="HZ33" s="9"/>
      <c r="IA33" s="17"/>
      <c r="IB33" s="131"/>
      <c r="IC33" s="15"/>
      <c r="ID33" s="13"/>
      <c r="IE33" s="25"/>
      <c r="IF33" s="45"/>
      <c r="IG33" s="45"/>
      <c r="IH33" s="167"/>
      <c r="II33" s="168"/>
      <c r="IJ33" s="43"/>
      <c r="IK33" s="204"/>
      <c r="IL33" s="203"/>
      <c r="IM33" s="9"/>
      <c r="IN33" s="17"/>
      <c r="IO33" s="131"/>
      <c r="IP33" s="15"/>
      <c r="IQ33" s="13"/>
      <c r="IR33" s="25"/>
      <c r="IS33" s="45"/>
      <c r="IT33" s="45"/>
      <c r="IU33" s="167"/>
      <c r="IV33" s="168"/>
      <c r="IW33" s="43"/>
      <c r="IX33" s="204"/>
      <c r="IY33" s="203"/>
      <c r="IZ33" s="9"/>
      <c r="JA33" s="17"/>
      <c r="JB33" s="131"/>
      <c r="JC33" s="15"/>
      <c r="JD33" s="13"/>
      <c r="JE33" s="25"/>
      <c r="JF33" s="45"/>
      <c r="JG33" s="45"/>
      <c r="JH33" s="167"/>
      <c r="JI33" s="168"/>
      <c r="JJ33" s="43"/>
      <c r="JK33" s="204"/>
      <c r="JL33" s="203"/>
      <c r="JM33" s="9"/>
      <c r="JN33" s="17"/>
      <c r="JO33" s="131"/>
      <c r="JP33" s="15"/>
      <c r="JQ33" s="13"/>
      <c r="JR33" s="25"/>
      <c r="JS33" s="45"/>
      <c r="JT33" s="45"/>
      <c r="JU33" s="167"/>
      <c r="JV33" s="168"/>
      <c r="JW33" s="43"/>
      <c r="JX33" s="204"/>
      <c r="JY33" s="203"/>
      <c r="JZ33" s="9"/>
      <c r="KA33" s="17"/>
      <c r="KB33" s="131"/>
      <c r="KC33" s="15"/>
      <c r="KD33" s="13"/>
      <c r="KE33" s="25"/>
      <c r="KF33" s="45"/>
      <c r="KG33" s="45"/>
      <c r="KH33" s="167"/>
      <c r="KI33" s="168"/>
      <c r="KJ33" s="43"/>
      <c r="KK33" s="204"/>
      <c r="KL33" s="203"/>
      <c r="KM33" s="9"/>
      <c r="KN33" s="17"/>
      <c r="KO33" s="131"/>
      <c r="KP33" s="15"/>
      <c r="KQ33" s="13"/>
      <c r="KR33" s="25"/>
      <c r="KS33" s="45"/>
      <c r="KT33" s="45"/>
      <c r="KU33" s="167"/>
      <c r="KV33" s="168"/>
      <c r="KW33" s="43"/>
      <c r="KX33" s="204"/>
      <c r="KY33" s="203"/>
      <c r="KZ33" s="9"/>
      <c r="LA33" s="17"/>
      <c r="LB33" s="131"/>
      <c r="LC33" s="15"/>
      <c r="LD33" s="13"/>
      <c r="LE33" s="25"/>
      <c r="LF33" s="45"/>
      <c r="LG33" s="45"/>
      <c r="LH33" s="167"/>
      <c r="LI33" s="168"/>
      <c r="LJ33" s="43"/>
      <c r="LK33" s="204"/>
      <c r="LL33" s="203"/>
      <c r="LM33" s="9"/>
      <c r="LN33" s="17"/>
      <c r="LO33" s="131"/>
      <c r="LP33" s="15"/>
      <c r="LQ33" s="13"/>
      <c r="LR33" s="25"/>
      <c r="LS33" s="45"/>
      <c r="LT33" s="45"/>
      <c r="LU33" s="167"/>
      <c r="LV33" s="168"/>
      <c r="LW33" s="43"/>
      <c r="LX33" s="204"/>
      <c r="LY33" s="203"/>
      <c r="LZ33" s="9"/>
      <c r="MA33" s="17"/>
      <c r="MB33" s="131"/>
      <c r="MC33" s="15"/>
      <c r="MD33" s="13"/>
      <c r="ME33" s="25"/>
      <c r="MF33" s="45"/>
      <c r="MG33" s="45"/>
      <c r="MH33" s="167"/>
      <c r="MI33" s="168"/>
      <c r="MJ33" s="43"/>
      <c r="MK33" s="204"/>
      <c r="ML33" s="203"/>
      <c r="MM33" s="9"/>
      <c r="MN33" s="17"/>
      <c r="MO33" s="131"/>
      <c r="MP33" s="15"/>
      <c r="MQ33" s="13"/>
      <c r="MR33" s="25"/>
      <c r="MS33" s="45"/>
      <c r="MT33" s="45"/>
      <c r="MU33" s="167"/>
      <c r="MV33" s="168"/>
      <c r="MW33" s="43"/>
      <c r="MX33" s="204"/>
      <c r="MY33" s="203"/>
      <c r="MZ33" s="9"/>
      <c r="NA33" s="17"/>
      <c r="NB33" s="131" t="str">
        <f t="shared" si="0"/>
        <v/>
      </c>
      <c r="NC33" s="15" t="str">
        <f>IF(NC32="","",IF(NC32='（参考）【別紙２】'!$E$35,"",IF(MONTH(NC32)=MONTH(NC32+1),NC32+1,"")))</f>
        <v/>
      </c>
      <c r="ND33" s="13" t="str">
        <f>IF(COUNTIF(祝日一覧!$E$2:$E$142,NC33),"○",IF(NG33&lt;&gt;"","○",""))</f>
        <v/>
      </c>
      <c r="NE33" s="25"/>
      <c r="NF33" s="45" t="str">
        <f t="shared" si="2"/>
        <v/>
      </c>
      <c r="NG33" s="45"/>
      <c r="NH33" s="167"/>
      <c r="NI33" s="168"/>
      <c r="NJ33" s="43"/>
      <c r="NK33" s="204"/>
      <c r="NL33" s="203"/>
      <c r="NM33" s="9"/>
      <c r="NN33" s="17"/>
      <c r="NO33" s="131"/>
      <c r="NP33" s="15"/>
      <c r="NQ33" s="13"/>
      <c r="NR33" s="25"/>
      <c r="NS33" s="45"/>
      <c r="NT33" s="45"/>
      <c r="NU33" s="167"/>
      <c r="NV33" s="168"/>
      <c r="NW33" s="43"/>
      <c r="NX33" s="204"/>
      <c r="NY33" s="203"/>
      <c r="NZ33" s="9"/>
      <c r="OA33" s="17"/>
      <c r="OB33" s="131"/>
      <c r="OC33" s="15"/>
      <c r="OD33" s="13"/>
      <c r="OE33" s="25"/>
      <c r="OF33" s="45"/>
      <c r="OG33" s="45"/>
      <c r="OH33" s="167"/>
      <c r="OI33" s="168"/>
      <c r="OJ33" s="43"/>
      <c r="OK33" s="204"/>
      <c r="OL33" s="203"/>
      <c r="OM33" s="9"/>
      <c r="ON33" s="17"/>
      <c r="OO33" s="131"/>
      <c r="OP33" s="15"/>
      <c r="OQ33" s="13"/>
      <c r="OR33" s="25"/>
      <c r="OS33" s="45"/>
      <c r="OT33" s="45"/>
      <c r="OU33" s="167"/>
      <c r="OV33" s="168"/>
      <c r="OW33" s="43"/>
      <c r="OX33" s="204"/>
      <c r="OY33" s="203"/>
      <c r="OZ33" s="9"/>
      <c r="PA33" s="17"/>
      <c r="PB33" s="131"/>
      <c r="PC33" s="15"/>
      <c r="PD33" s="13"/>
      <c r="PE33" s="25"/>
      <c r="PF33" s="45"/>
      <c r="PG33" s="45"/>
      <c r="PH33" s="167"/>
      <c r="PI33" s="168"/>
      <c r="PJ33" s="43"/>
      <c r="PK33" s="204"/>
      <c r="PL33" s="203"/>
      <c r="PM33" s="9"/>
      <c r="PN33" s="17"/>
      <c r="PO33" s="131"/>
      <c r="PP33" s="15"/>
      <c r="PQ33" s="13"/>
      <c r="PR33" s="25"/>
      <c r="PS33" s="45"/>
      <c r="PT33" s="45"/>
      <c r="PU33" s="167"/>
      <c r="PV33" s="168"/>
      <c r="PW33" s="43"/>
      <c r="PX33" s="204"/>
      <c r="PY33" s="203"/>
      <c r="PZ33" s="9"/>
      <c r="QA33" s="17"/>
      <c r="QB33" s="131"/>
      <c r="QC33" s="15"/>
      <c r="QD33" s="13"/>
      <c r="QE33" s="25"/>
      <c r="QF33" s="45"/>
      <c r="QG33" s="45"/>
      <c r="QH33" s="167"/>
      <c r="QI33" s="168"/>
      <c r="QJ33" s="43"/>
      <c r="QK33" s="204"/>
      <c r="QL33" s="203"/>
      <c r="QM33" s="9"/>
      <c r="QN33" s="17"/>
      <c r="QO33" s="131"/>
      <c r="QP33" s="15"/>
      <c r="QQ33" s="13"/>
      <c r="QR33" s="25"/>
      <c r="QS33" s="45"/>
      <c r="QT33" s="45"/>
      <c r="QU33" s="167"/>
      <c r="QV33" s="168"/>
      <c r="QW33" s="43"/>
      <c r="QX33" s="204"/>
      <c r="QY33" s="203"/>
      <c r="QZ33" s="9"/>
      <c r="RA33" s="17"/>
      <c r="RB33" s="131"/>
      <c r="RC33" s="15"/>
      <c r="RD33" s="13"/>
      <c r="RE33" s="25"/>
      <c r="RF33" s="45"/>
      <c r="RG33" s="45"/>
      <c r="RH33" s="167"/>
      <c r="RI33" s="168"/>
      <c r="RJ33" s="43"/>
      <c r="RK33" s="204"/>
      <c r="RL33" s="203"/>
      <c r="RM33" s="9"/>
      <c r="RN33" s="17"/>
      <c r="RO33" s="131"/>
      <c r="RP33" s="15"/>
      <c r="RQ33" s="13"/>
      <c r="RR33" s="25"/>
      <c r="RS33" s="45"/>
      <c r="RT33" s="45"/>
      <c r="RU33" s="167"/>
      <c r="RV33" s="168"/>
      <c r="RW33" s="43"/>
      <c r="RX33" s="204"/>
      <c r="RY33" s="203"/>
      <c r="RZ33" s="9"/>
      <c r="SA33" s="17"/>
      <c r="SB33" s="131"/>
      <c r="SC33" s="15"/>
      <c r="SD33" s="13"/>
      <c r="SE33" s="25"/>
      <c r="SF33" s="45"/>
      <c r="SG33" s="45"/>
      <c r="SH33" s="167"/>
      <c r="SI33" s="168"/>
      <c r="SJ33" s="43"/>
      <c r="SK33" s="204"/>
      <c r="SL33" s="203"/>
      <c r="SM33" s="9"/>
    </row>
    <row r="34" spans="1:507" ht="15.6" customHeight="1">
      <c r="A34" s="17"/>
      <c r="B34" s="131"/>
      <c r="C34" s="15"/>
      <c r="D34" s="13"/>
      <c r="E34" s="26"/>
      <c r="F34" s="45"/>
      <c r="G34" s="45"/>
      <c r="H34" s="167"/>
      <c r="I34" s="168"/>
      <c r="J34" s="42"/>
      <c r="K34" s="207" t="s">
        <v>106</v>
      </c>
      <c r="L34" s="209"/>
      <c r="M34" s="18"/>
      <c r="N34" s="17"/>
      <c r="O34" s="131"/>
      <c r="P34" s="15"/>
      <c r="Q34" s="13"/>
      <c r="R34" s="26"/>
      <c r="S34" s="45"/>
      <c r="T34" s="45"/>
      <c r="U34" s="167"/>
      <c r="V34" s="168"/>
      <c r="W34" s="43"/>
      <c r="X34" s="202" t="s">
        <v>106</v>
      </c>
      <c r="Y34" s="206"/>
      <c r="Z34" s="9"/>
      <c r="AA34" s="17"/>
      <c r="AB34" s="131"/>
      <c r="AC34" s="15"/>
      <c r="AD34" s="13"/>
      <c r="AE34" s="26"/>
      <c r="AF34" s="45"/>
      <c r="AG34" s="45"/>
      <c r="AH34" s="167"/>
      <c r="AI34" s="168"/>
      <c r="AJ34" s="43"/>
      <c r="AK34" s="202" t="s">
        <v>106</v>
      </c>
      <c r="AL34" s="206"/>
      <c r="AM34" s="9"/>
      <c r="AN34" s="17"/>
      <c r="AO34" s="131"/>
      <c r="AP34" s="15"/>
      <c r="AQ34" s="13"/>
      <c r="AR34" s="26"/>
      <c r="AS34" s="45"/>
      <c r="AT34" s="45"/>
      <c r="AU34" s="167"/>
      <c r="AV34" s="168"/>
      <c r="AW34" s="43"/>
      <c r="AX34" s="202" t="s">
        <v>106</v>
      </c>
      <c r="AY34" s="206"/>
      <c r="AZ34" s="9"/>
      <c r="BA34" s="17"/>
      <c r="BB34" s="131"/>
      <c r="BC34" s="15"/>
      <c r="BD34" s="13"/>
      <c r="BE34" s="26"/>
      <c r="BF34" s="45"/>
      <c r="BG34" s="45"/>
      <c r="BH34" s="167"/>
      <c r="BI34" s="168"/>
      <c r="BJ34" s="43"/>
      <c r="BK34" s="202" t="s">
        <v>106</v>
      </c>
      <c r="BL34" s="206"/>
      <c r="BM34" s="9"/>
      <c r="BN34" s="17"/>
      <c r="BO34" s="131"/>
      <c r="BP34" s="15"/>
      <c r="BQ34" s="13"/>
      <c r="BR34" s="26"/>
      <c r="BS34" s="45"/>
      <c r="BT34" s="45"/>
      <c r="BU34" s="167"/>
      <c r="BV34" s="168"/>
      <c r="BW34" s="43"/>
      <c r="BX34" s="202" t="s">
        <v>106</v>
      </c>
      <c r="BY34" s="206"/>
      <c r="BZ34" s="9"/>
      <c r="CA34" s="17"/>
      <c r="CB34" s="131"/>
      <c r="CC34" s="15"/>
      <c r="CD34" s="13"/>
      <c r="CE34" s="26"/>
      <c r="CF34" s="45"/>
      <c r="CG34" s="45"/>
      <c r="CH34" s="167"/>
      <c r="CI34" s="168"/>
      <c r="CJ34" s="43"/>
      <c r="CK34" s="202" t="s">
        <v>106</v>
      </c>
      <c r="CL34" s="206"/>
      <c r="CM34" s="9"/>
      <c r="CN34" s="17"/>
      <c r="CO34" s="131"/>
      <c r="CP34" s="15"/>
      <c r="CQ34" s="13"/>
      <c r="CR34" s="26"/>
      <c r="CS34" s="45"/>
      <c r="CT34" s="45"/>
      <c r="CU34" s="167"/>
      <c r="CV34" s="168"/>
      <c r="CW34" s="43"/>
      <c r="CX34" s="202" t="s">
        <v>106</v>
      </c>
      <c r="CY34" s="206"/>
      <c r="CZ34" s="9"/>
      <c r="DA34" s="17"/>
      <c r="DB34" s="131"/>
      <c r="DC34" s="15"/>
      <c r="DD34" s="13"/>
      <c r="DE34" s="26"/>
      <c r="DF34" s="45"/>
      <c r="DG34" s="45"/>
      <c r="DH34" s="167"/>
      <c r="DI34" s="168"/>
      <c r="DJ34" s="43"/>
      <c r="DK34" s="202" t="s">
        <v>106</v>
      </c>
      <c r="DL34" s="206"/>
      <c r="DM34" s="9"/>
      <c r="DN34" s="17"/>
      <c r="DO34" s="131"/>
      <c r="DP34" s="15"/>
      <c r="DQ34" s="13"/>
      <c r="DR34" s="26"/>
      <c r="DS34" s="45"/>
      <c r="DT34" s="45"/>
      <c r="DU34" s="167"/>
      <c r="DV34" s="168"/>
      <c r="DW34" s="43"/>
      <c r="DX34" s="202" t="s">
        <v>106</v>
      </c>
      <c r="DY34" s="206"/>
      <c r="DZ34" s="9"/>
      <c r="EA34" s="17"/>
      <c r="EB34" s="131"/>
      <c r="EC34" s="15"/>
      <c r="ED34" s="13"/>
      <c r="EE34" s="26"/>
      <c r="EF34" s="45"/>
      <c r="EG34" s="45"/>
      <c r="EH34" s="167"/>
      <c r="EI34" s="168"/>
      <c r="EJ34" s="43"/>
      <c r="EK34" s="202" t="s">
        <v>106</v>
      </c>
      <c r="EL34" s="206"/>
      <c r="EM34" s="9"/>
      <c r="EN34" s="17"/>
      <c r="EO34" s="131"/>
      <c r="EP34" s="15"/>
      <c r="EQ34" s="13"/>
      <c r="ER34" s="26"/>
      <c r="ES34" s="45"/>
      <c r="ET34" s="45"/>
      <c r="EU34" s="167"/>
      <c r="EV34" s="168"/>
      <c r="EW34" s="43"/>
      <c r="EX34" s="202" t="s">
        <v>106</v>
      </c>
      <c r="EY34" s="206"/>
      <c r="EZ34" s="9"/>
      <c r="FA34" s="17"/>
      <c r="FB34" s="131"/>
      <c r="FC34" s="15"/>
      <c r="FD34" s="13"/>
      <c r="FE34" s="26"/>
      <c r="FF34" s="45"/>
      <c r="FG34" s="45"/>
      <c r="FH34" s="167"/>
      <c r="FI34" s="168"/>
      <c r="FJ34" s="43"/>
      <c r="FK34" s="202" t="s">
        <v>106</v>
      </c>
      <c r="FL34" s="206"/>
      <c r="FM34" s="9"/>
      <c r="FN34" s="17"/>
      <c r="FO34" s="131"/>
      <c r="FP34" s="15"/>
      <c r="FQ34" s="13"/>
      <c r="FR34" s="26"/>
      <c r="FS34" s="45"/>
      <c r="FT34" s="45"/>
      <c r="FU34" s="167"/>
      <c r="FV34" s="168"/>
      <c r="FW34" s="43"/>
      <c r="FX34" s="202" t="s">
        <v>106</v>
      </c>
      <c r="FY34" s="206"/>
      <c r="FZ34" s="9"/>
      <c r="GA34" s="17"/>
      <c r="GB34" s="131"/>
      <c r="GC34" s="15"/>
      <c r="GD34" s="13"/>
      <c r="GE34" s="25"/>
      <c r="GF34" s="45"/>
      <c r="GG34" s="45"/>
      <c r="GH34" s="167"/>
      <c r="GI34" s="168"/>
      <c r="GJ34" s="43"/>
      <c r="GK34" s="202" t="s">
        <v>106</v>
      </c>
      <c r="GL34" s="206"/>
      <c r="GM34" s="9"/>
      <c r="GN34" s="17"/>
      <c r="GO34" s="131"/>
      <c r="GP34" s="15"/>
      <c r="GQ34" s="13"/>
      <c r="GR34" s="25"/>
      <c r="GS34" s="45"/>
      <c r="GT34" s="45"/>
      <c r="GU34" s="167"/>
      <c r="GV34" s="168"/>
      <c r="GW34" s="43"/>
      <c r="GX34" s="202" t="s">
        <v>106</v>
      </c>
      <c r="GY34" s="206"/>
      <c r="GZ34" s="9"/>
      <c r="HA34" s="17"/>
      <c r="HB34" s="131"/>
      <c r="HC34" s="15"/>
      <c r="HD34" s="13"/>
      <c r="HE34" s="26"/>
      <c r="HF34" s="45"/>
      <c r="HG34" s="45"/>
      <c r="HH34" s="167"/>
      <c r="HI34" s="168"/>
      <c r="HJ34" s="43"/>
      <c r="HK34" s="202" t="s">
        <v>106</v>
      </c>
      <c r="HL34" s="206"/>
      <c r="HM34" s="9"/>
      <c r="HN34" s="17"/>
      <c r="HO34" s="131"/>
      <c r="HP34" s="15"/>
      <c r="HQ34" s="13"/>
      <c r="HR34" s="25"/>
      <c r="HS34" s="45"/>
      <c r="HT34" s="45"/>
      <c r="HU34" s="167"/>
      <c r="HV34" s="168"/>
      <c r="HW34" s="43"/>
      <c r="HX34" s="202" t="s">
        <v>106</v>
      </c>
      <c r="HY34" s="206"/>
      <c r="HZ34" s="9"/>
      <c r="IA34" s="17"/>
      <c r="IB34" s="131"/>
      <c r="IC34" s="15"/>
      <c r="ID34" s="13"/>
      <c r="IE34" s="25"/>
      <c r="IF34" s="45"/>
      <c r="IG34" s="45"/>
      <c r="IH34" s="167"/>
      <c r="II34" s="168"/>
      <c r="IJ34" s="43"/>
      <c r="IK34" s="202" t="s">
        <v>106</v>
      </c>
      <c r="IL34" s="206"/>
      <c r="IM34" s="9"/>
      <c r="IN34" s="17"/>
      <c r="IO34" s="131"/>
      <c r="IP34" s="15"/>
      <c r="IQ34" s="13"/>
      <c r="IR34" s="25"/>
      <c r="IS34" s="45"/>
      <c r="IT34" s="45"/>
      <c r="IU34" s="167"/>
      <c r="IV34" s="168"/>
      <c r="IW34" s="43"/>
      <c r="IX34" s="202" t="s">
        <v>106</v>
      </c>
      <c r="IY34" s="206"/>
      <c r="IZ34" s="9"/>
      <c r="JA34" s="17"/>
      <c r="JB34" s="131"/>
      <c r="JC34" s="15"/>
      <c r="JD34" s="13"/>
      <c r="JE34" s="25"/>
      <c r="JF34" s="45"/>
      <c r="JG34" s="45"/>
      <c r="JH34" s="167"/>
      <c r="JI34" s="168"/>
      <c r="JJ34" s="43"/>
      <c r="JK34" s="202" t="s">
        <v>106</v>
      </c>
      <c r="JL34" s="206"/>
      <c r="JM34" s="9"/>
      <c r="JN34" s="17"/>
      <c r="JO34" s="131"/>
      <c r="JP34" s="15"/>
      <c r="JQ34" s="13"/>
      <c r="JR34" s="25"/>
      <c r="JS34" s="45"/>
      <c r="JT34" s="45"/>
      <c r="JU34" s="167"/>
      <c r="JV34" s="168"/>
      <c r="JW34" s="43"/>
      <c r="JX34" s="202" t="s">
        <v>106</v>
      </c>
      <c r="JY34" s="206"/>
      <c r="JZ34" s="9"/>
      <c r="KA34" s="17"/>
      <c r="KB34" s="131"/>
      <c r="KC34" s="15"/>
      <c r="KD34" s="13"/>
      <c r="KE34" s="25"/>
      <c r="KF34" s="45"/>
      <c r="KG34" s="45"/>
      <c r="KH34" s="167"/>
      <c r="KI34" s="168"/>
      <c r="KJ34" s="43"/>
      <c r="KK34" s="202" t="s">
        <v>106</v>
      </c>
      <c r="KL34" s="206"/>
      <c r="KM34" s="9"/>
      <c r="KN34" s="17"/>
      <c r="KO34" s="131"/>
      <c r="KP34" s="15"/>
      <c r="KQ34" s="13"/>
      <c r="KR34" s="25"/>
      <c r="KS34" s="45"/>
      <c r="KT34" s="45"/>
      <c r="KU34" s="167"/>
      <c r="KV34" s="168"/>
      <c r="KW34" s="43"/>
      <c r="KX34" s="202" t="s">
        <v>106</v>
      </c>
      <c r="KY34" s="206"/>
      <c r="KZ34" s="9"/>
      <c r="LA34" s="17"/>
      <c r="LB34" s="131"/>
      <c r="LC34" s="15"/>
      <c r="LD34" s="13"/>
      <c r="LE34" s="25"/>
      <c r="LF34" s="45"/>
      <c r="LG34" s="45"/>
      <c r="LH34" s="167"/>
      <c r="LI34" s="168"/>
      <c r="LJ34" s="43"/>
      <c r="LK34" s="202" t="s">
        <v>106</v>
      </c>
      <c r="LL34" s="206"/>
      <c r="LM34" s="9"/>
      <c r="LN34" s="17"/>
      <c r="LO34" s="131"/>
      <c r="LP34" s="15"/>
      <c r="LQ34" s="13"/>
      <c r="LR34" s="25"/>
      <c r="LS34" s="45"/>
      <c r="LT34" s="45"/>
      <c r="LU34" s="167"/>
      <c r="LV34" s="168"/>
      <c r="LW34" s="43"/>
      <c r="LX34" s="202" t="s">
        <v>106</v>
      </c>
      <c r="LY34" s="206"/>
      <c r="LZ34" s="9"/>
      <c r="MA34" s="17"/>
      <c r="MB34" s="131"/>
      <c r="MC34" s="15"/>
      <c r="MD34" s="13"/>
      <c r="ME34" s="25"/>
      <c r="MF34" s="45"/>
      <c r="MG34" s="45"/>
      <c r="MH34" s="167"/>
      <c r="MI34" s="168"/>
      <c r="MJ34" s="43"/>
      <c r="MK34" s="202" t="s">
        <v>106</v>
      </c>
      <c r="ML34" s="206"/>
      <c r="MM34" s="9"/>
      <c r="MN34" s="17"/>
      <c r="MO34" s="131"/>
      <c r="MP34" s="15"/>
      <c r="MQ34" s="13"/>
      <c r="MR34" s="25"/>
      <c r="MS34" s="45"/>
      <c r="MT34" s="45"/>
      <c r="MU34" s="167"/>
      <c r="MV34" s="168"/>
      <c r="MW34" s="43"/>
      <c r="MX34" s="202" t="s">
        <v>106</v>
      </c>
      <c r="MY34" s="206"/>
      <c r="MZ34" s="9"/>
      <c r="NA34" s="17"/>
      <c r="NB34" s="131" t="str">
        <f t="shared" si="0"/>
        <v/>
      </c>
      <c r="NC34" s="15" t="str">
        <f>IF(NC33="","",IF(NC33='（参考）【別紙２】'!$E$35,"",IF(MONTH(NC33)=MONTH(NC33+1),NC33+1,"")))</f>
        <v/>
      </c>
      <c r="ND34" s="13" t="str">
        <f>IF(COUNTIF(祝日一覧!$E$2:$E$142,NC34),"○",IF(NG34&lt;&gt;"","○",""))</f>
        <v/>
      </c>
      <c r="NE34" s="25"/>
      <c r="NF34" s="45" t="str">
        <f t="shared" si="2"/>
        <v/>
      </c>
      <c r="NG34" s="45"/>
      <c r="NH34" s="167"/>
      <c r="NI34" s="168"/>
      <c r="NJ34" s="43"/>
      <c r="NK34" s="202" t="s">
        <v>106</v>
      </c>
      <c r="NL34" s="206"/>
      <c r="NM34" s="9"/>
      <c r="NN34" s="17"/>
      <c r="NO34" s="131"/>
      <c r="NP34" s="15"/>
      <c r="NQ34" s="13"/>
      <c r="NR34" s="25"/>
      <c r="NS34" s="45"/>
      <c r="NT34" s="45"/>
      <c r="NU34" s="167"/>
      <c r="NV34" s="168"/>
      <c r="NW34" s="43"/>
      <c r="NX34" s="202" t="s">
        <v>106</v>
      </c>
      <c r="NY34" s="206"/>
      <c r="NZ34" s="9"/>
      <c r="OA34" s="17"/>
      <c r="OB34" s="131"/>
      <c r="OC34" s="15"/>
      <c r="OD34" s="13"/>
      <c r="OE34" s="25"/>
      <c r="OF34" s="45"/>
      <c r="OG34" s="45"/>
      <c r="OH34" s="167"/>
      <c r="OI34" s="168"/>
      <c r="OJ34" s="43"/>
      <c r="OK34" s="202" t="s">
        <v>106</v>
      </c>
      <c r="OL34" s="206"/>
      <c r="OM34" s="9"/>
      <c r="ON34" s="17"/>
      <c r="OO34" s="131"/>
      <c r="OP34" s="15"/>
      <c r="OQ34" s="13"/>
      <c r="OR34" s="25"/>
      <c r="OS34" s="45"/>
      <c r="OT34" s="45"/>
      <c r="OU34" s="167"/>
      <c r="OV34" s="168"/>
      <c r="OW34" s="43"/>
      <c r="OX34" s="202" t="s">
        <v>106</v>
      </c>
      <c r="OY34" s="206"/>
      <c r="OZ34" s="9"/>
      <c r="PA34" s="17"/>
      <c r="PB34" s="131"/>
      <c r="PC34" s="15"/>
      <c r="PD34" s="13"/>
      <c r="PE34" s="25"/>
      <c r="PF34" s="45"/>
      <c r="PG34" s="45"/>
      <c r="PH34" s="167"/>
      <c r="PI34" s="168"/>
      <c r="PJ34" s="43"/>
      <c r="PK34" s="202" t="s">
        <v>106</v>
      </c>
      <c r="PL34" s="206"/>
      <c r="PM34" s="9"/>
      <c r="PN34" s="17"/>
      <c r="PO34" s="131"/>
      <c r="PP34" s="15"/>
      <c r="PQ34" s="13"/>
      <c r="PR34" s="25"/>
      <c r="PS34" s="45"/>
      <c r="PT34" s="45"/>
      <c r="PU34" s="167"/>
      <c r="PV34" s="168"/>
      <c r="PW34" s="43"/>
      <c r="PX34" s="202" t="s">
        <v>106</v>
      </c>
      <c r="PY34" s="206"/>
      <c r="PZ34" s="9"/>
      <c r="QA34" s="17"/>
      <c r="QB34" s="131"/>
      <c r="QC34" s="15"/>
      <c r="QD34" s="13"/>
      <c r="QE34" s="25"/>
      <c r="QF34" s="45"/>
      <c r="QG34" s="45"/>
      <c r="QH34" s="167"/>
      <c r="QI34" s="168"/>
      <c r="QJ34" s="43"/>
      <c r="QK34" s="202" t="s">
        <v>106</v>
      </c>
      <c r="QL34" s="206"/>
      <c r="QM34" s="9"/>
      <c r="QN34" s="17"/>
      <c r="QO34" s="131"/>
      <c r="QP34" s="15"/>
      <c r="QQ34" s="13"/>
      <c r="QR34" s="25"/>
      <c r="QS34" s="45"/>
      <c r="QT34" s="45"/>
      <c r="QU34" s="167"/>
      <c r="QV34" s="168"/>
      <c r="QW34" s="43"/>
      <c r="QX34" s="202" t="s">
        <v>106</v>
      </c>
      <c r="QY34" s="206"/>
      <c r="QZ34" s="9"/>
      <c r="RA34" s="17"/>
      <c r="RB34" s="131"/>
      <c r="RC34" s="15"/>
      <c r="RD34" s="13"/>
      <c r="RE34" s="25"/>
      <c r="RF34" s="45"/>
      <c r="RG34" s="45"/>
      <c r="RH34" s="167"/>
      <c r="RI34" s="168"/>
      <c r="RJ34" s="43"/>
      <c r="RK34" s="202" t="s">
        <v>106</v>
      </c>
      <c r="RL34" s="206"/>
      <c r="RM34" s="9"/>
      <c r="RN34" s="17"/>
      <c r="RO34" s="131"/>
      <c r="RP34" s="15"/>
      <c r="RQ34" s="13"/>
      <c r="RR34" s="25"/>
      <c r="RS34" s="45"/>
      <c r="RT34" s="45"/>
      <c r="RU34" s="167"/>
      <c r="RV34" s="168"/>
      <c r="RW34" s="43"/>
      <c r="RX34" s="202" t="s">
        <v>106</v>
      </c>
      <c r="RY34" s="206"/>
      <c r="RZ34" s="9"/>
      <c r="SA34" s="17"/>
      <c r="SB34" s="131"/>
      <c r="SC34" s="15"/>
      <c r="SD34" s="13"/>
      <c r="SE34" s="25"/>
      <c r="SF34" s="45"/>
      <c r="SG34" s="45"/>
      <c r="SH34" s="167"/>
      <c r="SI34" s="168"/>
      <c r="SJ34" s="43"/>
      <c r="SK34" s="202" t="s">
        <v>106</v>
      </c>
      <c r="SL34" s="206"/>
      <c r="SM34" s="9"/>
    </row>
    <row r="35" spans="1:507" ht="15.6" customHeight="1">
      <c r="A35" s="17"/>
      <c r="B35" s="131"/>
      <c r="C35" s="15"/>
      <c r="D35" s="13"/>
      <c r="E35" s="26"/>
      <c r="F35" s="45"/>
      <c r="G35" s="45"/>
      <c r="H35" s="167"/>
      <c r="I35" s="168"/>
      <c r="J35" s="42"/>
      <c r="K35" s="208"/>
      <c r="L35" s="210"/>
      <c r="M35" s="18"/>
      <c r="N35" s="17"/>
      <c r="O35" s="131"/>
      <c r="P35" s="15"/>
      <c r="Q35" s="13"/>
      <c r="R35" s="26"/>
      <c r="S35" s="45"/>
      <c r="T35" s="45"/>
      <c r="U35" s="167"/>
      <c r="V35" s="168"/>
      <c r="W35" s="43"/>
      <c r="X35" s="202"/>
      <c r="Y35" s="206"/>
      <c r="Z35" s="9"/>
      <c r="AA35" s="17"/>
      <c r="AB35" s="131"/>
      <c r="AC35" s="15"/>
      <c r="AD35" s="13"/>
      <c r="AE35" s="26"/>
      <c r="AF35" s="45"/>
      <c r="AG35" s="45"/>
      <c r="AH35" s="167"/>
      <c r="AI35" s="168"/>
      <c r="AJ35" s="43"/>
      <c r="AK35" s="205"/>
      <c r="AL35" s="206"/>
      <c r="AM35" s="9"/>
      <c r="AN35" s="17"/>
      <c r="AO35" s="131"/>
      <c r="AP35" s="15"/>
      <c r="AQ35" s="13"/>
      <c r="AR35" s="26"/>
      <c r="AS35" s="45"/>
      <c r="AT35" s="45"/>
      <c r="AU35" s="167"/>
      <c r="AV35" s="168"/>
      <c r="AW35" s="43"/>
      <c r="AX35" s="205"/>
      <c r="AY35" s="206"/>
      <c r="AZ35" s="9"/>
      <c r="BA35" s="17"/>
      <c r="BB35" s="131"/>
      <c r="BC35" s="15"/>
      <c r="BD35" s="13"/>
      <c r="BE35" s="26"/>
      <c r="BF35" s="45"/>
      <c r="BG35" s="45"/>
      <c r="BH35" s="167"/>
      <c r="BI35" s="168"/>
      <c r="BJ35" s="43"/>
      <c r="BK35" s="205"/>
      <c r="BL35" s="206"/>
      <c r="BM35" s="9"/>
      <c r="BN35" s="17"/>
      <c r="BO35" s="131"/>
      <c r="BP35" s="15"/>
      <c r="BQ35" s="13"/>
      <c r="BR35" s="26"/>
      <c r="BS35" s="45"/>
      <c r="BT35" s="45"/>
      <c r="BU35" s="167"/>
      <c r="BV35" s="168"/>
      <c r="BW35" s="43"/>
      <c r="BX35" s="205"/>
      <c r="BY35" s="206"/>
      <c r="BZ35" s="9"/>
      <c r="CA35" s="17"/>
      <c r="CB35" s="131"/>
      <c r="CC35" s="15"/>
      <c r="CD35" s="13"/>
      <c r="CE35" s="26"/>
      <c r="CF35" s="45"/>
      <c r="CG35" s="45"/>
      <c r="CH35" s="167"/>
      <c r="CI35" s="168"/>
      <c r="CJ35" s="43"/>
      <c r="CK35" s="205"/>
      <c r="CL35" s="206"/>
      <c r="CM35" s="9"/>
      <c r="CN35" s="17"/>
      <c r="CO35" s="131"/>
      <c r="CP35" s="15"/>
      <c r="CQ35" s="13"/>
      <c r="CR35" s="26"/>
      <c r="CS35" s="45"/>
      <c r="CT35" s="45"/>
      <c r="CU35" s="167"/>
      <c r="CV35" s="168"/>
      <c r="CW35" s="43"/>
      <c r="CX35" s="205"/>
      <c r="CY35" s="206"/>
      <c r="CZ35" s="9"/>
      <c r="DA35" s="17"/>
      <c r="DB35" s="131"/>
      <c r="DC35" s="15"/>
      <c r="DD35" s="13"/>
      <c r="DE35" s="26"/>
      <c r="DF35" s="45"/>
      <c r="DG35" s="45"/>
      <c r="DH35" s="167"/>
      <c r="DI35" s="168"/>
      <c r="DJ35" s="43"/>
      <c r="DK35" s="205"/>
      <c r="DL35" s="206"/>
      <c r="DM35" s="9"/>
      <c r="DN35" s="17"/>
      <c r="DO35" s="131"/>
      <c r="DP35" s="15"/>
      <c r="DQ35" s="13"/>
      <c r="DR35" s="26"/>
      <c r="DS35" s="45"/>
      <c r="DT35" s="45"/>
      <c r="DU35" s="167"/>
      <c r="DV35" s="168"/>
      <c r="DW35" s="43"/>
      <c r="DX35" s="205"/>
      <c r="DY35" s="206"/>
      <c r="DZ35" s="9"/>
      <c r="EA35" s="17"/>
      <c r="EB35" s="131"/>
      <c r="EC35" s="15"/>
      <c r="ED35" s="13"/>
      <c r="EE35" s="26"/>
      <c r="EF35" s="45"/>
      <c r="EG35" s="45"/>
      <c r="EH35" s="167"/>
      <c r="EI35" s="168"/>
      <c r="EJ35" s="43"/>
      <c r="EK35" s="205"/>
      <c r="EL35" s="206"/>
      <c r="EM35" s="9"/>
      <c r="EN35" s="17"/>
      <c r="EO35" s="131"/>
      <c r="EP35" s="15"/>
      <c r="EQ35" s="13"/>
      <c r="ER35" s="26"/>
      <c r="ES35" s="45"/>
      <c r="ET35" s="45"/>
      <c r="EU35" s="167"/>
      <c r="EV35" s="168"/>
      <c r="EW35" s="43"/>
      <c r="EX35" s="205"/>
      <c r="EY35" s="206"/>
      <c r="EZ35" s="9"/>
      <c r="FA35" s="17"/>
      <c r="FB35" s="131"/>
      <c r="FC35" s="15"/>
      <c r="FD35" s="13"/>
      <c r="FE35" s="26"/>
      <c r="FF35" s="45"/>
      <c r="FG35" s="45"/>
      <c r="FH35" s="167"/>
      <c r="FI35" s="168"/>
      <c r="FJ35" s="43"/>
      <c r="FK35" s="205"/>
      <c r="FL35" s="206"/>
      <c r="FM35" s="9"/>
      <c r="FN35" s="17"/>
      <c r="FO35" s="131"/>
      <c r="FP35" s="15"/>
      <c r="FQ35" s="13"/>
      <c r="FR35" s="26"/>
      <c r="FS35" s="45"/>
      <c r="FT35" s="45"/>
      <c r="FU35" s="167"/>
      <c r="FV35" s="168"/>
      <c r="FW35" s="43"/>
      <c r="FX35" s="205"/>
      <c r="FY35" s="206"/>
      <c r="FZ35" s="9"/>
      <c r="GA35" s="17"/>
      <c r="GB35" s="131"/>
      <c r="GC35" s="15"/>
      <c r="GD35" s="13"/>
      <c r="GE35" s="25"/>
      <c r="GF35" s="45"/>
      <c r="GG35" s="45"/>
      <c r="GH35" s="167"/>
      <c r="GI35" s="168"/>
      <c r="GJ35" s="43"/>
      <c r="GK35" s="205"/>
      <c r="GL35" s="206"/>
      <c r="GM35" s="9"/>
      <c r="GN35" s="17"/>
      <c r="GO35" s="131"/>
      <c r="GP35" s="15"/>
      <c r="GQ35" s="13"/>
      <c r="GR35" s="25"/>
      <c r="GS35" s="45"/>
      <c r="GT35" s="45"/>
      <c r="GU35" s="167"/>
      <c r="GV35" s="168"/>
      <c r="GW35" s="43"/>
      <c r="GX35" s="205"/>
      <c r="GY35" s="206"/>
      <c r="GZ35" s="9"/>
      <c r="HA35" s="17"/>
      <c r="HB35" s="131"/>
      <c r="HC35" s="15"/>
      <c r="HD35" s="13"/>
      <c r="HE35" s="26"/>
      <c r="HF35" s="45"/>
      <c r="HG35" s="45"/>
      <c r="HH35" s="167"/>
      <c r="HI35" s="168"/>
      <c r="HJ35" s="43"/>
      <c r="HK35" s="205"/>
      <c r="HL35" s="206"/>
      <c r="HM35" s="9"/>
      <c r="HN35" s="17"/>
      <c r="HO35" s="131"/>
      <c r="HP35" s="15"/>
      <c r="HQ35" s="13"/>
      <c r="HR35" s="25"/>
      <c r="HS35" s="45"/>
      <c r="HT35" s="45"/>
      <c r="HU35" s="167"/>
      <c r="HV35" s="168"/>
      <c r="HW35" s="43"/>
      <c r="HX35" s="205"/>
      <c r="HY35" s="206"/>
      <c r="HZ35" s="9"/>
      <c r="IA35" s="17"/>
      <c r="IB35" s="131"/>
      <c r="IC35" s="15"/>
      <c r="ID35" s="13"/>
      <c r="IE35" s="25"/>
      <c r="IF35" s="45"/>
      <c r="IG35" s="45"/>
      <c r="IH35" s="167"/>
      <c r="II35" s="168"/>
      <c r="IJ35" s="43"/>
      <c r="IK35" s="205"/>
      <c r="IL35" s="206"/>
      <c r="IM35" s="9"/>
      <c r="IN35" s="17"/>
      <c r="IO35" s="131"/>
      <c r="IP35" s="15"/>
      <c r="IQ35" s="13"/>
      <c r="IR35" s="25"/>
      <c r="IS35" s="45"/>
      <c r="IT35" s="45"/>
      <c r="IU35" s="167"/>
      <c r="IV35" s="168"/>
      <c r="IW35" s="43"/>
      <c r="IX35" s="205"/>
      <c r="IY35" s="206"/>
      <c r="IZ35" s="9"/>
      <c r="JA35" s="17"/>
      <c r="JB35" s="131"/>
      <c r="JC35" s="15"/>
      <c r="JD35" s="13"/>
      <c r="JE35" s="25"/>
      <c r="JF35" s="45"/>
      <c r="JG35" s="45"/>
      <c r="JH35" s="167"/>
      <c r="JI35" s="168"/>
      <c r="JJ35" s="43"/>
      <c r="JK35" s="205"/>
      <c r="JL35" s="206"/>
      <c r="JM35" s="9"/>
      <c r="JN35" s="17"/>
      <c r="JO35" s="131"/>
      <c r="JP35" s="15"/>
      <c r="JQ35" s="13"/>
      <c r="JR35" s="25"/>
      <c r="JS35" s="45"/>
      <c r="JT35" s="45"/>
      <c r="JU35" s="167"/>
      <c r="JV35" s="168"/>
      <c r="JW35" s="43"/>
      <c r="JX35" s="205"/>
      <c r="JY35" s="206"/>
      <c r="JZ35" s="9"/>
      <c r="KA35" s="17"/>
      <c r="KB35" s="131"/>
      <c r="KC35" s="15"/>
      <c r="KD35" s="13"/>
      <c r="KE35" s="25"/>
      <c r="KF35" s="45"/>
      <c r="KG35" s="45"/>
      <c r="KH35" s="167"/>
      <c r="KI35" s="168"/>
      <c r="KJ35" s="43"/>
      <c r="KK35" s="205"/>
      <c r="KL35" s="206"/>
      <c r="KM35" s="9"/>
      <c r="KN35" s="17"/>
      <c r="KO35" s="131"/>
      <c r="KP35" s="15"/>
      <c r="KQ35" s="13"/>
      <c r="KR35" s="25"/>
      <c r="KS35" s="45"/>
      <c r="KT35" s="45"/>
      <c r="KU35" s="167"/>
      <c r="KV35" s="168"/>
      <c r="KW35" s="43"/>
      <c r="KX35" s="205"/>
      <c r="KY35" s="206"/>
      <c r="KZ35" s="9"/>
      <c r="LA35" s="17"/>
      <c r="LB35" s="131"/>
      <c r="LC35" s="15"/>
      <c r="LD35" s="13"/>
      <c r="LE35" s="25"/>
      <c r="LF35" s="45"/>
      <c r="LG35" s="45"/>
      <c r="LH35" s="167"/>
      <c r="LI35" s="168"/>
      <c r="LJ35" s="43"/>
      <c r="LK35" s="205"/>
      <c r="LL35" s="206"/>
      <c r="LM35" s="9"/>
      <c r="LN35" s="17"/>
      <c r="LO35" s="131"/>
      <c r="LP35" s="15"/>
      <c r="LQ35" s="13"/>
      <c r="LR35" s="25"/>
      <c r="LS35" s="45"/>
      <c r="LT35" s="45"/>
      <c r="LU35" s="167"/>
      <c r="LV35" s="168"/>
      <c r="LW35" s="43"/>
      <c r="LX35" s="205"/>
      <c r="LY35" s="206"/>
      <c r="LZ35" s="9"/>
      <c r="MA35" s="17"/>
      <c r="MB35" s="131"/>
      <c r="MC35" s="15"/>
      <c r="MD35" s="13"/>
      <c r="ME35" s="25"/>
      <c r="MF35" s="45"/>
      <c r="MG35" s="45"/>
      <c r="MH35" s="167"/>
      <c r="MI35" s="168"/>
      <c r="MJ35" s="43"/>
      <c r="MK35" s="205"/>
      <c r="ML35" s="206"/>
      <c r="MM35" s="9"/>
      <c r="MN35" s="17"/>
      <c r="MO35" s="131"/>
      <c r="MP35" s="15"/>
      <c r="MQ35" s="13"/>
      <c r="MR35" s="25"/>
      <c r="MS35" s="45"/>
      <c r="MT35" s="45"/>
      <c r="MU35" s="167"/>
      <c r="MV35" s="168"/>
      <c r="MW35" s="43"/>
      <c r="MX35" s="205"/>
      <c r="MY35" s="206"/>
      <c r="MZ35" s="9"/>
      <c r="NA35" s="17"/>
      <c r="NB35" s="131" t="str">
        <f t="shared" si="0"/>
        <v/>
      </c>
      <c r="NC35" s="15" t="str">
        <f>IF(NC34="","",IF(NC34='（参考）【別紙２】'!$E$35,"",IF(MONTH(NC34)=MONTH(NC34+1),NC34+1,"")))</f>
        <v/>
      </c>
      <c r="ND35" s="13" t="str">
        <f>IF(COUNTIF(祝日一覧!$E$2:$E$142,NC35),"○",IF(NG35&lt;&gt;"","○",""))</f>
        <v/>
      </c>
      <c r="NE35" s="25"/>
      <c r="NF35" s="45" t="str">
        <f t="shared" si="2"/>
        <v/>
      </c>
      <c r="NG35" s="45"/>
      <c r="NH35" s="167"/>
      <c r="NI35" s="168"/>
      <c r="NJ35" s="43"/>
      <c r="NK35" s="205"/>
      <c r="NL35" s="206"/>
      <c r="NM35" s="9"/>
      <c r="NN35" s="17"/>
      <c r="NO35" s="131"/>
      <c r="NP35" s="15"/>
      <c r="NQ35" s="13"/>
      <c r="NR35" s="25"/>
      <c r="NS35" s="45"/>
      <c r="NT35" s="45"/>
      <c r="NU35" s="167"/>
      <c r="NV35" s="168"/>
      <c r="NW35" s="43"/>
      <c r="NX35" s="205"/>
      <c r="NY35" s="206"/>
      <c r="NZ35" s="9"/>
      <c r="OA35" s="17"/>
      <c r="OB35" s="131"/>
      <c r="OC35" s="15"/>
      <c r="OD35" s="13"/>
      <c r="OE35" s="25"/>
      <c r="OF35" s="45"/>
      <c r="OG35" s="45"/>
      <c r="OH35" s="167"/>
      <c r="OI35" s="168"/>
      <c r="OJ35" s="43"/>
      <c r="OK35" s="205"/>
      <c r="OL35" s="206"/>
      <c r="OM35" s="9"/>
      <c r="ON35" s="17"/>
      <c r="OO35" s="131"/>
      <c r="OP35" s="15"/>
      <c r="OQ35" s="13"/>
      <c r="OR35" s="25"/>
      <c r="OS35" s="45"/>
      <c r="OT35" s="45"/>
      <c r="OU35" s="167"/>
      <c r="OV35" s="168"/>
      <c r="OW35" s="43"/>
      <c r="OX35" s="205"/>
      <c r="OY35" s="206"/>
      <c r="OZ35" s="9"/>
      <c r="PA35" s="17"/>
      <c r="PB35" s="131"/>
      <c r="PC35" s="15"/>
      <c r="PD35" s="13"/>
      <c r="PE35" s="25"/>
      <c r="PF35" s="45"/>
      <c r="PG35" s="45"/>
      <c r="PH35" s="167"/>
      <c r="PI35" s="168"/>
      <c r="PJ35" s="43"/>
      <c r="PK35" s="205"/>
      <c r="PL35" s="206"/>
      <c r="PM35" s="9"/>
      <c r="PN35" s="17"/>
      <c r="PO35" s="131"/>
      <c r="PP35" s="15"/>
      <c r="PQ35" s="13"/>
      <c r="PR35" s="25"/>
      <c r="PS35" s="45"/>
      <c r="PT35" s="45"/>
      <c r="PU35" s="167"/>
      <c r="PV35" s="168"/>
      <c r="PW35" s="43"/>
      <c r="PX35" s="205"/>
      <c r="PY35" s="206"/>
      <c r="PZ35" s="9"/>
      <c r="QA35" s="17"/>
      <c r="QB35" s="131"/>
      <c r="QC35" s="15"/>
      <c r="QD35" s="13"/>
      <c r="QE35" s="25"/>
      <c r="QF35" s="45"/>
      <c r="QG35" s="45"/>
      <c r="QH35" s="167"/>
      <c r="QI35" s="168"/>
      <c r="QJ35" s="43"/>
      <c r="QK35" s="205"/>
      <c r="QL35" s="206"/>
      <c r="QM35" s="9"/>
      <c r="QN35" s="17"/>
      <c r="QO35" s="131"/>
      <c r="QP35" s="15"/>
      <c r="QQ35" s="13"/>
      <c r="QR35" s="25"/>
      <c r="QS35" s="45"/>
      <c r="QT35" s="45"/>
      <c r="QU35" s="167"/>
      <c r="QV35" s="168"/>
      <c r="QW35" s="43"/>
      <c r="QX35" s="205"/>
      <c r="QY35" s="206"/>
      <c r="QZ35" s="9"/>
      <c r="RA35" s="17"/>
      <c r="RB35" s="131"/>
      <c r="RC35" s="15"/>
      <c r="RD35" s="13"/>
      <c r="RE35" s="25"/>
      <c r="RF35" s="45"/>
      <c r="RG35" s="45"/>
      <c r="RH35" s="167"/>
      <c r="RI35" s="168"/>
      <c r="RJ35" s="43"/>
      <c r="RK35" s="205"/>
      <c r="RL35" s="206"/>
      <c r="RM35" s="9"/>
      <c r="RN35" s="17"/>
      <c r="RO35" s="131"/>
      <c r="RP35" s="15"/>
      <c r="RQ35" s="13"/>
      <c r="RR35" s="25"/>
      <c r="RS35" s="45"/>
      <c r="RT35" s="45"/>
      <c r="RU35" s="167"/>
      <c r="RV35" s="168"/>
      <c r="RW35" s="43"/>
      <c r="RX35" s="205"/>
      <c r="RY35" s="206"/>
      <c r="RZ35" s="9"/>
      <c r="SA35" s="17"/>
      <c r="SB35" s="131"/>
      <c r="SC35" s="15"/>
      <c r="SD35" s="13"/>
      <c r="SE35" s="25"/>
      <c r="SF35" s="45"/>
      <c r="SG35" s="45"/>
      <c r="SH35" s="167"/>
      <c r="SI35" s="168"/>
      <c r="SJ35" s="43"/>
      <c r="SK35" s="205"/>
      <c r="SL35" s="206"/>
      <c r="SM35" s="9"/>
    </row>
    <row r="36" spans="1:507" ht="15.6" customHeight="1">
      <c r="A36" s="17"/>
      <c r="B36" s="131"/>
      <c r="C36" s="15"/>
      <c r="D36" s="13"/>
      <c r="E36" s="26"/>
      <c r="F36" s="45"/>
      <c r="G36" s="45"/>
      <c r="H36" s="167"/>
      <c r="I36" s="168"/>
      <c r="J36" s="42"/>
      <c r="K36" s="211" t="s">
        <v>107</v>
      </c>
      <c r="L36" s="213"/>
      <c r="M36" s="18"/>
      <c r="N36" s="17"/>
      <c r="O36" s="131"/>
      <c r="P36" s="15"/>
      <c r="Q36" s="13"/>
      <c r="R36" s="26"/>
      <c r="S36" s="45"/>
      <c r="T36" s="45"/>
      <c r="U36" s="167"/>
      <c r="V36" s="168"/>
      <c r="W36" s="43"/>
      <c r="X36" s="202" t="s">
        <v>107</v>
      </c>
      <c r="Y36" s="216"/>
      <c r="Z36" s="9"/>
      <c r="AA36" s="17"/>
      <c r="AB36" s="131"/>
      <c r="AC36" s="15"/>
      <c r="AD36" s="13"/>
      <c r="AE36" s="26"/>
      <c r="AF36" s="45"/>
      <c r="AG36" s="45"/>
      <c r="AH36" s="167"/>
      <c r="AI36" s="168"/>
      <c r="AJ36" s="43"/>
      <c r="AK36" s="202" t="s">
        <v>107</v>
      </c>
      <c r="AL36" s="216"/>
      <c r="AM36" s="9"/>
      <c r="AN36" s="17"/>
      <c r="AO36" s="131"/>
      <c r="AP36" s="15"/>
      <c r="AQ36" s="13"/>
      <c r="AR36" s="26"/>
      <c r="AS36" s="45"/>
      <c r="AT36" s="45"/>
      <c r="AU36" s="167"/>
      <c r="AV36" s="168"/>
      <c r="AW36" s="43"/>
      <c r="AX36" s="202" t="s">
        <v>107</v>
      </c>
      <c r="AY36" s="216"/>
      <c r="AZ36" s="9"/>
      <c r="BA36" s="17"/>
      <c r="BB36" s="131"/>
      <c r="BC36" s="15"/>
      <c r="BD36" s="13"/>
      <c r="BE36" s="26"/>
      <c r="BF36" s="45"/>
      <c r="BG36" s="45"/>
      <c r="BH36" s="167"/>
      <c r="BI36" s="168"/>
      <c r="BJ36" s="43"/>
      <c r="BK36" s="202" t="s">
        <v>107</v>
      </c>
      <c r="BL36" s="216"/>
      <c r="BM36" s="9"/>
      <c r="BN36" s="17"/>
      <c r="BO36" s="131"/>
      <c r="BP36" s="15"/>
      <c r="BQ36" s="13"/>
      <c r="BR36" s="26"/>
      <c r="BS36" s="45"/>
      <c r="BT36" s="45"/>
      <c r="BU36" s="167"/>
      <c r="BV36" s="168"/>
      <c r="BW36" s="43"/>
      <c r="BX36" s="202" t="s">
        <v>107</v>
      </c>
      <c r="BY36" s="216"/>
      <c r="BZ36" s="9"/>
      <c r="CA36" s="17"/>
      <c r="CB36" s="131"/>
      <c r="CC36" s="15"/>
      <c r="CD36" s="13"/>
      <c r="CE36" s="26"/>
      <c r="CF36" s="45"/>
      <c r="CG36" s="45"/>
      <c r="CH36" s="167"/>
      <c r="CI36" s="168"/>
      <c r="CJ36" s="43"/>
      <c r="CK36" s="202" t="s">
        <v>107</v>
      </c>
      <c r="CL36" s="216"/>
      <c r="CM36" s="9"/>
      <c r="CN36" s="17"/>
      <c r="CO36" s="131"/>
      <c r="CP36" s="15"/>
      <c r="CQ36" s="13"/>
      <c r="CR36" s="26"/>
      <c r="CS36" s="45"/>
      <c r="CT36" s="45"/>
      <c r="CU36" s="167"/>
      <c r="CV36" s="168"/>
      <c r="CW36" s="43"/>
      <c r="CX36" s="202" t="s">
        <v>107</v>
      </c>
      <c r="CY36" s="216"/>
      <c r="CZ36" s="9"/>
      <c r="DA36" s="17"/>
      <c r="DB36" s="131"/>
      <c r="DC36" s="15"/>
      <c r="DD36" s="13"/>
      <c r="DE36" s="26"/>
      <c r="DF36" s="45"/>
      <c r="DG36" s="45"/>
      <c r="DH36" s="167"/>
      <c r="DI36" s="168"/>
      <c r="DJ36" s="43"/>
      <c r="DK36" s="202" t="s">
        <v>107</v>
      </c>
      <c r="DL36" s="216"/>
      <c r="DM36" s="9"/>
      <c r="DN36" s="17"/>
      <c r="DO36" s="131"/>
      <c r="DP36" s="15"/>
      <c r="DQ36" s="13"/>
      <c r="DR36" s="26"/>
      <c r="DS36" s="45"/>
      <c r="DT36" s="45"/>
      <c r="DU36" s="167"/>
      <c r="DV36" s="168"/>
      <c r="DW36" s="43"/>
      <c r="DX36" s="202" t="s">
        <v>107</v>
      </c>
      <c r="DY36" s="216"/>
      <c r="DZ36" s="9"/>
      <c r="EA36" s="17"/>
      <c r="EB36" s="131"/>
      <c r="EC36" s="15"/>
      <c r="ED36" s="13"/>
      <c r="EE36" s="26"/>
      <c r="EF36" s="45"/>
      <c r="EG36" s="45"/>
      <c r="EH36" s="167"/>
      <c r="EI36" s="168"/>
      <c r="EJ36" s="43"/>
      <c r="EK36" s="202" t="s">
        <v>107</v>
      </c>
      <c r="EL36" s="216"/>
      <c r="EM36" s="9"/>
      <c r="EN36" s="17"/>
      <c r="EO36" s="131"/>
      <c r="EP36" s="15"/>
      <c r="EQ36" s="13"/>
      <c r="ER36" s="26"/>
      <c r="ES36" s="45"/>
      <c r="ET36" s="45"/>
      <c r="EU36" s="167"/>
      <c r="EV36" s="168"/>
      <c r="EW36" s="43"/>
      <c r="EX36" s="202" t="s">
        <v>107</v>
      </c>
      <c r="EY36" s="216"/>
      <c r="EZ36" s="9"/>
      <c r="FA36" s="17"/>
      <c r="FB36" s="131"/>
      <c r="FC36" s="15"/>
      <c r="FD36" s="13"/>
      <c r="FE36" s="26"/>
      <c r="FF36" s="45"/>
      <c r="FG36" s="45"/>
      <c r="FH36" s="167"/>
      <c r="FI36" s="168"/>
      <c r="FJ36" s="43"/>
      <c r="FK36" s="202" t="s">
        <v>107</v>
      </c>
      <c r="FL36" s="216"/>
      <c r="FM36" s="9"/>
      <c r="FN36" s="17"/>
      <c r="FO36" s="131"/>
      <c r="FP36" s="15"/>
      <c r="FQ36" s="13"/>
      <c r="FR36" s="26"/>
      <c r="FS36" s="45"/>
      <c r="FT36" s="45"/>
      <c r="FU36" s="167"/>
      <c r="FV36" s="168"/>
      <c r="FW36" s="43"/>
      <c r="FX36" s="202" t="s">
        <v>107</v>
      </c>
      <c r="FY36" s="216"/>
      <c r="FZ36" s="9"/>
      <c r="GA36" s="17"/>
      <c r="GB36" s="131"/>
      <c r="GC36" s="15"/>
      <c r="GD36" s="13"/>
      <c r="GE36" s="25"/>
      <c r="GF36" s="45"/>
      <c r="GG36" s="45"/>
      <c r="GH36" s="167"/>
      <c r="GI36" s="168"/>
      <c r="GJ36" s="43"/>
      <c r="GK36" s="202" t="s">
        <v>107</v>
      </c>
      <c r="GL36" s="216"/>
      <c r="GM36" s="9"/>
      <c r="GN36" s="17"/>
      <c r="GO36" s="131"/>
      <c r="GP36" s="15"/>
      <c r="GQ36" s="13"/>
      <c r="GR36" s="25"/>
      <c r="GS36" s="45"/>
      <c r="GT36" s="45"/>
      <c r="GU36" s="167"/>
      <c r="GV36" s="168"/>
      <c r="GW36" s="43"/>
      <c r="GX36" s="202" t="s">
        <v>107</v>
      </c>
      <c r="GY36" s="216"/>
      <c r="GZ36" s="9"/>
      <c r="HA36" s="17"/>
      <c r="HB36" s="131"/>
      <c r="HC36" s="15"/>
      <c r="HD36" s="13"/>
      <c r="HE36" s="26"/>
      <c r="HF36" s="45"/>
      <c r="HG36" s="45"/>
      <c r="HH36" s="167"/>
      <c r="HI36" s="168"/>
      <c r="HJ36" s="43"/>
      <c r="HK36" s="202" t="s">
        <v>107</v>
      </c>
      <c r="HL36" s="216"/>
      <c r="HM36" s="9"/>
      <c r="HN36" s="17"/>
      <c r="HO36" s="131"/>
      <c r="HP36" s="15"/>
      <c r="HQ36" s="13"/>
      <c r="HR36" s="25"/>
      <c r="HS36" s="45"/>
      <c r="HT36" s="45"/>
      <c r="HU36" s="167"/>
      <c r="HV36" s="168"/>
      <c r="HW36" s="43"/>
      <c r="HX36" s="202" t="s">
        <v>107</v>
      </c>
      <c r="HY36" s="216"/>
      <c r="HZ36" s="9"/>
      <c r="IA36" s="17"/>
      <c r="IB36" s="131"/>
      <c r="IC36" s="15"/>
      <c r="ID36" s="13"/>
      <c r="IE36" s="25"/>
      <c r="IF36" s="45"/>
      <c r="IG36" s="45"/>
      <c r="IH36" s="167"/>
      <c r="II36" s="168"/>
      <c r="IJ36" s="43"/>
      <c r="IK36" s="202" t="s">
        <v>107</v>
      </c>
      <c r="IL36" s="216"/>
      <c r="IM36" s="9"/>
      <c r="IN36" s="17"/>
      <c r="IO36" s="131"/>
      <c r="IP36" s="15"/>
      <c r="IQ36" s="13"/>
      <c r="IR36" s="25"/>
      <c r="IS36" s="45"/>
      <c r="IT36" s="45"/>
      <c r="IU36" s="167"/>
      <c r="IV36" s="168"/>
      <c r="IW36" s="43"/>
      <c r="IX36" s="202" t="s">
        <v>107</v>
      </c>
      <c r="IY36" s="216"/>
      <c r="IZ36" s="9"/>
      <c r="JA36" s="17"/>
      <c r="JB36" s="131"/>
      <c r="JC36" s="15"/>
      <c r="JD36" s="13"/>
      <c r="JE36" s="25"/>
      <c r="JF36" s="45"/>
      <c r="JG36" s="45"/>
      <c r="JH36" s="167"/>
      <c r="JI36" s="168"/>
      <c r="JJ36" s="43"/>
      <c r="JK36" s="202" t="s">
        <v>107</v>
      </c>
      <c r="JL36" s="216"/>
      <c r="JM36" s="9"/>
      <c r="JN36" s="17"/>
      <c r="JO36" s="131"/>
      <c r="JP36" s="15"/>
      <c r="JQ36" s="13"/>
      <c r="JR36" s="25"/>
      <c r="JS36" s="45"/>
      <c r="JT36" s="45"/>
      <c r="JU36" s="167"/>
      <c r="JV36" s="168"/>
      <c r="JW36" s="43"/>
      <c r="JX36" s="202" t="s">
        <v>107</v>
      </c>
      <c r="JY36" s="216"/>
      <c r="JZ36" s="9"/>
      <c r="KA36" s="17"/>
      <c r="KB36" s="131"/>
      <c r="KC36" s="15"/>
      <c r="KD36" s="13"/>
      <c r="KE36" s="25"/>
      <c r="KF36" s="45"/>
      <c r="KG36" s="45"/>
      <c r="KH36" s="167"/>
      <c r="KI36" s="168"/>
      <c r="KJ36" s="43"/>
      <c r="KK36" s="202" t="s">
        <v>107</v>
      </c>
      <c r="KL36" s="216"/>
      <c r="KM36" s="9"/>
      <c r="KN36" s="17"/>
      <c r="KO36" s="131"/>
      <c r="KP36" s="15"/>
      <c r="KQ36" s="13"/>
      <c r="KR36" s="25"/>
      <c r="KS36" s="45"/>
      <c r="KT36" s="45"/>
      <c r="KU36" s="167"/>
      <c r="KV36" s="168"/>
      <c r="KW36" s="43"/>
      <c r="KX36" s="202" t="s">
        <v>107</v>
      </c>
      <c r="KY36" s="216"/>
      <c r="KZ36" s="9"/>
      <c r="LA36" s="17"/>
      <c r="LB36" s="131"/>
      <c r="LC36" s="15"/>
      <c r="LD36" s="13"/>
      <c r="LE36" s="25"/>
      <c r="LF36" s="45"/>
      <c r="LG36" s="45"/>
      <c r="LH36" s="167"/>
      <c r="LI36" s="168"/>
      <c r="LJ36" s="43"/>
      <c r="LK36" s="202" t="s">
        <v>107</v>
      </c>
      <c r="LL36" s="216"/>
      <c r="LM36" s="9"/>
      <c r="LN36" s="17"/>
      <c r="LO36" s="131"/>
      <c r="LP36" s="15"/>
      <c r="LQ36" s="13"/>
      <c r="LR36" s="25"/>
      <c r="LS36" s="45"/>
      <c r="LT36" s="45"/>
      <c r="LU36" s="167"/>
      <c r="LV36" s="168"/>
      <c r="LW36" s="43"/>
      <c r="LX36" s="202" t="s">
        <v>107</v>
      </c>
      <c r="LY36" s="216"/>
      <c r="LZ36" s="9"/>
      <c r="MA36" s="17"/>
      <c r="MB36" s="131"/>
      <c r="MC36" s="15"/>
      <c r="MD36" s="13"/>
      <c r="ME36" s="25"/>
      <c r="MF36" s="45"/>
      <c r="MG36" s="45"/>
      <c r="MH36" s="167"/>
      <c r="MI36" s="168"/>
      <c r="MJ36" s="43"/>
      <c r="MK36" s="202" t="s">
        <v>107</v>
      </c>
      <c r="ML36" s="216"/>
      <c r="MM36" s="9"/>
      <c r="MN36" s="17"/>
      <c r="MO36" s="131"/>
      <c r="MP36" s="15"/>
      <c r="MQ36" s="13"/>
      <c r="MR36" s="25"/>
      <c r="MS36" s="45"/>
      <c r="MT36" s="45"/>
      <c r="MU36" s="167"/>
      <c r="MV36" s="168"/>
      <c r="MW36" s="43"/>
      <c r="MX36" s="202" t="s">
        <v>107</v>
      </c>
      <c r="MY36" s="216"/>
      <c r="MZ36" s="9"/>
      <c r="NA36" s="17"/>
      <c r="NB36" s="131" t="str">
        <f t="shared" si="0"/>
        <v/>
      </c>
      <c r="NC36" s="15" t="str">
        <f>IF(NC35="","",IF(NC35='（参考）【別紙２】'!$E$35,"",IF(MONTH(NC35)=MONTH(NC35+1),NC35+1,"")))</f>
        <v/>
      </c>
      <c r="ND36" s="13" t="str">
        <f>IF(COUNTIF(祝日一覧!$E$2:$E$142,NC36),"○",IF(NG36&lt;&gt;"","○",""))</f>
        <v/>
      </c>
      <c r="NE36" s="25"/>
      <c r="NF36" s="45" t="str">
        <f t="shared" si="2"/>
        <v/>
      </c>
      <c r="NG36" s="45"/>
      <c r="NH36" s="167"/>
      <c r="NI36" s="168"/>
      <c r="NJ36" s="43"/>
      <c r="NK36" s="202" t="s">
        <v>107</v>
      </c>
      <c r="NL36" s="216"/>
      <c r="NM36" s="9"/>
      <c r="NN36" s="17"/>
      <c r="NO36" s="131"/>
      <c r="NP36" s="15"/>
      <c r="NQ36" s="13"/>
      <c r="NR36" s="25"/>
      <c r="NS36" s="45"/>
      <c r="NT36" s="45"/>
      <c r="NU36" s="167"/>
      <c r="NV36" s="168"/>
      <c r="NW36" s="43"/>
      <c r="NX36" s="202" t="s">
        <v>107</v>
      </c>
      <c r="NY36" s="216"/>
      <c r="NZ36" s="9"/>
      <c r="OA36" s="17"/>
      <c r="OB36" s="131"/>
      <c r="OC36" s="15"/>
      <c r="OD36" s="13"/>
      <c r="OE36" s="25"/>
      <c r="OF36" s="45"/>
      <c r="OG36" s="45"/>
      <c r="OH36" s="167"/>
      <c r="OI36" s="168"/>
      <c r="OJ36" s="43"/>
      <c r="OK36" s="202" t="s">
        <v>107</v>
      </c>
      <c r="OL36" s="216"/>
      <c r="OM36" s="9"/>
      <c r="ON36" s="17"/>
      <c r="OO36" s="131"/>
      <c r="OP36" s="15"/>
      <c r="OQ36" s="13"/>
      <c r="OR36" s="25"/>
      <c r="OS36" s="45"/>
      <c r="OT36" s="45"/>
      <c r="OU36" s="167"/>
      <c r="OV36" s="168"/>
      <c r="OW36" s="43"/>
      <c r="OX36" s="202" t="s">
        <v>107</v>
      </c>
      <c r="OY36" s="216"/>
      <c r="OZ36" s="9"/>
      <c r="PA36" s="17"/>
      <c r="PB36" s="131"/>
      <c r="PC36" s="15"/>
      <c r="PD36" s="13"/>
      <c r="PE36" s="25"/>
      <c r="PF36" s="45"/>
      <c r="PG36" s="45"/>
      <c r="PH36" s="167"/>
      <c r="PI36" s="168"/>
      <c r="PJ36" s="43"/>
      <c r="PK36" s="202" t="s">
        <v>107</v>
      </c>
      <c r="PL36" s="216"/>
      <c r="PM36" s="9"/>
      <c r="PN36" s="17"/>
      <c r="PO36" s="131"/>
      <c r="PP36" s="15"/>
      <c r="PQ36" s="13"/>
      <c r="PR36" s="25"/>
      <c r="PS36" s="45"/>
      <c r="PT36" s="45"/>
      <c r="PU36" s="167"/>
      <c r="PV36" s="168"/>
      <c r="PW36" s="43"/>
      <c r="PX36" s="202" t="s">
        <v>107</v>
      </c>
      <c r="PY36" s="216"/>
      <c r="PZ36" s="9"/>
      <c r="QA36" s="17"/>
      <c r="QB36" s="131"/>
      <c r="QC36" s="15"/>
      <c r="QD36" s="13"/>
      <c r="QE36" s="25"/>
      <c r="QF36" s="45"/>
      <c r="QG36" s="45"/>
      <c r="QH36" s="167"/>
      <c r="QI36" s="168"/>
      <c r="QJ36" s="43"/>
      <c r="QK36" s="202" t="s">
        <v>107</v>
      </c>
      <c r="QL36" s="216"/>
      <c r="QM36" s="9"/>
      <c r="QN36" s="17"/>
      <c r="QO36" s="131"/>
      <c r="QP36" s="15"/>
      <c r="QQ36" s="13"/>
      <c r="QR36" s="25"/>
      <c r="QS36" s="45"/>
      <c r="QT36" s="45"/>
      <c r="QU36" s="167"/>
      <c r="QV36" s="168"/>
      <c r="QW36" s="43"/>
      <c r="QX36" s="202" t="s">
        <v>107</v>
      </c>
      <c r="QY36" s="216"/>
      <c r="QZ36" s="9"/>
      <c r="RA36" s="17"/>
      <c r="RB36" s="131"/>
      <c r="RC36" s="15"/>
      <c r="RD36" s="13"/>
      <c r="RE36" s="25"/>
      <c r="RF36" s="45"/>
      <c r="RG36" s="45"/>
      <c r="RH36" s="167"/>
      <c r="RI36" s="168"/>
      <c r="RJ36" s="43"/>
      <c r="RK36" s="202" t="s">
        <v>107</v>
      </c>
      <c r="RL36" s="216"/>
      <c r="RM36" s="9"/>
      <c r="RN36" s="17"/>
      <c r="RO36" s="131"/>
      <c r="RP36" s="15"/>
      <c r="RQ36" s="13"/>
      <c r="RR36" s="25"/>
      <c r="RS36" s="45"/>
      <c r="RT36" s="45"/>
      <c r="RU36" s="167"/>
      <c r="RV36" s="168"/>
      <c r="RW36" s="43"/>
      <c r="RX36" s="202" t="s">
        <v>107</v>
      </c>
      <c r="RY36" s="216"/>
      <c r="RZ36" s="9"/>
      <c r="SA36" s="17"/>
      <c r="SB36" s="131"/>
      <c r="SC36" s="15"/>
      <c r="SD36" s="13"/>
      <c r="SE36" s="25"/>
      <c r="SF36" s="45"/>
      <c r="SG36" s="45"/>
      <c r="SH36" s="167"/>
      <c r="SI36" s="168"/>
      <c r="SJ36" s="43"/>
      <c r="SK36" s="202" t="s">
        <v>107</v>
      </c>
      <c r="SL36" s="216"/>
      <c r="SM36" s="9"/>
    </row>
    <row r="37" spans="1:507" ht="15.6" customHeight="1">
      <c r="A37" s="17"/>
      <c r="B37" s="131"/>
      <c r="C37" s="15"/>
      <c r="D37" s="13"/>
      <c r="E37" s="26"/>
      <c r="F37" s="45"/>
      <c r="G37" s="45"/>
      <c r="H37" s="167"/>
      <c r="I37" s="168"/>
      <c r="J37" s="42"/>
      <c r="K37" s="212"/>
      <c r="L37" s="214"/>
      <c r="M37" s="18"/>
      <c r="N37" s="17"/>
      <c r="O37" s="131"/>
      <c r="P37" s="15"/>
      <c r="Q37" s="13"/>
      <c r="R37" s="25"/>
      <c r="S37" s="45"/>
      <c r="T37" s="45"/>
      <c r="U37" s="167"/>
      <c r="V37" s="168"/>
      <c r="W37" s="43"/>
      <c r="X37" s="215"/>
      <c r="Y37" s="217"/>
      <c r="Z37" s="9"/>
      <c r="AA37" s="17"/>
      <c r="AB37" s="131"/>
      <c r="AC37" s="15"/>
      <c r="AD37" s="13"/>
      <c r="AE37" s="26"/>
      <c r="AF37" s="45"/>
      <c r="AG37" s="45"/>
      <c r="AH37" s="167"/>
      <c r="AI37" s="168"/>
      <c r="AJ37" s="43"/>
      <c r="AK37" s="218"/>
      <c r="AL37" s="217"/>
      <c r="AM37" s="9"/>
      <c r="AN37" s="17"/>
      <c r="AO37" s="131"/>
      <c r="AP37" s="15"/>
      <c r="AQ37" s="13"/>
      <c r="AR37" s="26"/>
      <c r="AS37" s="45"/>
      <c r="AT37" s="45"/>
      <c r="AU37" s="167"/>
      <c r="AV37" s="168"/>
      <c r="AW37" s="43"/>
      <c r="AX37" s="218"/>
      <c r="AY37" s="217"/>
      <c r="AZ37" s="9"/>
      <c r="BA37" s="17"/>
      <c r="BB37" s="131"/>
      <c r="BC37" s="15"/>
      <c r="BD37" s="13"/>
      <c r="BE37" s="26"/>
      <c r="BF37" s="45"/>
      <c r="BG37" s="45"/>
      <c r="BH37" s="167"/>
      <c r="BI37" s="168"/>
      <c r="BJ37" s="43"/>
      <c r="BK37" s="218"/>
      <c r="BL37" s="217"/>
      <c r="BM37" s="9"/>
      <c r="BN37" s="17"/>
      <c r="BO37" s="131"/>
      <c r="BP37" s="15"/>
      <c r="BQ37" s="13"/>
      <c r="BR37" s="26"/>
      <c r="BS37" s="45"/>
      <c r="BT37" s="45"/>
      <c r="BU37" s="167"/>
      <c r="BV37" s="168"/>
      <c r="BW37" s="43"/>
      <c r="BX37" s="218"/>
      <c r="BY37" s="217"/>
      <c r="BZ37" s="9"/>
      <c r="CA37" s="17"/>
      <c r="CB37" s="131"/>
      <c r="CC37" s="15"/>
      <c r="CD37" s="13"/>
      <c r="CE37" s="26"/>
      <c r="CF37" s="45"/>
      <c r="CG37" s="45"/>
      <c r="CH37" s="167"/>
      <c r="CI37" s="168"/>
      <c r="CJ37" s="43"/>
      <c r="CK37" s="218"/>
      <c r="CL37" s="217"/>
      <c r="CM37" s="9"/>
      <c r="CN37" s="17"/>
      <c r="CO37" s="131"/>
      <c r="CP37" s="15"/>
      <c r="CQ37" s="13"/>
      <c r="CR37" s="26"/>
      <c r="CS37" s="45"/>
      <c r="CT37" s="45"/>
      <c r="CU37" s="167"/>
      <c r="CV37" s="168"/>
      <c r="CW37" s="43"/>
      <c r="CX37" s="218"/>
      <c r="CY37" s="217"/>
      <c r="CZ37" s="9"/>
      <c r="DA37" s="17"/>
      <c r="DB37" s="131"/>
      <c r="DC37" s="15"/>
      <c r="DD37" s="13"/>
      <c r="DE37" s="26"/>
      <c r="DF37" s="45"/>
      <c r="DG37" s="45"/>
      <c r="DH37" s="167"/>
      <c r="DI37" s="168"/>
      <c r="DJ37" s="43"/>
      <c r="DK37" s="218"/>
      <c r="DL37" s="217"/>
      <c r="DM37" s="9"/>
      <c r="DN37" s="17"/>
      <c r="DO37" s="131"/>
      <c r="DP37" s="15"/>
      <c r="DQ37" s="13"/>
      <c r="DR37" s="26"/>
      <c r="DS37" s="45"/>
      <c r="DT37" s="45"/>
      <c r="DU37" s="167"/>
      <c r="DV37" s="168"/>
      <c r="DW37" s="43"/>
      <c r="DX37" s="218"/>
      <c r="DY37" s="217"/>
      <c r="DZ37" s="9"/>
      <c r="EA37" s="17"/>
      <c r="EB37" s="131"/>
      <c r="EC37" s="15"/>
      <c r="ED37" s="13"/>
      <c r="EE37" s="26"/>
      <c r="EF37" s="45"/>
      <c r="EG37" s="45"/>
      <c r="EH37" s="167"/>
      <c r="EI37" s="168"/>
      <c r="EJ37" s="43"/>
      <c r="EK37" s="218"/>
      <c r="EL37" s="217"/>
      <c r="EM37" s="9"/>
      <c r="EN37" s="17"/>
      <c r="EO37" s="131"/>
      <c r="EP37" s="15"/>
      <c r="EQ37" s="13"/>
      <c r="ER37" s="26"/>
      <c r="ES37" s="45"/>
      <c r="ET37" s="45"/>
      <c r="EU37" s="167"/>
      <c r="EV37" s="168"/>
      <c r="EW37" s="43"/>
      <c r="EX37" s="218"/>
      <c r="EY37" s="217"/>
      <c r="EZ37" s="9"/>
      <c r="FA37" s="17"/>
      <c r="FB37" s="131"/>
      <c r="FC37" s="15"/>
      <c r="FD37" s="13"/>
      <c r="FE37" s="26"/>
      <c r="FF37" s="45"/>
      <c r="FG37" s="45"/>
      <c r="FH37" s="167"/>
      <c r="FI37" s="168"/>
      <c r="FJ37" s="43"/>
      <c r="FK37" s="218"/>
      <c r="FL37" s="217"/>
      <c r="FM37" s="9"/>
      <c r="FN37" s="17"/>
      <c r="FO37" s="131"/>
      <c r="FP37" s="15"/>
      <c r="FQ37" s="13"/>
      <c r="FR37" s="26"/>
      <c r="FS37" s="45"/>
      <c r="FT37" s="45"/>
      <c r="FU37" s="167"/>
      <c r="FV37" s="168"/>
      <c r="FW37" s="43"/>
      <c r="FX37" s="218"/>
      <c r="FY37" s="217"/>
      <c r="FZ37" s="9"/>
      <c r="GA37" s="17"/>
      <c r="GB37" s="131"/>
      <c r="GC37" s="15"/>
      <c r="GD37" s="13"/>
      <c r="GE37" s="25"/>
      <c r="GF37" s="45"/>
      <c r="GG37" s="45"/>
      <c r="GH37" s="167"/>
      <c r="GI37" s="168"/>
      <c r="GJ37" s="43"/>
      <c r="GK37" s="218"/>
      <c r="GL37" s="217"/>
      <c r="GM37" s="9"/>
      <c r="GN37" s="17"/>
      <c r="GO37" s="131"/>
      <c r="GP37" s="15"/>
      <c r="GQ37" s="13"/>
      <c r="GR37" s="25"/>
      <c r="GS37" s="45"/>
      <c r="GT37" s="45"/>
      <c r="GU37" s="167"/>
      <c r="GV37" s="168"/>
      <c r="GW37" s="43"/>
      <c r="GX37" s="218"/>
      <c r="GY37" s="217"/>
      <c r="GZ37" s="9"/>
      <c r="HA37" s="17"/>
      <c r="HB37" s="131"/>
      <c r="HC37" s="15"/>
      <c r="HD37" s="13"/>
      <c r="HE37" s="26"/>
      <c r="HF37" s="45"/>
      <c r="HG37" s="45"/>
      <c r="HH37" s="167"/>
      <c r="HI37" s="168"/>
      <c r="HJ37" s="43"/>
      <c r="HK37" s="218"/>
      <c r="HL37" s="217"/>
      <c r="HM37" s="9"/>
      <c r="HN37" s="17"/>
      <c r="HO37" s="131"/>
      <c r="HP37" s="15"/>
      <c r="HQ37" s="13"/>
      <c r="HR37" s="25"/>
      <c r="HS37" s="45"/>
      <c r="HT37" s="45"/>
      <c r="HU37" s="167"/>
      <c r="HV37" s="168"/>
      <c r="HW37" s="43"/>
      <c r="HX37" s="218"/>
      <c r="HY37" s="217"/>
      <c r="HZ37" s="9"/>
      <c r="IA37" s="17"/>
      <c r="IB37" s="131"/>
      <c r="IC37" s="15"/>
      <c r="ID37" s="13"/>
      <c r="IE37" s="25"/>
      <c r="IF37" s="45"/>
      <c r="IG37" s="45"/>
      <c r="IH37" s="167"/>
      <c r="II37" s="168"/>
      <c r="IJ37" s="43"/>
      <c r="IK37" s="218"/>
      <c r="IL37" s="217"/>
      <c r="IM37" s="9"/>
      <c r="IN37" s="17"/>
      <c r="IO37" s="131"/>
      <c r="IP37" s="15"/>
      <c r="IQ37" s="13"/>
      <c r="IR37" s="25"/>
      <c r="IS37" s="45"/>
      <c r="IT37" s="45"/>
      <c r="IU37" s="167"/>
      <c r="IV37" s="168"/>
      <c r="IW37" s="43"/>
      <c r="IX37" s="218"/>
      <c r="IY37" s="217"/>
      <c r="IZ37" s="9"/>
      <c r="JA37" s="17"/>
      <c r="JB37" s="131"/>
      <c r="JC37" s="15"/>
      <c r="JD37" s="13"/>
      <c r="JE37" s="25"/>
      <c r="JF37" s="45"/>
      <c r="JG37" s="45"/>
      <c r="JH37" s="167"/>
      <c r="JI37" s="168"/>
      <c r="JJ37" s="43"/>
      <c r="JK37" s="218"/>
      <c r="JL37" s="217"/>
      <c r="JM37" s="9"/>
      <c r="JN37" s="17"/>
      <c r="JO37" s="131"/>
      <c r="JP37" s="15"/>
      <c r="JQ37" s="13"/>
      <c r="JR37" s="25"/>
      <c r="JS37" s="45"/>
      <c r="JT37" s="45"/>
      <c r="JU37" s="167"/>
      <c r="JV37" s="168"/>
      <c r="JW37" s="43"/>
      <c r="JX37" s="218"/>
      <c r="JY37" s="217"/>
      <c r="JZ37" s="9"/>
      <c r="KA37" s="17"/>
      <c r="KB37" s="131"/>
      <c r="KC37" s="15"/>
      <c r="KD37" s="13"/>
      <c r="KE37" s="25"/>
      <c r="KF37" s="45"/>
      <c r="KG37" s="45"/>
      <c r="KH37" s="167"/>
      <c r="KI37" s="168"/>
      <c r="KJ37" s="43"/>
      <c r="KK37" s="218"/>
      <c r="KL37" s="217"/>
      <c r="KM37" s="9"/>
      <c r="KN37" s="17"/>
      <c r="KO37" s="131"/>
      <c r="KP37" s="15"/>
      <c r="KQ37" s="13"/>
      <c r="KR37" s="25"/>
      <c r="KS37" s="45"/>
      <c r="KT37" s="45"/>
      <c r="KU37" s="167"/>
      <c r="KV37" s="168"/>
      <c r="KW37" s="43"/>
      <c r="KX37" s="218"/>
      <c r="KY37" s="217"/>
      <c r="KZ37" s="9"/>
      <c r="LA37" s="17"/>
      <c r="LB37" s="131"/>
      <c r="LC37" s="15"/>
      <c r="LD37" s="13"/>
      <c r="LE37" s="25"/>
      <c r="LF37" s="45"/>
      <c r="LG37" s="45"/>
      <c r="LH37" s="167"/>
      <c r="LI37" s="168"/>
      <c r="LJ37" s="43"/>
      <c r="LK37" s="218"/>
      <c r="LL37" s="217"/>
      <c r="LM37" s="9"/>
      <c r="LN37" s="17"/>
      <c r="LO37" s="131"/>
      <c r="LP37" s="15"/>
      <c r="LQ37" s="13"/>
      <c r="LR37" s="25"/>
      <c r="LS37" s="45"/>
      <c r="LT37" s="45"/>
      <c r="LU37" s="167"/>
      <c r="LV37" s="168"/>
      <c r="LW37" s="43"/>
      <c r="LX37" s="218"/>
      <c r="LY37" s="217"/>
      <c r="LZ37" s="9"/>
      <c r="MA37" s="17"/>
      <c r="MB37" s="131"/>
      <c r="MC37" s="15"/>
      <c r="MD37" s="13"/>
      <c r="ME37" s="25"/>
      <c r="MF37" s="45"/>
      <c r="MG37" s="45"/>
      <c r="MH37" s="167"/>
      <c r="MI37" s="168"/>
      <c r="MJ37" s="43"/>
      <c r="MK37" s="218"/>
      <c r="ML37" s="217"/>
      <c r="MM37" s="9"/>
      <c r="MN37" s="17"/>
      <c r="MO37" s="131"/>
      <c r="MP37" s="15"/>
      <c r="MQ37" s="13"/>
      <c r="MR37" s="25"/>
      <c r="MS37" s="45"/>
      <c r="MT37" s="45"/>
      <c r="MU37" s="167"/>
      <c r="MV37" s="168"/>
      <c r="MW37" s="43"/>
      <c r="MX37" s="218"/>
      <c r="MY37" s="217"/>
      <c r="MZ37" s="9"/>
      <c r="NA37" s="17"/>
      <c r="NB37" s="131" t="str">
        <f t="shared" si="0"/>
        <v/>
      </c>
      <c r="NC37" s="15" t="str">
        <f>IF(NC36="","",IF(NC36='（参考）【別紙２】'!$E$35,"",IF(MONTH(NC36)=MONTH(NC36+1),NC36+1,"")))</f>
        <v/>
      </c>
      <c r="ND37" s="13" t="str">
        <f>IF(COUNTIF(祝日一覧!$E$2:$E$142,NC37),"○",IF(NG37&lt;&gt;"","○",""))</f>
        <v/>
      </c>
      <c r="NE37" s="25"/>
      <c r="NF37" s="45" t="str">
        <f t="shared" si="2"/>
        <v/>
      </c>
      <c r="NG37" s="45"/>
      <c r="NH37" s="167"/>
      <c r="NI37" s="168"/>
      <c r="NJ37" s="43"/>
      <c r="NK37" s="218"/>
      <c r="NL37" s="217"/>
      <c r="NM37" s="9"/>
      <c r="NN37" s="17"/>
      <c r="NO37" s="131"/>
      <c r="NP37" s="15"/>
      <c r="NQ37" s="13"/>
      <c r="NR37" s="25"/>
      <c r="NS37" s="45"/>
      <c r="NT37" s="45"/>
      <c r="NU37" s="167"/>
      <c r="NV37" s="168"/>
      <c r="NW37" s="43"/>
      <c r="NX37" s="218"/>
      <c r="NY37" s="217"/>
      <c r="NZ37" s="9"/>
      <c r="OA37" s="17"/>
      <c r="OB37" s="131"/>
      <c r="OC37" s="15"/>
      <c r="OD37" s="13"/>
      <c r="OE37" s="25"/>
      <c r="OF37" s="45"/>
      <c r="OG37" s="45"/>
      <c r="OH37" s="167"/>
      <c r="OI37" s="168"/>
      <c r="OJ37" s="43"/>
      <c r="OK37" s="218"/>
      <c r="OL37" s="217"/>
      <c r="OM37" s="9"/>
      <c r="ON37" s="17"/>
      <c r="OO37" s="131"/>
      <c r="OP37" s="15"/>
      <c r="OQ37" s="13"/>
      <c r="OR37" s="25"/>
      <c r="OS37" s="45"/>
      <c r="OT37" s="45"/>
      <c r="OU37" s="167"/>
      <c r="OV37" s="168"/>
      <c r="OW37" s="43"/>
      <c r="OX37" s="218"/>
      <c r="OY37" s="217"/>
      <c r="OZ37" s="9"/>
      <c r="PA37" s="17"/>
      <c r="PB37" s="131"/>
      <c r="PC37" s="15"/>
      <c r="PD37" s="13"/>
      <c r="PE37" s="25"/>
      <c r="PF37" s="45"/>
      <c r="PG37" s="45"/>
      <c r="PH37" s="167"/>
      <c r="PI37" s="168"/>
      <c r="PJ37" s="43"/>
      <c r="PK37" s="218"/>
      <c r="PL37" s="217"/>
      <c r="PM37" s="9"/>
      <c r="PN37" s="17"/>
      <c r="PO37" s="131"/>
      <c r="PP37" s="15"/>
      <c r="PQ37" s="13"/>
      <c r="PR37" s="25"/>
      <c r="PS37" s="45"/>
      <c r="PT37" s="45"/>
      <c r="PU37" s="167"/>
      <c r="PV37" s="168"/>
      <c r="PW37" s="43"/>
      <c r="PX37" s="218"/>
      <c r="PY37" s="217"/>
      <c r="PZ37" s="9"/>
      <c r="QA37" s="17"/>
      <c r="QB37" s="131"/>
      <c r="QC37" s="15"/>
      <c r="QD37" s="13"/>
      <c r="QE37" s="25"/>
      <c r="QF37" s="45"/>
      <c r="QG37" s="45"/>
      <c r="QH37" s="167"/>
      <c r="QI37" s="168"/>
      <c r="QJ37" s="43"/>
      <c r="QK37" s="218"/>
      <c r="QL37" s="217"/>
      <c r="QM37" s="9"/>
      <c r="QN37" s="17"/>
      <c r="QO37" s="131"/>
      <c r="QP37" s="15"/>
      <c r="QQ37" s="13"/>
      <c r="QR37" s="25"/>
      <c r="QS37" s="45"/>
      <c r="QT37" s="45"/>
      <c r="QU37" s="167"/>
      <c r="QV37" s="168"/>
      <c r="QW37" s="43"/>
      <c r="QX37" s="218"/>
      <c r="QY37" s="217"/>
      <c r="QZ37" s="9"/>
      <c r="RA37" s="17"/>
      <c r="RB37" s="131"/>
      <c r="RC37" s="15"/>
      <c r="RD37" s="13"/>
      <c r="RE37" s="25"/>
      <c r="RF37" s="45"/>
      <c r="RG37" s="45"/>
      <c r="RH37" s="167"/>
      <c r="RI37" s="168"/>
      <c r="RJ37" s="43"/>
      <c r="RK37" s="218"/>
      <c r="RL37" s="217"/>
      <c r="RM37" s="9"/>
      <c r="RN37" s="17"/>
      <c r="RO37" s="131"/>
      <c r="RP37" s="15"/>
      <c r="RQ37" s="13"/>
      <c r="RR37" s="25"/>
      <c r="RS37" s="45"/>
      <c r="RT37" s="45"/>
      <c r="RU37" s="167"/>
      <c r="RV37" s="168"/>
      <c r="RW37" s="43"/>
      <c r="RX37" s="218"/>
      <c r="RY37" s="217"/>
      <c r="RZ37" s="9"/>
      <c r="SA37" s="17"/>
      <c r="SB37" s="131"/>
      <c r="SC37" s="15"/>
      <c r="SD37" s="13"/>
      <c r="SE37" s="25"/>
      <c r="SF37" s="45"/>
      <c r="SG37" s="45"/>
      <c r="SH37" s="167"/>
      <c r="SI37" s="168"/>
      <c r="SJ37" s="43"/>
      <c r="SK37" s="218"/>
      <c r="SL37" s="217"/>
      <c r="SM37" s="9"/>
    </row>
    <row r="38" spans="1:507" ht="15.6" customHeight="1">
      <c r="A38" s="17"/>
      <c r="B38" s="131"/>
      <c r="C38" s="15"/>
      <c r="D38" s="13"/>
      <c r="E38" s="26"/>
      <c r="F38" s="45"/>
      <c r="G38" s="45"/>
      <c r="H38" s="167"/>
      <c r="I38" s="168"/>
      <c r="J38" s="43"/>
      <c r="K38" s="219"/>
      <c r="L38" s="220"/>
      <c r="M38" s="9"/>
      <c r="N38" s="17"/>
      <c r="O38" s="131"/>
      <c r="P38" s="15"/>
      <c r="Q38" s="13"/>
      <c r="R38" s="26"/>
      <c r="S38" s="45"/>
      <c r="T38" s="45"/>
      <c r="U38" s="167"/>
      <c r="V38" s="168"/>
      <c r="W38" s="9"/>
      <c r="X38" s="219"/>
      <c r="Y38" s="220"/>
      <c r="Z38" s="9"/>
      <c r="AA38" s="17"/>
      <c r="AB38" s="131"/>
      <c r="AC38" s="15"/>
      <c r="AD38" s="13"/>
      <c r="AE38" s="26"/>
      <c r="AF38" s="45"/>
      <c r="AG38" s="45"/>
      <c r="AH38" s="167"/>
      <c r="AI38" s="168"/>
      <c r="AJ38" s="9"/>
      <c r="AK38" s="219"/>
      <c r="AL38" s="220"/>
      <c r="AM38" s="9"/>
      <c r="AN38" s="17"/>
      <c r="AO38" s="131"/>
      <c r="AP38" s="15"/>
      <c r="AQ38" s="13"/>
      <c r="AR38" s="26"/>
      <c r="AS38" s="45"/>
      <c r="AT38" s="45"/>
      <c r="AU38" s="167"/>
      <c r="AV38" s="168"/>
      <c r="AW38" s="9"/>
      <c r="AX38" s="219"/>
      <c r="AY38" s="220"/>
      <c r="AZ38" s="9"/>
      <c r="BA38" s="17"/>
      <c r="BB38" s="131"/>
      <c r="BC38" s="15"/>
      <c r="BD38" s="13"/>
      <c r="BE38" s="26"/>
      <c r="BF38" s="45"/>
      <c r="BG38" s="45"/>
      <c r="BH38" s="167"/>
      <c r="BI38" s="168"/>
      <c r="BJ38" s="9"/>
      <c r="BK38" s="219"/>
      <c r="BL38" s="220"/>
      <c r="BM38" s="9"/>
      <c r="BN38" s="17"/>
      <c r="BO38" s="131"/>
      <c r="BP38" s="15"/>
      <c r="BQ38" s="13"/>
      <c r="BR38" s="26"/>
      <c r="BS38" s="45"/>
      <c r="BT38" s="45"/>
      <c r="BU38" s="167"/>
      <c r="BV38" s="168"/>
      <c r="BW38" s="9"/>
      <c r="BX38" s="219"/>
      <c r="BY38" s="220"/>
      <c r="BZ38" s="9"/>
      <c r="CA38" s="17"/>
      <c r="CB38" s="131"/>
      <c r="CC38" s="15"/>
      <c r="CD38" s="13"/>
      <c r="CE38" s="26"/>
      <c r="CF38" s="45"/>
      <c r="CG38" s="45"/>
      <c r="CH38" s="167"/>
      <c r="CI38" s="168"/>
      <c r="CJ38" s="9"/>
      <c r="CK38" s="219"/>
      <c r="CL38" s="220"/>
      <c r="CM38" s="9"/>
      <c r="CN38" s="17"/>
      <c r="CO38" s="131"/>
      <c r="CP38" s="15"/>
      <c r="CQ38" s="13"/>
      <c r="CR38" s="26"/>
      <c r="CS38" s="45"/>
      <c r="CT38" s="45"/>
      <c r="CU38" s="167"/>
      <c r="CV38" s="168"/>
      <c r="CW38" s="9"/>
      <c r="CX38" s="219"/>
      <c r="CY38" s="220"/>
      <c r="CZ38" s="9"/>
      <c r="DA38" s="17"/>
      <c r="DB38" s="131"/>
      <c r="DC38" s="15"/>
      <c r="DD38" s="13"/>
      <c r="DE38" s="26"/>
      <c r="DF38" s="45"/>
      <c r="DG38" s="45"/>
      <c r="DH38" s="167"/>
      <c r="DI38" s="168"/>
      <c r="DJ38" s="9"/>
      <c r="DK38" s="219"/>
      <c r="DL38" s="220"/>
      <c r="DM38" s="9"/>
      <c r="DN38" s="17"/>
      <c r="DO38" s="131"/>
      <c r="DP38" s="15"/>
      <c r="DQ38" s="13"/>
      <c r="DR38" s="26"/>
      <c r="DS38" s="45"/>
      <c r="DT38" s="45"/>
      <c r="DU38" s="167"/>
      <c r="DV38" s="168"/>
      <c r="DW38" s="9"/>
      <c r="DX38" s="219"/>
      <c r="DY38" s="220"/>
      <c r="DZ38" s="9"/>
      <c r="EA38" s="17"/>
      <c r="EB38" s="131"/>
      <c r="EC38" s="15"/>
      <c r="ED38" s="13"/>
      <c r="EE38" s="26"/>
      <c r="EF38" s="45"/>
      <c r="EG38" s="45"/>
      <c r="EH38" s="167"/>
      <c r="EI38" s="168"/>
      <c r="EJ38" s="9"/>
      <c r="EK38" s="219"/>
      <c r="EL38" s="220"/>
      <c r="EM38" s="9"/>
      <c r="EN38" s="17"/>
      <c r="EO38" s="131"/>
      <c r="EP38" s="15"/>
      <c r="EQ38" s="13"/>
      <c r="ER38" s="26"/>
      <c r="ES38" s="45"/>
      <c r="ET38" s="45"/>
      <c r="EU38" s="167"/>
      <c r="EV38" s="168"/>
      <c r="EW38" s="9"/>
      <c r="EX38" s="219"/>
      <c r="EY38" s="220"/>
      <c r="EZ38" s="9"/>
      <c r="FA38" s="17"/>
      <c r="FB38" s="131"/>
      <c r="FC38" s="15"/>
      <c r="FD38" s="13"/>
      <c r="FE38" s="26"/>
      <c r="FF38" s="45"/>
      <c r="FG38" s="45"/>
      <c r="FH38" s="167"/>
      <c r="FI38" s="168"/>
      <c r="FJ38" s="9"/>
      <c r="FK38" s="219"/>
      <c r="FL38" s="220"/>
      <c r="FM38" s="9"/>
      <c r="FN38" s="17"/>
      <c r="FO38" s="131"/>
      <c r="FP38" s="15"/>
      <c r="FQ38" s="13"/>
      <c r="FR38" s="26"/>
      <c r="FS38" s="45"/>
      <c r="FT38" s="45"/>
      <c r="FU38" s="167"/>
      <c r="FV38" s="168"/>
      <c r="FW38" s="9"/>
      <c r="FX38" s="219"/>
      <c r="FY38" s="220"/>
      <c r="FZ38" s="9"/>
      <c r="GA38" s="17"/>
      <c r="GB38" s="131"/>
      <c r="GC38" s="15"/>
      <c r="GD38" s="13"/>
      <c r="GE38" s="25"/>
      <c r="GF38" s="45"/>
      <c r="GG38" s="45"/>
      <c r="GH38" s="167"/>
      <c r="GI38" s="168"/>
      <c r="GJ38" s="9"/>
      <c r="GK38" s="219"/>
      <c r="GL38" s="220"/>
      <c r="GM38" s="9"/>
      <c r="GN38" s="17"/>
      <c r="GO38" s="131"/>
      <c r="GP38" s="15"/>
      <c r="GQ38" s="13"/>
      <c r="GR38" s="25"/>
      <c r="GS38" s="45"/>
      <c r="GT38" s="45"/>
      <c r="GU38" s="167"/>
      <c r="GV38" s="168"/>
      <c r="GW38" s="9"/>
      <c r="GX38" s="219"/>
      <c r="GY38" s="220"/>
      <c r="GZ38" s="9"/>
      <c r="HA38" s="17"/>
      <c r="HB38" s="131"/>
      <c r="HC38" s="15"/>
      <c r="HD38" s="13"/>
      <c r="HE38" s="26"/>
      <c r="HF38" s="45"/>
      <c r="HG38" s="45"/>
      <c r="HH38" s="167"/>
      <c r="HI38" s="168"/>
      <c r="HJ38" s="9"/>
      <c r="HK38" s="219"/>
      <c r="HL38" s="220"/>
      <c r="HM38" s="9"/>
      <c r="HN38" s="17"/>
      <c r="HO38" s="131"/>
      <c r="HP38" s="15"/>
      <c r="HQ38" s="13"/>
      <c r="HR38" s="25"/>
      <c r="HS38" s="45"/>
      <c r="HT38" s="45"/>
      <c r="HU38" s="167"/>
      <c r="HV38" s="168"/>
      <c r="HW38" s="9"/>
      <c r="HX38" s="219"/>
      <c r="HY38" s="220"/>
      <c r="HZ38" s="9"/>
      <c r="IA38" s="17"/>
      <c r="IB38" s="131"/>
      <c r="IC38" s="15"/>
      <c r="ID38" s="13"/>
      <c r="IE38" s="25"/>
      <c r="IF38" s="45"/>
      <c r="IG38" s="45"/>
      <c r="IH38" s="167"/>
      <c r="II38" s="168"/>
      <c r="IJ38" s="9"/>
      <c r="IK38" s="219"/>
      <c r="IL38" s="220"/>
      <c r="IM38" s="9"/>
      <c r="IN38" s="17"/>
      <c r="IO38" s="131"/>
      <c r="IP38" s="15"/>
      <c r="IQ38" s="13"/>
      <c r="IR38" s="25"/>
      <c r="IS38" s="45"/>
      <c r="IT38" s="45"/>
      <c r="IU38" s="167"/>
      <c r="IV38" s="168"/>
      <c r="IW38" s="9"/>
      <c r="IX38" s="219"/>
      <c r="IY38" s="220"/>
      <c r="IZ38" s="9"/>
      <c r="JA38" s="17"/>
      <c r="JB38" s="131"/>
      <c r="JC38" s="15"/>
      <c r="JD38" s="13"/>
      <c r="JE38" s="25"/>
      <c r="JF38" s="45"/>
      <c r="JG38" s="45"/>
      <c r="JH38" s="167"/>
      <c r="JI38" s="168"/>
      <c r="JJ38" s="9"/>
      <c r="JK38" s="219"/>
      <c r="JL38" s="220"/>
      <c r="JM38" s="9"/>
      <c r="JN38" s="17"/>
      <c r="JO38" s="131"/>
      <c r="JP38" s="15"/>
      <c r="JQ38" s="13"/>
      <c r="JR38" s="25"/>
      <c r="JS38" s="45"/>
      <c r="JT38" s="45"/>
      <c r="JU38" s="167"/>
      <c r="JV38" s="168"/>
      <c r="JW38" s="9"/>
      <c r="JX38" s="219"/>
      <c r="JY38" s="220"/>
      <c r="JZ38" s="9"/>
      <c r="KA38" s="17"/>
      <c r="KB38" s="131"/>
      <c r="KC38" s="15"/>
      <c r="KD38" s="13"/>
      <c r="KE38" s="25"/>
      <c r="KF38" s="45"/>
      <c r="KG38" s="45"/>
      <c r="KH38" s="167"/>
      <c r="KI38" s="168"/>
      <c r="KJ38" s="9"/>
      <c r="KK38" s="219"/>
      <c r="KL38" s="220"/>
      <c r="KM38" s="9"/>
      <c r="KN38" s="17"/>
      <c r="KO38" s="131"/>
      <c r="KP38" s="15"/>
      <c r="KQ38" s="13"/>
      <c r="KR38" s="25"/>
      <c r="KS38" s="45"/>
      <c r="KT38" s="45"/>
      <c r="KU38" s="167"/>
      <c r="KV38" s="168"/>
      <c r="KW38" s="9"/>
      <c r="KX38" s="219"/>
      <c r="KY38" s="220"/>
      <c r="KZ38" s="9"/>
      <c r="LA38" s="17"/>
      <c r="LB38" s="131"/>
      <c r="LC38" s="15"/>
      <c r="LD38" s="13"/>
      <c r="LE38" s="25"/>
      <c r="LF38" s="45"/>
      <c r="LG38" s="45"/>
      <c r="LH38" s="167"/>
      <c r="LI38" s="168"/>
      <c r="LJ38" s="9"/>
      <c r="LK38" s="219"/>
      <c r="LL38" s="220"/>
      <c r="LM38" s="9"/>
      <c r="LN38" s="17"/>
      <c r="LO38" s="131"/>
      <c r="LP38" s="15"/>
      <c r="LQ38" s="13"/>
      <c r="LR38" s="25"/>
      <c r="LS38" s="45"/>
      <c r="LT38" s="45"/>
      <c r="LU38" s="167"/>
      <c r="LV38" s="168"/>
      <c r="LW38" s="9"/>
      <c r="LX38" s="219"/>
      <c r="LY38" s="220"/>
      <c r="LZ38" s="9"/>
      <c r="MA38" s="17"/>
      <c r="MB38" s="131"/>
      <c r="MC38" s="15"/>
      <c r="MD38" s="13"/>
      <c r="ME38" s="25"/>
      <c r="MF38" s="45"/>
      <c r="MG38" s="45"/>
      <c r="MH38" s="167"/>
      <c r="MI38" s="168"/>
      <c r="MJ38" s="9"/>
      <c r="MK38" s="219"/>
      <c r="ML38" s="220"/>
      <c r="MM38" s="9"/>
      <c r="MN38" s="17"/>
      <c r="MO38" s="131"/>
      <c r="MP38" s="15"/>
      <c r="MQ38" s="13"/>
      <c r="MR38" s="25"/>
      <c r="MS38" s="45"/>
      <c r="MT38" s="45"/>
      <c r="MU38" s="167"/>
      <c r="MV38" s="168"/>
      <c r="MW38" s="9"/>
      <c r="MX38" s="219"/>
      <c r="MY38" s="220"/>
      <c r="MZ38" s="9"/>
      <c r="NA38" s="17"/>
      <c r="NB38" s="131" t="str">
        <f t="shared" si="0"/>
        <v/>
      </c>
      <c r="NC38" s="15" t="str">
        <f>IF(NC37="","",IF(NC37='（参考）【別紙２】'!$E$35,"",IF(MONTH(NC37)=MONTH(NC37+1),NC37+1,"")))</f>
        <v/>
      </c>
      <c r="ND38" s="13" t="str">
        <f>IF(COUNTIF(祝日一覧!$E$2:$E$142,NC38),"○",IF(NG38&lt;&gt;"","○",""))</f>
        <v/>
      </c>
      <c r="NE38" s="25"/>
      <c r="NF38" s="45" t="str">
        <f t="shared" si="2"/>
        <v/>
      </c>
      <c r="NG38" s="45"/>
      <c r="NH38" s="167"/>
      <c r="NI38" s="168"/>
      <c r="NJ38" s="9"/>
      <c r="NK38" s="219"/>
      <c r="NL38" s="220"/>
      <c r="NM38" s="9"/>
      <c r="NN38" s="17"/>
      <c r="NO38" s="131"/>
      <c r="NP38" s="15"/>
      <c r="NQ38" s="13"/>
      <c r="NR38" s="25"/>
      <c r="NS38" s="45"/>
      <c r="NT38" s="45"/>
      <c r="NU38" s="167"/>
      <c r="NV38" s="168"/>
      <c r="NW38" s="9"/>
      <c r="NX38" s="219"/>
      <c r="NY38" s="220"/>
      <c r="NZ38" s="9"/>
      <c r="OA38" s="17"/>
      <c r="OB38" s="131"/>
      <c r="OC38" s="15"/>
      <c r="OD38" s="13"/>
      <c r="OE38" s="25"/>
      <c r="OF38" s="45"/>
      <c r="OG38" s="45"/>
      <c r="OH38" s="167"/>
      <c r="OI38" s="168"/>
      <c r="OJ38" s="9"/>
      <c r="OK38" s="219"/>
      <c r="OL38" s="220"/>
      <c r="OM38" s="9"/>
      <c r="ON38" s="17"/>
      <c r="OO38" s="131"/>
      <c r="OP38" s="15"/>
      <c r="OQ38" s="13"/>
      <c r="OR38" s="25"/>
      <c r="OS38" s="45"/>
      <c r="OT38" s="45"/>
      <c r="OU38" s="167"/>
      <c r="OV38" s="168"/>
      <c r="OW38" s="9"/>
      <c r="OX38" s="219"/>
      <c r="OY38" s="220"/>
      <c r="OZ38" s="9"/>
      <c r="PA38" s="17"/>
      <c r="PB38" s="131"/>
      <c r="PC38" s="15"/>
      <c r="PD38" s="13"/>
      <c r="PE38" s="25"/>
      <c r="PF38" s="45"/>
      <c r="PG38" s="45"/>
      <c r="PH38" s="167"/>
      <c r="PI38" s="168"/>
      <c r="PJ38" s="9"/>
      <c r="PK38" s="219"/>
      <c r="PL38" s="220"/>
      <c r="PM38" s="9"/>
      <c r="PN38" s="17"/>
      <c r="PO38" s="131"/>
      <c r="PP38" s="15"/>
      <c r="PQ38" s="13"/>
      <c r="PR38" s="25"/>
      <c r="PS38" s="45"/>
      <c r="PT38" s="45"/>
      <c r="PU38" s="167"/>
      <c r="PV38" s="168"/>
      <c r="PW38" s="9"/>
      <c r="PX38" s="219"/>
      <c r="PY38" s="220"/>
      <c r="PZ38" s="9"/>
      <c r="QA38" s="17"/>
      <c r="QB38" s="131"/>
      <c r="QC38" s="15"/>
      <c r="QD38" s="13"/>
      <c r="QE38" s="25"/>
      <c r="QF38" s="45"/>
      <c r="QG38" s="45"/>
      <c r="QH38" s="167"/>
      <c r="QI38" s="168"/>
      <c r="QJ38" s="9"/>
      <c r="QK38" s="219"/>
      <c r="QL38" s="220"/>
      <c r="QM38" s="9"/>
      <c r="QN38" s="17"/>
      <c r="QO38" s="131"/>
      <c r="QP38" s="15"/>
      <c r="QQ38" s="13"/>
      <c r="QR38" s="25"/>
      <c r="QS38" s="45"/>
      <c r="QT38" s="45"/>
      <c r="QU38" s="167"/>
      <c r="QV38" s="168"/>
      <c r="QW38" s="9"/>
      <c r="QX38" s="219"/>
      <c r="QY38" s="220"/>
      <c r="QZ38" s="9"/>
      <c r="RA38" s="17"/>
      <c r="RB38" s="131"/>
      <c r="RC38" s="15"/>
      <c r="RD38" s="13"/>
      <c r="RE38" s="25"/>
      <c r="RF38" s="45"/>
      <c r="RG38" s="45"/>
      <c r="RH38" s="167"/>
      <c r="RI38" s="168"/>
      <c r="RJ38" s="9"/>
      <c r="RK38" s="219"/>
      <c r="RL38" s="220"/>
      <c r="RM38" s="9"/>
      <c r="RN38" s="17"/>
      <c r="RO38" s="131"/>
      <c r="RP38" s="15"/>
      <c r="RQ38" s="13"/>
      <c r="RR38" s="25"/>
      <c r="RS38" s="45"/>
      <c r="RT38" s="45"/>
      <c r="RU38" s="167"/>
      <c r="RV38" s="168"/>
      <c r="RW38" s="9"/>
      <c r="RX38" s="219"/>
      <c r="RY38" s="220"/>
      <c r="RZ38" s="9"/>
      <c r="SA38" s="17"/>
      <c r="SB38" s="131"/>
      <c r="SC38" s="15"/>
      <c r="SD38" s="13"/>
      <c r="SE38" s="25"/>
      <c r="SF38" s="45"/>
      <c r="SG38" s="45"/>
      <c r="SH38" s="167"/>
      <c r="SI38" s="168"/>
      <c r="SJ38" s="9"/>
      <c r="SK38" s="219"/>
      <c r="SL38" s="220"/>
      <c r="SM38" s="9"/>
    </row>
    <row r="39" spans="1:507" ht="15.6" customHeight="1">
      <c r="A39" s="17"/>
      <c r="B39" s="131"/>
      <c r="C39" s="15"/>
      <c r="D39" s="13"/>
      <c r="E39" s="26"/>
      <c r="F39" s="45"/>
      <c r="G39" s="45"/>
      <c r="H39" s="167"/>
      <c r="I39" s="168"/>
      <c r="J39" s="43"/>
      <c r="K39" s="221"/>
      <c r="L39" s="222"/>
      <c r="M39" s="9"/>
      <c r="N39" s="17"/>
      <c r="O39" s="131"/>
      <c r="P39" s="15"/>
      <c r="Q39" s="13"/>
      <c r="R39" s="26"/>
      <c r="S39" s="45"/>
      <c r="T39" s="45"/>
      <c r="U39" s="167"/>
      <c r="V39" s="168"/>
      <c r="W39" s="9"/>
      <c r="X39" s="221"/>
      <c r="Y39" s="222"/>
      <c r="Z39" s="9"/>
      <c r="AA39" s="17"/>
      <c r="AB39" s="131"/>
      <c r="AC39" s="15"/>
      <c r="AD39" s="13"/>
      <c r="AE39" s="26"/>
      <c r="AF39" s="45"/>
      <c r="AG39" s="45"/>
      <c r="AH39" s="167"/>
      <c r="AI39" s="168"/>
      <c r="AJ39" s="9"/>
      <c r="AK39" s="221"/>
      <c r="AL39" s="222"/>
      <c r="AM39" s="9"/>
      <c r="AN39" s="17"/>
      <c r="AO39" s="131"/>
      <c r="AP39" s="15"/>
      <c r="AQ39" s="13"/>
      <c r="AR39" s="26"/>
      <c r="AS39" s="45"/>
      <c r="AT39" s="45"/>
      <c r="AU39" s="167"/>
      <c r="AV39" s="168"/>
      <c r="AW39" s="9"/>
      <c r="AX39" s="221"/>
      <c r="AY39" s="222"/>
      <c r="AZ39" s="9"/>
      <c r="BA39" s="17"/>
      <c r="BB39" s="131"/>
      <c r="BC39" s="15"/>
      <c r="BD39" s="13"/>
      <c r="BE39" s="26"/>
      <c r="BF39" s="45"/>
      <c r="BG39" s="45"/>
      <c r="BH39" s="167"/>
      <c r="BI39" s="168"/>
      <c r="BJ39" s="9"/>
      <c r="BK39" s="221"/>
      <c r="BL39" s="222"/>
      <c r="BM39" s="9"/>
      <c r="BN39" s="17"/>
      <c r="BO39" s="131"/>
      <c r="BP39" s="15"/>
      <c r="BQ39" s="13"/>
      <c r="BR39" s="26"/>
      <c r="BS39" s="45"/>
      <c r="BT39" s="45"/>
      <c r="BU39" s="167"/>
      <c r="BV39" s="168"/>
      <c r="BW39" s="9"/>
      <c r="BX39" s="221"/>
      <c r="BY39" s="222"/>
      <c r="BZ39" s="9"/>
      <c r="CA39" s="17"/>
      <c r="CB39" s="131"/>
      <c r="CC39" s="15"/>
      <c r="CD39" s="13"/>
      <c r="CE39" s="26"/>
      <c r="CF39" s="45"/>
      <c r="CG39" s="45"/>
      <c r="CH39" s="167"/>
      <c r="CI39" s="168"/>
      <c r="CJ39" s="9"/>
      <c r="CK39" s="221"/>
      <c r="CL39" s="222"/>
      <c r="CM39" s="9"/>
      <c r="CN39" s="17"/>
      <c r="CO39" s="131"/>
      <c r="CP39" s="15"/>
      <c r="CQ39" s="13"/>
      <c r="CR39" s="26"/>
      <c r="CS39" s="45"/>
      <c r="CT39" s="45"/>
      <c r="CU39" s="167"/>
      <c r="CV39" s="168"/>
      <c r="CW39" s="9"/>
      <c r="CX39" s="221"/>
      <c r="CY39" s="222"/>
      <c r="CZ39" s="9"/>
      <c r="DA39" s="17"/>
      <c r="DB39" s="131"/>
      <c r="DC39" s="15"/>
      <c r="DD39" s="13"/>
      <c r="DE39" s="26"/>
      <c r="DF39" s="45"/>
      <c r="DG39" s="45"/>
      <c r="DH39" s="167"/>
      <c r="DI39" s="168"/>
      <c r="DJ39" s="9"/>
      <c r="DK39" s="221"/>
      <c r="DL39" s="222"/>
      <c r="DM39" s="9"/>
      <c r="DN39" s="17"/>
      <c r="DO39" s="131"/>
      <c r="DP39" s="15"/>
      <c r="DQ39" s="13"/>
      <c r="DR39" s="26"/>
      <c r="DS39" s="45"/>
      <c r="DT39" s="45"/>
      <c r="DU39" s="167"/>
      <c r="DV39" s="168"/>
      <c r="DW39" s="9"/>
      <c r="DX39" s="221"/>
      <c r="DY39" s="222"/>
      <c r="DZ39" s="9"/>
      <c r="EA39" s="17"/>
      <c r="EB39" s="131"/>
      <c r="EC39" s="15"/>
      <c r="ED39" s="13"/>
      <c r="EE39" s="26"/>
      <c r="EF39" s="45"/>
      <c r="EG39" s="45"/>
      <c r="EH39" s="167"/>
      <c r="EI39" s="168"/>
      <c r="EJ39" s="9"/>
      <c r="EK39" s="221"/>
      <c r="EL39" s="222"/>
      <c r="EM39" s="9"/>
      <c r="EN39" s="17"/>
      <c r="EO39" s="131"/>
      <c r="EP39" s="15"/>
      <c r="EQ39" s="13"/>
      <c r="ER39" s="26"/>
      <c r="ES39" s="45"/>
      <c r="ET39" s="45"/>
      <c r="EU39" s="167"/>
      <c r="EV39" s="168"/>
      <c r="EW39" s="9"/>
      <c r="EX39" s="221"/>
      <c r="EY39" s="222"/>
      <c r="EZ39" s="9"/>
      <c r="FA39" s="17"/>
      <c r="FB39" s="131"/>
      <c r="FC39" s="15"/>
      <c r="FD39" s="13"/>
      <c r="FE39" s="26"/>
      <c r="FF39" s="45"/>
      <c r="FG39" s="45"/>
      <c r="FH39" s="167"/>
      <c r="FI39" s="168"/>
      <c r="FJ39" s="9"/>
      <c r="FK39" s="221"/>
      <c r="FL39" s="222"/>
      <c r="FM39" s="9"/>
      <c r="FN39" s="17"/>
      <c r="FO39" s="131"/>
      <c r="FP39" s="15"/>
      <c r="FQ39" s="13"/>
      <c r="FR39" s="26"/>
      <c r="FS39" s="45"/>
      <c r="FT39" s="45"/>
      <c r="FU39" s="167"/>
      <c r="FV39" s="168"/>
      <c r="FW39" s="9"/>
      <c r="FX39" s="221"/>
      <c r="FY39" s="222"/>
      <c r="FZ39" s="9"/>
      <c r="GA39" s="17"/>
      <c r="GB39" s="131"/>
      <c r="GC39" s="15"/>
      <c r="GD39" s="13"/>
      <c r="GE39" s="25"/>
      <c r="GF39" s="45"/>
      <c r="GG39" s="45"/>
      <c r="GH39" s="167"/>
      <c r="GI39" s="168"/>
      <c r="GJ39" s="9"/>
      <c r="GK39" s="221"/>
      <c r="GL39" s="222"/>
      <c r="GM39" s="9"/>
      <c r="GN39" s="17"/>
      <c r="GO39" s="131"/>
      <c r="GP39" s="15"/>
      <c r="GQ39" s="13"/>
      <c r="GR39" s="25"/>
      <c r="GS39" s="45"/>
      <c r="GT39" s="45"/>
      <c r="GU39" s="167"/>
      <c r="GV39" s="168"/>
      <c r="GW39" s="9"/>
      <c r="GX39" s="221"/>
      <c r="GY39" s="222"/>
      <c r="GZ39" s="9"/>
      <c r="HA39" s="17"/>
      <c r="HB39" s="131"/>
      <c r="HC39" s="15"/>
      <c r="HD39" s="13"/>
      <c r="HE39" s="26"/>
      <c r="HF39" s="45"/>
      <c r="HG39" s="45"/>
      <c r="HH39" s="167"/>
      <c r="HI39" s="168"/>
      <c r="HJ39" s="9"/>
      <c r="HK39" s="221"/>
      <c r="HL39" s="222"/>
      <c r="HM39" s="9"/>
      <c r="HN39" s="17"/>
      <c r="HO39" s="131"/>
      <c r="HP39" s="15"/>
      <c r="HQ39" s="13"/>
      <c r="HR39" s="25"/>
      <c r="HS39" s="45"/>
      <c r="HT39" s="45"/>
      <c r="HU39" s="167"/>
      <c r="HV39" s="168"/>
      <c r="HW39" s="9"/>
      <c r="HX39" s="221"/>
      <c r="HY39" s="222"/>
      <c r="HZ39" s="9"/>
      <c r="IA39" s="17"/>
      <c r="IB39" s="131"/>
      <c r="IC39" s="15"/>
      <c r="ID39" s="13"/>
      <c r="IE39" s="25"/>
      <c r="IF39" s="45"/>
      <c r="IG39" s="45"/>
      <c r="IH39" s="167"/>
      <c r="II39" s="168"/>
      <c r="IJ39" s="9"/>
      <c r="IK39" s="221"/>
      <c r="IL39" s="222"/>
      <c r="IM39" s="9"/>
      <c r="IN39" s="17"/>
      <c r="IO39" s="131"/>
      <c r="IP39" s="15"/>
      <c r="IQ39" s="13"/>
      <c r="IR39" s="25"/>
      <c r="IS39" s="45"/>
      <c r="IT39" s="45"/>
      <c r="IU39" s="167"/>
      <c r="IV39" s="168"/>
      <c r="IW39" s="9"/>
      <c r="IX39" s="221"/>
      <c r="IY39" s="222"/>
      <c r="IZ39" s="9"/>
      <c r="JA39" s="17"/>
      <c r="JB39" s="131"/>
      <c r="JC39" s="15"/>
      <c r="JD39" s="13"/>
      <c r="JE39" s="25"/>
      <c r="JF39" s="45"/>
      <c r="JG39" s="45"/>
      <c r="JH39" s="167"/>
      <c r="JI39" s="168"/>
      <c r="JJ39" s="9"/>
      <c r="JK39" s="221"/>
      <c r="JL39" s="222"/>
      <c r="JM39" s="9"/>
      <c r="JN39" s="17"/>
      <c r="JO39" s="131"/>
      <c r="JP39" s="15"/>
      <c r="JQ39" s="13"/>
      <c r="JR39" s="25"/>
      <c r="JS39" s="45"/>
      <c r="JT39" s="45"/>
      <c r="JU39" s="167"/>
      <c r="JV39" s="168"/>
      <c r="JW39" s="9"/>
      <c r="JX39" s="221"/>
      <c r="JY39" s="222"/>
      <c r="JZ39" s="9"/>
      <c r="KA39" s="17"/>
      <c r="KB39" s="131"/>
      <c r="KC39" s="15"/>
      <c r="KD39" s="13"/>
      <c r="KE39" s="25"/>
      <c r="KF39" s="45"/>
      <c r="KG39" s="45"/>
      <c r="KH39" s="167"/>
      <c r="KI39" s="168"/>
      <c r="KJ39" s="9"/>
      <c r="KK39" s="221"/>
      <c r="KL39" s="222"/>
      <c r="KM39" s="9"/>
      <c r="KN39" s="17"/>
      <c r="KO39" s="131"/>
      <c r="KP39" s="15"/>
      <c r="KQ39" s="13"/>
      <c r="KR39" s="25"/>
      <c r="KS39" s="45"/>
      <c r="KT39" s="45"/>
      <c r="KU39" s="167"/>
      <c r="KV39" s="168"/>
      <c r="KW39" s="9"/>
      <c r="KX39" s="221"/>
      <c r="KY39" s="222"/>
      <c r="KZ39" s="9"/>
      <c r="LA39" s="17"/>
      <c r="LB39" s="131"/>
      <c r="LC39" s="15"/>
      <c r="LD39" s="13"/>
      <c r="LE39" s="25"/>
      <c r="LF39" s="45"/>
      <c r="LG39" s="45"/>
      <c r="LH39" s="167"/>
      <c r="LI39" s="168"/>
      <c r="LJ39" s="9"/>
      <c r="LK39" s="221"/>
      <c r="LL39" s="222"/>
      <c r="LM39" s="9"/>
      <c r="LN39" s="17"/>
      <c r="LO39" s="131"/>
      <c r="LP39" s="15"/>
      <c r="LQ39" s="13"/>
      <c r="LR39" s="25"/>
      <c r="LS39" s="45"/>
      <c r="LT39" s="45"/>
      <c r="LU39" s="167"/>
      <c r="LV39" s="168"/>
      <c r="LW39" s="9"/>
      <c r="LX39" s="221"/>
      <c r="LY39" s="222"/>
      <c r="LZ39" s="9"/>
      <c r="MA39" s="17"/>
      <c r="MB39" s="131"/>
      <c r="MC39" s="15"/>
      <c r="MD39" s="13"/>
      <c r="ME39" s="25"/>
      <c r="MF39" s="45"/>
      <c r="MG39" s="45"/>
      <c r="MH39" s="167"/>
      <c r="MI39" s="168"/>
      <c r="MJ39" s="9"/>
      <c r="MK39" s="221"/>
      <c r="ML39" s="222"/>
      <c r="MM39" s="9"/>
      <c r="MN39" s="17"/>
      <c r="MO39" s="131"/>
      <c r="MP39" s="15"/>
      <c r="MQ39" s="13"/>
      <c r="MR39" s="25"/>
      <c r="MS39" s="45"/>
      <c r="MT39" s="45"/>
      <c r="MU39" s="167"/>
      <c r="MV39" s="168"/>
      <c r="MW39" s="9"/>
      <c r="MX39" s="221"/>
      <c r="MY39" s="222"/>
      <c r="MZ39" s="9"/>
      <c r="NA39" s="17"/>
      <c r="NB39" s="131" t="str">
        <f t="shared" si="0"/>
        <v/>
      </c>
      <c r="NC39" s="15" t="str">
        <f>IF(NC38="","",IF(NC38='（参考）【別紙２】'!$E$35,"",IF(MONTH(NC38)=MONTH(NC38+1),NC38+1,"")))</f>
        <v/>
      </c>
      <c r="ND39" s="13" t="str">
        <f>IF(COUNTIF(祝日一覧!$E$2:$E$142,NC39),"○",IF(NG39&lt;&gt;"","○",""))</f>
        <v/>
      </c>
      <c r="NE39" s="25"/>
      <c r="NF39" s="45" t="str">
        <f t="shared" si="2"/>
        <v/>
      </c>
      <c r="NG39" s="45"/>
      <c r="NH39" s="167"/>
      <c r="NI39" s="168"/>
      <c r="NJ39" s="9"/>
      <c r="NK39" s="221"/>
      <c r="NL39" s="222"/>
      <c r="NM39" s="9"/>
      <c r="NN39" s="17"/>
      <c r="NO39" s="131"/>
      <c r="NP39" s="15"/>
      <c r="NQ39" s="13"/>
      <c r="NR39" s="25"/>
      <c r="NS39" s="45"/>
      <c r="NT39" s="45"/>
      <c r="NU39" s="167"/>
      <c r="NV39" s="168"/>
      <c r="NW39" s="9"/>
      <c r="NX39" s="221"/>
      <c r="NY39" s="222"/>
      <c r="NZ39" s="9"/>
      <c r="OA39" s="17"/>
      <c r="OB39" s="131"/>
      <c r="OC39" s="15"/>
      <c r="OD39" s="13"/>
      <c r="OE39" s="25"/>
      <c r="OF39" s="45"/>
      <c r="OG39" s="45"/>
      <c r="OH39" s="167"/>
      <c r="OI39" s="168"/>
      <c r="OJ39" s="9"/>
      <c r="OK39" s="221"/>
      <c r="OL39" s="222"/>
      <c r="OM39" s="9"/>
      <c r="ON39" s="17"/>
      <c r="OO39" s="131"/>
      <c r="OP39" s="15"/>
      <c r="OQ39" s="13"/>
      <c r="OR39" s="25"/>
      <c r="OS39" s="45"/>
      <c r="OT39" s="45"/>
      <c r="OU39" s="167"/>
      <c r="OV39" s="168"/>
      <c r="OW39" s="9"/>
      <c r="OX39" s="221"/>
      <c r="OY39" s="222"/>
      <c r="OZ39" s="9"/>
      <c r="PA39" s="17"/>
      <c r="PB39" s="131"/>
      <c r="PC39" s="15"/>
      <c r="PD39" s="13"/>
      <c r="PE39" s="25"/>
      <c r="PF39" s="45"/>
      <c r="PG39" s="45"/>
      <c r="PH39" s="167"/>
      <c r="PI39" s="168"/>
      <c r="PJ39" s="9"/>
      <c r="PK39" s="221"/>
      <c r="PL39" s="222"/>
      <c r="PM39" s="9"/>
      <c r="PN39" s="17"/>
      <c r="PO39" s="131"/>
      <c r="PP39" s="15"/>
      <c r="PQ39" s="13"/>
      <c r="PR39" s="25"/>
      <c r="PS39" s="45"/>
      <c r="PT39" s="45"/>
      <c r="PU39" s="167"/>
      <c r="PV39" s="168"/>
      <c r="PW39" s="9"/>
      <c r="PX39" s="221"/>
      <c r="PY39" s="222"/>
      <c r="PZ39" s="9"/>
      <c r="QA39" s="17"/>
      <c r="QB39" s="131"/>
      <c r="QC39" s="15"/>
      <c r="QD39" s="13"/>
      <c r="QE39" s="25"/>
      <c r="QF39" s="45"/>
      <c r="QG39" s="45"/>
      <c r="QH39" s="167"/>
      <c r="QI39" s="168"/>
      <c r="QJ39" s="9"/>
      <c r="QK39" s="221"/>
      <c r="QL39" s="222"/>
      <c r="QM39" s="9"/>
      <c r="QN39" s="17"/>
      <c r="QO39" s="131"/>
      <c r="QP39" s="15"/>
      <c r="QQ39" s="13"/>
      <c r="QR39" s="25"/>
      <c r="QS39" s="45"/>
      <c r="QT39" s="45"/>
      <c r="QU39" s="167"/>
      <c r="QV39" s="168"/>
      <c r="QW39" s="9"/>
      <c r="QX39" s="221"/>
      <c r="QY39" s="222"/>
      <c r="QZ39" s="9"/>
      <c r="RA39" s="17"/>
      <c r="RB39" s="131"/>
      <c r="RC39" s="15"/>
      <c r="RD39" s="13"/>
      <c r="RE39" s="25"/>
      <c r="RF39" s="45"/>
      <c r="RG39" s="45"/>
      <c r="RH39" s="167"/>
      <c r="RI39" s="168"/>
      <c r="RJ39" s="9"/>
      <c r="RK39" s="221"/>
      <c r="RL39" s="222"/>
      <c r="RM39" s="9"/>
      <c r="RN39" s="17"/>
      <c r="RO39" s="131"/>
      <c r="RP39" s="15"/>
      <c r="RQ39" s="13"/>
      <c r="RR39" s="25"/>
      <c r="RS39" s="45"/>
      <c r="RT39" s="45"/>
      <c r="RU39" s="167"/>
      <c r="RV39" s="168"/>
      <c r="RW39" s="9"/>
      <c r="RX39" s="221"/>
      <c r="RY39" s="222"/>
      <c r="RZ39" s="9"/>
      <c r="SA39" s="17"/>
      <c r="SB39" s="131"/>
      <c r="SC39" s="15"/>
      <c r="SD39" s="13"/>
      <c r="SE39" s="25"/>
      <c r="SF39" s="45"/>
      <c r="SG39" s="45"/>
      <c r="SH39" s="167"/>
      <c r="SI39" s="168"/>
      <c r="SJ39" s="9"/>
      <c r="SK39" s="221"/>
      <c r="SL39" s="222"/>
      <c r="SM39" s="9"/>
    </row>
    <row r="40" spans="1:507" ht="15.6" customHeight="1">
      <c r="A40" s="18"/>
      <c r="B40" s="131"/>
      <c r="C40" s="15"/>
      <c r="D40" s="13"/>
      <c r="E40" s="26"/>
      <c r="F40" s="45"/>
      <c r="G40" s="45"/>
      <c r="H40" s="167"/>
      <c r="I40" s="168"/>
      <c r="J40" s="43"/>
      <c r="K40" s="223" t="s">
        <v>108</v>
      </c>
      <c r="L40" s="224"/>
      <c r="M40" s="9"/>
      <c r="N40" s="18"/>
      <c r="O40" s="131"/>
      <c r="P40" s="15"/>
      <c r="Q40" s="13"/>
      <c r="R40" s="26"/>
      <c r="S40" s="45"/>
      <c r="T40" s="45"/>
      <c r="U40" s="167"/>
      <c r="V40" s="168"/>
      <c r="W40" s="9"/>
      <c r="X40" s="226" t="s">
        <v>108</v>
      </c>
      <c r="Y40" s="227"/>
      <c r="Z40" s="9"/>
      <c r="AA40" s="18"/>
      <c r="AB40" s="131"/>
      <c r="AC40" s="15"/>
      <c r="AD40" s="13"/>
      <c r="AE40" s="26"/>
      <c r="AF40" s="45"/>
      <c r="AG40" s="45"/>
      <c r="AH40" s="167"/>
      <c r="AI40" s="168"/>
      <c r="AJ40" s="9"/>
      <c r="AK40" s="226" t="s">
        <v>108</v>
      </c>
      <c r="AL40" s="227"/>
      <c r="AM40" s="9"/>
      <c r="AN40" s="18"/>
      <c r="AO40" s="131"/>
      <c r="AP40" s="15"/>
      <c r="AQ40" s="13"/>
      <c r="AR40" s="26"/>
      <c r="AS40" s="45"/>
      <c r="AT40" s="45"/>
      <c r="AU40" s="167"/>
      <c r="AV40" s="168"/>
      <c r="AW40" s="9"/>
      <c r="AX40" s="226" t="s">
        <v>108</v>
      </c>
      <c r="AY40" s="227"/>
      <c r="AZ40" s="9"/>
      <c r="BA40" s="18"/>
      <c r="BB40" s="131"/>
      <c r="BC40" s="15"/>
      <c r="BD40" s="13"/>
      <c r="BE40" s="26"/>
      <c r="BF40" s="45"/>
      <c r="BG40" s="45"/>
      <c r="BH40" s="167"/>
      <c r="BI40" s="168"/>
      <c r="BJ40" s="9"/>
      <c r="BK40" s="226" t="s">
        <v>108</v>
      </c>
      <c r="BL40" s="227"/>
      <c r="BM40" s="9"/>
      <c r="BN40" s="18"/>
      <c r="BO40" s="131"/>
      <c r="BP40" s="15"/>
      <c r="BQ40" s="13"/>
      <c r="BR40" s="26"/>
      <c r="BS40" s="45"/>
      <c r="BT40" s="45"/>
      <c r="BU40" s="167"/>
      <c r="BV40" s="168"/>
      <c r="BW40" s="9"/>
      <c r="BX40" s="226" t="s">
        <v>108</v>
      </c>
      <c r="BY40" s="227"/>
      <c r="BZ40" s="9"/>
      <c r="CA40" s="18"/>
      <c r="CB40" s="131"/>
      <c r="CC40" s="15"/>
      <c r="CD40" s="13"/>
      <c r="CE40" s="26"/>
      <c r="CF40" s="45"/>
      <c r="CG40" s="45"/>
      <c r="CH40" s="167"/>
      <c r="CI40" s="168"/>
      <c r="CJ40" s="9"/>
      <c r="CK40" s="226" t="s">
        <v>108</v>
      </c>
      <c r="CL40" s="227"/>
      <c r="CM40" s="9"/>
      <c r="CN40" s="18"/>
      <c r="CO40" s="131"/>
      <c r="CP40" s="15"/>
      <c r="CQ40" s="13"/>
      <c r="CR40" s="26"/>
      <c r="CS40" s="45"/>
      <c r="CT40" s="45"/>
      <c r="CU40" s="167"/>
      <c r="CV40" s="168"/>
      <c r="CW40" s="9"/>
      <c r="CX40" s="226" t="s">
        <v>108</v>
      </c>
      <c r="CY40" s="227"/>
      <c r="CZ40" s="9"/>
      <c r="DA40" s="18"/>
      <c r="DB40" s="131"/>
      <c r="DC40" s="15"/>
      <c r="DD40" s="13"/>
      <c r="DE40" s="26"/>
      <c r="DF40" s="45"/>
      <c r="DG40" s="45"/>
      <c r="DH40" s="167"/>
      <c r="DI40" s="168"/>
      <c r="DJ40" s="9"/>
      <c r="DK40" s="226" t="s">
        <v>108</v>
      </c>
      <c r="DL40" s="227"/>
      <c r="DM40" s="9"/>
      <c r="DN40" s="18"/>
      <c r="DO40" s="131"/>
      <c r="DP40" s="15"/>
      <c r="DQ40" s="13"/>
      <c r="DR40" s="26"/>
      <c r="DS40" s="45"/>
      <c r="DT40" s="45"/>
      <c r="DU40" s="167"/>
      <c r="DV40" s="168"/>
      <c r="DW40" s="9"/>
      <c r="DX40" s="226" t="s">
        <v>108</v>
      </c>
      <c r="DY40" s="227"/>
      <c r="DZ40" s="9"/>
      <c r="EA40" s="18"/>
      <c r="EB40" s="131"/>
      <c r="EC40" s="15"/>
      <c r="ED40" s="13"/>
      <c r="EE40" s="26"/>
      <c r="EF40" s="45"/>
      <c r="EG40" s="45"/>
      <c r="EH40" s="167"/>
      <c r="EI40" s="168"/>
      <c r="EJ40" s="9"/>
      <c r="EK40" s="226" t="s">
        <v>108</v>
      </c>
      <c r="EL40" s="227"/>
      <c r="EM40" s="9"/>
      <c r="EN40" s="18"/>
      <c r="EO40" s="131"/>
      <c r="EP40" s="15"/>
      <c r="EQ40" s="13"/>
      <c r="ER40" s="26"/>
      <c r="ES40" s="45"/>
      <c r="ET40" s="45"/>
      <c r="EU40" s="167"/>
      <c r="EV40" s="168"/>
      <c r="EW40" s="9"/>
      <c r="EX40" s="226" t="s">
        <v>108</v>
      </c>
      <c r="EY40" s="227"/>
      <c r="EZ40" s="9"/>
      <c r="FA40" s="18"/>
      <c r="FB40" s="131"/>
      <c r="FC40" s="15"/>
      <c r="FD40" s="13"/>
      <c r="FE40" s="26"/>
      <c r="FF40" s="45"/>
      <c r="FG40" s="45"/>
      <c r="FH40" s="167"/>
      <c r="FI40" s="168"/>
      <c r="FJ40" s="9"/>
      <c r="FK40" s="226" t="s">
        <v>108</v>
      </c>
      <c r="FL40" s="227"/>
      <c r="FM40" s="9"/>
      <c r="FN40" s="18"/>
      <c r="FO40" s="131"/>
      <c r="FP40" s="15"/>
      <c r="FQ40" s="13"/>
      <c r="FR40" s="26"/>
      <c r="FS40" s="45"/>
      <c r="FT40" s="45"/>
      <c r="FU40" s="167"/>
      <c r="FV40" s="168"/>
      <c r="FW40" s="9"/>
      <c r="FX40" s="226" t="s">
        <v>108</v>
      </c>
      <c r="FY40" s="227"/>
      <c r="FZ40" s="9"/>
      <c r="GA40" s="18"/>
      <c r="GB40" s="131"/>
      <c r="GC40" s="15"/>
      <c r="GD40" s="13"/>
      <c r="GE40" s="25"/>
      <c r="GF40" s="45"/>
      <c r="GG40" s="45"/>
      <c r="GH40" s="167"/>
      <c r="GI40" s="168"/>
      <c r="GJ40" s="9"/>
      <c r="GK40" s="226" t="s">
        <v>108</v>
      </c>
      <c r="GL40" s="227"/>
      <c r="GM40" s="9"/>
      <c r="GN40" s="18"/>
      <c r="GO40" s="131"/>
      <c r="GP40" s="15"/>
      <c r="GQ40" s="13"/>
      <c r="GR40" s="25"/>
      <c r="GS40" s="45"/>
      <c r="GT40" s="45"/>
      <c r="GU40" s="167"/>
      <c r="GV40" s="168"/>
      <c r="GW40" s="9"/>
      <c r="GX40" s="226" t="s">
        <v>108</v>
      </c>
      <c r="GY40" s="227"/>
      <c r="GZ40" s="9"/>
      <c r="HA40" s="18"/>
      <c r="HB40" s="131"/>
      <c r="HC40" s="15"/>
      <c r="HD40" s="13"/>
      <c r="HE40" s="26"/>
      <c r="HF40" s="45"/>
      <c r="HG40" s="45"/>
      <c r="HH40" s="167"/>
      <c r="HI40" s="168"/>
      <c r="HJ40" s="9"/>
      <c r="HK40" s="226" t="s">
        <v>108</v>
      </c>
      <c r="HL40" s="227"/>
      <c r="HM40" s="9"/>
      <c r="HN40" s="18"/>
      <c r="HO40" s="131"/>
      <c r="HP40" s="15"/>
      <c r="HQ40" s="13"/>
      <c r="HR40" s="25"/>
      <c r="HS40" s="45"/>
      <c r="HT40" s="45"/>
      <c r="HU40" s="167"/>
      <c r="HV40" s="168"/>
      <c r="HW40" s="9"/>
      <c r="HX40" s="226" t="s">
        <v>108</v>
      </c>
      <c r="HY40" s="227"/>
      <c r="HZ40" s="9"/>
      <c r="IA40" s="18"/>
      <c r="IB40" s="131"/>
      <c r="IC40" s="15"/>
      <c r="ID40" s="13"/>
      <c r="IE40" s="25"/>
      <c r="IF40" s="45"/>
      <c r="IG40" s="45"/>
      <c r="IH40" s="167"/>
      <c r="II40" s="168"/>
      <c r="IJ40" s="9"/>
      <c r="IK40" s="226" t="s">
        <v>108</v>
      </c>
      <c r="IL40" s="227"/>
      <c r="IM40" s="9"/>
      <c r="IN40" s="18"/>
      <c r="IO40" s="131"/>
      <c r="IP40" s="15"/>
      <c r="IQ40" s="13"/>
      <c r="IR40" s="25"/>
      <c r="IS40" s="45"/>
      <c r="IT40" s="45"/>
      <c r="IU40" s="167"/>
      <c r="IV40" s="168"/>
      <c r="IW40" s="9"/>
      <c r="IX40" s="226" t="s">
        <v>108</v>
      </c>
      <c r="IY40" s="227"/>
      <c r="IZ40" s="9"/>
      <c r="JA40" s="18"/>
      <c r="JB40" s="131"/>
      <c r="JC40" s="15"/>
      <c r="JD40" s="13"/>
      <c r="JE40" s="25"/>
      <c r="JF40" s="45"/>
      <c r="JG40" s="45"/>
      <c r="JH40" s="167"/>
      <c r="JI40" s="168"/>
      <c r="JJ40" s="9"/>
      <c r="JK40" s="226" t="s">
        <v>108</v>
      </c>
      <c r="JL40" s="227"/>
      <c r="JM40" s="9"/>
      <c r="JN40" s="18"/>
      <c r="JO40" s="131"/>
      <c r="JP40" s="15"/>
      <c r="JQ40" s="13"/>
      <c r="JR40" s="25"/>
      <c r="JS40" s="45"/>
      <c r="JT40" s="45"/>
      <c r="JU40" s="167"/>
      <c r="JV40" s="168"/>
      <c r="JW40" s="9"/>
      <c r="JX40" s="226" t="s">
        <v>108</v>
      </c>
      <c r="JY40" s="227"/>
      <c r="JZ40" s="9"/>
      <c r="KA40" s="18"/>
      <c r="KB40" s="131"/>
      <c r="KC40" s="15"/>
      <c r="KD40" s="13"/>
      <c r="KE40" s="25"/>
      <c r="KF40" s="45"/>
      <c r="KG40" s="45"/>
      <c r="KH40" s="167"/>
      <c r="KI40" s="168"/>
      <c r="KJ40" s="9"/>
      <c r="KK40" s="226" t="s">
        <v>108</v>
      </c>
      <c r="KL40" s="227"/>
      <c r="KM40" s="9"/>
      <c r="KN40" s="18"/>
      <c r="KO40" s="131"/>
      <c r="KP40" s="15"/>
      <c r="KQ40" s="13"/>
      <c r="KR40" s="25"/>
      <c r="KS40" s="45"/>
      <c r="KT40" s="45"/>
      <c r="KU40" s="167"/>
      <c r="KV40" s="168"/>
      <c r="KW40" s="9"/>
      <c r="KX40" s="226" t="s">
        <v>108</v>
      </c>
      <c r="KY40" s="227"/>
      <c r="KZ40" s="9"/>
      <c r="LA40" s="18"/>
      <c r="LB40" s="131"/>
      <c r="LC40" s="15"/>
      <c r="LD40" s="13"/>
      <c r="LE40" s="25"/>
      <c r="LF40" s="45"/>
      <c r="LG40" s="45"/>
      <c r="LH40" s="167"/>
      <c r="LI40" s="168"/>
      <c r="LJ40" s="9"/>
      <c r="LK40" s="226" t="s">
        <v>108</v>
      </c>
      <c r="LL40" s="227"/>
      <c r="LM40" s="9"/>
      <c r="LN40" s="18"/>
      <c r="LO40" s="131"/>
      <c r="LP40" s="15"/>
      <c r="LQ40" s="13"/>
      <c r="LR40" s="25"/>
      <c r="LS40" s="45"/>
      <c r="LT40" s="45"/>
      <c r="LU40" s="167"/>
      <c r="LV40" s="168"/>
      <c r="LW40" s="9"/>
      <c r="LX40" s="226" t="s">
        <v>108</v>
      </c>
      <c r="LY40" s="227"/>
      <c r="LZ40" s="9"/>
      <c r="MA40" s="18"/>
      <c r="MB40" s="131"/>
      <c r="MC40" s="15"/>
      <c r="MD40" s="13"/>
      <c r="ME40" s="25"/>
      <c r="MF40" s="45"/>
      <c r="MG40" s="45"/>
      <c r="MH40" s="167"/>
      <c r="MI40" s="168"/>
      <c r="MJ40" s="9"/>
      <c r="MK40" s="226" t="s">
        <v>108</v>
      </c>
      <c r="ML40" s="227"/>
      <c r="MM40" s="9"/>
      <c r="MN40" s="18"/>
      <c r="MO40" s="131"/>
      <c r="MP40" s="15"/>
      <c r="MQ40" s="13"/>
      <c r="MR40" s="25"/>
      <c r="MS40" s="45"/>
      <c r="MT40" s="45"/>
      <c r="MU40" s="167"/>
      <c r="MV40" s="168"/>
      <c r="MW40" s="9"/>
      <c r="MX40" s="226" t="s">
        <v>108</v>
      </c>
      <c r="MY40" s="227"/>
      <c r="MZ40" s="9"/>
      <c r="NA40" s="18"/>
      <c r="NB40" s="131" t="str">
        <f t="shared" si="0"/>
        <v/>
      </c>
      <c r="NC40" s="15" t="str">
        <f>IF(NC39="","",IF(NC39='（参考）【別紙２】'!$E$35,"",IF(MONTH(NC39)=MONTH(NC39+1),NC39+1,"")))</f>
        <v/>
      </c>
      <c r="ND40" s="13" t="str">
        <f>IF(COUNTIF(祝日一覧!$E$2:$E$142,NC40),"○",IF(NG40&lt;&gt;"","○",""))</f>
        <v/>
      </c>
      <c r="NE40" s="25"/>
      <c r="NF40" s="45" t="str">
        <f t="shared" si="2"/>
        <v/>
      </c>
      <c r="NG40" s="45"/>
      <c r="NH40" s="167"/>
      <c r="NI40" s="168"/>
      <c r="NJ40" s="9"/>
      <c r="NK40" s="226" t="s">
        <v>108</v>
      </c>
      <c r="NL40" s="227"/>
      <c r="NM40" s="9"/>
      <c r="NN40" s="18"/>
      <c r="NO40" s="131"/>
      <c r="NP40" s="15"/>
      <c r="NQ40" s="13"/>
      <c r="NR40" s="25"/>
      <c r="NS40" s="45"/>
      <c r="NT40" s="45"/>
      <c r="NU40" s="167"/>
      <c r="NV40" s="168"/>
      <c r="NW40" s="9"/>
      <c r="NX40" s="226" t="s">
        <v>108</v>
      </c>
      <c r="NY40" s="227"/>
      <c r="NZ40" s="9"/>
      <c r="OA40" s="18"/>
      <c r="OB40" s="131"/>
      <c r="OC40" s="15"/>
      <c r="OD40" s="13"/>
      <c r="OE40" s="25"/>
      <c r="OF40" s="45"/>
      <c r="OG40" s="45"/>
      <c r="OH40" s="167"/>
      <c r="OI40" s="168"/>
      <c r="OJ40" s="9"/>
      <c r="OK40" s="226" t="s">
        <v>108</v>
      </c>
      <c r="OL40" s="227"/>
      <c r="OM40" s="9"/>
      <c r="ON40" s="18"/>
      <c r="OO40" s="131"/>
      <c r="OP40" s="15"/>
      <c r="OQ40" s="13"/>
      <c r="OR40" s="25"/>
      <c r="OS40" s="45"/>
      <c r="OT40" s="45"/>
      <c r="OU40" s="167"/>
      <c r="OV40" s="168"/>
      <c r="OW40" s="9"/>
      <c r="OX40" s="226" t="s">
        <v>108</v>
      </c>
      <c r="OY40" s="227"/>
      <c r="OZ40" s="9"/>
      <c r="PA40" s="18"/>
      <c r="PB40" s="131"/>
      <c r="PC40" s="15"/>
      <c r="PD40" s="13"/>
      <c r="PE40" s="25"/>
      <c r="PF40" s="45"/>
      <c r="PG40" s="45"/>
      <c r="PH40" s="167"/>
      <c r="PI40" s="168"/>
      <c r="PJ40" s="9"/>
      <c r="PK40" s="226" t="s">
        <v>108</v>
      </c>
      <c r="PL40" s="227"/>
      <c r="PM40" s="9"/>
      <c r="PN40" s="18"/>
      <c r="PO40" s="131"/>
      <c r="PP40" s="15"/>
      <c r="PQ40" s="13"/>
      <c r="PR40" s="25"/>
      <c r="PS40" s="45"/>
      <c r="PT40" s="45"/>
      <c r="PU40" s="167"/>
      <c r="PV40" s="168"/>
      <c r="PW40" s="9"/>
      <c r="PX40" s="226" t="s">
        <v>108</v>
      </c>
      <c r="PY40" s="227"/>
      <c r="PZ40" s="9"/>
      <c r="QA40" s="18"/>
      <c r="QB40" s="131"/>
      <c r="QC40" s="15"/>
      <c r="QD40" s="13"/>
      <c r="QE40" s="25"/>
      <c r="QF40" s="45"/>
      <c r="QG40" s="45"/>
      <c r="QH40" s="167"/>
      <c r="QI40" s="168"/>
      <c r="QJ40" s="9"/>
      <c r="QK40" s="226" t="s">
        <v>108</v>
      </c>
      <c r="QL40" s="227"/>
      <c r="QM40" s="9"/>
      <c r="QN40" s="18"/>
      <c r="QO40" s="131"/>
      <c r="QP40" s="15"/>
      <c r="QQ40" s="13"/>
      <c r="QR40" s="25"/>
      <c r="QS40" s="45"/>
      <c r="QT40" s="45"/>
      <c r="QU40" s="167"/>
      <c r="QV40" s="168"/>
      <c r="QW40" s="9"/>
      <c r="QX40" s="226" t="s">
        <v>108</v>
      </c>
      <c r="QY40" s="227"/>
      <c r="QZ40" s="9"/>
      <c r="RA40" s="18"/>
      <c r="RB40" s="131"/>
      <c r="RC40" s="15"/>
      <c r="RD40" s="13"/>
      <c r="RE40" s="25"/>
      <c r="RF40" s="45"/>
      <c r="RG40" s="45"/>
      <c r="RH40" s="167"/>
      <c r="RI40" s="168"/>
      <c r="RJ40" s="9"/>
      <c r="RK40" s="226" t="s">
        <v>108</v>
      </c>
      <c r="RL40" s="227"/>
      <c r="RM40" s="9"/>
      <c r="RN40" s="18"/>
      <c r="RO40" s="131"/>
      <c r="RP40" s="15"/>
      <c r="RQ40" s="13"/>
      <c r="RR40" s="25"/>
      <c r="RS40" s="45"/>
      <c r="RT40" s="45"/>
      <c r="RU40" s="167"/>
      <c r="RV40" s="168"/>
      <c r="RW40" s="9"/>
      <c r="RX40" s="226" t="s">
        <v>108</v>
      </c>
      <c r="RY40" s="227"/>
      <c r="RZ40" s="9"/>
      <c r="SA40" s="18"/>
      <c r="SB40" s="131"/>
      <c r="SC40" s="15"/>
      <c r="SD40" s="13"/>
      <c r="SE40" s="25"/>
      <c r="SF40" s="45"/>
      <c r="SG40" s="45"/>
      <c r="SH40" s="167"/>
      <c r="SI40" s="168"/>
      <c r="SJ40" s="9"/>
      <c r="SK40" s="226" t="s">
        <v>108</v>
      </c>
      <c r="SL40" s="227"/>
      <c r="SM40" s="9"/>
    </row>
    <row r="41" spans="1:507" ht="15.6" customHeight="1">
      <c r="A41" s="17"/>
      <c r="B41" s="131"/>
      <c r="C41" s="15"/>
      <c r="D41" s="13"/>
      <c r="E41" s="26"/>
      <c r="F41" s="45"/>
      <c r="G41" s="45"/>
      <c r="H41" s="167"/>
      <c r="I41" s="168"/>
      <c r="J41" s="43"/>
      <c r="K41" s="224"/>
      <c r="L41" s="224"/>
      <c r="M41" s="9"/>
      <c r="N41" s="17"/>
      <c r="O41" s="131"/>
      <c r="P41" s="15"/>
      <c r="Q41" s="13"/>
      <c r="R41" s="26"/>
      <c r="S41" s="45"/>
      <c r="T41" s="45"/>
      <c r="U41" s="167"/>
      <c r="V41" s="168"/>
      <c r="W41" s="9"/>
      <c r="X41" s="227"/>
      <c r="Y41" s="227"/>
      <c r="Z41" s="9"/>
      <c r="AA41" s="17"/>
      <c r="AB41" s="131"/>
      <c r="AC41" s="15"/>
      <c r="AD41" s="13"/>
      <c r="AE41" s="26"/>
      <c r="AF41" s="45"/>
      <c r="AG41" s="45"/>
      <c r="AH41" s="167"/>
      <c r="AI41" s="168"/>
      <c r="AJ41" s="9"/>
      <c r="AK41" s="227"/>
      <c r="AL41" s="227"/>
      <c r="AM41" s="9"/>
      <c r="AN41" s="17"/>
      <c r="AO41" s="131"/>
      <c r="AP41" s="15"/>
      <c r="AQ41" s="13"/>
      <c r="AR41" s="26"/>
      <c r="AS41" s="45"/>
      <c r="AT41" s="45"/>
      <c r="AU41" s="167"/>
      <c r="AV41" s="168"/>
      <c r="AW41" s="9"/>
      <c r="AX41" s="227"/>
      <c r="AY41" s="227"/>
      <c r="AZ41" s="9"/>
      <c r="BA41" s="17"/>
      <c r="BB41" s="131"/>
      <c r="BC41" s="15"/>
      <c r="BD41" s="13"/>
      <c r="BE41" s="26"/>
      <c r="BF41" s="45"/>
      <c r="BG41" s="45"/>
      <c r="BH41" s="167"/>
      <c r="BI41" s="168"/>
      <c r="BJ41" s="9"/>
      <c r="BK41" s="227"/>
      <c r="BL41" s="227"/>
      <c r="BM41" s="9"/>
      <c r="BN41" s="17"/>
      <c r="BO41" s="131"/>
      <c r="BP41" s="15"/>
      <c r="BQ41" s="13"/>
      <c r="BR41" s="26"/>
      <c r="BS41" s="45"/>
      <c r="BT41" s="45"/>
      <c r="BU41" s="167"/>
      <c r="BV41" s="168"/>
      <c r="BW41" s="9"/>
      <c r="BX41" s="227"/>
      <c r="BY41" s="227"/>
      <c r="BZ41" s="9"/>
      <c r="CA41" s="17"/>
      <c r="CB41" s="131"/>
      <c r="CC41" s="15"/>
      <c r="CD41" s="13"/>
      <c r="CE41" s="26"/>
      <c r="CF41" s="45"/>
      <c r="CG41" s="45"/>
      <c r="CH41" s="167"/>
      <c r="CI41" s="168"/>
      <c r="CJ41" s="9"/>
      <c r="CK41" s="227"/>
      <c r="CL41" s="227"/>
      <c r="CM41" s="9"/>
      <c r="CN41" s="17"/>
      <c r="CO41" s="131"/>
      <c r="CP41" s="15"/>
      <c r="CQ41" s="13"/>
      <c r="CR41" s="26"/>
      <c r="CS41" s="45"/>
      <c r="CT41" s="45"/>
      <c r="CU41" s="167"/>
      <c r="CV41" s="168"/>
      <c r="CW41" s="9"/>
      <c r="CX41" s="227"/>
      <c r="CY41" s="227"/>
      <c r="CZ41" s="9"/>
      <c r="DA41" s="17"/>
      <c r="DB41" s="131"/>
      <c r="DC41" s="15"/>
      <c r="DD41" s="13"/>
      <c r="DE41" s="26"/>
      <c r="DF41" s="45"/>
      <c r="DG41" s="45"/>
      <c r="DH41" s="167"/>
      <c r="DI41" s="168"/>
      <c r="DJ41" s="9"/>
      <c r="DK41" s="227"/>
      <c r="DL41" s="227"/>
      <c r="DM41" s="9"/>
      <c r="DN41" s="17"/>
      <c r="DO41" s="131"/>
      <c r="DP41" s="15"/>
      <c r="DQ41" s="13"/>
      <c r="DR41" s="26"/>
      <c r="DS41" s="45"/>
      <c r="DT41" s="45"/>
      <c r="DU41" s="167"/>
      <c r="DV41" s="168"/>
      <c r="DW41" s="9"/>
      <c r="DX41" s="227"/>
      <c r="DY41" s="227"/>
      <c r="DZ41" s="9"/>
      <c r="EA41" s="17"/>
      <c r="EB41" s="131"/>
      <c r="EC41" s="15"/>
      <c r="ED41" s="13"/>
      <c r="EE41" s="26"/>
      <c r="EF41" s="45"/>
      <c r="EG41" s="45"/>
      <c r="EH41" s="167"/>
      <c r="EI41" s="168"/>
      <c r="EJ41" s="9"/>
      <c r="EK41" s="227"/>
      <c r="EL41" s="227"/>
      <c r="EM41" s="9"/>
      <c r="EN41" s="17"/>
      <c r="EO41" s="131"/>
      <c r="EP41" s="15"/>
      <c r="EQ41" s="13"/>
      <c r="ER41" s="26"/>
      <c r="ES41" s="45"/>
      <c r="ET41" s="45"/>
      <c r="EU41" s="167"/>
      <c r="EV41" s="168"/>
      <c r="EW41" s="9"/>
      <c r="EX41" s="227"/>
      <c r="EY41" s="227"/>
      <c r="EZ41" s="9"/>
      <c r="FA41" s="17"/>
      <c r="FB41" s="131"/>
      <c r="FC41" s="15"/>
      <c r="FD41" s="13"/>
      <c r="FE41" s="26"/>
      <c r="FF41" s="45"/>
      <c r="FG41" s="45"/>
      <c r="FH41" s="167"/>
      <c r="FI41" s="168"/>
      <c r="FJ41" s="9"/>
      <c r="FK41" s="227"/>
      <c r="FL41" s="227"/>
      <c r="FM41" s="9"/>
      <c r="FN41" s="17"/>
      <c r="FO41" s="131"/>
      <c r="FP41" s="15"/>
      <c r="FQ41" s="13"/>
      <c r="FR41" s="26"/>
      <c r="FS41" s="45"/>
      <c r="FT41" s="45"/>
      <c r="FU41" s="167"/>
      <c r="FV41" s="168"/>
      <c r="FW41" s="9"/>
      <c r="FX41" s="227"/>
      <c r="FY41" s="227"/>
      <c r="FZ41" s="9"/>
      <c r="GA41" s="17"/>
      <c r="GB41" s="131"/>
      <c r="GC41" s="15"/>
      <c r="GD41" s="13"/>
      <c r="GE41" s="25"/>
      <c r="GF41" s="45"/>
      <c r="GG41" s="45"/>
      <c r="GH41" s="167"/>
      <c r="GI41" s="168"/>
      <c r="GJ41" s="9"/>
      <c r="GK41" s="227"/>
      <c r="GL41" s="227"/>
      <c r="GM41" s="9"/>
      <c r="GN41" s="17"/>
      <c r="GO41" s="131"/>
      <c r="GP41" s="15"/>
      <c r="GQ41" s="13"/>
      <c r="GR41" s="25"/>
      <c r="GS41" s="45"/>
      <c r="GT41" s="45"/>
      <c r="GU41" s="167"/>
      <c r="GV41" s="168"/>
      <c r="GW41" s="9"/>
      <c r="GX41" s="227"/>
      <c r="GY41" s="227"/>
      <c r="GZ41" s="9"/>
      <c r="HA41" s="17"/>
      <c r="HB41" s="131"/>
      <c r="HC41" s="15"/>
      <c r="HD41" s="13"/>
      <c r="HE41" s="26"/>
      <c r="HF41" s="45"/>
      <c r="HG41" s="45"/>
      <c r="HH41" s="167"/>
      <c r="HI41" s="168"/>
      <c r="HJ41" s="9"/>
      <c r="HK41" s="227"/>
      <c r="HL41" s="227"/>
      <c r="HM41" s="9"/>
      <c r="HN41" s="17"/>
      <c r="HO41" s="131"/>
      <c r="HP41" s="15"/>
      <c r="HQ41" s="13"/>
      <c r="HR41" s="25"/>
      <c r="HS41" s="45"/>
      <c r="HT41" s="45"/>
      <c r="HU41" s="167"/>
      <c r="HV41" s="168"/>
      <c r="HW41" s="9"/>
      <c r="HX41" s="227"/>
      <c r="HY41" s="227"/>
      <c r="HZ41" s="9"/>
      <c r="IA41" s="17"/>
      <c r="IB41" s="131"/>
      <c r="IC41" s="15"/>
      <c r="ID41" s="13"/>
      <c r="IE41" s="25"/>
      <c r="IF41" s="45"/>
      <c r="IG41" s="45"/>
      <c r="IH41" s="167"/>
      <c r="II41" s="168"/>
      <c r="IJ41" s="9"/>
      <c r="IK41" s="227"/>
      <c r="IL41" s="227"/>
      <c r="IM41" s="9"/>
      <c r="IN41" s="17"/>
      <c r="IO41" s="131"/>
      <c r="IP41" s="15"/>
      <c r="IQ41" s="13"/>
      <c r="IR41" s="25"/>
      <c r="IS41" s="45"/>
      <c r="IT41" s="45"/>
      <c r="IU41" s="167"/>
      <c r="IV41" s="168"/>
      <c r="IW41" s="9"/>
      <c r="IX41" s="227"/>
      <c r="IY41" s="227"/>
      <c r="IZ41" s="9"/>
      <c r="JA41" s="17"/>
      <c r="JB41" s="131"/>
      <c r="JC41" s="15"/>
      <c r="JD41" s="13"/>
      <c r="JE41" s="25"/>
      <c r="JF41" s="45"/>
      <c r="JG41" s="45"/>
      <c r="JH41" s="167"/>
      <c r="JI41" s="168"/>
      <c r="JJ41" s="9"/>
      <c r="JK41" s="227"/>
      <c r="JL41" s="227"/>
      <c r="JM41" s="9"/>
      <c r="JN41" s="17"/>
      <c r="JO41" s="131"/>
      <c r="JP41" s="15"/>
      <c r="JQ41" s="13"/>
      <c r="JR41" s="25"/>
      <c r="JS41" s="45"/>
      <c r="JT41" s="45"/>
      <c r="JU41" s="167"/>
      <c r="JV41" s="168"/>
      <c r="JW41" s="9"/>
      <c r="JX41" s="227"/>
      <c r="JY41" s="227"/>
      <c r="JZ41" s="9"/>
      <c r="KA41" s="17"/>
      <c r="KB41" s="131"/>
      <c r="KC41" s="15"/>
      <c r="KD41" s="13"/>
      <c r="KE41" s="25"/>
      <c r="KF41" s="45"/>
      <c r="KG41" s="45"/>
      <c r="KH41" s="167"/>
      <c r="KI41" s="168"/>
      <c r="KJ41" s="9"/>
      <c r="KK41" s="227"/>
      <c r="KL41" s="227"/>
      <c r="KM41" s="9"/>
      <c r="KN41" s="17"/>
      <c r="KO41" s="131"/>
      <c r="KP41" s="15"/>
      <c r="KQ41" s="13"/>
      <c r="KR41" s="25"/>
      <c r="KS41" s="45"/>
      <c r="KT41" s="45"/>
      <c r="KU41" s="167"/>
      <c r="KV41" s="168"/>
      <c r="KW41" s="9"/>
      <c r="KX41" s="227"/>
      <c r="KY41" s="227"/>
      <c r="KZ41" s="9"/>
      <c r="LA41" s="17"/>
      <c r="LB41" s="131"/>
      <c r="LC41" s="15"/>
      <c r="LD41" s="13"/>
      <c r="LE41" s="25"/>
      <c r="LF41" s="45"/>
      <c r="LG41" s="45"/>
      <c r="LH41" s="167"/>
      <c r="LI41" s="168"/>
      <c r="LJ41" s="9"/>
      <c r="LK41" s="227"/>
      <c r="LL41" s="227"/>
      <c r="LM41" s="9"/>
      <c r="LN41" s="17"/>
      <c r="LO41" s="131"/>
      <c r="LP41" s="15"/>
      <c r="LQ41" s="13"/>
      <c r="LR41" s="25"/>
      <c r="LS41" s="45"/>
      <c r="LT41" s="45"/>
      <c r="LU41" s="167"/>
      <c r="LV41" s="168"/>
      <c r="LW41" s="9"/>
      <c r="LX41" s="227"/>
      <c r="LY41" s="227"/>
      <c r="LZ41" s="9"/>
      <c r="MA41" s="17"/>
      <c r="MB41" s="131"/>
      <c r="MC41" s="15"/>
      <c r="MD41" s="13"/>
      <c r="ME41" s="25"/>
      <c r="MF41" s="45"/>
      <c r="MG41" s="45"/>
      <c r="MH41" s="167"/>
      <c r="MI41" s="168"/>
      <c r="MJ41" s="9"/>
      <c r="MK41" s="227"/>
      <c r="ML41" s="227"/>
      <c r="MM41" s="9"/>
      <c r="MN41" s="17"/>
      <c r="MO41" s="131"/>
      <c r="MP41" s="15"/>
      <c r="MQ41" s="13"/>
      <c r="MR41" s="25"/>
      <c r="MS41" s="45"/>
      <c r="MT41" s="45"/>
      <c r="MU41" s="167"/>
      <c r="MV41" s="168"/>
      <c r="MW41" s="9"/>
      <c r="MX41" s="227"/>
      <c r="MY41" s="227"/>
      <c r="MZ41" s="9"/>
      <c r="NA41" s="17"/>
      <c r="NB41" s="131" t="str">
        <f t="shared" si="0"/>
        <v/>
      </c>
      <c r="NC41" s="15" t="str">
        <f>IF(NC40="","",IF(NC40='（参考）【別紙２】'!$E$35,"",IF(MONTH(NC40)=MONTH(NC40+1),NC40+1,"")))</f>
        <v/>
      </c>
      <c r="ND41" s="13" t="str">
        <f>IF(COUNTIF(祝日一覧!$E$2:$E$142,NC41),"○",IF(NG41&lt;&gt;"","○",""))</f>
        <v/>
      </c>
      <c r="NE41" s="25"/>
      <c r="NF41" s="45" t="str">
        <f t="shared" si="2"/>
        <v/>
      </c>
      <c r="NG41" s="45"/>
      <c r="NH41" s="167"/>
      <c r="NI41" s="168"/>
      <c r="NJ41" s="9"/>
      <c r="NK41" s="227"/>
      <c r="NL41" s="227"/>
      <c r="NM41" s="9"/>
      <c r="NN41" s="17"/>
      <c r="NO41" s="131"/>
      <c r="NP41" s="15"/>
      <c r="NQ41" s="13"/>
      <c r="NR41" s="25"/>
      <c r="NS41" s="45"/>
      <c r="NT41" s="45"/>
      <c r="NU41" s="167"/>
      <c r="NV41" s="168"/>
      <c r="NW41" s="9"/>
      <c r="NX41" s="227"/>
      <c r="NY41" s="227"/>
      <c r="NZ41" s="9"/>
      <c r="OA41" s="17"/>
      <c r="OB41" s="131"/>
      <c r="OC41" s="15"/>
      <c r="OD41" s="13"/>
      <c r="OE41" s="25"/>
      <c r="OF41" s="45"/>
      <c r="OG41" s="45"/>
      <c r="OH41" s="167"/>
      <c r="OI41" s="168"/>
      <c r="OJ41" s="9"/>
      <c r="OK41" s="227"/>
      <c r="OL41" s="227"/>
      <c r="OM41" s="9"/>
      <c r="ON41" s="17"/>
      <c r="OO41" s="131"/>
      <c r="OP41" s="15"/>
      <c r="OQ41" s="13"/>
      <c r="OR41" s="25"/>
      <c r="OS41" s="45"/>
      <c r="OT41" s="45"/>
      <c r="OU41" s="167"/>
      <c r="OV41" s="168"/>
      <c r="OW41" s="9"/>
      <c r="OX41" s="227"/>
      <c r="OY41" s="227"/>
      <c r="OZ41" s="9"/>
      <c r="PA41" s="17"/>
      <c r="PB41" s="131"/>
      <c r="PC41" s="15"/>
      <c r="PD41" s="13"/>
      <c r="PE41" s="25"/>
      <c r="PF41" s="45"/>
      <c r="PG41" s="45"/>
      <c r="PH41" s="167"/>
      <c r="PI41" s="168"/>
      <c r="PJ41" s="9"/>
      <c r="PK41" s="227"/>
      <c r="PL41" s="227"/>
      <c r="PM41" s="9"/>
      <c r="PN41" s="17"/>
      <c r="PO41" s="131"/>
      <c r="PP41" s="15"/>
      <c r="PQ41" s="13"/>
      <c r="PR41" s="25"/>
      <c r="PS41" s="45"/>
      <c r="PT41" s="45"/>
      <c r="PU41" s="167"/>
      <c r="PV41" s="168"/>
      <c r="PW41" s="9"/>
      <c r="PX41" s="227"/>
      <c r="PY41" s="227"/>
      <c r="PZ41" s="9"/>
      <c r="QA41" s="17"/>
      <c r="QB41" s="131"/>
      <c r="QC41" s="15"/>
      <c r="QD41" s="13"/>
      <c r="QE41" s="25"/>
      <c r="QF41" s="45"/>
      <c r="QG41" s="45"/>
      <c r="QH41" s="167"/>
      <c r="QI41" s="168"/>
      <c r="QJ41" s="9"/>
      <c r="QK41" s="227"/>
      <c r="QL41" s="227"/>
      <c r="QM41" s="9"/>
      <c r="QN41" s="17"/>
      <c r="QO41" s="131"/>
      <c r="QP41" s="15"/>
      <c r="QQ41" s="13"/>
      <c r="QR41" s="25"/>
      <c r="QS41" s="45"/>
      <c r="QT41" s="45"/>
      <c r="QU41" s="167"/>
      <c r="QV41" s="168"/>
      <c r="QW41" s="9"/>
      <c r="QX41" s="227"/>
      <c r="QY41" s="227"/>
      <c r="QZ41" s="9"/>
      <c r="RA41" s="17"/>
      <c r="RB41" s="131"/>
      <c r="RC41" s="15"/>
      <c r="RD41" s="13"/>
      <c r="RE41" s="25"/>
      <c r="RF41" s="45"/>
      <c r="RG41" s="45"/>
      <c r="RH41" s="167"/>
      <c r="RI41" s="168"/>
      <c r="RJ41" s="9"/>
      <c r="RK41" s="227"/>
      <c r="RL41" s="227"/>
      <c r="RM41" s="9"/>
      <c r="RN41" s="17"/>
      <c r="RO41" s="131"/>
      <c r="RP41" s="15"/>
      <c r="RQ41" s="13"/>
      <c r="RR41" s="25"/>
      <c r="RS41" s="45"/>
      <c r="RT41" s="45"/>
      <c r="RU41" s="167"/>
      <c r="RV41" s="168"/>
      <c r="RW41" s="9"/>
      <c r="RX41" s="227"/>
      <c r="RY41" s="227"/>
      <c r="RZ41" s="9"/>
      <c r="SA41" s="17"/>
      <c r="SB41" s="131"/>
      <c r="SC41" s="15"/>
      <c r="SD41" s="13"/>
      <c r="SE41" s="25"/>
      <c r="SF41" s="45"/>
      <c r="SG41" s="45"/>
      <c r="SH41" s="167"/>
      <c r="SI41" s="168"/>
      <c r="SJ41" s="9"/>
      <c r="SK41" s="227"/>
      <c r="SL41" s="227"/>
      <c r="SM41" s="9"/>
    </row>
    <row r="42" spans="1:507" ht="15.6" customHeight="1">
      <c r="A42" s="9"/>
      <c r="B42" s="131"/>
      <c r="C42" s="15"/>
      <c r="D42" s="13"/>
      <c r="E42" s="26"/>
      <c r="F42" s="45"/>
      <c r="G42" s="45"/>
      <c r="H42" s="167"/>
      <c r="I42" s="168"/>
      <c r="J42" s="43"/>
      <c r="K42" s="224"/>
      <c r="L42" s="224"/>
      <c r="M42" s="9"/>
      <c r="N42" s="9"/>
      <c r="O42" s="131"/>
      <c r="P42" s="15"/>
      <c r="Q42" s="13"/>
      <c r="R42" s="26"/>
      <c r="S42" s="45"/>
      <c r="T42" s="45"/>
      <c r="U42" s="167"/>
      <c r="V42" s="168"/>
      <c r="W42" s="9"/>
      <c r="X42" s="227"/>
      <c r="Y42" s="227"/>
      <c r="Z42" s="9"/>
      <c r="AA42" s="9"/>
      <c r="AB42" s="131"/>
      <c r="AC42" s="15"/>
      <c r="AD42" s="13"/>
      <c r="AE42" s="26"/>
      <c r="AF42" s="45"/>
      <c r="AG42" s="45"/>
      <c r="AH42" s="167"/>
      <c r="AI42" s="168"/>
      <c r="AJ42" s="9"/>
      <c r="AK42" s="227"/>
      <c r="AL42" s="227"/>
      <c r="AM42" s="9"/>
      <c r="AN42" s="9"/>
      <c r="AO42" s="131"/>
      <c r="AP42" s="15"/>
      <c r="AQ42" s="13"/>
      <c r="AR42" s="26"/>
      <c r="AS42" s="45"/>
      <c r="AT42" s="45"/>
      <c r="AU42" s="167"/>
      <c r="AV42" s="168"/>
      <c r="AW42" s="9"/>
      <c r="AX42" s="227"/>
      <c r="AY42" s="227"/>
      <c r="AZ42" s="9"/>
      <c r="BA42" s="9"/>
      <c r="BB42" s="131"/>
      <c r="BC42" s="15"/>
      <c r="BD42" s="13"/>
      <c r="BE42" s="26"/>
      <c r="BF42" s="45"/>
      <c r="BG42" s="45"/>
      <c r="BH42" s="167"/>
      <c r="BI42" s="168"/>
      <c r="BJ42" s="9"/>
      <c r="BK42" s="227"/>
      <c r="BL42" s="227"/>
      <c r="BM42" s="9"/>
      <c r="BN42" s="9"/>
      <c r="BO42" s="131"/>
      <c r="BP42" s="15"/>
      <c r="BQ42" s="13"/>
      <c r="BR42" s="26"/>
      <c r="BS42" s="45"/>
      <c r="BT42" s="45"/>
      <c r="BU42" s="167"/>
      <c r="BV42" s="168"/>
      <c r="BW42" s="9"/>
      <c r="BX42" s="227"/>
      <c r="BY42" s="227"/>
      <c r="BZ42" s="9"/>
      <c r="CA42" s="9"/>
      <c r="CB42" s="131"/>
      <c r="CC42" s="15"/>
      <c r="CD42" s="13"/>
      <c r="CE42" s="26"/>
      <c r="CF42" s="45"/>
      <c r="CG42" s="45"/>
      <c r="CH42" s="167"/>
      <c r="CI42" s="168"/>
      <c r="CJ42" s="9"/>
      <c r="CK42" s="227"/>
      <c r="CL42" s="227"/>
      <c r="CM42" s="9"/>
      <c r="CN42" s="9"/>
      <c r="CO42" s="131"/>
      <c r="CP42" s="15"/>
      <c r="CQ42" s="13"/>
      <c r="CR42" s="26"/>
      <c r="CS42" s="45"/>
      <c r="CT42" s="45"/>
      <c r="CU42" s="167"/>
      <c r="CV42" s="168"/>
      <c r="CW42" s="9"/>
      <c r="CX42" s="227"/>
      <c r="CY42" s="227"/>
      <c r="CZ42" s="9"/>
      <c r="DA42" s="9"/>
      <c r="DB42" s="131"/>
      <c r="DC42" s="15"/>
      <c r="DD42" s="13"/>
      <c r="DE42" s="26"/>
      <c r="DF42" s="45"/>
      <c r="DG42" s="45"/>
      <c r="DH42" s="167"/>
      <c r="DI42" s="168"/>
      <c r="DJ42" s="9"/>
      <c r="DK42" s="227"/>
      <c r="DL42" s="227"/>
      <c r="DM42" s="9"/>
      <c r="DN42" s="9"/>
      <c r="DO42" s="131"/>
      <c r="DP42" s="15"/>
      <c r="DQ42" s="13"/>
      <c r="DR42" s="26"/>
      <c r="DS42" s="45"/>
      <c r="DT42" s="45"/>
      <c r="DU42" s="167"/>
      <c r="DV42" s="168"/>
      <c r="DW42" s="9"/>
      <c r="DX42" s="227"/>
      <c r="DY42" s="227"/>
      <c r="DZ42" s="9"/>
      <c r="EA42" s="9"/>
      <c r="EB42" s="131"/>
      <c r="EC42" s="15"/>
      <c r="ED42" s="13"/>
      <c r="EE42" s="26"/>
      <c r="EF42" s="45"/>
      <c r="EG42" s="45"/>
      <c r="EH42" s="167"/>
      <c r="EI42" s="168"/>
      <c r="EJ42" s="9"/>
      <c r="EK42" s="227"/>
      <c r="EL42" s="227"/>
      <c r="EM42" s="9"/>
      <c r="EN42" s="9"/>
      <c r="EO42" s="131"/>
      <c r="EP42" s="15"/>
      <c r="EQ42" s="13"/>
      <c r="ER42" s="26"/>
      <c r="ES42" s="45"/>
      <c r="ET42" s="45"/>
      <c r="EU42" s="167"/>
      <c r="EV42" s="168"/>
      <c r="EW42" s="9"/>
      <c r="EX42" s="227"/>
      <c r="EY42" s="227"/>
      <c r="EZ42" s="9"/>
      <c r="FA42" s="9"/>
      <c r="FB42" s="131"/>
      <c r="FC42" s="15"/>
      <c r="FD42" s="13"/>
      <c r="FE42" s="26"/>
      <c r="FF42" s="45"/>
      <c r="FG42" s="45"/>
      <c r="FH42" s="167"/>
      <c r="FI42" s="168"/>
      <c r="FJ42" s="9"/>
      <c r="FK42" s="227"/>
      <c r="FL42" s="227"/>
      <c r="FM42" s="9"/>
      <c r="FN42" s="9"/>
      <c r="FO42" s="131"/>
      <c r="FP42" s="15"/>
      <c r="FQ42" s="13"/>
      <c r="FR42" s="26"/>
      <c r="FS42" s="45"/>
      <c r="FT42" s="45"/>
      <c r="FU42" s="167"/>
      <c r="FV42" s="168"/>
      <c r="FW42" s="9"/>
      <c r="FX42" s="227"/>
      <c r="FY42" s="227"/>
      <c r="FZ42" s="9"/>
      <c r="GA42" s="9"/>
      <c r="GB42" s="131"/>
      <c r="GC42" s="15"/>
      <c r="GD42" s="13"/>
      <c r="GE42" s="25"/>
      <c r="GF42" s="45"/>
      <c r="GG42" s="45"/>
      <c r="GH42" s="167"/>
      <c r="GI42" s="168"/>
      <c r="GJ42" s="9"/>
      <c r="GK42" s="227"/>
      <c r="GL42" s="227"/>
      <c r="GM42" s="9"/>
      <c r="GN42" s="9"/>
      <c r="GO42" s="131"/>
      <c r="GP42" s="15"/>
      <c r="GQ42" s="13"/>
      <c r="GR42" s="25"/>
      <c r="GS42" s="45"/>
      <c r="GT42" s="45"/>
      <c r="GU42" s="167"/>
      <c r="GV42" s="168"/>
      <c r="GW42" s="9"/>
      <c r="GX42" s="227"/>
      <c r="GY42" s="227"/>
      <c r="GZ42" s="9"/>
      <c r="HA42" s="9"/>
      <c r="HB42" s="131"/>
      <c r="HC42" s="15"/>
      <c r="HD42" s="13"/>
      <c r="HE42" s="26"/>
      <c r="HF42" s="45"/>
      <c r="HG42" s="45"/>
      <c r="HH42" s="167"/>
      <c r="HI42" s="168"/>
      <c r="HJ42" s="9"/>
      <c r="HK42" s="227"/>
      <c r="HL42" s="227"/>
      <c r="HM42" s="9"/>
      <c r="HN42" s="9"/>
      <c r="HO42" s="131"/>
      <c r="HP42" s="15"/>
      <c r="HQ42" s="13"/>
      <c r="HR42" s="25"/>
      <c r="HS42" s="45"/>
      <c r="HT42" s="45"/>
      <c r="HU42" s="167"/>
      <c r="HV42" s="168"/>
      <c r="HW42" s="9"/>
      <c r="HX42" s="227"/>
      <c r="HY42" s="227"/>
      <c r="HZ42" s="9"/>
      <c r="IA42" s="9"/>
      <c r="IB42" s="131"/>
      <c r="IC42" s="15"/>
      <c r="ID42" s="13"/>
      <c r="IE42" s="25"/>
      <c r="IF42" s="45"/>
      <c r="IG42" s="45"/>
      <c r="IH42" s="167"/>
      <c r="II42" s="168"/>
      <c r="IJ42" s="9"/>
      <c r="IK42" s="227"/>
      <c r="IL42" s="227"/>
      <c r="IM42" s="9"/>
      <c r="IN42" s="9"/>
      <c r="IO42" s="131"/>
      <c r="IP42" s="15"/>
      <c r="IQ42" s="13"/>
      <c r="IR42" s="25"/>
      <c r="IS42" s="45"/>
      <c r="IT42" s="45"/>
      <c r="IU42" s="167"/>
      <c r="IV42" s="168"/>
      <c r="IW42" s="9"/>
      <c r="IX42" s="227"/>
      <c r="IY42" s="227"/>
      <c r="IZ42" s="9"/>
      <c r="JA42" s="9"/>
      <c r="JB42" s="131"/>
      <c r="JC42" s="15"/>
      <c r="JD42" s="13"/>
      <c r="JE42" s="25"/>
      <c r="JF42" s="45"/>
      <c r="JG42" s="45"/>
      <c r="JH42" s="167"/>
      <c r="JI42" s="168"/>
      <c r="JJ42" s="9"/>
      <c r="JK42" s="227"/>
      <c r="JL42" s="227"/>
      <c r="JM42" s="9"/>
      <c r="JN42" s="9"/>
      <c r="JO42" s="131"/>
      <c r="JP42" s="15"/>
      <c r="JQ42" s="13"/>
      <c r="JR42" s="25"/>
      <c r="JS42" s="45"/>
      <c r="JT42" s="45"/>
      <c r="JU42" s="167"/>
      <c r="JV42" s="168"/>
      <c r="JW42" s="9"/>
      <c r="JX42" s="227"/>
      <c r="JY42" s="227"/>
      <c r="JZ42" s="9"/>
      <c r="KA42" s="9"/>
      <c r="KB42" s="131"/>
      <c r="KC42" s="15"/>
      <c r="KD42" s="13"/>
      <c r="KE42" s="25"/>
      <c r="KF42" s="45"/>
      <c r="KG42" s="45"/>
      <c r="KH42" s="167"/>
      <c r="KI42" s="168"/>
      <c r="KJ42" s="9"/>
      <c r="KK42" s="227"/>
      <c r="KL42" s="227"/>
      <c r="KM42" s="9"/>
      <c r="KN42" s="9"/>
      <c r="KO42" s="131"/>
      <c r="KP42" s="15"/>
      <c r="KQ42" s="13"/>
      <c r="KR42" s="25"/>
      <c r="KS42" s="45"/>
      <c r="KT42" s="45"/>
      <c r="KU42" s="167"/>
      <c r="KV42" s="168"/>
      <c r="KW42" s="9"/>
      <c r="KX42" s="227"/>
      <c r="KY42" s="227"/>
      <c r="KZ42" s="9"/>
      <c r="LA42" s="9"/>
      <c r="LB42" s="131"/>
      <c r="LC42" s="15"/>
      <c r="LD42" s="13"/>
      <c r="LE42" s="25"/>
      <c r="LF42" s="45"/>
      <c r="LG42" s="45"/>
      <c r="LH42" s="167"/>
      <c r="LI42" s="168"/>
      <c r="LJ42" s="9"/>
      <c r="LK42" s="227"/>
      <c r="LL42" s="227"/>
      <c r="LM42" s="9"/>
      <c r="LN42" s="9"/>
      <c r="LO42" s="131"/>
      <c r="LP42" s="15"/>
      <c r="LQ42" s="13"/>
      <c r="LR42" s="25"/>
      <c r="LS42" s="45"/>
      <c r="LT42" s="45"/>
      <c r="LU42" s="167"/>
      <c r="LV42" s="168"/>
      <c r="LW42" s="9"/>
      <c r="LX42" s="227"/>
      <c r="LY42" s="227"/>
      <c r="LZ42" s="9"/>
      <c r="MA42" s="9"/>
      <c r="MB42" s="131"/>
      <c r="MC42" s="15"/>
      <c r="MD42" s="13"/>
      <c r="ME42" s="25"/>
      <c r="MF42" s="45"/>
      <c r="MG42" s="45"/>
      <c r="MH42" s="167"/>
      <c r="MI42" s="168"/>
      <c r="MJ42" s="9"/>
      <c r="MK42" s="227"/>
      <c r="ML42" s="227"/>
      <c r="MM42" s="9"/>
      <c r="MN42" s="9"/>
      <c r="MO42" s="131"/>
      <c r="MP42" s="15"/>
      <c r="MQ42" s="13"/>
      <c r="MR42" s="25"/>
      <c r="MS42" s="45"/>
      <c r="MT42" s="45"/>
      <c r="MU42" s="167"/>
      <c r="MV42" s="168"/>
      <c r="MW42" s="9"/>
      <c r="MX42" s="227"/>
      <c r="MY42" s="227"/>
      <c r="MZ42" s="9"/>
      <c r="NA42" s="9"/>
      <c r="NB42" s="131" t="str">
        <f t="shared" si="0"/>
        <v/>
      </c>
      <c r="NC42" s="15" t="str">
        <f>IF(NC41="","",IF(NC41='（参考）【別紙２】'!$E$35,"",IF(MONTH(NC41)=MONTH(NC41+1),NC41+1,"")))</f>
        <v/>
      </c>
      <c r="ND42" s="13" t="str">
        <f>IF(COUNTIF(祝日一覧!$E$2:$E$142,NC42),"○",IF(NG42&lt;&gt;"","○",""))</f>
        <v/>
      </c>
      <c r="NE42" s="25"/>
      <c r="NF42" s="45" t="str">
        <f t="shared" si="2"/>
        <v/>
      </c>
      <c r="NG42" s="45"/>
      <c r="NH42" s="167"/>
      <c r="NI42" s="168"/>
      <c r="NJ42" s="9"/>
      <c r="NK42" s="227"/>
      <c r="NL42" s="227"/>
      <c r="NM42" s="9"/>
      <c r="NN42" s="9"/>
      <c r="NO42" s="131"/>
      <c r="NP42" s="15"/>
      <c r="NQ42" s="13"/>
      <c r="NR42" s="25"/>
      <c r="NS42" s="45"/>
      <c r="NT42" s="45"/>
      <c r="NU42" s="167"/>
      <c r="NV42" s="168"/>
      <c r="NW42" s="9"/>
      <c r="NX42" s="227"/>
      <c r="NY42" s="227"/>
      <c r="NZ42" s="9"/>
      <c r="OA42" s="9"/>
      <c r="OB42" s="131"/>
      <c r="OC42" s="15"/>
      <c r="OD42" s="13"/>
      <c r="OE42" s="25"/>
      <c r="OF42" s="45"/>
      <c r="OG42" s="45"/>
      <c r="OH42" s="167"/>
      <c r="OI42" s="168"/>
      <c r="OJ42" s="9"/>
      <c r="OK42" s="227"/>
      <c r="OL42" s="227"/>
      <c r="OM42" s="9"/>
      <c r="ON42" s="9"/>
      <c r="OO42" s="131"/>
      <c r="OP42" s="15"/>
      <c r="OQ42" s="13"/>
      <c r="OR42" s="25"/>
      <c r="OS42" s="45"/>
      <c r="OT42" s="45"/>
      <c r="OU42" s="167"/>
      <c r="OV42" s="168"/>
      <c r="OW42" s="9"/>
      <c r="OX42" s="227"/>
      <c r="OY42" s="227"/>
      <c r="OZ42" s="9"/>
      <c r="PA42" s="9"/>
      <c r="PB42" s="131"/>
      <c r="PC42" s="15"/>
      <c r="PD42" s="13"/>
      <c r="PE42" s="25"/>
      <c r="PF42" s="45"/>
      <c r="PG42" s="45"/>
      <c r="PH42" s="167"/>
      <c r="PI42" s="168"/>
      <c r="PJ42" s="9"/>
      <c r="PK42" s="227"/>
      <c r="PL42" s="227"/>
      <c r="PM42" s="9"/>
      <c r="PN42" s="9"/>
      <c r="PO42" s="131"/>
      <c r="PP42" s="15"/>
      <c r="PQ42" s="13"/>
      <c r="PR42" s="25"/>
      <c r="PS42" s="45"/>
      <c r="PT42" s="45"/>
      <c r="PU42" s="167"/>
      <c r="PV42" s="168"/>
      <c r="PW42" s="9"/>
      <c r="PX42" s="227"/>
      <c r="PY42" s="227"/>
      <c r="PZ42" s="9"/>
      <c r="QA42" s="9"/>
      <c r="QB42" s="131"/>
      <c r="QC42" s="15"/>
      <c r="QD42" s="13"/>
      <c r="QE42" s="25"/>
      <c r="QF42" s="45"/>
      <c r="QG42" s="45"/>
      <c r="QH42" s="167"/>
      <c r="QI42" s="168"/>
      <c r="QJ42" s="9"/>
      <c r="QK42" s="227"/>
      <c r="QL42" s="227"/>
      <c r="QM42" s="9"/>
      <c r="QN42" s="9"/>
      <c r="QO42" s="131"/>
      <c r="QP42" s="15"/>
      <c r="QQ42" s="13"/>
      <c r="QR42" s="25"/>
      <c r="QS42" s="45"/>
      <c r="QT42" s="45"/>
      <c r="QU42" s="167"/>
      <c r="QV42" s="168"/>
      <c r="QW42" s="9"/>
      <c r="QX42" s="227"/>
      <c r="QY42" s="227"/>
      <c r="QZ42" s="9"/>
      <c r="RA42" s="9"/>
      <c r="RB42" s="131"/>
      <c r="RC42" s="15"/>
      <c r="RD42" s="13"/>
      <c r="RE42" s="25"/>
      <c r="RF42" s="45"/>
      <c r="RG42" s="45"/>
      <c r="RH42" s="167"/>
      <c r="RI42" s="168"/>
      <c r="RJ42" s="9"/>
      <c r="RK42" s="227"/>
      <c r="RL42" s="227"/>
      <c r="RM42" s="9"/>
      <c r="RN42" s="9"/>
      <c r="RO42" s="131"/>
      <c r="RP42" s="15"/>
      <c r="RQ42" s="13"/>
      <c r="RR42" s="25"/>
      <c r="RS42" s="45"/>
      <c r="RT42" s="45"/>
      <c r="RU42" s="167"/>
      <c r="RV42" s="168"/>
      <c r="RW42" s="9"/>
      <c r="RX42" s="227"/>
      <c r="RY42" s="227"/>
      <c r="RZ42" s="9"/>
      <c r="SA42" s="9"/>
      <c r="SB42" s="131"/>
      <c r="SC42" s="15"/>
      <c r="SD42" s="13"/>
      <c r="SE42" s="25"/>
      <c r="SF42" s="45"/>
      <c r="SG42" s="45"/>
      <c r="SH42" s="167"/>
      <c r="SI42" s="168"/>
      <c r="SJ42" s="9"/>
      <c r="SK42" s="227"/>
      <c r="SL42" s="227"/>
      <c r="SM42" s="9"/>
    </row>
    <row r="43" spans="1:507" ht="15.6" customHeight="1">
      <c r="A43" s="9"/>
      <c r="B43" s="131"/>
      <c r="C43" s="15"/>
      <c r="D43" s="13"/>
      <c r="E43" s="26"/>
      <c r="F43" s="45"/>
      <c r="G43" s="45"/>
      <c r="H43" s="167"/>
      <c r="I43" s="168"/>
      <c r="J43" s="43"/>
      <c r="K43" s="225"/>
      <c r="L43" s="225"/>
      <c r="M43" s="9"/>
      <c r="N43" s="9"/>
      <c r="O43" s="131"/>
      <c r="P43" s="15"/>
      <c r="Q43" s="13"/>
      <c r="R43" s="26"/>
      <c r="S43" s="45"/>
      <c r="T43" s="45"/>
      <c r="U43" s="167"/>
      <c r="V43" s="168"/>
      <c r="W43" s="9"/>
      <c r="X43" s="228"/>
      <c r="Y43" s="228"/>
      <c r="Z43" s="9"/>
      <c r="AA43" s="9"/>
      <c r="AB43" s="131"/>
      <c r="AC43" s="15"/>
      <c r="AD43" s="13"/>
      <c r="AE43" s="26"/>
      <c r="AF43" s="45"/>
      <c r="AG43" s="45"/>
      <c r="AH43" s="167"/>
      <c r="AI43" s="168"/>
      <c r="AJ43" s="9"/>
      <c r="AK43" s="228"/>
      <c r="AL43" s="228"/>
      <c r="AM43" s="9"/>
      <c r="AN43" s="9"/>
      <c r="AO43" s="131"/>
      <c r="AP43" s="15"/>
      <c r="AQ43" s="13"/>
      <c r="AR43" s="26"/>
      <c r="AS43" s="45"/>
      <c r="AT43" s="45"/>
      <c r="AU43" s="167"/>
      <c r="AV43" s="168"/>
      <c r="AW43" s="9"/>
      <c r="AX43" s="228"/>
      <c r="AY43" s="228"/>
      <c r="AZ43" s="9"/>
      <c r="BA43" s="9"/>
      <c r="BB43" s="131"/>
      <c r="BC43" s="15"/>
      <c r="BD43" s="13"/>
      <c r="BE43" s="26"/>
      <c r="BF43" s="45"/>
      <c r="BG43" s="45"/>
      <c r="BH43" s="167"/>
      <c r="BI43" s="168"/>
      <c r="BJ43" s="9"/>
      <c r="BK43" s="228"/>
      <c r="BL43" s="228"/>
      <c r="BM43" s="9"/>
      <c r="BN43" s="9"/>
      <c r="BO43" s="131"/>
      <c r="BP43" s="15"/>
      <c r="BQ43" s="13"/>
      <c r="BR43" s="26"/>
      <c r="BS43" s="45"/>
      <c r="BT43" s="45"/>
      <c r="BU43" s="167"/>
      <c r="BV43" s="168"/>
      <c r="BW43" s="9"/>
      <c r="BX43" s="228"/>
      <c r="BY43" s="228"/>
      <c r="BZ43" s="9"/>
      <c r="CA43" s="9"/>
      <c r="CB43" s="131"/>
      <c r="CC43" s="15"/>
      <c r="CD43" s="13"/>
      <c r="CE43" s="26"/>
      <c r="CF43" s="45"/>
      <c r="CG43" s="45"/>
      <c r="CH43" s="167"/>
      <c r="CI43" s="168"/>
      <c r="CJ43" s="9"/>
      <c r="CK43" s="228"/>
      <c r="CL43" s="228"/>
      <c r="CM43" s="9"/>
      <c r="CN43" s="9"/>
      <c r="CO43" s="131"/>
      <c r="CP43" s="15"/>
      <c r="CQ43" s="13"/>
      <c r="CR43" s="26"/>
      <c r="CS43" s="45"/>
      <c r="CT43" s="45"/>
      <c r="CU43" s="167"/>
      <c r="CV43" s="168"/>
      <c r="CW43" s="9"/>
      <c r="CX43" s="228"/>
      <c r="CY43" s="228"/>
      <c r="CZ43" s="9"/>
      <c r="DA43" s="9"/>
      <c r="DB43" s="131"/>
      <c r="DC43" s="15"/>
      <c r="DD43" s="13"/>
      <c r="DE43" s="26"/>
      <c r="DF43" s="45"/>
      <c r="DG43" s="45"/>
      <c r="DH43" s="167"/>
      <c r="DI43" s="168"/>
      <c r="DJ43" s="9"/>
      <c r="DK43" s="228"/>
      <c r="DL43" s="228"/>
      <c r="DM43" s="9"/>
      <c r="DN43" s="9"/>
      <c r="DO43" s="131"/>
      <c r="DP43" s="15"/>
      <c r="DQ43" s="13"/>
      <c r="DR43" s="26"/>
      <c r="DS43" s="45"/>
      <c r="DT43" s="45"/>
      <c r="DU43" s="167"/>
      <c r="DV43" s="168"/>
      <c r="DW43" s="9"/>
      <c r="DX43" s="228"/>
      <c r="DY43" s="228"/>
      <c r="DZ43" s="9"/>
      <c r="EA43" s="9"/>
      <c r="EB43" s="131"/>
      <c r="EC43" s="15"/>
      <c r="ED43" s="13"/>
      <c r="EE43" s="26"/>
      <c r="EF43" s="45"/>
      <c r="EG43" s="45"/>
      <c r="EH43" s="167"/>
      <c r="EI43" s="168"/>
      <c r="EJ43" s="9"/>
      <c r="EK43" s="228"/>
      <c r="EL43" s="228"/>
      <c r="EM43" s="9"/>
      <c r="EN43" s="9"/>
      <c r="EO43" s="131"/>
      <c r="EP43" s="15"/>
      <c r="EQ43" s="13"/>
      <c r="ER43" s="26"/>
      <c r="ES43" s="45"/>
      <c r="ET43" s="45"/>
      <c r="EU43" s="167"/>
      <c r="EV43" s="168"/>
      <c r="EW43" s="9"/>
      <c r="EX43" s="228"/>
      <c r="EY43" s="228"/>
      <c r="EZ43" s="9"/>
      <c r="FA43" s="9"/>
      <c r="FB43" s="131"/>
      <c r="FC43" s="15"/>
      <c r="FD43" s="13"/>
      <c r="FE43" s="26"/>
      <c r="FF43" s="45"/>
      <c r="FG43" s="45"/>
      <c r="FH43" s="167"/>
      <c r="FI43" s="168"/>
      <c r="FJ43" s="9"/>
      <c r="FK43" s="228"/>
      <c r="FL43" s="228"/>
      <c r="FM43" s="9"/>
      <c r="FN43" s="9"/>
      <c r="FO43" s="131"/>
      <c r="FP43" s="15"/>
      <c r="FQ43" s="13"/>
      <c r="FR43" s="26"/>
      <c r="FS43" s="45"/>
      <c r="FT43" s="45"/>
      <c r="FU43" s="167"/>
      <c r="FV43" s="168"/>
      <c r="FW43" s="9"/>
      <c r="FX43" s="228"/>
      <c r="FY43" s="228"/>
      <c r="FZ43" s="9"/>
      <c r="GA43" s="9"/>
      <c r="GB43" s="131"/>
      <c r="GC43" s="15"/>
      <c r="GD43" s="13"/>
      <c r="GE43" s="25"/>
      <c r="GF43" s="45"/>
      <c r="GG43" s="45"/>
      <c r="GH43" s="167"/>
      <c r="GI43" s="168"/>
      <c r="GJ43" s="9"/>
      <c r="GK43" s="228"/>
      <c r="GL43" s="228"/>
      <c r="GM43" s="9"/>
      <c r="GN43" s="9"/>
      <c r="GO43" s="131"/>
      <c r="GP43" s="15"/>
      <c r="GQ43" s="13"/>
      <c r="GR43" s="25"/>
      <c r="GS43" s="45"/>
      <c r="GT43" s="45"/>
      <c r="GU43" s="167"/>
      <c r="GV43" s="168"/>
      <c r="GW43" s="9"/>
      <c r="GX43" s="228"/>
      <c r="GY43" s="228"/>
      <c r="GZ43" s="9"/>
      <c r="HA43" s="9"/>
      <c r="HB43" s="131"/>
      <c r="HC43" s="15"/>
      <c r="HD43" s="13"/>
      <c r="HE43" s="26"/>
      <c r="HF43" s="45"/>
      <c r="HG43" s="45"/>
      <c r="HH43" s="167"/>
      <c r="HI43" s="168"/>
      <c r="HJ43" s="9"/>
      <c r="HK43" s="228"/>
      <c r="HL43" s="228"/>
      <c r="HM43" s="9"/>
      <c r="HN43" s="9"/>
      <c r="HO43" s="131"/>
      <c r="HP43" s="15"/>
      <c r="HQ43" s="13"/>
      <c r="HR43" s="25"/>
      <c r="HS43" s="45"/>
      <c r="HT43" s="45"/>
      <c r="HU43" s="167"/>
      <c r="HV43" s="168"/>
      <c r="HW43" s="9"/>
      <c r="HX43" s="228"/>
      <c r="HY43" s="228"/>
      <c r="HZ43" s="9"/>
      <c r="IA43" s="9"/>
      <c r="IB43" s="131"/>
      <c r="IC43" s="15"/>
      <c r="ID43" s="13"/>
      <c r="IE43" s="25"/>
      <c r="IF43" s="45"/>
      <c r="IG43" s="45"/>
      <c r="IH43" s="167"/>
      <c r="II43" s="168"/>
      <c r="IJ43" s="9"/>
      <c r="IK43" s="228"/>
      <c r="IL43" s="228"/>
      <c r="IM43" s="9"/>
      <c r="IN43" s="9"/>
      <c r="IO43" s="131"/>
      <c r="IP43" s="15"/>
      <c r="IQ43" s="13"/>
      <c r="IR43" s="25"/>
      <c r="IS43" s="45"/>
      <c r="IT43" s="45"/>
      <c r="IU43" s="167"/>
      <c r="IV43" s="168"/>
      <c r="IW43" s="9"/>
      <c r="IX43" s="228"/>
      <c r="IY43" s="228"/>
      <c r="IZ43" s="9"/>
      <c r="JA43" s="9"/>
      <c r="JB43" s="131"/>
      <c r="JC43" s="15"/>
      <c r="JD43" s="13"/>
      <c r="JE43" s="25"/>
      <c r="JF43" s="45"/>
      <c r="JG43" s="45"/>
      <c r="JH43" s="167"/>
      <c r="JI43" s="168"/>
      <c r="JJ43" s="9"/>
      <c r="JK43" s="228"/>
      <c r="JL43" s="228"/>
      <c r="JM43" s="9"/>
      <c r="JN43" s="9"/>
      <c r="JO43" s="131"/>
      <c r="JP43" s="15"/>
      <c r="JQ43" s="13"/>
      <c r="JR43" s="25"/>
      <c r="JS43" s="45"/>
      <c r="JT43" s="45"/>
      <c r="JU43" s="167"/>
      <c r="JV43" s="168"/>
      <c r="JW43" s="9"/>
      <c r="JX43" s="228"/>
      <c r="JY43" s="228"/>
      <c r="JZ43" s="9"/>
      <c r="KA43" s="9"/>
      <c r="KB43" s="131"/>
      <c r="KC43" s="15"/>
      <c r="KD43" s="13"/>
      <c r="KE43" s="25"/>
      <c r="KF43" s="45"/>
      <c r="KG43" s="45"/>
      <c r="KH43" s="167"/>
      <c r="KI43" s="168"/>
      <c r="KJ43" s="9"/>
      <c r="KK43" s="228"/>
      <c r="KL43" s="228"/>
      <c r="KM43" s="9"/>
      <c r="KN43" s="9"/>
      <c r="KO43" s="131"/>
      <c r="KP43" s="15"/>
      <c r="KQ43" s="13"/>
      <c r="KR43" s="25"/>
      <c r="KS43" s="45"/>
      <c r="KT43" s="45"/>
      <c r="KU43" s="167"/>
      <c r="KV43" s="168"/>
      <c r="KW43" s="9"/>
      <c r="KX43" s="228"/>
      <c r="KY43" s="228"/>
      <c r="KZ43" s="9"/>
      <c r="LA43" s="9"/>
      <c r="LB43" s="131"/>
      <c r="LC43" s="15"/>
      <c r="LD43" s="13"/>
      <c r="LE43" s="25"/>
      <c r="LF43" s="45"/>
      <c r="LG43" s="45"/>
      <c r="LH43" s="167"/>
      <c r="LI43" s="168"/>
      <c r="LJ43" s="9"/>
      <c r="LK43" s="228"/>
      <c r="LL43" s="228"/>
      <c r="LM43" s="9"/>
      <c r="LN43" s="9"/>
      <c r="LO43" s="131"/>
      <c r="LP43" s="15"/>
      <c r="LQ43" s="13"/>
      <c r="LR43" s="25"/>
      <c r="LS43" s="45"/>
      <c r="LT43" s="45"/>
      <c r="LU43" s="167"/>
      <c r="LV43" s="168"/>
      <c r="LW43" s="9"/>
      <c r="LX43" s="228"/>
      <c r="LY43" s="228"/>
      <c r="LZ43" s="9"/>
      <c r="MA43" s="9"/>
      <c r="MB43" s="131"/>
      <c r="MC43" s="15"/>
      <c r="MD43" s="13"/>
      <c r="ME43" s="25"/>
      <c r="MF43" s="45"/>
      <c r="MG43" s="45"/>
      <c r="MH43" s="167"/>
      <c r="MI43" s="168"/>
      <c r="MJ43" s="9"/>
      <c r="MK43" s="228"/>
      <c r="ML43" s="228"/>
      <c r="MM43" s="9"/>
      <c r="MN43" s="9"/>
      <c r="MO43" s="131"/>
      <c r="MP43" s="15"/>
      <c r="MQ43" s="13"/>
      <c r="MR43" s="25"/>
      <c r="MS43" s="45"/>
      <c r="MT43" s="45"/>
      <c r="MU43" s="167"/>
      <c r="MV43" s="168"/>
      <c r="MW43" s="9"/>
      <c r="MX43" s="228"/>
      <c r="MY43" s="228"/>
      <c r="MZ43" s="9"/>
      <c r="NA43" s="9"/>
      <c r="NB43" s="131" t="str">
        <f t="shared" si="0"/>
        <v/>
      </c>
      <c r="NC43" s="15" t="str">
        <f>IF(NC42="","",IF(NC42='（参考）【別紙２】'!$E$35,"",IF(MONTH(NC42)=MONTH(NC42+1),NC42+1,"")))</f>
        <v/>
      </c>
      <c r="ND43" s="13" t="str">
        <f>IF(COUNTIF(祝日一覧!$E$2:$E$142,NC43),"○",IF(NG43&lt;&gt;"","○",""))</f>
        <v/>
      </c>
      <c r="NE43" s="25"/>
      <c r="NF43" s="45" t="str">
        <f t="shared" si="2"/>
        <v/>
      </c>
      <c r="NG43" s="45"/>
      <c r="NH43" s="167"/>
      <c r="NI43" s="168"/>
      <c r="NJ43" s="9"/>
      <c r="NK43" s="228"/>
      <c r="NL43" s="228"/>
      <c r="NM43" s="9"/>
      <c r="NN43" s="9"/>
      <c r="NO43" s="131"/>
      <c r="NP43" s="15"/>
      <c r="NQ43" s="13"/>
      <c r="NR43" s="25"/>
      <c r="NS43" s="45"/>
      <c r="NT43" s="45"/>
      <c r="NU43" s="167"/>
      <c r="NV43" s="168"/>
      <c r="NW43" s="9"/>
      <c r="NX43" s="228"/>
      <c r="NY43" s="228"/>
      <c r="NZ43" s="9"/>
      <c r="OA43" s="9"/>
      <c r="OB43" s="131"/>
      <c r="OC43" s="15"/>
      <c r="OD43" s="13"/>
      <c r="OE43" s="25"/>
      <c r="OF43" s="45"/>
      <c r="OG43" s="45"/>
      <c r="OH43" s="167"/>
      <c r="OI43" s="168"/>
      <c r="OJ43" s="9"/>
      <c r="OK43" s="228"/>
      <c r="OL43" s="228"/>
      <c r="OM43" s="9"/>
      <c r="ON43" s="9"/>
      <c r="OO43" s="131"/>
      <c r="OP43" s="15"/>
      <c r="OQ43" s="13"/>
      <c r="OR43" s="25"/>
      <c r="OS43" s="45"/>
      <c r="OT43" s="45"/>
      <c r="OU43" s="167"/>
      <c r="OV43" s="168"/>
      <c r="OW43" s="9"/>
      <c r="OX43" s="228"/>
      <c r="OY43" s="228"/>
      <c r="OZ43" s="9"/>
      <c r="PA43" s="9"/>
      <c r="PB43" s="131"/>
      <c r="PC43" s="15"/>
      <c r="PD43" s="13"/>
      <c r="PE43" s="25"/>
      <c r="PF43" s="45"/>
      <c r="PG43" s="45"/>
      <c r="PH43" s="167"/>
      <c r="PI43" s="168"/>
      <c r="PJ43" s="9"/>
      <c r="PK43" s="228"/>
      <c r="PL43" s="228"/>
      <c r="PM43" s="9"/>
      <c r="PN43" s="9"/>
      <c r="PO43" s="131"/>
      <c r="PP43" s="15"/>
      <c r="PQ43" s="13"/>
      <c r="PR43" s="25"/>
      <c r="PS43" s="45"/>
      <c r="PT43" s="45"/>
      <c r="PU43" s="167"/>
      <c r="PV43" s="168"/>
      <c r="PW43" s="9"/>
      <c r="PX43" s="228"/>
      <c r="PY43" s="228"/>
      <c r="PZ43" s="9"/>
      <c r="QA43" s="9"/>
      <c r="QB43" s="131"/>
      <c r="QC43" s="15"/>
      <c r="QD43" s="13"/>
      <c r="QE43" s="25"/>
      <c r="QF43" s="45"/>
      <c r="QG43" s="45"/>
      <c r="QH43" s="167"/>
      <c r="QI43" s="168"/>
      <c r="QJ43" s="9"/>
      <c r="QK43" s="228"/>
      <c r="QL43" s="228"/>
      <c r="QM43" s="9"/>
      <c r="QN43" s="9"/>
      <c r="QO43" s="131"/>
      <c r="QP43" s="15"/>
      <c r="QQ43" s="13"/>
      <c r="QR43" s="25"/>
      <c r="QS43" s="45"/>
      <c r="QT43" s="45"/>
      <c r="QU43" s="167"/>
      <c r="QV43" s="168"/>
      <c r="QW43" s="9"/>
      <c r="QX43" s="228"/>
      <c r="QY43" s="228"/>
      <c r="QZ43" s="9"/>
      <c r="RA43" s="9"/>
      <c r="RB43" s="131"/>
      <c r="RC43" s="15"/>
      <c r="RD43" s="13"/>
      <c r="RE43" s="25"/>
      <c r="RF43" s="45"/>
      <c r="RG43" s="45"/>
      <c r="RH43" s="167"/>
      <c r="RI43" s="168"/>
      <c r="RJ43" s="9"/>
      <c r="RK43" s="228"/>
      <c r="RL43" s="228"/>
      <c r="RM43" s="9"/>
      <c r="RN43" s="9"/>
      <c r="RO43" s="131"/>
      <c r="RP43" s="15"/>
      <c r="RQ43" s="13"/>
      <c r="RR43" s="25"/>
      <c r="RS43" s="45"/>
      <c r="RT43" s="45"/>
      <c r="RU43" s="167"/>
      <c r="RV43" s="168"/>
      <c r="RW43" s="9"/>
      <c r="RX43" s="228"/>
      <c r="RY43" s="228"/>
      <c r="RZ43" s="9"/>
      <c r="SA43" s="9"/>
      <c r="SB43" s="131"/>
      <c r="SC43" s="15"/>
      <c r="SD43" s="13"/>
      <c r="SE43" s="25"/>
      <c r="SF43" s="45"/>
      <c r="SG43" s="45"/>
      <c r="SH43" s="167"/>
      <c r="SI43" s="168"/>
      <c r="SJ43" s="9"/>
      <c r="SK43" s="228"/>
      <c r="SL43" s="228"/>
      <c r="SM43" s="9"/>
    </row>
    <row r="44" spans="1:507" ht="15.6" customHeight="1">
      <c r="A44" s="9"/>
      <c r="B44" s="131"/>
      <c r="C44" s="15"/>
      <c r="D44" s="13"/>
      <c r="E44" s="26"/>
      <c r="F44" s="45"/>
      <c r="G44" s="45"/>
      <c r="H44" s="167"/>
      <c r="I44" s="168"/>
      <c r="J44" s="43"/>
      <c r="K44" s="229" t="s">
        <v>109</v>
      </c>
      <c r="L44" s="229"/>
      <c r="M44" s="9"/>
      <c r="N44" s="9"/>
      <c r="O44" s="131"/>
      <c r="P44" s="15"/>
      <c r="Q44" s="13"/>
      <c r="R44" s="26"/>
      <c r="S44" s="45"/>
      <c r="T44" s="45"/>
      <c r="U44" s="167"/>
      <c r="V44" s="168"/>
      <c r="W44" s="9"/>
      <c r="X44" s="230" t="s">
        <v>109</v>
      </c>
      <c r="Y44" s="230"/>
      <c r="Z44" s="9"/>
      <c r="AA44" s="9"/>
      <c r="AB44" s="131"/>
      <c r="AC44" s="15"/>
      <c r="AD44" s="13"/>
      <c r="AE44" s="26"/>
      <c r="AF44" s="45"/>
      <c r="AG44" s="45"/>
      <c r="AH44" s="167"/>
      <c r="AI44" s="168"/>
      <c r="AJ44" s="9"/>
      <c r="AK44" s="230" t="s">
        <v>109</v>
      </c>
      <c r="AL44" s="230"/>
      <c r="AM44" s="9"/>
      <c r="AN44" s="9"/>
      <c r="AO44" s="131"/>
      <c r="AP44" s="15"/>
      <c r="AQ44" s="13"/>
      <c r="AR44" s="26"/>
      <c r="AS44" s="45"/>
      <c r="AT44" s="45"/>
      <c r="AU44" s="167"/>
      <c r="AV44" s="168"/>
      <c r="AW44" s="9"/>
      <c r="AX44" s="230" t="s">
        <v>109</v>
      </c>
      <c r="AY44" s="230"/>
      <c r="AZ44" s="9"/>
      <c r="BA44" s="9"/>
      <c r="BB44" s="131"/>
      <c r="BC44" s="15"/>
      <c r="BD44" s="13"/>
      <c r="BE44" s="26"/>
      <c r="BF44" s="45"/>
      <c r="BG44" s="45"/>
      <c r="BH44" s="167"/>
      <c r="BI44" s="168"/>
      <c r="BJ44" s="9"/>
      <c r="BK44" s="230" t="s">
        <v>109</v>
      </c>
      <c r="BL44" s="230"/>
      <c r="BM44" s="9"/>
      <c r="BN44" s="9"/>
      <c r="BO44" s="131"/>
      <c r="BP44" s="15"/>
      <c r="BQ44" s="13"/>
      <c r="BR44" s="26"/>
      <c r="BS44" s="45"/>
      <c r="BT44" s="45"/>
      <c r="BU44" s="167"/>
      <c r="BV44" s="168"/>
      <c r="BW44" s="9"/>
      <c r="BX44" s="230" t="s">
        <v>109</v>
      </c>
      <c r="BY44" s="230"/>
      <c r="BZ44" s="9"/>
      <c r="CA44" s="9"/>
      <c r="CB44" s="131"/>
      <c r="CC44" s="15"/>
      <c r="CD44" s="13"/>
      <c r="CE44" s="26"/>
      <c r="CF44" s="45"/>
      <c r="CG44" s="45"/>
      <c r="CH44" s="167"/>
      <c r="CI44" s="168"/>
      <c r="CJ44" s="9"/>
      <c r="CK44" s="230" t="s">
        <v>109</v>
      </c>
      <c r="CL44" s="230"/>
      <c r="CM44" s="9"/>
      <c r="CN44" s="9"/>
      <c r="CO44" s="131"/>
      <c r="CP44" s="15"/>
      <c r="CQ44" s="13"/>
      <c r="CR44" s="26"/>
      <c r="CS44" s="45"/>
      <c r="CT44" s="45"/>
      <c r="CU44" s="167"/>
      <c r="CV44" s="168"/>
      <c r="CW44" s="9"/>
      <c r="CX44" s="230" t="s">
        <v>109</v>
      </c>
      <c r="CY44" s="230"/>
      <c r="CZ44" s="9"/>
      <c r="DA44" s="9"/>
      <c r="DB44" s="131"/>
      <c r="DC44" s="15"/>
      <c r="DD44" s="13"/>
      <c r="DE44" s="26"/>
      <c r="DF44" s="45"/>
      <c r="DG44" s="45"/>
      <c r="DH44" s="167"/>
      <c r="DI44" s="168"/>
      <c r="DJ44" s="9"/>
      <c r="DK44" s="230" t="s">
        <v>109</v>
      </c>
      <c r="DL44" s="230"/>
      <c r="DM44" s="9"/>
      <c r="DN44" s="9"/>
      <c r="DO44" s="131"/>
      <c r="DP44" s="15"/>
      <c r="DQ44" s="13"/>
      <c r="DR44" s="26"/>
      <c r="DS44" s="45"/>
      <c r="DT44" s="45"/>
      <c r="DU44" s="167"/>
      <c r="DV44" s="168"/>
      <c r="DW44" s="9"/>
      <c r="DX44" s="230" t="s">
        <v>109</v>
      </c>
      <c r="DY44" s="230"/>
      <c r="DZ44" s="9"/>
      <c r="EA44" s="9"/>
      <c r="EB44" s="131"/>
      <c r="EC44" s="15"/>
      <c r="ED44" s="13"/>
      <c r="EE44" s="26"/>
      <c r="EF44" s="45"/>
      <c r="EG44" s="45"/>
      <c r="EH44" s="167"/>
      <c r="EI44" s="168"/>
      <c r="EJ44" s="9"/>
      <c r="EK44" s="230" t="s">
        <v>109</v>
      </c>
      <c r="EL44" s="230"/>
      <c r="EM44" s="9"/>
      <c r="EN44" s="9"/>
      <c r="EO44" s="131"/>
      <c r="EP44" s="15"/>
      <c r="EQ44" s="13"/>
      <c r="ER44" s="26"/>
      <c r="ES44" s="45"/>
      <c r="ET44" s="45"/>
      <c r="EU44" s="167"/>
      <c r="EV44" s="168"/>
      <c r="EW44" s="9"/>
      <c r="EX44" s="230" t="s">
        <v>109</v>
      </c>
      <c r="EY44" s="230"/>
      <c r="EZ44" s="9"/>
      <c r="FA44" s="9"/>
      <c r="FB44" s="131"/>
      <c r="FC44" s="15"/>
      <c r="FD44" s="13"/>
      <c r="FE44" s="26"/>
      <c r="FF44" s="45"/>
      <c r="FG44" s="45"/>
      <c r="FH44" s="167"/>
      <c r="FI44" s="168"/>
      <c r="FJ44" s="9"/>
      <c r="FK44" s="230" t="s">
        <v>109</v>
      </c>
      <c r="FL44" s="230"/>
      <c r="FM44" s="9"/>
      <c r="FN44" s="9"/>
      <c r="FO44" s="131"/>
      <c r="FP44" s="15"/>
      <c r="FQ44" s="13"/>
      <c r="FR44" s="26"/>
      <c r="FS44" s="45"/>
      <c r="FT44" s="45"/>
      <c r="FU44" s="167"/>
      <c r="FV44" s="168"/>
      <c r="FW44" s="9"/>
      <c r="FX44" s="230" t="s">
        <v>109</v>
      </c>
      <c r="FY44" s="230"/>
      <c r="FZ44" s="9"/>
      <c r="GA44" s="9"/>
      <c r="GB44" s="131"/>
      <c r="GC44" s="15"/>
      <c r="GD44" s="13"/>
      <c r="GE44" s="25"/>
      <c r="GF44" s="45"/>
      <c r="GG44" s="45"/>
      <c r="GH44" s="167"/>
      <c r="GI44" s="168"/>
      <c r="GJ44" s="9"/>
      <c r="GK44" s="230" t="s">
        <v>109</v>
      </c>
      <c r="GL44" s="230"/>
      <c r="GM44" s="9"/>
      <c r="GN44" s="9"/>
      <c r="GO44" s="131"/>
      <c r="GP44" s="15"/>
      <c r="GQ44" s="13"/>
      <c r="GR44" s="25"/>
      <c r="GS44" s="45"/>
      <c r="GT44" s="45"/>
      <c r="GU44" s="167"/>
      <c r="GV44" s="168"/>
      <c r="GW44" s="9"/>
      <c r="GX44" s="230" t="s">
        <v>109</v>
      </c>
      <c r="GY44" s="230"/>
      <c r="GZ44" s="9"/>
      <c r="HA44" s="9"/>
      <c r="HB44" s="131"/>
      <c r="HC44" s="15"/>
      <c r="HD44" s="13"/>
      <c r="HE44" s="26"/>
      <c r="HF44" s="45"/>
      <c r="HG44" s="45"/>
      <c r="HH44" s="167"/>
      <c r="HI44" s="168"/>
      <c r="HJ44" s="9"/>
      <c r="HK44" s="230" t="s">
        <v>109</v>
      </c>
      <c r="HL44" s="230"/>
      <c r="HM44" s="9"/>
      <c r="HN44" s="9"/>
      <c r="HO44" s="131"/>
      <c r="HP44" s="15"/>
      <c r="HQ44" s="13"/>
      <c r="HR44" s="25"/>
      <c r="HS44" s="45"/>
      <c r="HT44" s="45"/>
      <c r="HU44" s="167"/>
      <c r="HV44" s="168"/>
      <c r="HW44" s="9"/>
      <c r="HX44" s="230" t="s">
        <v>109</v>
      </c>
      <c r="HY44" s="230"/>
      <c r="HZ44" s="9"/>
      <c r="IA44" s="9"/>
      <c r="IB44" s="131"/>
      <c r="IC44" s="15"/>
      <c r="ID44" s="13"/>
      <c r="IE44" s="25"/>
      <c r="IF44" s="45"/>
      <c r="IG44" s="45"/>
      <c r="IH44" s="167"/>
      <c r="II44" s="168"/>
      <c r="IJ44" s="9"/>
      <c r="IK44" s="230" t="s">
        <v>109</v>
      </c>
      <c r="IL44" s="230"/>
      <c r="IM44" s="9"/>
      <c r="IN44" s="9"/>
      <c r="IO44" s="131"/>
      <c r="IP44" s="15"/>
      <c r="IQ44" s="13"/>
      <c r="IR44" s="25"/>
      <c r="IS44" s="45"/>
      <c r="IT44" s="45"/>
      <c r="IU44" s="167"/>
      <c r="IV44" s="168"/>
      <c r="IW44" s="9"/>
      <c r="IX44" s="230" t="s">
        <v>109</v>
      </c>
      <c r="IY44" s="230"/>
      <c r="IZ44" s="9"/>
      <c r="JA44" s="9"/>
      <c r="JB44" s="131"/>
      <c r="JC44" s="15"/>
      <c r="JD44" s="13"/>
      <c r="JE44" s="25"/>
      <c r="JF44" s="45"/>
      <c r="JG44" s="45"/>
      <c r="JH44" s="167"/>
      <c r="JI44" s="168"/>
      <c r="JJ44" s="9"/>
      <c r="JK44" s="230" t="s">
        <v>109</v>
      </c>
      <c r="JL44" s="230"/>
      <c r="JM44" s="9"/>
      <c r="JN44" s="9"/>
      <c r="JO44" s="131"/>
      <c r="JP44" s="15"/>
      <c r="JQ44" s="13"/>
      <c r="JR44" s="25"/>
      <c r="JS44" s="45"/>
      <c r="JT44" s="45"/>
      <c r="JU44" s="167"/>
      <c r="JV44" s="168"/>
      <c r="JW44" s="9"/>
      <c r="JX44" s="230" t="s">
        <v>109</v>
      </c>
      <c r="JY44" s="230"/>
      <c r="JZ44" s="9"/>
      <c r="KA44" s="9"/>
      <c r="KB44" s="131"/>
      <c r="KC44" s="15"/>
      <c r="KD44" s="13"/>
      <c r="KE44" s="25"/>
      <c r="KF44" s="45"/>
      <c r="KG44" s="45"/>
      <c r="KH44" s="167"/>
      <c r="KI44" s="168"/>
      <c r="KJ44" s="9"/>
      <c r="KK44" s="230" t="s">
        <v>109</v>
      </c>
      <c r="KL44" s="230"/>
      <c r="KM44" s="9"/>
      <c r="KN44" s="9"/>
      <c r="KO44" s="131"/>
      <c r="KP44" s="15"/>
      <c r="KQ44" s="13"/>
      <c r="KR44" s="25"/>
      <c r="KS44" s="45"/>
      <c r="KT44" s="45"/>
      <c r="KU44" s="167"/>
      <c r="KV44" s="168"/>
      <c r="KW44" s="9"/>
      <c r="KX44" s="230" t="s">
        <v>109</v>
      </c>
      <c r="KY44" s="230"/>
      <c r="KZ44" s="9"/>
      <c r="LA44" s="9"/>
      <c r="LB44" s="131"/>
      <c r="LC44" s="15"/>
      <c r="LD44" s="13"/>
      <c r="LE44" s="25"/>
      <c r="LF44" s="45"/>
      <c r="LG44" s="45"/>
      <c r="LH44" s="167"/>
      <c r="LI44" s="168"/>
      <c r="LJ44" s="9"/>
      <c r="LK44" s="230" t="s">
        <v>109</v>
      </c>
      <c r="LL44" s="230"/>
      <c r="LM44" s="9"/>
      <c r="LN44" s="9"/>
      <c r="LO44" s="131"/>
      <c r="LP44" s="15"/>
      <c r="LQ44" s="13"/>
      <c r="LR44" s="25"/>
      <c r="LS44" s="45"/>
      <c r="LT44" s="45"/>
      <c r="LU44" s="167"/>
      <c r="LV44" s="168"/>
      <c r="LW44" s="9"/>
      <c r="LX44" s="230" t="s">
        <v>109</v>
      </c>
      <c r="LY44" s="230"/>
      <c r="LZ44" s="9"/>
      <c r="MA44" s="9"/>
      <c r="MB44" s="131"/>
      <c r="MC44" s="15"/>
      <c r="MD44" s="13"/>
      <c r="ME44" s="25"/>
      <c r="MF44" s="45"/>
      <c r="MG44" s="45"/>
      <c r="MH44" s="167"/>
      <c r="MI44" s="168"/>
      <c r="MJ44" s="9"/>
      <c r="MK44" s="230" t="s">
        <v>109</v>
      </c>
      <c r="ML44" s="230"/>
      <c r="MM44" s="9"/>
      <c r="MN44" s="9"/>
      <c r="MO44" s="131"/>
      <c r="MP44" s="15"/>
      <c r="MQ44" s="13"/>
      <c r="MR44" s="25"/>
      <c r="MS44" s="45"/>
      <c r="MT44" s="45"/>
      <c r="MU44" s="167"/>
      <c r="MV44" s="168"/>
      <c r="MW44" s="9"/>
      <c r="MX44" s="230" t="s">
        <v>109</v>
      </c>
      <c r="MY44" s="230"/>
      <c r="MZ44" s="9"/>
      <c r="NA44" s="9"/>
      <c r="NB44" s="131" t="str">
        <f t="shared" si="0"/>
        <v/>
      </c>
      <c r="NC44" s="15" t="str">
        <f>IF(NC43="","",IF(NC43='（参考）【別紙２】'!$E$35,"",IF(MONTH(NC43)=MONTH(NC43+1),NC43+1,"")))</f>
        <v/>
      </c>
      <c r="ND44" s="13" t="str">
        <f>IF(COUNTIF(祝日一覧!$E$2:$E$142,NC44),"○",IF(NG44&lt;&gt;"","○",""))</f>
        <v/>
      </c>
      <c r="NE44" s="25"/>
      <c r="NF44" s="45" t="str">
        <f t="shared" si="2"/>
        <v/>
      </c>
      <c r="NG44" s="45"/>
      <c r="NH44" s="167"/>
      <c r="NI44" s="168"/>
      <c r="NJ44" s="9"/>
      <c r="NK44" s="230" t="s">
        <v>109</v>
      </c>
      <c r="NL44" s="230"/>
      <c r="NM44" s="9"/>
      <c r="NN44" s="9"/>
      <c r="NO44" s="131"/>
      <c r="NP44" s="15"/>
      <c r="NQ44" s="13"/>
      <c r="NR44" s="25"/>
      <c r="NS44" s="45"/>
      <c r="NT44" s="45"/>
      <c r="NU44" s="167"/>
      <c r="NV44" s="168"/>
      <c r="NW44" s="9"/>
      <c r="NX44" s="230" t="s">
        <v>109</v>
      </c>
      <c r="NY44" s="230"/>
      <c r="NZ44" s="9"/>
      <c r="OA44" s="9"/>
      <c r="OB44" s="131"/>
      <c r="OC44" s="15"/>
      <c r="OD44" s="13"/>
      <c r="OE44" s="25"/>
      <c r="OF44" s="45"/>
      <c r="OG44" s="45"/>
      <c r="OH44" s="167"/>
      <c r="OI44" s="168"/>
      <c r="OJ44" s="9"/>
      <c r="OK44" s="230" t="s">
        <v>109</v>
      </c>
      <c r="OL44" s="230"/>
      <c r="OM44" s="9"/>
      <c r="ON44" s="9"/>
      <c r="OO44" s="131"/>
      <c r="OP44" s="15"/>
      <c r="OQ44" s="13"/>
      <c r="OR44" s="25"/>
      <c r="OS44" s="45"/>
      <c r="OT44" s="45"/>
      <c r="OU44" s="167"/>
      <c r="OV44" s="168"/>
      <c r="OW44" s="9"/>
      <c r="OX44" s="230" t="s">
        <v>109</v>
      </c>
      <c r="OY44" s="230"/>
      <c r="OZ44" s="9"/>
      <c r="PA44" s="9"/>
      <c r="PB44" s="131"/>
      <c r="PC44" s="15"/>
      <c r="PD44" s="13"/>
      <c r="PE44" s="25"/>
      <c r="PF44" s="45"/>
      <c r="PG44" s="45"/>
      <c r="PH44" s="167"/>
      <c r="PI44" s="168"/>
      <c r="PJ44" s="9"/>
      <c r="PK44" s="230" t="s">
        <v>109</v>
      </c>
      <c r="PL44" s="230"/>
      <c r="PM44" s="9"/>
      <c r="PN44" s="9"/>
      <c r="PO44" s="131"/>
      <c r="PP44" s="15"/>
      <c r="PQ44" s="13"/>
      <c r="PR44" s="25"/>
      <c r="PS44" s="45"/>
      <c r="PT44" s="45"/>
      <c r="PU44" s="167"/>
      <c r="PV44" s="168"/>
      <c r="PW44" s="9"/>
      <c r="PX44" s="230" t="s">
        <v>109</v>
      </c>
      <c r="PY44" s="230"/>
      <c r="PZ44" s="9"/>
      <c r="QA44" s="9"/>
      <c r="QB44" s="131"/>
      <c r="QC44" s="15"/>
      <c r="QD44" s="13"/>
      <c r="QE44" s="25"/>
      <c r="QF44" s="45"/>
      <c r="QG44" s="45"/>
      <c r="QH44" s="167"/>
      <c r="QI44" s="168"/>
      <c r="QJ44" s="9"/>
      <c r="QK44" s="230" t="s">
        <v>109</v>
      </c>
      <c r="QL44" s="230"/>
      <c r="QM44" s="9"/>
      <c r="QN44" s="9"/>
      <c r="QO44" s="131"/>
      <c r="QP44" s="15"/>
      <c r="QQ44" s="13"/>
      <c r="QR44" s="25"/>
      <c r="QS44" s="45"/>
      <c r="QT44" s="45"/>
      <c r="QU44" s="167"/>
      <c r="QV44" s="168"/>
      <c r="QW44" s="9"/>
      <c r="QX44" s="230" t="s">
        <v>109</v>
      </c>
      <c r="QY44" s="230"/>
      <c r="QZ44" s="9"/>
      <c r="RA44" s="9"/>
      <c r="RB44" s="131"/>
      <c r="RC44" s="15"/>
      <c r="RD44" s="13"/>
      <c r="RE44" s="25"/>
      <c r="RF44" s="45"/>
      <c r="RG44" s="45"/>
      <c r="RH44" s="167"/>
      <c r="RI44" s="168"/>
      <c r="RJ44" s="9"/>
      <c r="RK44" s="230" t="s">
        <v>109</v>
      </c>
      <c r="RL44" s="230"/>
      <c r="RM44" s="9"/>
      <c r="RN44" s="9"/>
      <c r="RO44" s="131"/>
      <c r="RP44" s="15"/>
      <c r="RQ44" s="13"/>
      <c r="RR44" s="25"/>
      <c r="RS44" s="45"/>
      <c r="RT44" s="45"/>
      <c r="RU44" s="167"/>
      <c r="RV44" s="168"/>
      <c r="RW44" s="9"/>
      <c r="RX44" s="230" t="s">
        <v>109</v>
      </c>
      <c r="RY44" s="230"/>
      <c r="RZ44" s="9"/>
      <c r="SA44" s="9"/>
      <c r="SB44" s="131"/>
      <c r="SC44" s="15"/>
      <c r="SD44" s="13"/>
      <c r="SE44" s="25"/>
      <c r="SF44" s="45"/>
      <c r="SG44" s="45"/>
      <c r="SH44" s="167"/>
      <c r="SI44" s="168"/>
      <c r="SJ44" s="9"/>
      <c r="SK44" s="230" t="s">
        <v>109</v>
      </c>
      <c r="SL44" s="230"/>
      <c r="SM44" s="9"/>
    </row>
    <row r="45" spans="1:507" ht="15.6" customHeight="1">
      <c r="A45" s="9"/>
      <c r="B45" s="131"/>
      <c r="C45" s="15"/>
      <c r="D45" s="13"/>
      <c r="E45" s="26"/>
      <c r="F45" s="45"/>
      <c r="G45" s="45"/>
      <c r="H45" s="167"/>
      <c r="I45" s="168"/>
      <c r="J45" s="43"/>
      <c r="K45" s="229"/>
      <c r="L45" s="229"/>
      <c r="M45" s="9"/>
      <c r="N45" s="9"/>
      <c r="O45" s="131"/>
      <c r="P45" s="15"/>
      <c r="Q45" s="13"/>
      <c r="R45" s="26"/>
      <c r="S45" s="45"/>
      <c r="T45" s="45"/>
      <c r="U45" s="167"/>
      <c r="V45" s="168"/>
      <c r="W45" s="9"/>
      <c r="X45" s="230"/>
      <c r="Y45" s="230"/>
      <c r="Z45" s="9"/>
      <c r="AA45" s="9"/>
      <c r="AB45" s="131"/>
      <c r="AC45" s="15"/>
      <c r="AD45" s="13"/>
      <c r="AE45" s="26"/>
      <c r="AF45" s="45"/>
      <c r="AG45" s="45"/>
      <c r="AH45" s="167"/>
      <c r="AI45" s="168"/>
      <c r="AJ45" s="9"/>
      <c r="AK45" s="230"/>
      <c r="AL45" s="230"/>
      <c r="AM45" s="9"/>
      <c r="AN45" s="9"/>
      <c r="AO45" s="131"/>
      <c r="AP45" s="15"/>
      <c r="AQ45" s="13"/>
      <c r="AR45" s="26"/>
      <c r="AS45" s="45"/>
      <c r="AT45" s="45"/>
      <c r="AU45" s="167"/>
      <c r="AV45" s="168"/>
      <c r="AW45" s="9"/>
      <c r="AX45" s="230"/>
      <c r="AY45" s="230"/>
      <c r="AZ45" s="9"/>
      <c r="BA45" s="9"/>
      <c r="BB45" s="131"/>
      <c r="BC45" s="15"/>
      <c r="BD45" s="13"/>
      <c r="BE45" s="26"/>
      <c r="BF45" s="45"/>
      <c r="BG45" s="45"/>
      <c r="BH45" s="167"/>
      <c r="BI45" s="168"/>
      <c r="BJ45" s="9"/>
      <c r="BK45" s="230"/>
      <c r="BL45" s="230"/>
      <c r="BM45" s="9"/>
      <c r="BN45" s="9"/>
      <c r="BO45" s="131"/>
      <c r="BP45" s="15"/>
      <c r="BQ45" s="13"/>
      <c r="BR45" s="26"/>
      <c r="BS45" s="45"/>
      <c r="BT45" s="45"/>
      <c r="BU45" s="167"/>
      <c r="BV45" s="168"/>
      <c r="BW45" s="9"/>
      <c r="BX45" s="230"/>
      <c r="BY45" s="230"/>
      <c r="BZ45" s="9"/>
      <c r="CA45" s="9"/>
      <c r="CB45" s="131"/>
      <c r="CC45" s="15"/>
      <c r="CD45" s="13"/>
      <c r="CE45" s="26"/>
      <c r="CF45" s="45"/>
      <c r="CG45" s="45"/>
      <c r="CH45" s="167"/>
      <c r="CI45" s="168"/>
      <c r="CJ45" s="9"/>
      <c r="CK45" s="230"/>
      <c r="CL45" s="230"/>
      <c r="CM45" s="9"/>
      <c r="CN45" s="9"/>
      <c r="CO45" s="131"/>
      <c r="CP45" s="15"/>
      <c r="CQ45" s="13"/>
      <c r="CR45" s="26"/>
      <c r="CS45" s="45"/>
      <c r="CT45" s="45"/>
      <c r="CU45" s="167"/>
      <c r="CV45" s="168"/>
      <c r="CW45" s="9"/>
      <c r="CX45" s="230"/>
      <c r="CY45" s="230"/>
      <c r="CZ45" s="9"/>
      <c r="DA45" s="9"/>
      <c r="DB45" s="131"/>
      <c r="DC45" s="15"/>
      <c r="DD45" s="13"/>
      <c r="DE45" s="26"/>
      <c r="DF45" s="45"/>
      <c r="DG45" s="45"/>
      <c r="DH45" s="167"/>
      <c r="DI45" s="168"/>
      <c r="DJ45" s="9"/>
      <c r="DK45" s="230"/>
      <c r="DL45" s="230"/>
      <c r="DM45" s="9"/>
      <c r="DN45" s="9"/>
      <c r="DO45" s="131"/>
      <c r="DP45" s="15"/>
      <c r="DQ45" s="13"/>
      <c r="DR45" s="26"/>
      <c r="DS45" s="45"/>
      <c r="DT45" s="45"/>
      <c r="DU45" s="167"/>
      <c r="DV45" s="168"/>
      <c r="DW45" s="9"/>
      <c r="DX45" s="230"/>
      <c r="DY45" s="230"/>
      <c r="DZ45" s="9"/>
      <c r="EA45" s="9"/>
      <c r="EB45" s="131"/>
      <c r="EC45" s="15"/>
      <c r="ED45" s="13"/>
      <c r="EE45" s="26"/>
      <c r="EF45" s="45"/>
      <c r="EG45" s="45"/>
      <c r="EH45" s="167"/>
      <c r="EI45" s="168"/>
      <c r="EJ45" s="9"/>
      <c r="EK45" s="230"/>
      <c r="EL45" s="230"/>
      <c r="EM45" s="9"/>
      <c r="EN45" s="9"/>
      <c r="EO45" s="131"/>
      <c r="EP45" s="15"/>
      <c r="EQ45" s="13"/>
      <c r="ER45" s="26"/>
      <c r="ES45" s="45"/>
      <c r="ET45" s="45"/>
      <c r="EU45" s="167"/>
      <c r="EV45" s="168"/>
      <c r="EW45" s="9"/>
      <c r="EX45" s="230"/>
      <c r="EY45" s="230"/>
      <c r="EZ45" s="9"/>
      <c r="FA45" s="9"/>
      <c r="FB45" s="131"/>
      <c r="FC45" s="15"/>
      <c r="FD45" s="13"/>
      <c r="FE45" s="26"/>
      <c r="FF45" s="45"/>
      <c r="FG45" s="45"/>
      <c r="FH45" s="167"/>
      <c r="FI45" s="168"/>
      <c r="FJ45" s="9"/>
      <c r="FK45" s="230"/>
      <c r="FL45" s="230"/>
      <c r="FM45" s="9"/>
      <c r="FN45" s="9"/>
      <c r="FO45" s="131"/>
      <c r="FP45" s="15"/>
      <c r="FQ45" s="13"/>
      <c r="FR45" s="26"/>
      <c r="FS45" s="45"/>
      <c r="FT45" s="45"/>
      <c r="FU45" s="167"/>
      <c r="FV45" s="168"/>
      <c r="FW45" s="9"/>
      <c r="FX45" s="230"/>
      <c r="FY45" s="230"/>
      <c r="FZ45" s="9"/>
      <c r="GA45" s="9"/>
      <c r="GB45" s="131"/>
      <c r="GC45" s="15"/>
      <c r="GD45" s="13"/>
      <c r="GE45" s="25"/>
      <c r="GF45" s="45"/>
      <c r="GG45" s="45"/>
      <c r="GH45" s="167"/>
      <c r="GI45" s="168"/>
      <c r="GJ45" s="9"/>
      <c r="GK45" s="230"/>
      <c r="GL45" s="230"/>
      <c r="GM45" s="9"/>
      <c r="GN45" s="9"/>
      <c r="GO45" s="131"/>
      <c r="GP45" s="15"/>
      <c r="GQ45" s="13"/>
      <c r="GR45" s="25"/>
      <c r="GS45" s="45"/>
      <c r="GT45" s="45"/>
      <c r="GU45" s="167"/>
      <c r="GV45" s="168"/>
      <c r="GW45" s="9"/>
      <c r="GX45" s="230"/>
      <c r="GY45" s="230"/>
      <c r="GZ45" s="9"/>
      <c r="HA45" s="9"/>
      <c r="HB45" s="131"/>
      <c r="HC45" s="15"/>
      <c r="HD45" s="13"/>
      <c r="HE45" s="26"/>
      <c r="HF45" s="45"/>
      <c r="HG45" s="45"/>
      <c r="HH45" s="167"/>
      <c r="HI45" s="168"/>
      <c r="HJ45" s="9"/>
      <c r="HK45" s="230"/>
      <c r="HL45" s="230"/>
      <c r="HM45" s="9"/>
      <c r="HN45" s="9"/>
      <c r="HO45" s="131"/>
      <c r="HP45" s="15"/>
      <c r="HQ45" s="13"/>
      <c r="HR45" s="25"/>
      <c r="HS45" s="45"/>
      <c r="HT45" s="45"/>
      <c r="HU45" s="167"/>
      <c r="HV45" s="168"/>
      <c r="HW45" s="9"/>
      <c r="HX45" s="230"/>
      <c r="HY45" s="230"/>
      <c r="HZ45" s="9"/>
      <c r="IA45" s="9"/>
      <c r="IB45" s="131"/>
      <c r="IC45" s="15"/>
      <c r="ID45" s="13"/>
      <c r="IE45" s="25"/>
      <c r="IF45" s="45"/>
      <c r="IG45" s="45"/>
      <c r="IH45" s="167"/>
      <c r="II45" s="168"/>
      <c r="IJ45" s="9"/>
      <c r="IK45" s="230"/>
      <c r="IL45" s="230"/>
      <c r="IM45" s="9"/>
      <c r="IN45" s="9"/>
      <c r="IO45" s="131"/>
      <c r="IP45" s="15"/>
      <c r="IQ45" s="13"/>
      <c r="IR45" s="25"/>
      <c r="IS45" s="45"/>
      <c r="IT45" s="45"/>
      <c r="IU45" s="167"/>
      <c r="IV45" s="168"/>
      <c r="IW45" s="9"/>
      <c r="IX45" s="230"/>
      <c r="IY45" s="230"/>
      <c r="IZ45" s="9"/>
      <c r="JA45" s="9"/>
      <c r="JB45" s="131"/>
      <c r="JC45" s="15"/>
      <c r="JD45" s="13"/>
      <c r="JE45" s="25"/>
      <c r="JF45" s="45"/>
      <c r="JG45" s="45"/>
      <c r="JH45" s="167"/>
      <c r="JI45" s="168"/>
      <c r="JJ45" s="9"/>
      <c r="JK45" s="230"/>
      <c r="JL45" s="230"/>
      <c r="JM45" s="9"/>
      <c r="JN45" s="9"/>
      <c r="JO45" s="131"/>
      <c r="JP45" s="15"/>
      <c r="JQ45" s="13"/>
      <c r="JR45" s="25"/>
      <c r="JS45" s="45"/>
      <c r="JT45" s="45"/>
      <c r="JU45" s="167"/>
      <c r="JV45" s="168"/>
      <c r="JW45" s="9"/>
      <c r="JX45" s="230"/>
      <c r="JY45" s="230"/>
      <c r="JZ45" s="9"/>
      <c r="KA45" s="9"/>
      <c r="KB45" s="131"/>
      <c r="KC45" s="15"/>
      <c r="KD45" s="13"/>
      <c r="KE45" s="25"/>
      <c r="KF45" s="45"/>
      <c r="KG45" s="45"/>
      <c r="KH45" s="167"/>
      <c r="KI45" s="168"/>
      <c r="KJ45" s="9"/>
      <c r="KK45" s="230"/>
      <c r="KL45" s="230"/>
      <c r="KM45" s="9"/>
      <c r="KN45" s="9"/>
      <c r="KO45" s="131"/>
      <c r="KP45" s="15"/>
      <c r="KQ45" s="13"/>
      <c r="KR45" s="25"/>
      <c r="KS45" s="45"/>
      <c r="KT45" s="45"/>
      <c r="KU45" s="167"/>
      <c r="KV45" s="168"/>
      <c r="KW45" s="9"/>
      <c r="KX45" s="230"/>
      <c r="KY45" s="230"/>
      <c r="KZ45" s="9"/>
      <c r="LA45" s="9"/>
      <c r="LB45" s="131"/>
      <c r="LC45" s="15"/>
      <c r="LD45" s="13"/>
      <c r="LE45" s="25"/>
      <c r="LF45" s="45"/>
      <c r="LG45" s="45"/>
      <c r="LH45" s="167"/>
      <c r="LI45" s="168"/>
      <c r="LJ45" s="9"/>
      <c r="LK45" s="230"/>
      <c r="LL45" s="230"/>
      <c r="LM45" s="9"/>
      <c r="LN45" s="9"/>
      <c r="LO45" s="131"/>
      <c r="LP45" s="15"/>
      <c r="LQ45" s="13"/>
      <c r="LR45" s="25"/>
      <c r="LS45" s="45"/>
      <c r="LT45" s="45"/>
      <c r="LU45" s="167"/>
      <c r="LV45" s="168"/>
      <c r="LW45" s="9"/>
      <c r="LX45" s="230"/>
      <c r="LY45" s="230"/>
      <c r="LZ45" s="9"/>
      <c r="MA45" s="9"/>
      <c r="MB45" s="131"/>
      <c r="MC45" s="15"/>
      <c r="MD45" s="13"/>
      <c r="ME45" s="25"/>
      <c r="MF45" s="45"/>
      <c r="MG45" s="45"/>
      <c r="MH45" s="167"/>
      <c r="MI45" s="168"/>
      <c r="MJ45" s="9"/>
      <c r="MK45" s="230"/>
      <c r="ML45" s="230"/>
      <c r="MM45" s="9"/>
      <c r="MN45" s="9"/>
      <c r="MO45" s="131"/>
      <c r="MP45" s="15"/>
      <c r="MQ45" s="13"/>
      <c r="MR45" s="25"/>
      <c r="MS45" s="45"/>
      <c r="MT45" s="45"/>
      <c r="MU45" s="167"/>
      <c r="MV45" s="168"/>
      <c r="MW45" s="9"/>
      <c r="MX45" s="230"/>
      <c r="MY45" s="230"/>
      <c r="MZ45" s="9"/>
      <c r="NA45" s="9"/>
      <c r="NB45" s="131" t="str">
        <f t="shared" si="0"/>
        <v/>
      </c>
      <c r="NC45" s="15" t="str">
        <f>IF(NC44="","",IF(NC44='（参考）【別紙２】'!$E$35,"",IF(MONTH(NC44)=MONTH(NC44+1),NC44+1,"")))</f>
        <v/>
      </c>
      <c r="ND45" s="13" t="str">
        <f>IF(COUNTIF(祝日一覧!$E$2:$E$142,NC45),"○",IF(NG45&lt;&gt;"","○",""))</f>
        <v/>
      </c>
      <c r="NE45" s="25"/>
      <c r="NF45" s="45" t="str">
        <f t="shared" si="2"/>
        <v/>
      </c>
      <c r="NG45" s="45"/>
      <c r="NH45" s="167"/>
      <c r="NI45" s="168"/>
      <c r="NJ45" s="9"/>
      <c r="NK45" s="230"/>
      <c r="NL45" s="230"/>
      <c r="NM45" s="9"/>
      <c r="NN45" s="9"/>
      <c r="NO45" s="131"/>
      <c r="NP45" s="15"/>
      <c r="NQ45" s="13"/>
      <c r="NR45" s="25"/>
      <c r="NS45" s="45"/>
      <c r="NT45" s="45"/>
      <c r="NU45" s="167"/>
      <c r="NV45" s="168"/>
      <c r="NW45" s="9"/>
      <c r="NX45" s="230"/>
      <c r="NY45" s="230"/>
      <c r="NZ45" s="9"/>
      <c r="OA45" s="9"/>
      <c r="OB45" s="131"/>
      <c r="OC45" s="15"/>
      <c r="OD45" s="13"/>
      <c r="OE45" s="25"/>
      <c r="OF45" s="45"/>
      <c r="OG45" s="45"/>
      <c r="OH45" s="167"/>
      <c r="OI45" s="168"/>
      <c r="OJ45" s="9"/>
      <c r="OK45" s="230"/>
      <c r="OL45" s="230"/>
      <c r="OM45" s="9"/>
      <c r="ON45" s="9"/>
      <c r="OO45" s="131"/>
      <c r="OP45" s="15"/>
      <c r="OQ45" s="13"/>
      <c r="OR45" s="25"/>
      <c r="OS45" s="45"/>
      <c r="OT45" s="45"/>
      <c r="OU45" s="167"/>
      <c r="OV45" s="168"/>
      <c r="OW45" s="9"/>
      <c r="OX45" s="230"/>
      <c r="OY45" s="230"/>
      <c r="OZ45" s="9"/>
      <c r="PA45" s="9"/>
      <c r="PB45" s="131"/>
      <c r="PC45" s="15"/>
      <c r="PD45" s="13"/>
      <c r="PE45" s="25"/>
      <c r="PF45" s="45"/>
      <c r="PG45" s="45"/>
      <c r="PH45" s="167"/>
      <c r="PI45" s="168"/>
      <c r="PJ45" s="9"/>
      <c r="PK45" s="230"/>
      <c r="PL45" s="230"/>
      <c r="PM45" s="9"/>
      <c r="PN45" s="9"/>
      <c r="PO45" s="131"/>
      <c r="PP45" s="15"/>
      <c r="PQ45" s="13"/>
      <c r="PR45" s="25"/>
      <c r="PS45" s="45"/>
      <c r="PT45" s="45"/>
      <c r="PU45" s="167"/>
      <c r="PV45" s="168"/>
      <c r="PW45" s="9"/>
      <c r="PX45" s="230"/>
      <c r="PY45" s="230"/>
      <c r="PZ45" s="9"/>
      <c r="QA45" s="9"/>
      <c r="QB45" s="131"/>
      <c r="QC45" s="15"/>
      <c r="QD45" s="13"/>
      <c r="QE45" s="25"/>
      <c r="QF45" s="45"/>
      <c r="QG45" s="45"/>
      <c r="QH45" s="167"/>
      <c r="QI45" s="168"/>
      <c r="QJ45" s="9"/>
      <c r="QK45" s="230"/>
      <c r="QL45" s="230"/>
      <c r="QM45" s="9"/>
      <c r="QN45" s="9"/>
      <c r="QO45" s="131"/>
      <c r="QP45" s="15"/>
      <c r="QQ45" s="13"/>
      <c r="QR45" s="25"/>
      <c r="QS45" s="45"/>
      <c r="QT45" s="45"/>
      <c r="QU45" s="167"/>
      <c r="QV45" s="168"/>
      <c r="QW45" s="9"/>
      <c r="QX45" s="230"/>
      <c r="QY45" s="230"/>
      <c r="QZ45" s="9"/>
      <c r="RA45" s="9"/>
      <c r="RB45" s="131"/>
      <c r="RC45" s="15"/>
      <c r="RD45" s="13"/>
      <c r="RE45" s="25"/>
      <c r="RF45" s="45"/>
      <c r="RG45" s="45"/>
      <c r="RH45" s="167"/>
      <c r="RI45" s="168"/>
      <c r="RJ45" s="9"/>
      <c r="RK45" s="230"/>
      <c r="RL45" s="230"/>
      <c r="RM45" s="9"/>
      <c r="RN45" s="9"/>
      <c r="RO45" s="131"/>
      <c r="RP45" s="15"/>
      <c r="RQ45" s="13"/>
      <c r="RR45" s="25"/>
      <c r="RS45" s="45"/>
      <c r="RT45" s="45"/>
      <c r="RU45" s="167"/>
      <c r="RV45" s="168"/>
      <c r="RW45" s="9"/>
      <c r="RX45" s="230"/>
      <c r="RY45" s="230"/>
      <c r="RZ45" s="9"/>
      <c r="SA45" s="9"/>
      <c r="SB45" s="131"/>
      <c r="SC45" s="15"/>
      <c r="SD45" s="13"/>
      <c r="SE45" s="25"/>
      <c r="SF45" s="45"/>
      <c r="SG45" s="45"/>
      <c r="SH45" s="167"/>
      <c r="SI45" s="168"/>
      <c r="SJ45" s="9"/>
      <c r="SK45" s="230"/>
      <c r="SL45" s="230"/>
      <c r="SM45" s="9"/>
    </row>
    <row r="46" spans="1:507" ht="15.6" customHeight="1">
      <c r="A46" s="9"/>
      <c r="B46" s="19"/>
      <c r="C46" s="20"/>
      <c r="D46" s="39"/>
      <c r="E46" s="27"/>
      <c r="F46" s="46"/>
      <c r="G46" s="46"/>
      <c r="H46" s="231"/>
      <c r="I46" s="232"/>
      <c r="J46" s="43"/>
      <c r="K46" s="233"/>
      <c r="L46" s="234"/>
      <c r="M46" s="9"/>
      <c r="N46" s="9"/>
      <c r="O46" s="19"/>
      <c r="P46" s="20"/>
      <c r="Q46" s="39"/>
      <c r="R46" s="27"/>
      <c r="S46" s="46"/>
      <c r="T46" s="46"/>
      <c r="U46" s="231"/>
      <c r="V46" s="232"/>
      <c r="W46" s="9"/>
      <c r="X46" s="233"/>
      <c r="Y46" s="234"/>
      <c r="Z46" s="9"/>
      <c r="AA46" s="9"/>
      <c r="AB46" s="19"/>
      <c r="AC46" s="20"/>
      <c r="AD46" s="39"/>
      <c r="AE46" s="27"/>
      <c r="AF46" s="46"/>
      <c r="AG46" s="46"/>
      <c r="AH46" s="231"/>
      <c r="AI46" s="232"/>
      <c r="AJ46" s="9"/>
      <c r="AK46" s="233"/>
      <c r="AL46" s="234"/>
      <c r="AM46" s="9"/>
      <c r="AN46" s="9"/>
      <c r="AO46" s="19"/>
      <c r="AP46" s="20"/>
      <c r="AQ46" s="39"/>
      <c r="AR46" s="27"/>
      <c r="AS46" s="46"/>
      <c r="AT46" s="46"/>
      <c r="AU46" s="231"/>
      <c r="AV46" s="232"/>
      <c r="AW46" s="9"/>
      <c r="AX46" s="233"/>
      <c r="AY46" s="234"/>
      <c r="AZ46" s="9"/>
      <c r="BA46" s="9"/>
      <c r="BB46" s="19"/>
      <c r="BC46" s="20"/>
      <c r="BD46" s="39"/>
      <c r="BE46" s="27"/>
      <c r="BF46" s="46"/>
      <c r="BG46" s="46"/>
      <c r="BH46" s="231"/>
      <c r="BI46" s="232"/>
      <c r="BJ46" s="9"/>
      <c r="BK46" s="233"/>
      <c r="BL46" s="234"/>
      <c r="BM46" s="9"/>
      <c r="BN46" s="9"/>
      <c r="BO46" s="19"/>
      <c r="BP46" s="20"/>
      <c r="BQ46" s="39"/>
      <c r="BR46" s="27"/>
      <c r="BS46" s="46"/>
      <c r="BT46" s="46"/>
      <c r="BU46" s="231"/>
      <c r="BV46" s="232"/>
      <c r="BW46" s="9"/>
      <c r="BX46" s="233"/>
      <c r="BY46" s="234"/>
      <c r="BZ46" s="9"/>
      <c r="CA46" s="9"/>
      <c r="CB46" s="19"/>
      <c r="CC46" s="20"/>
      <c r="CD46" s="39"/>
      <c r="CE46" s="27"/>
      <c r="CF46" s="46"/>
      <c r="CG46" s="46"/>
      <c r="CH46" s="231"/>
      <c r="CI46" s="232"/>
      <c r="CJ46" s="9"/>
      <c r="CK46" s="233"/>
      <c r="CL46" s="234"/>
      <c r="CM46" s="9"/>
      <c r="CN46" s="9"/>
      <c r="CO46" s="19"/>
      <c r="CP46" s="20"/>
      <c r="CQ46" s="39"/>
      <c r="CR46" s="27"/>
      <c r="CS46" s="46"/>
      <c r="CT46" s="46"/>
      <c r="CU46" s="231"/>
      <c r="CV46" s="232"/>
      <c r="CW46" s="9"/>
      <c r="CX46" s="233"/>
      <c r="CY46" s="234"/>
      <c r="CZ46" s="9"/>
      <c r="DA46" s="9"/>
      <c r="DB46" s="19"/>
      <c r="DC46" s="20"/>
      <c r="DD46" s="39"/>
      <c r="DE46" s="27"/>
      <c r="DF46" s="46"/>
      <c r="DG46" s="46"/>
      <c r="DH46" s="231"/>
      <c r="DI46" s="232"/>
      <c r="DJ46" s="9"/>
      <c r="DK46" s="233"/>
      <c r="DL46" s="234"/>
      <c r="DM46" s="9"/>
      <c r="DN46" s="9"/>
      <c r="DO46" s="19"/>
      <c r="DP46" s="20"/>
      <c r="DQ46" s="39"/>
      <c r="DR46" s="27"/>
      <c r="DS46" s="46"/>
      <c r="DT46" s="46"/>
      <c r="DU46" s="231"/>
      <c r="DV46" s="232"/>
      <c r="DW46" s="9"/>
      <c r="DX46" s="233"/>
      <c r="DY46" s="234"/>
      <c r="DZ46" s="9"/>
      <c r="EA46" s="9"/>
      <c r="EB46" s="19"/>
      <c r="EC46" s="20"/>
      <c r="ED46" s="39"/>
      <c r="EE46" s="27"/>
      <c r="EF46" s="46"/>
      <c r="EG46" s="46"/>
      <c r="EH46" s="231"/>
      <c r="EI46" s="232"/>
      <c r="EJ46" s="9"/>
      <c r="EK46" s="233"/>
      <c r="EL46" s="234"/>
      <c r="EM46" s="9"/>
      <c r="EN46" s="9"/>
      <c r="EO46" s="19"/>
      <c r="EP46" s="20"/>
      <c r="EQ46" s="39"/>
      <c r="ER46" s="27"/>
      <c r="ES46" s="46"/>
      <c r="ET46" s="46"/>
      <c r="EU46" s="231"/>
      <c r="EV46" s="232"/>
      <c r="EW46" s="9"/>
      <c r="EX46" s="233"/>
      <c r="EY46" s="234"/>
      <c r="EZ46" s="9"/>
      <c r="FA46" s="9"/>
      <c r="FB46" s="19"/>
      <c r="FC46" s="20"/>
      <c r="FD46" s="39"/>
      <c r="FE46" s="27"/>
      <c r="FF46" s="46"/>
      <c r="FG46" s="46"/>
      <c r="FH46" s="231"/>
      <c r="FI46" s="232"/>
      <c r="FJ46" s="9"/>
      <c r="FK46" s="233"/>
      <c r="FL46" s="234"/>
      <c r="FM46" s="9"/>
      <c r="FN46" s="9"/>
      <c r="FO46" s="19"/>
      <c r="FP46" s="20"/>
      <c r="FQ46" s="39"/>
      <c r="FR46" s="27"/>
      <c r="FS46" s="46"/>
      <c r="FT46" s="46"/>
      <c r="FU46" s="231"/>
      <c r="FV46" s="232"/>
      <c r="FW46" s="9"/>
      <c r="FX46" s="233"/>
      <c r="FY46" s="234"/>
      <c r="FZ46" s="9"/>
      <c r="GA46" s="9"/>
      <c r="GB46" s="19"/>
      <c r="GC46" s="20"/>
      <c r="GD46" s="39"/>
      <c r="GE46" s="27"/>
      <c r="GF46" s="46"/>
      <c r="GG46" s="46"/>
      <c r="GH46" s="231"/>
      <c r="GI46" s="232"/>
      <c r="GJ46" s="9"/>
      <c r="GK46" s="233"/>
      <c r="GL46" s="234"/>
      <c r="GM46" s="9"/>
      <c r="GN46" s="9"/>
      <c r="GO46" s="19"/>
      <c r="GP46" s="20"/>
      <c r="GQ46" s="39"/>
      <c r="GR46" s="27"/>
      <c r="GS46" s="46"/>
      <c r="GT46" s="46"/>
      <c r="GU46" s="231"/>
      <c r="GV46" s="232"/>
      <c r="GW46" s="9"/>
      <c r="GX46" s="233"/>
      <c r="GY46" s="234"/>
      <c r="GZ46" s="9"/>
      <c r="HA46" s="9"/>
      <c r="HB46" s="19"/>
      <c r="HC46" s="20"/>
      <c r="HD46" s="39"/>
      <c r="HE46" s="27"/>
      <c r="HF46" s="46"/>
      <c r="HG46" s="46"/>
      <c r="HH46" s="231"/>
      <c r="HI46" s="232"/>
      <c r="HJ46" s="9"/>
      <c r="HK46" s="233"/>
      <c r="HL46" s="234"/>
      <c r="HM46" s="9"/>
      <c r="HN46" s="9"/>
      <c r="HO46" s="19"/>
      <c r="HP46" s="20"/>
      <c r="HQ46" s="39"/>
      <c r="HR46" s="27"/>
      <c r="HS46" s="46"/>
      <c r="HT46" s="46"/>
      <c r="HU46" s="231"/>
      <c r="HV46" s="232"/>
      <c r="HW46" s="9"/>
      <c r="HX46" s="233"/>
      <c r="HY46" s="234"/>
      <c r="HZ46" s="9"/>
      <c r="IA46" s="9"/>
      <c r="IB46" s="19"/>
      <c r="IC46" s="20"/>
      <c r="ID46" s="39"/>
      <c r="IE46" s="27"/>
      <c r="IF46" s="46"/>
      <c r="IG46" s="46"/>
      <c r="IH46" s="231"/>
      <c r="II46" s="232"/>
      <c r="IJ46" s="9"/>
      <c r="IK46" s="233"/>
      <c r="IL46" s="234"/>
      <c r="IM46" s="9"/>
      <c r="IN46" s="9"/>
      <c r="IO46" s="19"/>
      <c r="IP46" s="20"/>
      <c r="IQ46" s="39"/>
      <c r="IR46" s="27"/>
      <c r="IS46" s="46"/>
      <c r="IT46" s="46"/>
      <c r="IU46" s="231"/>
      <c r="IV46" s="232"/>
      <c r="IW46" s="9"/>
      <c r="IX46" s="233"/>
      <c r="IY46" s="234"/>
      <c r="IZ46" s="9"/>
      <c r="JA46" s="9"/>
      <c r="JB46" s="19"/>
      <c r="JC46" s="20"/>
      <c r="JD46" s="39"/>
      <c r="JE46" s="27"/>
      <c r="JF46" s="46"/>
      <c r="JG46" s="46"/>
      <c r="JH46" s="231"/>
      <c r="JI46" s="232"/>
      <c r="JJ46" s="9"/>
      <c r="JK46" s="233"/>
      <c r="JL46" s="234"/>
      <c r="JM46" s="9"/>
      <c r="JN46" s="9"/>
      <c r="JO46" s="19"/>
      <c r="JP46" s="20"/>
      <c r="JQ46" s="39"/>
      <c r="JR46" s="27"/>
      <c r="JS46" s="46"/>
      <c r="JT46" s="46"/>
      <c r="JU46" s="231"/>
      <c r="JV46" s="232"/>
      <c r="JW46" s="9"/>
      <c r="JX46" s="233"/>
      <c r="JY46" s="234"/>
      <c r="JZ46" s="9"/>
      <c r="KA46" s="9"/>
      <c r="KB46" s="19"/>
      <c r="KC46" s="20"/>
      <c r="KD46" s="39"/>
      <c r="KE46" s="27"/>
      <c r="KF46" s="46"/>
      <c r="KG46" s="46"/>
      <c r="KH46" s="231"/>
      <c r="KI46" s="232"/>
      <c r="KJ46" s="9"/>
      <c r="KK46" s="233"/>
      <c r="KL46" s="234"/>
      <c r="KM46" s="9"/>
      <c r="KN46" s="9"/>
      <c r="KO46" s="19"/>
      <c r="KP46" s="20"/>
      <c r="KQ46" s="39"/>
      <c r="KR46" s="27"/>
      <c r="KS46" s="46"/>
      <c r="KT46" s="46"/>
      <c r="KU46" s="231"/>
      <c r="KV46" s="232"/>
      <c r="KW46" s="9"/>
      <c r="KX46" s="233"/>
      <c r="KY46" s="234"/>
      <c r="KZ46" s="9"/>
      <c r="LA46" s="9"/>
      <c r="LB46" s="19"/>
      <c r="LC46" s="20"/>
      <c r="LD46" s="39"/>
      <c r="LE46" s="27"/>
      <c r="LF46" s="46"/>
      <c r="LG46" s="46"/>
      <c r="LH46" s="231"/>
      <c r="LI46" s="232"/>
      <c r="LJ46" s="9"/>
      <c r="LK46" s="233"/>
      <c r="LL46" s="234"/>
      <c r="LM46" s="9"/>
      <c r="LN46" s="9"/>
      <c r="LO46" s="19"/>
      <c r="LP46" s="20"/>
      <c r="LQ46" s="39"/>
      <c r="LR46" s="27"/>
      <c r="LS46" s="46"/>
      <c r="LT46" s="46"/>
      <c r="LU46" s="231"/>
      <c r="LV46" s="232"/>
      <c r="LW46" s="9"/>
      <c r="LX46" s="233"/>
      <c r="LY46" s="234"/>
      <c r="LZ46" s="9"/>
      <c r="MA46" s="9"/>
      <c r="MB46" s="19"/>
      <c r="MC46" s="20"/>
      <c r="MD46" s="39"/>
      <c r="ME46" s="27"/>
      <c r="MF46" s="46"/>
      <c r="MG46" s="46"/>
      <c r="MH46" s="231"/>
      <c r="MI46" s="232"/>
      <c r="MJ46" s="9"/>
      <c r="MK46" s="233"/>
      <c r="ML46" s="234"/>
      <c r="MM46" s="9"/>
      <c r="MN46" s="9"/>
      <c r="MO46" s="19"/>
      <c r="MP46" s="20"/>
      <c r="MQ46" s="39"/>
      <c r="MR46" s="27"/>
      <c r="MS46" s="46"/>
      <c r="MT46" s="46"/>
      <c r="MU46" s="231"/>
      <c r="MV46" s="232"/>
      <c r="MW46" s="9"/>
      <c r="MX46" s="233"/>
      <c r="MY46" s="234"/>
      <c r="MZ46" s="9"/>
      <c r="NA46" s="9"/>
      <c r="NB46" s="19" t="str">
        <f t="shared" si="0"/>
        <v/>
      </c>
      <c r="NC46" s="20" t="str">
        <f>IF(NC45="","",IF(NC45='（参考）【別紙２】'!$E$35,"",IF(MONTH(NC45)=MONTH(NC45+1),NC45+1,"")))</f>
        <v/>
      </c>
      <c r="ND46" s="39" t="str">
        <f>IF(COUNTIF(祝日一覧!$E$2:$E$142,NC46),"○",IF(NG46&lt;&gt;"","○",""))</f>
        <v/>
      </c>
      <c r="NE46" s="27"/>
      <c r="NF46" s="46" t="str">
        <f t="shared" si="2"/>
        <v/>
      </c>
      <c r="NG46" s="46"/>
      <c r="NH46" s="231"/>
      <c r="NI46" s="232"/>
      <c r="NJ46" s="9"/>
      <c r="NK46" s="233"/>
      <c r="NL46" s="234"/>
      <c r="NM46" s="9"/>
      <c r="NN46" s="9"/>
      <c r="NO46" s="19"/>
      <c r="NP46" s="20"/>
      <c r="NQ46" s="39"/>
      <c r="NR46" s="27"/>
      <c r="NS46" s="46"/>
      <c r="NT46" s="46"/>
      <c r="NU46" s="231"/>
      <c r="NV46" s="232"/>
      <c r="NW46" s="9"/>
      <c r="NX46" s="233"/>
      <c r="NY46" s="234"/>
      <c r="NZ46" s="9"/>
      <c r="OA46" s="9"/>
      <c r="OB46" s="19"/>
      <c r="OC46" s="20"/>
      <c r="OD46" s="39"/>
      <c r="OE46" s="27"/>
      <c r="OF46" s="46"/>
      <c r="OG46" s="46"/>
      <c r="OH46" s="231"/>
      <c r="OI46" s="232"/>
      <c r="OJ46" s="9"/>
      <c r="OK46" s="233"/>
      <c r="OL46" s="234"/>
      <c r="OM46" s="9"/>
      <c r="ON46" s="9"/>
      <c r="OO46" s="19"/>
      <c r="OP46" s="20"/>
      <c r="OQ46" s="39"/>
      <c r="OR46" s="27"/>
      <c r="OS46" s="46"/>
      <c r="OT46" s="46"/>
      <c r="OU46" s="231"/>
      <c r="OV46" s="232"/>
      <c r="OW46" s="9"/>
      <c r="OX46" s="233"/>
      <c r="OY46" s="234"/>
      <c r="OZ46" s="9"/>
      <c r="PA46" s="9"/>
      <c r="PB46" s="19"/>
      <c r="PC46" s="20"/>
      <c r="PD46" s="39"/>
      <c r="PE46" s="27"/>
      <c r="PF46" s="46"/>
      <c r="PG46" s="46"/>
      <c r="PH46" s="231"/>
      <c r="PI46" s="232"/>
      <c r="PJ46" s="9"/>
      <c r="PK46" s="233"/>
      <c r="PL46" s="234"/>
      <c r="PM46" s="9"/>
      <c r="PN46" s="9"/>
      <c r="PO46" s="19"/>
      <c r="PP46" s="20"/>
      <c r="PQ46" s="39"/>
      <c r="PR46" s="27"/>
      <c r="PS46" s="46"/>
      <c r="PT46" s="46"/>
      <c r="PU46" s="231"/>
      <c r="PV46" s="232"/>
      <c r="PW46" s="9"/>
      <c r="PX46" s="233"/>
      <c r="PY46" s="234"/>
      <c r="PZ46" s="9"/>
      <c r="QA46" s="9"/>
      <c r="QB46" s="19"/>
      <c r="QC46" s="20"/>
      <c r="QD46" s="39"/>
      <c r="QE46" s="27"/>
      <c r="QF46" s="46"/>
      <c r="QG46" s="46"/>
      <c r="QH46" s="231"/>
      <c r="QI46" s="232"/>
      <c r="QJ46" s="9"/>
      <c r="QK46" s="233"/>
      <c r="QL46" s="234"/>
      <c r="QM46" s="9"/>
      <c r="QN46" s="9"/>
      <c r="QO46" s="19"/>
      <c r="QP46" s="20"/>
      <c r="QQ46" s="39"/>
      <c r="QR46" s="27"/>
      <c r="QS46" s="46"/>
      <c r="QT46" s="46"/>
      <c r="QU46" s="231"/>
      <c r="QV46" s="232"/>
      <c r="QW46" s="9"/>
      <c r="QX46" s="233"/>
      <c r="QY46" s="234"/>
      <c r="QZ46" s="9"/>
      <c r="RA46" s="9"/>
      <c r="RB46" s="19"/>
      <c r="RC46" s="20"/>
      <c r="RD46" s="39"/>
      <c r="RE46" s="27"/>
      <c r="RF46" s="46"/>
      <c r="RG46" s="46"/>
      <c r="RH46" s="231"/>
      <c r="RI46" s="232"/>
      <c r="RJ46" s="9"/>
      <c r="RK46" s="233"/>
      <c r="RL46" s="234"/>
      <c r="RM46" s="9"/>
      <c r="RN46" s="9"/>
      <c r="RO46" s="19"/>
      <c r="RP46" s="20"/>
      <c r="RQ46" s="39"/>
      <c r="RR46" s="27"/>
      <c r="RS46" s="46"/>
      <c r="RT46" s="46"/>
      <c r="RU46" s="231"/>
      <c r="RV46" s="232"/>
      <c r="RW46" s="9"/>
      <c r="RX46" s="233"/>
      <c r="RY46" s="234"/>
      <c r="RZ46" s="9"/>
      <c r="SA46" s="9"/>
      <c r="SB46" s="19"/>
      <c r="SC46" s="20"/>
      <c r="SD46" s="39"/>
      <c r="SE46" s="27"/>
      <c r="SF46" s="46"/>
      <c r="SG46" s="46"/>
      <c r="SH46" s="231"/>
      <c r="SI46" s="232"/>
      <c r="SJ46" s="9"/>
      <c r="SK46" s="233"/>
      <c r="SL46" s="234"/>
      <c r="SM46" s="9"/>
    </row>
    <row r="47" spans="1:507" s="53" customFormat="1" ht="15.6" customHeight="1">
      <c r="A47" s="10"/>
      <c r="B47" s="94"/>
      <c r="C47" s="94"/>
      <c r="D47" s="94"/>
      <c r="E47" s="94"/>
      <c r="F47" s="94"/>
      <c r="G47" s="94"/>
      <c r="H47" s="95">
        <v>1</v>
      </c>
      <c r="I47" s="96"/>
      <c r="J47" s="10"/>
      <c r="K47" s="234"/>
      <c r="L47" s="234"/>
      <c r="M47" s="10"/>
      <c r="N47" s="10"/>
      <c r="O47" s="94"/>
      <c r="P47" s="94"/>
      <c r="Q47" s="94"/>
      <c r="R47" s="94"/>
      <c r="S47" s="94"/>
      <c r="T47" s="94"/>
      <c r="U47" s="97">
        <f>H47+1</f>
        <v>2</v>
      </c>
      <c r="V47" s="10"/>
      <c r="W47" s="10"/>
      <c r="X47" s="234"/>
      <c r="Y47" s="234"/>
      <c r="Z47" s="10"/>
      <c r="AA47" s="10"/>
      <c r="AB47" s="94"/>
      <c r="AC47" s="94"/>
      <c r="AD47" s="94"/>
      <c r="AE47" s="94"/>
      <c r="AF47" s="94"/>
      <c r="AG47" s="94"/>
      <c r="AH47" s="97">
        <f>U47+1</f>
        <v>3</v>
      </c>
      <c r="AI47" s="10"/>
      <c r="AJ47" s="10"/>
      <c r="AK47" s="234"/>
      <c r="AL47" s="234"/>
      <c r="AM47" s="10"/>
      <c r="AN47" s="10"/>
      <c r="AO47" s="94"/>
      <c r="AP47" s="94"/>
      <c r="AQ47" s="94"/>
      <c r="AR47" s="94"/>
      <c r="AS47" s="94"/>
      <c r="AT47" s="94"/>
      <c r="AU47" s="97">
        <f>AH47+1</f>
        <v>4</v>
      </c>
      <c r="AV47" s="10"/>
      <c r="AW47" s="10"/>
      <c r="AX47" s="234"/>
      <c r="AY47" s="234"/>
      <c r="AZ47" s="10"/>
      <c r="BA47" s="10"/>
      <c r="BB47" s="94"/>
      <c r="BC47" s="94"/>
      <c r="BD47" s="94"/>
      <c r="BE47" s="94"/>
      <c r="BF47" s="94"/>
      <c r="BG47" s="94"/>
      <c r="BH47" s="97">
        <f>AU47+1</f>
        <v>5</v>
      </c>
      <c r="BI47" s="10"/>
      <c r="BJ47" s="10"/>
      <c r="BK47" s="234"/>
      <c r="BL47" s="234"/>
      <c r="BM47" s="10"/>
      <c r="BN47" s="10"/>
      <c r="BO47" s="94"/>
      <c r="BP47" s="94"/>
      <c r="BQ47" s="94"/>
      <c r="BR47" s="94"/>
      <c r="BS47" s="94"/>
      <c r="BT47" s="94"/>
      <c r="BU47" s="97">
        <f>BH47+1</f>
        <v>6</v>
      </c>
      <c r="BV47" s="10"/>
      <c r="BW47" s="10"/>
      <c r="BX47" s="234"/>
      <c r="BY47" s="234"/>
      <c r="BZ47" s="10"/>
      <c r="CA47" s="10"/>
      <c r="CB47" s="94"/>
      <c r="CC47" s="94"/>
      <c r="CD47" s="94"/>
      <c r="CE47" s="94"/>
      <c r="CF47" s="94"/>
      <c r="CG47" s="94"/>
      <c r="CH47" s="97">
        <f>BU47+1</f>
        <v>7</v>
      </c>
      <c r="CI47" s="10"/>
      <c r="CJ47" s="10"/>
      <c r="CK47" s="234"/>
      <c r="CL47" s="234"/>
      <c r="CM47" s="10"/>
      <c r="CN47" s="10"/>
      <c r="CO47" s="94"/>
      <c r="CP47" s="94"/>
      <c r="CQ47" s="94"/>
      <c r="CR47" s="94"/>
      <c r="CS47" s="94"/>
      <c r="CT47" s="94"/>
      <c r="CU47" s="97">
        <f>CH47+1</f>
        <v>8</v>
      </c>
      <c r="CV47" s="10"/>
      <c r="CW47" s="10"/>
      <c r="CX47" s="234"/>
      <c r="CY47" s="234"/>
      <c r="CZ47" s="10"/>
      <c r="DA47" s="10"/>
      <c r="DB47" s="94"/>
      <c r="DC47" s="94"/>
      <c r="DD47" s="94"/>
      <c r="DE47" s="94"/>
      <c r="DF47" s="94"/>
      <c r="DG47" s="94"/>
      <c r="DH47" s="97">
        <f>CU47+1</f>
        <v>9</v>
      </c>
      <c r="DI47" s="10"/>
      <c r="DJ47" s="10"/>
      <c r="DK47" s="234"/>
      <c r="DL47" s="234"/>
      <c r="DM47" s="10"/>
      <c r="DN47" s="10"/>
      <c r="DO47" s="94"/>
      <c r="DP47" s="94"/>
      <c r="DQ47" s="94"/>
      <c r="DR47" s="94"/>
      <c r="DS47" s="94"/>
      <c r="DT47" s="94"/>
      <c r="DU47" s="97">
        <f>DH47+1</f>
        <v>10</v>
      </c>
      <c r="DV47" s="10"/>
      <c r="DW47" s="10"/>
      <c r="DX47" s="234"/>
      <c r="DY47" s="234"/>
      <c r="DZ47" s="10"/>
      <c r="EA47" s="10"/>
      <c r="EB47" s="94"/>
      <c r="EC47" s="94"/>
      <c r="ED47" s="94"/>
      <c r="EE47" s="94"/>
      <c r="EF47" s="94"/>
      <c r="EG47" s="94"/>
      <c r="EH47" s="97">
        <f>DU47+1</f>
        <v>11</v>
      </c>
      <c r="EI47" s="10"/>
      <c r="EJ47" s="10"/>
      <c r="EK47" s="234"/>
      <c r="EL47" s="234"/>
      <c r="EM47" s="10"/>
      <c r="EN47" s="10"/>
      <c r="EO47" s="94"/>
      <c r="EP47" s="94"/>
      <c r="EQ47" s="94"/>
      <c r="ER47" s="94"/>
      <c r="ES47" s="94"/>
      <c r="ET47" s="94"/>
      <c r="EU47" s="97">
        <f>EH47+1</f>
        <v>12</v>
      </c>
      <c r="EV47" s="10"/>
      <c r="EW47" s="10"/>
      <c r="EX47" s="234"/>
      <c r="EY47" s="234"/>
      <c r="EZ47" s="10"/>
      <c r="FA47" s="10"/>
      <c r="FB47" s="94"/>
      <c r="FC47" s="94"/>
      <c r="FD47" s="94"/>
      <c r="FE47" s="94"/>
      <c r="FF47" s="94"/>
      <c r="FG47" s="94"/>
      <c r="FH47" s="97">
        <f>EU47+1</f>
        <v>13</v>
      </c>
      <c r="FI47" s="10"/>
      <c r="FJ47" s="10"/>
      <c r="FK47" s="234"/>
      <c r="FL47" s="234"/>
      <c r="FM47" s="10"/>
      <c r="FN47" s="10"/>
      <c r="FO47" s="94"/>
      <c r="FP47" s="94"/>
      <c r="FQ47" s="94"/>
      <c r="FR47" s="94"/>
      <c r="FS47" s="94"/>
      <c r="FT47" s="94"/>
      <c r="FU47" s="97">
        <f>FH47+1</f>
        <v>14</v>
      </c>
      <c r="FV47" s="10"/>
      <c r="FW47" s="10"/>
      <c r="FX47" s="234"/>
      <c r="FY47" s="234"/>
      <c r="FZ47" s="10"/>
      <c r="GA47" s="10"/>
      <c r="GB47" s="94"/>
      <c r="GC47" s="94"/>
      <c r="GD47" s="94"/>
      <c r="GE47" s="94"/>
      <c r="GF47" s="94"/>
      <c r="GG47" s="94"/>
      <c r="GH47" s="97">
        <f>FU47+1</f>
        <v>15</v>
      </c>
      <c r="GI47" s="10"/>
      <c r="GJ47" s="10"/>
      <c r="GK47" s="234"/>
      <c r="GL47" s="234"/>
      <c r="GM47" s="10"/>
      <c r="GN47" s="10"/>
      <c r="GO47" s="94"/>
      <c r="GP47" s="94"/>
      <c r="GQ47" s="94"/>
      <c r="GR47" s="94"/>
      <c r="GS47" s="94"/>
      <c r="GT47" s="94"/>
      <c r="GU47" s="97">
        <f>GH47+1</f>
        <v>16</v>
      </c>
      <c r="GV47" s="10"/>
      <c r="GW47" s="10"/>
      <c r="GX47" s="234"/>
      <c r="GY47" s="234"/>
      <c r="GZ47" s="10"/>
      <c r="HA47" s="10"/>
      <c r="HB47" s="94"/>
      <c r="HC47" s="94"/>
      <c r="HD47" s="94"/>
      <c r="HE47" s="94"/>
      <c r="HF47" s="94"/>
      <c r="HG47" s="94"/>
      <c r="HH47" s="97">
        <f>GU47+1</f>
        <v>17</v>
      </c>
      <c r="HI47" s="10"/>
      <c r="HJ47" s="10"/>
      <c r="HK47" s="234"/>
      <c r="HL47" s="234"/>
      <c r="HM47" s="10"/>
      <c r="HN47" s="10"/>
      <c r="HO47" s="94"/>
      <c r="HP47" s="94"/>
      <c r="HQ47" s="94"/>
      <c r="HR47" s="94"/>
      <c r="HS47" s="94"/>
      <c r="HT47" s="94"/>
      <c r="HU47" s="97">
        <f>HH47+1</f>
        <v>18</v>
      </c>
      <c r="HV47" s="10"/>
      <c r="HW47" s="10"/>
      <c r="HX47" s="234"/>
      <c r="HY47" s="234"/>
      <c r="HZ47" s="10"/>
      <c r="IA47" s="10"/>
      <c r="IB47" s="94"/>
      <c r="IC47" s="94"/>
      <c r="ID47" s="94"/>
      <c r="IE47" s="94"/>
      <c r="IF47" s="94"/>
      <c r="IG47" s="94"/>
      <c r="IH47" s="97">
        <f>HU47+1</f>
        <v>19</v>
      </c>
      <c r="II47" s="10"/>
      <c r="IJ47" s="10"/>
      <c r="IK47" s="234"/>
      <c r="IL47" s="234"/>
      <c r="IM47" s="10"/>
      <c r="IN47" s="10"/>
      <c r="IO47" s="94"/>
      <c r="IP47" s="94"/>
      <c r="IQ47" s="94"/>
      <c r="IR47" s="94"/>
      <c r="IS47" s="94"/>
      <c r="IT47" s="94"/>
      <c r="IU47" s="97">
        <f>IH47+1</f>
        <v>20</v>
      </c>
      <c r="IV47" s="10"/>
      <c r="IW47" s="10"/>
      <c r="IX47" s="234"/>
      <c r="IY47" s="234"/>
      <c r="IZ47" s="10"/>
      <c r="JA47" s="10"/>
      <c r="JB47" s="94"/>
      <c r="JC47" s="94"/>
      <c r="JD47" s="94"/>
      <c r="JE47" s="94"/>
      <c r="JF47" s="94"/>
      <c r="JG47" s="94"/>
      <c r="JH47" s="97">
        <f>IU47+1</f>
        <v>21</v>
      </c>
      <c r="JI47" s="10"/>
      <c r="JJ47" s="10"/>
      <c r="JK47" s="234"/>
      <c r="JL47" s="234"/>
      <c r="JM47" s="10"/>
      <c r="JN47" s="10"/>
      <c r="JO47" s="94"/>
      <c r="JP47" s="94"/>
      <c r="JQ47" s="94"/>
      <c r="JR47" s="94"/>
      <c r="JS47" s="94"/>
      <c r="JT47" s="94"/>
      <c r="JU47" s="97">
        <f>JH47+1</f>
        <v>22</v>
      </c>
      <c r="JV47" s="10"/>
      <c r="JW47" s="10"/>
      <c r="JX47" s="234"/>
      <c r="JY47" s="234"/>
      <c r="JZ47" s="10"/>
      <c r="KA47" s="10"/>
      <c r="KB47" s="94"/>
      <c r="KC47" s="94"/>
      <c r="KD47" s="94"/>
      <c r="KE47" s="94"/>
      <c r="KF47" s="94"/>
      <c r="KG47" s="94"/>
      <c r="KH47" s="97">
        <f>JU47+1</f>
        <v>23</v>
      </c>
      <c r="KI47" s="10"/>
      <c r="KJ47" s="10"/>
      <c r="KK47" s="234"/>
      <c r="KL47" s="234"/>
      <c r="KM47" s="10"/>
      <c r="KN47" s="10"/>
      <c r="KO47" s="94"/>
      <c r="KP47" s="94"/>
      <c r="KQ47" s="94"/>
      <c r="KR47" s="94"/>
      <c r="KS47" s="94"/>
      <c r="KT47" s="94"/>
      <c r="KU47" s="97">
        <f>KH47+1</f>
        <v>24</v>
      </c>
      <c r="KV47" s="10"/>
      <c r="KW47" s="10"/>
      <c r="KX47" s="234"/>
      <c r="KY47" s="234"/>
      <c r="KZ47" s="10"/>
      <c r="LA47" s="10"/>
      <c r="LB47" s="94"/>
      <c r="LC47" s="94"/>
      <c r="LD47" s="94"/>
      <c r="LE47" s="94"/>
      <c r="LF47" s="94"/>
      <c r="LG47" s="94"/>
      <c r="LH47" s="97">
        <f>KU47+1</f>
        <v>25</v>
      </c>
      <c r="LI47" s="10"/>
      <c r="LJ47" s="10"/>
      <c r="LK47" s="234"/>
      <c r="LL47" s="234"/>
      <c r="LM47" s="10"/>
      <c r="LN47" s="10"/>
      <c r="LO47" s="94"/>
      <c r="LP47" s="94"/>
      <c r="LQ47" s="94"/>
      <c r="LR47" s="94"/>
      <c r="LS47" s="94"/>
      <c r="LT47" s="94"/>
      <c r="LU47" s="97">
        <f>LH47+1</f>
        <v>26</v>
      </c>
      <c r="LV47" s="10"/>
      <c r="LW47" s="10"/>
      <c r="LX47" s="234"/>
      <c r="LY47" s="234"/>
      <c r="LZ47" s="10"/>
      <c r="MA47" s="10"/>
      <c r="MB47" s="94"/>
      <c r="MC47" s="94"/>
      <c r="MD47" s="94"/>
      <c r="ME47" s="94"/>
      <c r="MF47" s="94"/>
      <c r="MG47" s="94"/>
      <c r="MH47" s="97">
        <f>LU47+1</f>
        <v>27</v>
      </c>
      <c r="MI47" s="10"/>
      <c r="MJ47" s="10"/>
      <c r="MK47" s="234"/>
      <c r="ML47" s="234"/>
      <c r="MM47" s="10"/>
      <c r="MN47" s="10"/>
      <c r="MO47" s="94"/>
      <c r="MP47" s="94"/>
      <c r="MQ47" s="94"/>
      <c r="MR47" s="94"/>
      <c r="MS47" s="94"/>
      <c r="MT47" s="94"/>
      <c r="MU47" s="97">
        <f>MH47+1</f>
        <v>28</v>
      </c>
      <c r="MV47" s="10"/>
      <c r="MW47" s="10"/>
      <c r="MX47" s="234"/>
      <c r="MY47" s="234"/>
      <c r="MZ47" s="10"/>
      <c r="NA47" s="10"/>
      <c r="NB47" s="94"/>
      <c r="NC47" s="94"/>
      <c r="ND47" s="94"/>
      <c r="NE47" s="94"/>
      <c r="NF47" s="94"/>
      <c r="NG47" s="94"/>
      <c r="NH47" s="97">
        <f>MU47+1</f>
        <v>29</v>
      </c>
      <c r="NI47" s="10"/>
      <c r="NJ47" s="10"/>
      <c r="NK47" s="234"/>
      <c r="NL47" s="234"/>
      <c r="NM47" s="10"/>
      <c r="NN47" s="10"/>
      <c r="NO47" s="94"/>
      <c r="NP47" s="94"/>
      <c r="NQ47" s="94"/>
      <c r="NR47" s="94"/>
      <c r="NS47" s="94"/>
      <c r="NT47" s="94"/>
      <c r="NU47" s="97">
        <f>NH47+1</f>
        <v>30</v>
      </c>
      <c r="NV47" s="10"/>
      <c r="NW47" s="10"/>
      <c r="NX47" s="234"/>
      <c r="NY47" s="234"/>
      <c r="NZ47" s="10"/>
      <c r="OA47" s="10"/>
      <c r="OB47" s="94"/>
      <c r="OC47" s="94"/>
      <c r="OD47" s="94"/>
      <c r="OE47" s="94"/>
      <c r="OF47" s="94"/>
      <c r="OG47" s="94"/>
      <c r="OH47" s="97">
        <f>NU47+1</f>
        <v>31</v>
      </c>
      <c r="OI47" s="10"/>
      <c r="OJ47" s="10"/>
      <c r="OK47" s="234"/>
      <c r="OL47" s="234"/>
      <c r="OM47" s="10"/>
      <c r="ON47" s="10"/>
      <c r="OO47" s="94"/>
      <c r="OP47" s="94"/>
      <c r="OQ47" s="94"/>
      <c r="OR47" s="94"/>
      <c r="OS47" s="94"/>
      <c r="OT47" s="94"/>
      <c r="OU47" s="97">
        <f>OH47+1</f>
        <v>32</v>
      </c>
      <c r="OV47" s="10"/>
      <c r="OW47" s="10"/>
      <c r="OX47" s="234"/>
      <c r="OY47" s="234"/>
      <c r="OZ47" s="10"/>
      <c r="PA47" s="10"/>
      <c r="PB47" s="94"/>
      <c r="PC47" s="94"/>
      <c r="PD47" s="94"/>
      <c r="PE47" s="94"/>
      <c r="PF47" s="94"/>
      <c r="PG47" s="94"/>
      <c r="PH47" s="97">
        <f>OU47+1</f>
        <v>33</v>
      </c>
      <c r="PI47" s="10"/>
      <c r="PJ47" s="10"/>
      <c r="PK47" s="234"/>
      <c r="PL47" s="234"/>
      <c r="PM47" s="10"/>
      <c r="PN47" s="10"/>
      <c r="PO47" s="94"/>
      <c r="PP47" s="94"/>
      <c r="PQ47" s="94"/>
      <c r="PR47" s="94"/>
      <c r="PS47" s="94"/>
      <c r="PT47" s="94"/>
      <c r="PU47" s="97">
        <f>PH47+1</f>
        <v>34</v>
      </c>
      <c r="PV47" s="10"/>
      <c r="PW47" s="10"/>
      <c r="PX47" s="234"/>
      <c r="PY47" s="234"/>
      <c r="PZ47" s="10"/>
      <c r="QA47" s="10"/>
      <c r="QB47" s="94"/>
      <c r="QC47" s="94"/>
      <c r="QD47" s="94"/>
      <c r="QE47" s="94"/>
      <c r="QF47" s="94"/>
      <c r="QG47" s="94"/>
      <c r="QH47" s="97">
        <f>PU47+1</f>
        <v>35</v>
      </c>
      <c r="QI47" s="10"/>
      <c r="QJ47" s="10"/>
      <c r="QK47" s="234"/>
      <c r="QL47" s="234"/>
      <c r="QM47" s="10"/>
      <c r="QN47" s="10"/>
      <c r="QO47" s="94"/>
      <c r="QP47" s="94"/>
      <c r="QQ47" s="94"/>
      <c r="QR47" s="94"/>
      <c r="QS47" s="94"/>
      <c r="QT47" s="94"/>
      <c r="QU47" s="97">
        <f>QH47+1</f>
        <v>36</v>
      </c>
      <c r="QV47" s="10"/>
      <c r="QW47" s="10"/>
      <c r="QX47" s="234"/>
      <c r="QY47" s="234"/>
      <c r="QZ47" s="10"/>
      <c r="RA47" s="10"/>
      <c r="RB47" s="94"/>
      <c r="RC47" s="94"/>
      <c r="RD47" s="94"/>
      <c r="RE47" s="94"/>
      <c r="RF47" s="94"/>
      <c r="RG47" s="94"/>
      <c r="RH47" s="97">
        <f>QU47+1</f>
        <v>37</v>
      </c>
      <c r="RI47" s="10"/>
      <c r="RJ47" s="10"/>
      <c r="RK47" s="234"/>
      <c r="RL47" s="234"/>
      <c r="RM47" s="10"/>
      <c r="RN47" s="10"/>
      <c r="RO47" s="94"/>
      <c r="RP47" s="94"/>
      <c r="RQ47" s="94"/>
      <c r="RR47" s="94"/>
      <c r="RS47" s="94"/>
      <c r="RT47" s="94"/>
      <c r="RU47" s="97">
        <f>RH47+1</f>
        <v>38</v>
      </c>
      <c r="RV47" s="10"/>
      <c r="RW47" s="10"/>
      <c r="RX47" s="234"/>
      <c r="RY47" s="234"/>
      <c r="RZ47" s="10"/>
      <c r="SA47" s="10"/>
      <c r="SB47" s="94"/>
      <c r="SC47" s="94"/>
      <c r="SD47" s="94"/>
      <c r="SE47" s="94"/>
      <c r="SF47" s="94"/>
      <c r="SG47" s="94"/>
      <c r="SH47" s="97">
        <f>RU47+1</f>
        <v>39</v>
      </c>
      <c r="SI47" s="10"/>
      <c r="SJ47" s="10"/>
      <c r="SK47" s="234"/>
      <c r="SL47" s="234"/>
      <c r="SM47" s="10"/>
    </row>
    <row r="48" spans="1:507" ht="18" customHeight="1">
      <c r="E48" s="41"/>
      <c r="F48" s="41"/>
      <c r="G48" s="41"/>
      <c r="K48" s="235" t="s">
        <v>135</v>
      </c>
      <c r="L48" s="236"/>
      <c r="S48" s="41"/>
      <c r="T48" s="41"/>
      <c r="X48" s="239" t="s">
        <v>136</v>
      </c>
      <c r="Y48" s="240"/>
      <c r="AF48" s="41"/>
      <c r="AG48" s="41"/>
      <c r="AK48" s="239" t="s">
        <v>136</v>
      </c>
      <c r="AL48" s="240"/>
      <c r="AS48" s="41"/>
      <c r="AT48" s="41"/>
      <c r="AX48" s="239" t="s">
        <v>136</v>
      </c>
      <c r="AY48" s="240"/>
      <c r="BF48" s="41"/>
      <c r="BG48" s="41"/>
      <c r="BK48" s="239" t="s">
        <v>136</v>
      </c>
      <c r="BL48" s="240"/>
      <c r="BS48" s="41"/>
      <c r="BT48" s="41"/>
      <c r="BX48" s="239" t="s">
        <v>136</v>
      </c>
      <c r="BY48" s="240"/>
      <c r="CF48" s="41"/>
      <c r="CG48" s="41"/>
      <c r="CK48" s="239" t="s">
        <v>136</v>
      </c>
      <c r="CL48" s="240"/>
      <c r="CS48" s="41"/>
      <c r="CT48" s="41"/>
      <c r="CX48" s="239" t="s">
        <v>136</v>
      </c>
      <c r="CY48" s="240"/>
      <c r="DF48" s="41"/>
      <c r="DG48" s="41"/>
      <c r="DK48" s="239" t="s">
        <v>136</v>
      </c>
      <c r="DL48" s="240"/>
      <c r="DS48" s="41"/>
      <c r="DT48" s="41"/>
      <c r="DX48" s="239" t="s">
        <v>136</v>
      </c>
      <c r="DY48" s="240"/>
      <c r="EF48" s="41"/>
      <c r="EG48" s="41"/>
      <c r="EK48" s="239" t="s">
        <v>136</v>
      </c>
      <c r="EL48" s="240"/>
      <c r="ES48" s="41"/>
      <c r="ET48" s="41"/>
      <c r="EX48" s="239" t="s">
        <v>136</v>
      </c>
      <c r="EY48" s="240"/>
      <c r="FF48" s="41"/>
      <c r="FG48" s="41"/>
      <c r="FK48" s="239" t="s">
        <v>136</v>
      </c>
      <c r="FL48" s="240"/>
      <c r="FS48" s="41"/>
      <c r="FT48" s="41"/>
      <c r="FX48" s="239" t="s">
        <v>136</v>
      </c>
      <c r="FY48" s="240"/>
      <c r="GF48" s="41"/>
      <c r="GG48" s="41"/>
      <c r="GK48" s="239" t="s">
        <v>136</v>
      </c>
      <c r="GL48" s="240"/>
      <c r="GS48" s="41"/>
      <c r="GT48" s="41"/>
      <c r="GX48" s="239" t="s">
        <v>136</v>
      </c>
      <c r="GY48" s="240"/>
      <c r="HF48" s="41"/>
      <c r="HG48" s="41"/>
      <c r="HK48" s="239" t="s">
        <v>136</v>
      </c>
      <c r="HL48" s="240"/>
      <c r="HS48" s="41"/>
      <c r="HT48" s="41"/>
      <c r="HX48" s="239" t="s">
        <v>136</v>
      </c>
      <c r="HY48" s="240"/>
      <c r="IF48" s="41"/>
      <c r="IG48" s="41"/>
      <c r="IK48" s="239" t="s">
        <v>136</v>
      </c>
      <c r="IL48" s="240"/>
      <c r="IS48" s="41"/>
      <c r="IT48" s="41"/>
      <c r="IX48" s="239" t="s">
        <v>136</v>
      </c>
      <c r="IY48" s="240"/>
      <c r="JF48" s="41"/>
      <c r="JG48" s="41"/>
      <c r="JK48" s="239" t="s">
        <v>136</v>
      </c>
      <c r="JL48" s="240"/>
      <c r="JS48" s="41"/>
      <c r="JT48" s="41"/>
      <c r="JX48" s="239" t="s">
        <v>136</v>
      </c>
      <c r="JY48" s="240"/>
      <c r="KF48" s="41"/>
      <c r="KG48" s="41"/>
      <c r="KK48" s="239" t="s">
        <v>136</v>
      </c>
      <c r="KL48" s="240"/>
      <c r="KS48" s="41"/>
      <c r="KT48" s="41"/>
      <c r="KX48" s="239" t="s">
        <v>136</v>
      </c>
      <c r="KY48" s="240"/>
      <c r="LF48" s="41"/>
      <c r="LG48" s="41"/>
      <c r="LK48" s="239" t="s">
        <v>136</v>
      </c>
      <c r="LL48" s="240"/>
      <c r="LS48" s="41"/>
      <c r="LT48" s="41"/>
      <c r="LX48" s="239" t="s">
        <v>136</v>
      </c>
      <c r="LY48" s="240"/>
      <c r="MF48" s="41"/>
      <c r="MG48" s="41"/>
      <c r="MK48" s="239" t="s">
        <v>136</v>
      </c>
      <c r="ML48" s="240"/>
      <c r="MS48" s="41"/>
      <c r="MT48" s="41"/>
      <c r="MX48" s="239" t="s">
        <v>136</v>
      </c>
      <c r="MY48" s="240"/>
      <c r="NF48" s="41"/>
      <c r="NG48" s="41"/>
      <c r="NK48" s="239" t="s">
        <v>136</v>
      </c>
      <c r="NL48" s="240"/>
      <c r="NS48" s="41"/>
      <c r="NT48" s="41"/>
      <c r="NX48" s="239" t="s">
        <v>136</v>
      </c>
      <c r="NY48" s="240"/>
      <c r="OF48" s="41"/>
      <c r="OG48" s="41"/>
      <c r="OK48" s="239" t="s">
        <v>136</v>
      </c>
      <c r="OL48" s="240"/>
      <c r="OS48" s="41"/>
      <c r="OT48" s="41"/>
      <c r="OX48" s="239" t="s">
        <v>136</v>
      </c>
      <c r="OY48" s="240"/>
      <c r="PF48" s="41"/>
      <c r="PG48" s="41"/>
      <c r="PK48" s="239" t="s">
        <v>136</v>
      </c>
      <c r="PL48" s="240"/>
      <c r="PS48" s="41"/>
      <c r="PT48" s="41"/>
      <c r="PX48" s="239" t="s">
        <v>136</v>
      </c>
      <c r="PY48" s="240"/>
      <c r="QF48" s="41"/>
      <c r="QG48" s="41"/>
      <c r="QK48" s="239" t="s">
        <v>136</v>
      </c>
      <c r="QL48" s="240"/>
      <c r="QS48" s="41"/>
      <c r="QT48" s="41"/>
      <c r="QX48" s="239" t="s">
        <v>136</v>
      </c>
      <c r="QY48" s="240"/>
      <c r="RF48" s="41"/>
      <c r="RG48" s="41"/>
      <c r="RK48" s="239" t="s">
        <v>136</v>
      </c>
      <c r="RL48" s="240"/>
      <c r="RS48" s="41"/>
      <c r="RT48" s="41"/>
      <c r="RX48" s="239" t="s">
        <v>136</v>
      </c>
      <c r="RY48" s="240"/>
      <c r="SF48" s="41"/>
      <c r="SG48" s="41"/>
      <c r="SK48" s="239" t="s">
        <v>136</v>
      </c>
      <c r="SL48" s="240"/>
    </row>
    <row r="49" spans="5:506" ht="18" customHeight="1">
      <c r="E49" s="41"/>
      <c r="F49" s="41"/>
      <c r="G49" s="41"/>
      <c r="K49" s="237"/>
      <c r="L49" s="237"/>
      <c r="S49" s="41"/>
      <c r="T49" s="41"/>
      <c r="X49" s="241"/>
      <c r="Y49" s="241"/>
      <c r="AF49" s="41"/>
      <c r="AG49" s="41"/>
      <c r="AK49" s="241"/>
      <c r="AL49" s="241"/>
      <c r="AS49" s="41"/>
      <c r="AT49" s="41"/>
      <c r="AX49" s="241"/>
      <c r="AY49" s="241"/>
      <c r="BF49" s="41"/>
      <c r="BG49" s="41"/>
      <c r="BK49" s="241"/>
      <c r="BL49" s="241"/>
      <c r="BS49" s="41"/>
      <c r="BT49" s="41"/>
      <c r="BX49" s="241"/>
      <c r="BY49" s="241"/>
      <c r="CF49" s="41"/>
      <c r="CG49" s="41"/>
      <c r="CK49" s="241"/>
      <c r="CL49" s="241"/>
      <c r="CS49" s="41"/>
      <c r="CT49" s="41"/>
      <c r="CX49" s="241"/>
      <c r="CY49" s="241"/>
      <c r="DF49" s="41"/>
      <c r="DG49" s="41"/>
      <c r="DK49" s="241"/>
      <c r="DL49" s="241"/>
      <c r="DS49" s="41"/>
      <c r="DT49" s="41"/>
      <c r="DX49" s="241"/>
      <c r="DY49" s="241"/>
      <c r="EF49" s="41"/>
      <c r="EG49" s="41"/>
      <c r="EK49" s="241"/>
      <c r="EL49" s="241"/>
      <c r="ES49" s="41"/>
      <c r="ET49" s="41"/>
      <c r="EX49" s="241"/>
      <c r="EY49" s="241"/>
      <c r="FF49" s="41"/>
      <c r="FG49" s="41"/>
      <c r="FK49" s="241"/>
      <c r="FL49" s="241"/>
      <c r="FS49" s="41"/>
      <c r="FT49" s="41"/>
      <c r="FX49" s="241"/>
      <c r="FY49" s="241"/>
      <c r="GF49" s="41"/>
      <c r="GG49" s="41"/>
      <c r="GK49" s="241"/>
      <c r="GL49" s="241"/>
      <c r="GS49" s="41"/>
      <c r="GT49" s="41"/>
      <c r="GX49" s="241"/>
      <c r="GY49" s="241"/>
      <c r="HF49" s="41"/>
      <c r="HG49" s="41"/>
      <c r="HK49" s="241"/>
      <c r="HL49" s="241"/>
      <c r="HS49" s="41"/>
      <c r="HT49" s="41"/>
      <c r="HX49" s="241"/>
      <c r="HY49" s="241"/>
      <c r="IF49" s="41"/>
      <c r="IG49" s="41"/>
      <c r="IK49" s="241"/>
      <c r="IL49" s="241"/>
      <c r="IS49" s="41"/>
      <c r="IT49" s="41"/>
      <c r="IX49" s="241"/>
      <c r="IY49" s="241"/>
      <c r="JF49" s="41"/>
      <c r="JG49" s="41"/>
      <c r="JK49" s="241"/>
      <c r="JL49" s="241"/>
      <c r="JS49" s="41"/>
      <c r="JT49" s="41"/>
      <c r="JX49" s="241"/>
      <c r="JY49" s="241"/>
      <c r="KF49" s="41"/>
      <c r="KG49" s="41"/>
      <c r="KK49" s="241"/>
      <c r="KL49" s="241"/>
      <c r="KS49" s="41"/>
      <c r="KT49" s="41"/>
      <c r="KX49" s="241"/>
      <c r="KY49" s="241"/>
      <c r="LF49" s="41"/>
      <c r="LG49" s="41"/>
      <c r="LK49" s="241"/>
      <c r="LL49" s="241"/>
      <c r="LS49" s="41"/>
      <c r="LT49" s="41"/>
      <c r="LX49" s="241"/>
      <c r="LY49" s="241"/>
      <c r="MF49" s="41"/>
      <c r="MG49" s="41"/>
      <c r="MK49" s="241"/>
      <c r="ML49" s="241"/>
      <c r="MS49" s="41"/>
      <c r="MT49" s="41"/>
      <c r="MX49" s="241"/>
      <c r="MY49" s="241"/>
      <c r="NF49" s="41"/>
      <c r="NG49" s="41"/>
      <c r="NK49" s="241"/>
      <c r="NL49" s="241"/>
      <c r="NS49" s="41"/>
      <c r="NT49" s="41"/>
      <c r="NX49" s="241"/>
      <c r="NY49" s="241"/>
      <c r="OF49" s="41"/>
      <c r="OG49" s="41"/>
      <c r="OK49" s="241"/>
      <c r="OL49" s="241"/>
      <c r="OS49" s="41"/>
      <c r="OT49" s="41"/>
      <c r="OX49" s="241"/>
      <c r="OY49" s="241"/>
      <c r="PF49" s="41"/>
      <c r="PG49" s="41"/>
      <c r="PK49" s="241"/>
      <c r="PL49" s="241"/>
      <c r="PS49" s="41"/>
      <c r="PT49" s="41"/>
      <c r="PX49" s="241"/>
      <c r="PY49" s="241"/>
      <c r="QF49" s="41"/>
      <c r="QG49" s="41"/>
      <c r="QK49" s="241"/>
      <c r="QL49" s="241"/>
      <c r="QS49" s="41"/>
      <c r="QT49" s="41"/>
      <c r="QX49" s="241"/>
      <c r="QY49" s="241"/>
      <c r="RF49" s="41"/>
      <c r="RG49" s="41"/>
      <c r="RK49" s="241"/>
      <c r="RL49" s="241"/>
      <c r="RS49" s="41"/>
      <c r="RT49" s="41"/>
      <c r="RX49" s="241"/>
      <c r="RY49" s="241"/>
      <c r="SF49" s="41"/>
      <c r="SG49" s="41"/>
      <c r="SK49" s="241"/>
      <c r="SL49" s="241"/>
    </row>
    <row r="50" spans="5:506" ht="18" customHeight="1">
      <c r="E50" s="41"/>
      <c r="F50" s="41"/>
      <c r="G50" s="41"/>
      <c r="K50" s="238"/>
      <c r="L50" s="238"/>
      <c r="S50" s="41"/>
      <c r="T50" s="41"/>
      <c r="X50" s="242"/>
      <c r="Y50" s="242"/>
      <c r="AF50" s="41"/>
      <c r="AG50" s="41"/>
      <c r="AK50" s="242"/>
      <c r="AL50" s="242"/>
      <c r="AS50" s="41"/>
      <c r="AT50" s="41"/>
      <c r="AX50" s="242"/>
      <c r="AY50" s="242"/>
      <c r="BF50" s="41"/>
      <c r="BG50" s="41"/>
      <c r="BK50" s="242"/>
      <c r="BL50" s="242"/>
      <c r="BS50" s="41"/>
      <c r="BT50" s="41"/>
      <c r="BX50" s="242"/>
      <c r="BY50" s="242"/>
      <c r="CF50" s="41"/>
      <c r="CG50" s="41"/>
      <c r="CK50" s="242"/>
      <c r="CL50" s="242"/>
      <c r="CS50" s="41"/>
      <c r="CT50" s="41"/>
      <c r="CX50" s="242"/>
      <c r="CY50" s="242"/>
      <c r="DF50" s="41"/>
      <c r="DG50" s="41"/>
      <c r="DK50" s="242"/>
      <c r="DL50" s="242"/>
      <c r="DS50" s="41"/>
      <c r="DT50" s="41"/>
      <c r="DX50" s="242"/>
      <c r="DY50" s="242"/>
      <c r="EF50" s="41"/>
      <c r="EG50" s="41"/>
      <c r="EK50" s="242"/>
      <c r="EL50" s="242"/>
      <c r="ES50" s="41"/>
      <c r="ET50" s="41"/>
      <c r="EX50" s="242"/>
      <c r="EY50" s="242"/>
      <c r="FF50" s="41"/>
      <c r="FG50" s="41"/>
      <c r="FK50" s="242"/>
      <c r="FL50" s="242"/>
      <c r="FS50" s="41"/>
      <c r="FT50" s="41"/>
      <c r="FX50" s="242"/>
      <c r="FY50" s="242"/>
      <c r="GF50" s="41"/>
      <c r="GG50" s="41"/>
      <c r="GK50" s="242"/>
      <c r="GL50" s="242"/>
      <c r="GS50" s="41"/>
      <c r="GT50" s="41"/>
      <c r="GX50" s="242"/>
      <c r="GY50" s="242"/>
      <c r="HF50" s="41"/>
      <c r="HG50" s="41"/>
      <c r="HK50" s="242"/>
      <c r="HL50" s="242"/>
      <c r="HS50" s="41"/>
      <c r="HT50" s="41"/>
      <c r="HX50" s="242"/>
      <c r="HY50" s="242"/>
      <c r="IF50" s="41"/>
      <c r="IG50" s="41"/>
      <c r="IK50" s="242"/>
      <c r="IL50" s="242"/>
      <c r="IS50" s="41"/>
      <c r="IT50" s="41"/>
      <c r="IX50" s="242"/>
      <c r="IY50" s="242"/>
      <c r="JF50" s="41"/>
      <c r="JG50" s="41"/>
      <c r="JK50" s="242"/>
      <c r="JL50" s="242"/>
      <c r="JS50" s="41"/>
      <c r="JT50" s="41"/>
      <c r="JX50" s="242"/>
      <c r="JY50" s="242"/>
      <c r="KF50" s="41"/>
      <c r="KG50" s="41"/>
      <c r="KK50" s="242"/>
      <c r="KL50" s="242"/>
      <c r="KS50" s="41"/>
      <c r="KT50" s="41"/>
      <c r="KX50" s="242"/>
      <c r="KY50" s="242"/>
      <c r="LF50" s="41"/>
      <c r="LG50" s="41"/>
      <c r="LK50" s="242"/>
      <c r="LL50" s="242"/>
      <c r="LS50" s="41"/>
      <c r="LT50" s="41"/>
      <c r="LX50" s="242"/>
      <c r="LY50" s="242"/>
      <c r="MF50" s="41"/>
      <c r="MG50" s="41"/>
      <c r="MK50" s="242"/>
      <c r="ML50" s="242"/>
      <c r="MS50" s="41"/>
      <c r="MT50" s="41"/>
      <c r="MX50" s="242"/>
      <c r="MY50" s="242"/>
      <c r="NF50" s="41"/>
      <c r="NG50" s="41"/>
      <c r="NK50" s="242"/>
      <c r="NL50" s="242"/>
      <c r="NS50" s="41"/>
      <c r="NT50" s="41"/>
      <c r="NX50" s="242"/>
      <c r="NY50" s="242"/>
      <c r="OF50" s="41"/>
      <c r="OG50" s="41"/>
      <c r="OK50" s="242"/>
      <c r="OL50" s="242"/>
      <c r="OS50" s="41"/>
      <c r="OT50" s="41"/>
      <c r="OX50" s="242"/>
      <c r="OY50" s="242"/>
      <c r="PF50" s="41"/>
      <c r="PG50" s="41"/>
      <c r="PK50" s="242"/>
      <c r="PL50" s="242"/>
      <c r="PS50" s="41"/>
      <c r="PT50" s="41"/>
      <c r="PX50" s="242"/>
      <c r="PY50" s="242"/>
      <c r="QF50" s="41"/>
      <c r="QG50" s="41"/>
      <c r="QK50" s="242"/>
      <c r="QL50" s="242"/>
      <c r="QS50" s="41"/>
      <c r="QT50" s="41"/>
      <c r="QX50" s="242"/>
      <c r="QY50" s="242"/>
      <c r="RF50" s="41"/>
      <c r="RG50" s="41"/>
      <c r="RK50" s="242"/>
      <c r="RL50" s="242"/>
      <c r="RS50" s="41"/>
      <c r="RT50" s="41"/>
      <c r="RX50" s="242"/>
      <c r="RY50" s="242"/>
      <c r="SF50" s="41"/>
      <c r="SG50" s="41"/>
      <c r="SK50" s="242"/>
      <c r="SL50" s="242"/>
    </row>
    <row r="51" spans="5:506" ht="18" customHeight="1">
      <c r="E51" s="41"/>
      <c r="F51" s="41"/>
      <c r="G51" s="41"/>
      <c r="K51" s="245" t="s">
        <v>110</v>
      </c>
      <c r="L51" s="246"/>
      <c r="S51" s="41"/>
      <c r="T51" s="41"/>
      <c r="X51" s="243" t="s">
        <v>110</v>
      </c>
      <c r="Y51" s="244"/>
      <c r="AF51" s="41"/>
      <c r="AG51" s="41"/>
      <c r="AK51" s="243" t="s">
        <v>110</v>
      </c>
      <c r="AL51" s="244"/>
      <c r="AS51" s="41"/>
      <c r="AT51" s="41"/>
      <c r="AX51" s="243" t="s">
        <v>110</v>
      </c>
      <c r="AY51" s="244"/>
      <c r="BF51" s="41"/>
      <c r="BG51" s="41"/>
      <c r="BK51" s="243" t="s">
        <v>110</v>
      </c>
      <c r="BL51" s="244"/>
      <c r="BS51" s="41"/>
      <c r="BT51" s="41"/>
      <c r="BX51" s="243" t="s">
        <v>110</v>
      </c>
      <c r="BY51" s="244"/>
      <c r="CF51" s="41"/>
      <c r="CG51" s="41"/>
      <c r="CK51" s="243" t="s">
        <v>110</v>
      </c>
      <c r="CL51" s="244"/>
      <c r="CS51" s="41"/>
      <c r="CT51" s="41"/>
      <c r="CX51" s="243" t="s">
        <v>110</v>
      </c>
      <c r="CY51" s="244"/>
      <c r="DF51" s="41"/>
      <c r="DG51" s="41"/>
      <c r="DK51" s="243" t="s">
        <v>110</v>
      </c>
      <c r="DL51" s="244"/>
      <c r="DS51" s="41"/>
      <c r="DT51" s="41"/>
      <c r="DX51" s="243" t="s">
        <v>110</v>
      </c>
      <c r="DY51" s="244"/>
      <c r="EF51" s="41"/>
      <c r="EG51" s="41"/>
      <c r="EK51" s="243" t="s">
        <v>110</v>
      </c>
      <c r="EL51" s="244"/>
      <c r="ES51" s="41"/>
      <c r="ET51" s="41"/>
      <c r="EX51" s="243" t="s">
        <v>110</v>
      </c>
      <c r="EY51" s="244"/>
      <c r="FF51" s="41"/>
      <c r="FG51" s="41"/>
      <c r="FK51" s="243" t="s">
        <v>110</v>
      </c>
      <c r="FL51" s="244"/>
      <c r="FS51" s="41"/>
      <c r="FT51" s="41"/>
      <c r="FX51" s="243" t="s">
        <v>110</v>
      </c>
      <c r="FY51" s="244"/>
      <c r="GF51" s="41"/>
      <c r="GG51" s="41"/>
      <c r="GK51" s="243" t="s">
        <v>110</v>
      </c>
      <c r="GL51" s="244"/>
      <c r="GS51" s="41"/>
      <c r="GT51" s="41"/>
      <c r="GX51" s="243" t="s">
        <v>110</v>
      </c>
      <c r="GY51" s="244"/>
      <c r="HF51" s="41"/>
      <c r="HG51" s="41"/>
      <c r="HK51" s="243" t="s">
        <v>110</v>
      </c>
      <c r="HL51" s="244"/>
      <c r="HS51" s="41"/>
      <c r="HT51" s="41"/>
      <c r="HX51" s="243" t="s">
        <v>110</v>
      </c>
      <c r="HY51" s="244"/>
      <c r="IF51" s="41"/>
      <c r="IG51" s="41"/>
      <c r="IK51" s="243" t="s">
        <v>110</v>
      </c>
      <c r="IL51" s="244"/>
      <c r="IS51" s="41"/>
      <c r="IT51" s="41"/>
      <c r="IX51" s="243" t="s">
        <v>110</v>
      </c>
      <c r="IY51" s="244"/>
      <c r="JF51" s="41"/>
      <c r="JG51" s="41"/>
      <c r="JK51" s="243" t="s">
        <v>110</v>
      </c>
      <c r="JL51" s="244"/>
      <c r="JS51" s="41"/>
      <c r="JT51" s="41"/>
      <c r="JX51" s="243" t="s">
        <v>110</v>
      </c>
      <c r="JY51" s="244"/>
      <c r="KF51" s="41"/>
      <c r="KG51" s="41"/>
      <c r="KK51" s="243" t="s">
        <v>110</v>
      </c>
      <c r="KL51" s="244"/>
      <c r="KS51" s="41"/>
      <c r="KT51" s="41"/>
      <c r="KX51" s="243" t="s">
        <v>110</v>
      </c>
      <c r="KY51" s="244"/>
      <c r="LF51" s="41"/>
      <c r="LG51" s="41"/>
      <c r="LK51" s="243" t="s">
        <v>110</v>
      </c>
      <c r="LL51" s="244"/>
      <c r="LS51" s="41"/>
      <c r="LT51" s="41"/>
      <c r="LX51" s="243" t="s">
        <v>110</v>
      </c>
      <c r="LY51" s="244"/>
      <c r="MF51" s="41"/>
      <c r="MG51" s="41"/>
      <c r="MK51" s="243" t="s">
        <v>110</v>
      </c>
      <c r="ML51" s="244"/>
      <c r="MS51" s="41"/>
      <c r="MT51" s="41"/>
      <c r="MX51" s="243" t="s">
        <v>110</v>
      </c>
      <c r="MY51" s="244"/>
      <c r="NF51" s="41"/>
      <c r="NG51" s="41"/>
      <c r="NK51" s="243" t="s">
        <v>110</v>
      </c>
      <c r="NL51" s="244"/>
      <c r="NS51" s="41"/>
      <c r="NT51" s="41"/>
      <c r="NX51" s="243" t="s">
        <v>110</v>
      </c>
      <c r="NY51" s="244"/>
      <c r="OF51" s="41"/>
      <c r="OG51" s="41"/>
      <c r="OK51" s="243" t="s">
        <v>110</v>
      </c>
      <c r="OL51" s="244"/>
      <c r="OS51" s="41"/>
      <c r="OT51" s="41"/>
      <c r="OX51" s="243" t="s">
        <v>110</v>
      </c>
      <c r="OY51" s="244"/>
      <c r="PF51" s="41"/>
      <c r="PG51" s="41"/>
      <c r="PK51" s="243" t="s">
        <v>110</v>
      </c>
      <c r="PL51" s="244"/>
      <c r="PS51" s="41"/>
      <c r="PT51" s="41"/>
      <c r="PX51" s="243" t="s">
        <v>110</v>
      </c>
      <c r="PY51" s="244"/>
      <c r="QF51" s="41"/>
      <c r="QG51" s="41"/>
      <c r="QK51" s="243" t="s">
        <v>110</v>
      </c>
      <c r="QL51" s="244"/>
      <c r="QS51" s="41"/>
      <c r="QT51" s="41"/>
      <c r="QX51" s="243" t="s">
        <v>110</v>
      </c>
      <c r="QY51" s="244"/>
      <c r="RF51" s="41"/>
      <c r="RG51" s="41"/>
      <c r="RK51" s="243" t="s">
        <v>110</v>
      </c>
      <c r="RL51" s="244"/>
      <c r="RS51" s="41"/>
      <c r="RT51" s="41"/>
      <c r="RX51" s="243" t="s">
        <v>110</v>
      </c>
      <c r="RY51" s="244"/>
      <c r="SF51" s="41"/>
      <c r="SG51" s="41"/>
      <c r="SK51" s="243" t="s">
        <v>110</v>
      </c>
      <c r="SL51" s="244"/>
    </row>
    <row r="52" spans="5:506" ht="18" customHeight="1">
      <c r="E52" s="41"/>
      <c r="F52" s="41"/>
      <c r="G52" s="41"/>
      <c r="K52" s="246"/>
      <c r="L52" s="246"/>
      <c r="S52" s="41"/>
      <c r="T52" s="41"/>
      <c r="X52" s="244"/>
      <c r="Y52" s="244"/>
      <c r="AF52" s="41"/>
      <c r="AG52" s="41"/>
      <c r="AK52" s="244"/>
      <c r="AL52" s="244"/>
      <c r="AS52" s="41"/>
      <c r="AT52" s="41"/>
      <c r="AX52" s="244"/>
      <c r="AY52" s="244"/>
      <c r="BF52" s="41"/>
      <c r="BG52" s="41"/>
      <c r="BK52" s="244"/>
      <c r="BL52" s="244"/>
      <c r="BS52" s="41"/>
      <c r="BT52" s="41"/>
      <c r="BX52" s="244"/>
      <c r="BY52" s="244"/>
      <c r="CF52" s="41"/>
      <c r="CG52" s="41"/>
      <c r="CK52" s="244"/>
      <c r="CL52" s="244"/>
      <c r="CS52" s="41"/>
      <c r="CT52" s="41"/>
      <c r="CX52" s="244"/>
      <c r="CY52" s="244"/>
      <c r="DF52" s="41"/>
      <c r="DG52" s="41"/>
      <c r="DK52" s="244"/>
      <c r="DL52" s="244"/>
      <c r="DS52" s="41"/>
      <c r="DT52" s="41"/>
      <c r="DX52" s="244"/>
      <c r="DY52" s="244"/>
      <c r="EF52" s="41"/>
      <c r="EG52" s="41"/>
      <c r="EK52" s="244"/>
      <c r="EL52" s="244"/>
      <c r="ES52" s="41"/>
      <c r="ET52" s="41"/>
      <c r="EX52" s="244"/>
      <c r="EY52" s="244"/>
      <c r="FF52" s="41"/>
      <c r="FG52" s="41"/>
      <c r="FK52" s="244"/>
      <c r="FL52" s="244"/>
      <c r="FS52" s="41"/>
      <c r="FT52" s="41"/>
      <c r="FX52" s="244"/>
      <c r="FY52" s="244"/>
      <c r="GF52" s="41"/>
      <c r="GG52" s="41"/>
      <c r="GK52" s="244"/>
      <c r="GL52" s="244"/>
      <c r="GS52" s="41"/>
      <c r="GT52" s="41"/>
      <c r="GX52" s="244"/>
      <c r="GY52" s="244"/>
      <c r="HF52" s="41"/>
      <c r="HG52" s="41"/>
      <c r="HK52" s="244"/>
      <c r="HL52" s="244"/>
      <c r="HS52" s="41"/>
      <c r="HT52" s="41"/>
      <c r="HX52" s="244"/>
      <c r="HY52" s="244"/>
      <c r="IF52" s="41"/>
      <c r="IG52" s="41"/>
      <c r="IK52" s="244"/>
      <c r="IL52" s="244"/>
      <c r="IS52" s="41"/>
      <c r="IT52" s="41"/>
      <c r="IX52" s="244"/>
      <c r="IY52" s="244"/>
      <c r="JF52" s="41"/>
      <c r="JG52" s="41"/>
      <c r="JK52" s="244"/>
      <c r="JL52" s="244"/>
      <c r="JS52" s="41"/>
      <c r="JT52" s="41"/>
      <c r="JX52" s="244"/>
      <c r="JY52" s="244"/>
      <c r="KF52" s="41"/>
      <c r="KG52" s="41"/>
      <c r="KK52" s="244"/>
      <c r="KL52" s="244"/>
      <c r="KS52" s="41"/>
      <c r="KT52" s="41"/>
      <c r="KX52" s="244"/>
      <c r="KY52" s="244"/>
      <c r="LF52" s="41"/>
      <c r="LG52" s="41"/>
      <c r="LK52" s="244"/>
      <c r="LL52" s="244"/>
      <c r="LS52" s="41"/>
      <c r="LT52" s="41"/>
      <c r="LX52" s="244"/>
      <c r="LY52" s="244"/>
      <c r="MF52" s="41"/>
      <c r="MG52" s="41"/>
      <c r="MK52" s="244"/>
      <c r="ML52" s="244"/>
      <c r="MS52" s="41"/>
      <c r="MT52" s="41"/>
      <c r="MX52" s="244"/>
      <c r="MY52" s="244"/>
      <c r="NF52" s="41"/>
      <c r="NG52" s="41"/>
      <c r="NK52" s="244"/>
      <c r="NL52" s="244"/>
      <c r="NS52" s="41"/>
      <c r="NT52" s="41"/>
      <c r="NX52" s="244"/>
      <c r="NY52" s="244"/>
      <c r="OF52" s="41"/>
      <c r="OG52" s="41"/>
      <c r="OK52" s="244"/>
      <c r="OL52" s="244"/>
      <c r="OS52" s="41"/>
      <c r="OT52" s="41"/>
      <c r="OX52" s="244"/>
      <c r="OY52" s="244"/>
      <c r="PF52" s="41"/>
      <c r="PG52" s="41"/>
      <c r="PK52" s="244"/>
      <c r="PL52" s="244"/>
      <c r="PS52" s="41"/>
      <c r="PT52" s="41"/>
      <c r="PX52" s="244"/>
      <c r="PY52" s="244"/>
      <c r="QF52" s="41"/>
      <c r="QG52" s="41"/>
      <c r="QK52" s="244"/>
      <c r="QL52" s="244"/>
      <c r="QS52" s="41"/>
      <c r="QT52" s="41"/>
      <c r="QX52" s="244"/>
      <c r="QY52" s="244"/>
      <c r="RF52" s="41"/>
      <c r="RG52" s="41"/>
      <c r="RK52" s="244"/>
      <c r="RL52" s="244"/>
      <c r="RS52" s="41"/>
      <c r="RT52" s="41"/>
      <c r="RX52" s="244"/>
      <c r="RY52" s="244"/>
      <c r="SF52" s="41"/>
      <c r="SG52" s="41"/>
      <c r="SK52" s="244"/>
      <c r="SL52" s="244"/>
    </row>
    <row r="53" spans="5:506" ht="18" customHeight="1">
      <c r="E53" s="41"/>
      <c r="F53" s="41"/>
      <c r="G53" s="41"/>
      <c r="K53" s="122"/>
      <c r="L53" s="122"/>
      <c r="S53" s="41"/>
      <c r="T53" s="41"/>
      <c r="AF53" s="41"/>
      <c r="AG53" s="41"/>
      <c r="AS53" s="41"/>
      <c r="AT53" s="41"/>
      <c r="BF53" s="41"/>
      <c r="BG53" s="41"/>
      <c r="BS53" s="41"/>
      <c r="BT53" s="41"/>
      <c r="CF53" s="41"/>
      <c r="CG53" s="41"/>
      <c r="CS53" s="41"/>
      <c r="CT53" s="41"/>
      <c r="DF53" s="41"/>
      <c r="DG53" s="41"/>
      <c r="DS53" s="41"/>
      <c r="DT53" s="41"/>
      <c r="EF53" s="41"/>
      <c r="EG53" s="41"/>
      <c r="ES53" s="41"/>
      <c r="ET53" s="41"/>
      <c r="FF53" s="41"/>
      <c r="FG53" s="41"/>
      <c r="FS53" s="41"/>
      <c r="FT53" s="41"/>
      <c r="GF53" s="41"/>
      <c r="GG53" s="41"/>
      <c r="GS53" s="41"/>
      <c r="GT53" s="41"/>
      <c r="HF53" s="41"/>
      <c r="HG53" s="41"/>
      <c r="HS53" s="41"/>
      <c r="HT53" s="41"/>
      <c r="IF53" s="41"/>
      <c r="IG53" s="41"/>
      <c r="IS53" s="41"/>
      <c r="IT53" s="41"/>
      <c r="JF53" s="41"/>
      <c r="JG53" s="41"/>
      <c r="JS53" s="41"/>
      <c r="JT53" s="41"/>
      <c r="KF53" s="41"/>
      <c r="KG53" s="41"/>
      <c r="KS53" s="41"/>
      <c r="KT53" s="41"/>
      <c r="LF53" s="41"/>
      <c r="LG53" s="41"/>
      <c r="LS53" s="41"/>
      <c r="LT53" s="41"/>
      <c r="MF53" s="41"/>
      <c r="MG53" s="41"/>
      <c r="MS53" s="41"/>
      <c r="MT53" s="41"/>
      <c r="NF53" s="41"/>
      <c r="NG53" s="41"/>
      <c r="NS53" s="41"/>
      <c r="NT53" s="41"/>
      <c r="OF53" s="41"/>
      <c r="OG53" s="41"/>
      <c r="OS53" s="41"/>
      <c r="OT53" s="41"/>
      <c r="PF53" s="41"/>
      <c r="PG53" s="41"/>
      <c r="PS53" s="41"/>
      <c r="PT53" s="41"/>
      <c r="QF53" s="41"/>
      <c r="QG53" s="41"/>
      <c r="QS53" s="41"/>
      <c r="QT53" s="41"/>
      <c r="RF53" s="41"/>
      <c r="RG53" s="41"/>
      <c r="RS53" s="41"/>
      <c r="RT53" s="41"/>
      <c r="SF53" s="41"/>
      <c r="SG53" s="41"/>
    </row>
    <row r="54" spans="5:506" ht="18" customHeight="1">
      <c r="E54" s="41"/>
      <c r="F54" s="41"/>
      <c r="G54" s="41"/>
      <c r="K54" s="122"/>
      <c r="L54" s="122"/>
      <c r="S54" s="41"/>
      <c r="T54" s="41"/>
      <c r="AF54" s="41"/>
      <c r="AG54" s="41"/>
      <c r="AS54" s="41"/>
      <c r="AT54" s="41"/>
      <c r="BF54" s="41"/>
      <c r="BG54" s="41"/>
      <c r="BS54" s="41"/>
      <c r="BT54" s="41"/>
      <c r="CF54" s="41"/>
      <c r="CG54" s="41"/>
      <c r="CS54" s="41"/>
      <c r="CT54" s="41"/>
      <c r="DF54" s="41"/>
      <c r="DG54" s="41"/>
      <c r="DS54" s="41"/>
      <c r="DT54" s="41"/>
      <c r="EF54" s="41"/>
      <c r="EG54" s="41"/>
      <c r="ES54" s="41"/>
      <c r="ET54" s="41"/>
      <c r="FF54" s="41"/>
      <c r="FG54" s="41"/>
      <c r="FS54" s="41"/>
      <c r="FT54" s="41"/>
      <c r="GF54" s="41"/>
      <c r="GG54" s="41"/>
      <c r="GS54" s="41"/>
      <c r="GT54" s="41"/>
      <c r="HF54" s="41"/>
      <c r="HG54" s="41"/>
      <c r="HS54" s="41"/>
      <c r="HT54" s="41"/>
      <c r="IF54" s="41"/>
      <c r="IG54" s="41"/>
      <c r="IS54" s="41"/>
      <c r="IT54" s="41"/>
      <c r="JF54" s="41"/>
      <c r="JG54" s="41"/>
      <c r="JS54" s="41"/>
      <c r="JT54" s="41"/>
      <c r="KF54" s="41"/>
      <c r="KG54" s="41"/>
      <c r="KS54" s="41"/>
      <c r="KT54" s="41"/>
      <c r="LF54" s="41"/>
      <c r="LG54" s="41"/>
      <c r="LS54" s="41"/>
      <c r="LT54" s="41"/>
      <c r="MF54" s="41"/>
      <c r="MG54" s="41"/>
      <c r="MS54" s="41"/>
      <c r="MT54" s="41"/>
      <c r="NF54" s="41"/>
      <c r="NG54" s="41"/>
      <c r="NS54" s="41"/>
      <c r="NT54" s="41"/>
      <c r="OF54" s="41"/>
      <c r="OG54" s="41"/>
      <c r="OS54" s="41"/>
      <c r="OT54" s="41"/>
      <c r="PF54" s="41"/>
      <c r="PG54" s="41"/>
      <c r="PS54" s="41"/>
      <c r="PT54" s="41"/>
      <c r="QF54" s="41"/>
      <c r="QG54" s="41"/>
      <c r="QS54" s="41"/>
      <c r="QT54" s="41"/>
      <c r="RF54" s="41"/>
      <c r="RG54" s="41"/>
      <c r="RS54" s="41"/>
      <c r="RT54" s="41"/>
      <c r="SF54" s="41"/>
      <c r="SG54" s="41"/>
    </row>
    <row r="55" spans="5:506" ht="18" customHeight="1">
      <c r="E55" s="41"/>
      <c r="F55" s="41"/>
      <c r="G55" s="41"/>
      <c r="K55" s="122"/>
      <c r="L55" s="122"/>
      <c r="S55" s="41"/>
      <c r="T55" s="41"/>
      <c r="AF55" s="41"/>
      <c r="AG55" s="41"/>
      <c r="AS55" s="41"/>
      <c r="AT55" s="41"/>
      <c r="BF55" s="41"/>
      <c r="BG55" s="41"/>
      <c r="BS55" s="41"/>
      <c r="BT55" s="41"/>
      <c r="CF55" s="41"/>
      <c r="CG55" s="41"/>
      <c r="CS55" s="41"/>
      <c r="CT55" s="41"/>
      <c r="DF55" s="41"/>
      <c r="DG55" s="41"/>
      <c r="DS55" s="41"/>
      <c r="DT55" s="41"/>
      <c r="EF55" s="41"/>
      <c r="EG55" s="41"/>
      <c r="ES55" s="41"/>
      <c r="ET55" s="41"/>
      <c r="FF55" s="41"/>
      <c r="FG55" s="41"/>
      <c r="FS55" s="41"/>
      <c r="FT55" s="41"/>
      <c r="GF55" s="41"/>
      <c r="GG55" s="41"/>
      <c r="GS55" s="41"/>
      <c r="GT55" s="41"/>
      <c r="HF55" s="41"/>
      <c r="HG55" s="41"/>
      <c r="HS55" s="41"/>
      <c r="HT55" s="41"/>
      <c r="IF55" s="41"/>
      <c r="IG55" s="41"/>
      <c r="IS55" s="41"/>
      <c r="IT55" s="41"/>
      <c r="JF55" s="41"/>
      <c r="JG55" s="41"/>
      <c r="JS55" s="41"/>
      <c r="JT55" s="41"/>
      <c r="KF55" s="41"/>
      <c r="KG55" s="41"/>
      <c r="KS55" s="41"/>
      <c r="KT55" s="41"/>
      <c r="LF55" s="41"/>
      <c r="LG55" s="41"/>
      <c r="LS55" s="41"/>
      <c r="LT55" s="41"/>
      <c r="MF55" s="41"/>
      <c r="MG55" s="41"/>
      <c r="MS55" s="41"/>
      <c r="MT55" s="41"/>
      <c r="NF55" s="41"/>
      <c r="NG55" s="41"/>
      <c r="NS55" s="41"/>
      <c r="NT55" s="41"/>
      <c r="OF55" s="41"/>
      <c r="OG55" s="41"/>
      <c r="OS55" s="41"/>
      <c r="OT55" s="41"/>
      <c r="PF55" s="41"/>
      <c r="PG55" s="41"/>
      <c r="PS55" s="41"/>
      <c r="PT55" s="41"/>
      <c r="QF55" s="41"/>
      <c r="QG55" s="41"/>
      <c r="QS55" s="41"/>
      <c r="QT55" s="41"/>
      <c r="RF55" s="41"/>
      <c r="RG55" s="41"/>
      <c r="RS55" s="41"/>
      <c r="RT55" s="41"/>
      <c r="SF55" s="41"/>
      <c r="SG55" s="41"/>
    </row>
  </sheetData>
  <sheetProtection selectLockedCells="1"/>
  <mergeCells count="3081">
    <mergeCell ref="RX51:RY52"/>
    <mergeCell ref="SK51:SL52"/>
    <mergeCell ref="OX51:OY52"/>
    <mergeCell ref="PK51:PL52"/>
    <mergeCell ref="PX51:PY52"/>
    <mergeCell ref="QK51:QL52"/>
    <mergeCell ref="QX51:QY52"/>
    <mergeCell ref="RK51:RL52"/>
    <mergeCell ref="LX51:LY52"/>
    <mergeCell ref="MK51:ML52"/>
    <mergeCell ref="MX51:MY52"/>
    <mergeCell ref="NK51:NL52"/>
    <mergeCell ref="NX51:NY52"/>
    <mergeCell ref="OK51:OL52"/>
    <mergeCell ref="IX51:IY52"/>
    <mergeCell ref="JK51:JL52"/>
    <mergeCell ref="JX51:JY52"/>
    <mergeCell ref="KK51:KL52"/>
    <mergeCell ref="KX51:KY52"/>
    <mergeCell ref="LK51:LL52"/>
    <mergeCell ref="FX51:FY52"/>
    <mergeCell ref="GK51:GL52"/>
    <mergeCell ref="GX51:GY52"/>
    <mergeCell ref="HK51:HL52"/>
    <mergeCell ref="HX51:HY52"/>
    <mergeCell ref="IK51:IL52"/>
    <mergeCell ref="CX51:CY52"/>
    <mergeCell ref="DK51:DL52"/>
    <mergeCell ref="DX51:DY52"/>
    <mergeCell ref="EK51:EL52"/>
    <mergeCell ref="EX51:EY52"/>
    <mergeCell ref="FK51:FL52"/>
    <mergeCell ref="RK48:RL50"/>
    <mergeCell ref="RX48:RY50"/>
    <mergeCell ref="SK48:SL50"/>
    <mergeCell ref="K51:L52"/>
    <mergeCell ref="X51:Y52"/>
    <mergeCell ref="AK51:AL52"/>
    <mergeCell ref="AX51:AY52"/>
    <mergeCell ref="BK51:BL52"/>
    <mergeCell ref="BX51:BY52"/>
    <mergeCell ref="CK51:CL52"/>
    <mergeCell ref="OK48:OL50"/>
    <mergeCell ref="OX48:OY50"/>
    <mergeCell ref="PK48:PL50"/>
    <mergeCell ref="PX48:PY50"/>
    <mergeCell ref="QK48:QL50"/>
    <mergeCell ref="QX48:QY50"/>
    <mergeCell ref="LK48:LL50"/>
    <mergeCell ref="LX48:LY50"/>
    <mergeCell ref="MK48:ML50"/>
    <mergeCell ref="MX48:MY50"/>
    <mergeCell ref="NK48:NL50"/>
    <mergeCell ref="NX48:NY50"/>
    <mergeCell ref="IK48:IL50"/>
    <mergeCell ref="IX48:IY50"/>
    <mergeCell ref="JK48:JL50"/>
    <mergeCell ref="JX48:JY50"/>
    <mergeCell ref="KK48:KL50"/>
    <mergeCell ref="KX48:KY50"/>
    <mergeCell ref="FK48:FL50"/>
    <mergeCell ref="FX48:FY50"/>
    <mergeCell ref="GK48:GL50"/>
    <mergeCell ref="GX48:GY50"/>
    <mergeCell ref="HK48:HL50"/>
    <mergeCell ref="HX48:HY50"/>
    <mergeCell ref="CK48:CL50"/>
    <mergeCell ref="CX48:CY50"/>
    <mergeCell ref="DK48:DL50"/>
    <mergeCell ref="DX48:DY50"/>
    <mergeCell ref="EK48:EL50"/>
    <mergeCell ref="EX48:EY50"/>
    <mergeCell ref="K48:L50"/>
    <mergeCell ref="X48:Y50"/>
    <mergeCell ref="AK48:AL50"/>
    <mergeCell ref="AX48:AY50"/>
    <mergeCell ref="BK48:BL50"/>
    <mergeCell ref="BX48:BY50"/>
    <mergeCell ref="RH46:RI46"/>
    <mergeCell ref="RK46:RL47"/>
    <mergeCell ref="RU46:RV46"/>
    <mergeCell ref="RX46:RY47"/>
    <mergeCell ref="SH46:SI46"/>
    <mergeCell ref="SK46:SL47"/>
    <mergeCell ref="PU46:PV46"/>
    <mergeCell ref="PX46:PY47"/>
    <mergeCell ref="QH46:QI46"/>
    <mergeCell ref="QK46:QL47"/>
    <mergeCell ref="QU46:QV46"/>
    <mergeCell ref="QX46:QY47"/>
    <mergeCell ref="OH46:OI46"/>
    <mergeCell ref="OK46:OL47"/>
    <mergeCell ref="OU46:OV46"/>
    <mergeCell ref="OX46:OY47"/>
    <mergeCell ref="PH46:PI46"/>
    <mergeCell ref="PK46:PL47"/>
    <mergeCell ref="MU46:MV46"/>
    <mergeCell ref="MX46:MY47"/>
    <mergeCell ref="NH46:NI46"/>
    <mergeCell ref="NK46:NL47"/>
    <mergeCell ref="NU46:NV46"/>
    <mergeCell ref="NX46:NY47"/>
    <mergeCell ref="LH46:LI46"/>
    <mergeCell ref="LK46:LL47"/>
    <mergeCell ref="LU46:LV46"/>
    <mergeCell ref="LX46:LY47"/>
    <mergeCell ref="MH46:MI46"/>
    <mergeCell ref="MK46:ML47"/>
    <mergeCell ref="JU46:JV46"/>
    <mergeCell ref="JX46:JY47"/>
    <mergeCell ref="KH46:KI46"/>
    <mergeCell ref="KK46:KL47"/>
    <mergeCell ref="KU46:KV46"/>
    <mergeCell ref="KX46:KY47"/>
    <mergeCell ref="IH46:II46"/>
    <mergeCell ref="IK46:IL47"/>
    <mergeCell ref="IU46:IV46"/>
    <mergeCell ref="IX46:IY47"/>
    <mergeCell ref="JH46:JI46"/>
    <mergeCell ref="JK46:JL47"/>
    <mergeCell ref="GU46:GV46"/>
    <mergeCell ref="GX46:GY47"/>
    <mergeCell ref="HH46:HI46"/>
    <mergeCell ref="HK46:HL47"/>
    <mergeCell ref="HU46:HV46"/>
    <mergeCell ref="HX46:HY47"/>
    <mergeCell ref="FH46:FI46"/>
    <mergeCell ref="FK46:FL47"/>
    <mergeCell ref="FU46:FV46"/>
    <mergeCell ref="FX46:FY47"/>
    <mergeCell ref="GH46:GI46"/>
    <mergeCell ref="GK46:GL47"/>
    <mergeCell ref="DU46:DV46"/>
    <mergeCell ref="DX46:DY47"/>
    <mergeCell ref="EH46:EI46"/>
    <mergeCell ref="EK46:EL47"/>
    <mergeCell ref="EU46:EV46"/>
    <mergeCell ref="EX46:EY47"/>
    <mergeCell ref="CH46:CI46"/>
    <mergeCell ref="CK46:CL47"/>
    <mergeCell ref="CU46:CV46"/>
    <mergeCell ref="CX46:CY47"/>
    <mergeCell ref="DH46:DI46"/>
    <mergeCell ref="DK46:DL47"/>
    <mergeCell ref="AU46:AV46"/>
    <mergeCell ref="AX46:AY47"/>
    <mergeCell ref="BH46:BI46"/>
    <mergeCell ref="BK46:BL47"/>
    <mergeCell ref="BU46:BV46"/>
    <mergeCell ref="BX46:BY47"/>
    <mergeCell ref="H46:I46"/>
    <mergeCell ref="K46:L47"/>
    <mergeCell ref="U46:V46"/>
    <mergeCell ref="X46:Y47"/>
    <mergeCell ref="AH46:AI46"/>
    <mergeCell ref="AK46:AL47"/>
    <mergeCell ref="SK44:SL45"/>
    <mergeCell ref="H45:I45"/>
    <mergeCell ref="U45:V45"/>
    <mergeCell ref="AH45:AI45"/>
    <mergeCell ref="AU45:AV45"/>
    <mergeCell ref="BH45:BI45"/>
    <mergeCell ref="BU45:BV45"/>
    <mergeCell ref="CH45:CI45"/>
    <mergeCell ref="CU45:CV45"/>
    <mergeCell ref="DH45:DI45"/>
    <mergeCell ref="QX44:QY45"/>
    <mergeCell ref="RH44:RI44"/>
    <mergeCell ref="RK44:RL45"/>
    <mergeCell ref="RU44:RV44"/>
    <mergeCell ref="RX44:RY45"/>
    <mergeCell ref="SH44:SI44"/>
    <mergeCell ref="RH45:RI45"/>
    <mergeCell ref="RU45:RV45"/>
    <mergeCell ref="SH45:SI45"/>
    <mergeCell ref="PK44:PL45"/>
    <mergeCell ref="PU44:PV44"/>
    <mergeCell ref="PX44:PY45"/>
    <mergeCell ref="QH44:QI44"/>
    <mergeCell ref="QK44:QL45"/>
    <mergeCell ref="QU44:QV44"/>
    <mergeCell ref="PU45:PV45"/>
    <mergeCell ref="QH45:QI45"/>
    <mergeCell ref="QU45:QV45"/>
    <mergeCell ref="NX44:NY45"/>
    <mergeCell ref="OH44:OI44"/>
    <mergeCell ref="OK44:OL45"/>
    <mergeCell ref="OU44:OV44"/>
    <mergeCell ref="OX44:OY45"/>
    <mergeCell ref="PH44:PI44"/>
    <mergeCell ref="OH45:OI45"/>
    <mergeCell ref="OU45:OV45"/>
    <mergeCell ref="PH45:PI45"/>
    <mergeCell ref="MK44:ML45"/>
    <mergeCell ref="MU44:MV44"/>
    <mergeCell ref="MX44:MY45"/>
    <mergeCell ref="NH44:NI44"/>
    <mergeCell ref="NK44:NL45"/>
    <mergeCell ref="NU44:NV44"/>
    <mergeCell ref="MU45:MV45"/>
    <mergeCell ref="NH45:NI45"/>
    <mergeCell ref="NU45:NV45"/>
    <mergeCell ref="KX44:KY45"/>
    <mergeCell ref="LH44:LI44"/>
    <mergeCell ref="LK44:LL45"/>
    <mergeCell ref="LU44:LV44"/>
    <mergeCell ref="LX44:LY45"/>
    <mergeCell ref="MH44:MI44"/>
    <mergeCell ref="LH45:LI45"/>
    <mergeCell ref="LU45:LV45"/>
    <mergeCell ref="MH45:MI45"/>
    <mergeCell ref="JK44:JL45"/>
    <mergeCell ref="JU44:JV44"/>
    <mergeCell ref="JX44:JY45"/>
    <mergeCell ref="KH44:KI44"/>
    <mergeCell ref="KK44:KL45"/>
    <mergeCell ref="KU44:KV44"/>
    <mergeCell ref="JU45:JV45"/>
    <mergeCell ref="KH45:KI45"/>
    <mergeCell ref="KU45:KV45"/>
    <mergeCell ref="HX44:HY45"/>
    <mergeCell ref="IH44:II44"/>
    <mergeCell ref="IK44:IL45"/>
    <mergeCell ref="IU44:IV44"/>
    <mergeCell ref="IX44:IY45"/>
    <mergeCell ref="JH44:JI44"/>
    <mergeCell ref="IH45:II45"/>
    <mergeCell ref="IU45:IV45"/>
    <mergeCell ref="JH45:JI45"/>
    <mergeCell ref="GK44:GL45"/>
    <mergeCell ref="GU44:GV44"/>
    <mergeCell ref="GX44:GY45"/>
    <mergeCell ref="HH44:HI44"/>
    <mergeCell ref="HK44:HL45"/>
    <mergeCell ref="HU44:HV44"/>
    <mergeCell ref="GU45:GV45"/>
    <mergeCell ref="HH45:HI45"/>
    <mergeCell ref="HU45:HV45"/>
    <mergeCell ref="EX44:EY45"/>
    <mergeCell ref="FH44:FI44"/>
    <mergeCell ref="FK44:FL45"/>
    <mergeCell ref="FU44:FV44"/>
    <mergeCell ref="FX44:FY45"/>
    <mergeCell ref="GH44:GI44"/>
    <mergeCell ref="FH45:FI45"/>
    <mergeCell ref="FU45:FV45"/>
    <mergeCell ref="GH45:GI45"/>
    <mergeCell ref="DX44:DY45"/>
    <mergeCell ref="EH44:EI44"/>
    <mergeCell ref="EK44:EL45"/>
    <mergeCell ref="EU44:EV44"/>
    <mergeCell ref="DU45:DV45"/>
    <mergeCell ref="EH45:EI45"/>
    <mergeCell ref="EU45:EV45"/>
    <mergeCell ref="BX44:BY45"/>
    <mergeCell ref="CH44:CI44"/>
    <mergeCell ref="CK44:CL45"/>
    <mergeCell ref="CU44:CV44"/>
    <mergeCell ref="CX44:CY45"/>
    <mergeCell ref="DH44:DI44"/>
    <mergeCell ref="AK44:AL45"/>
    <mergeCell ref="AU44:AV44"/>
    <mergeCell ref="AX44:AY45"/>
    <mergeCell ref="BH44:BI44"/>
    <mergeCell ref="BK44:BL45"/>
    <mergeCell ref="BU44:BV44"/>
    <mergeCell ref="RH43:RI43"/>
    <mergeCell ref="RU43:RV43"/>
    <mergeCell ref="SH43:SI43"/>
    <mergeCell ref="H44:I44"/>
    <mergeCell ref="K44:L45"/>
    <mergeCell ref="U44:V44"/>
    <mergeCell ref="X44:Y45"/>
    <mergeCell ref="AH44:AI44"/>
    <mergeCell ref="NH43:NI43"/>
    <mergeCell ref="NU43:NV43"/>
    <mergeCell ref="OH43:OI43"/>
    <mergeCell ref="OU43:OV43"/>
    <mergeCell ref="PH43:PI43"/>
    <mergeCell ref="PU43:PV43"/>
    <mergeCell ref="JU43:JV43"/>
    <mergeCell ref="KH43:KI43"/>
    <mergeCell ref="KU43:KV43"/>
    <mergeCell ref="LH43:LI43"/>
    <mergeCell ref="LU43:LV43"/>
    <mergeCell ref="MH43:MI43"/>
    <mergeCell ref="GH43:GI43"/>
    <mergeCell ref="GU43:GV43"/>
    <mergeCell ref="HH43:HI43"/>
    <mergeCell ref="HU43:HV43"/>
    <mergeCell ref="IH43:II43"/>
    <mergeCell ref="IU43:IV43"/>
    <mergeCell ref="DH43:DI43"/>
    <mergeCell ref="DU43:DV43"/>
    <mergeCell ref="EH43:EI43"/>
    <mergeCell ref="EU43:EV43"/>
    <mergeCell ref="DK44:DL45"/>
    <mergeCell ref="DU44:DV44"/>
    <mergeCell ref="H43:I43"/>
    <mergeCell ref="U43:V43"/>
    <mergeCell ref="AH43:AI43"/>
    <mergeCell ref="AU43:AV43"/>
    <mergeCell ref="BH43:BI43"/>
    <mergeCell ref="BU43:BV43"/>
    <mergeCell ref="PU42:PV42"/>
    <mergeCell ref="QH42:QI42"/>
    <mergeCell ref="QU42:QV42"/>
    <mergeCell ref="RH42:RI42"/>
    <mergeCell ref="RU42:RV42"/>
    <mergeCell ref="SH42:SI42"/>
    <mergeCell ref="LU42:LV42"/>
    <mergeCell ref="MH42:MI42"/>
    <mergeCell ref="MU42:MV42"/>
    <mergeCell ref="NH42:NI42"/>
    <mergeCell ref="NU42:NV42"/>
    <mergeCell ref="OH42:OI42"/>
    <mergeCell ref="IH42:II42"/>
    <mergeCell ref="IU42:IV42"/>
    <mergeCell ref="JH42:JI42"/>
    <mergeCell ref="JU42:JV42"/>
    <mergeCell ref="KH42:KI42"/>
    <mergeCell ref="KU42:KV42"/>
    <mergeCell ref="EH42:EI42"/>
    <mergeCell ref="EU42:EV42"/>
    <mergeCell ref="FH42:FI42"/>
    <mergeCell ref="FU42:FV42"/>
    <mergeCell ref="GH42:GI42"/>
    <mergeCell ref="GU42:GV42"/>
    <mergeCell ref="QH43:QI43"/>
    <mergeCell ref="QU43:QV43"/>
    <mergeCell ref="SH41:SI41"/>
    <mergeCell ref="H42:I42"/>
    <mergeCell ref="U42:V42"/>
    <mergeCell ref="AH42:AI42"/>
    <mergeCell ref="AU42:AV42"/>
    <mergeCell ref="BH42:BI42"/>
    <mergeCell ref="BU42:BV42"/>
    <mergeCell ref="CH42:CI42"/>
    <mergeCell ref="CU42:CV42"/>
    <mergeCell ref="DH42:DI42"/>
    <mergeCell ref="RX40:RY43"/>
    <mergeCell ref="SH40:SI40"/>
    <mergeCell ref="SK40:SL43"/>
    <mergeCell ref="H41:I41"/>
    <mergeCell ref="U41:V41"/>
    <mergeCell ref="AH41:AI41"/>
    <mergeCell ref="AU41:AV41"/>
    <mergeCell ref="BH41:BI41"/>
    <mergeCell ref="BU41:BV41"/>
    <mergeCell ref="CH41:CI41"/>
    <mergeCell ref="QK40:QL43"/>
    <mergeCell ref="QU40:QV40"/>
    <mergeCell ref="QX40:QY43"/>
    <mergeCell ref="RH40:RI40"/>
    <mergeCell ref="RK40:RL43"/>
    <mergeCell ref="RU40:RV40"/>
    <mergeCell ref="QU41:QV41"/>
    <mergeCell ref="RH41:RI41"/>
    <mergeCell ref="RU41:RV41"/>
    <mergeCell ref="OX40:OY43"/>
    <mergeCell ref="PH40:PI40"/>
    <mergeCell ref="PK40:PL43"/>
    <mergeCell ref="PU40:PV40"/>
    <mergeCell ref="PX40:PY43"/>
    <mergeCell ref="QH40:QI40"/>
    <mergeCell ref="PH41:PI41"/>
    <mergeCell ref="PU41:PV41"/>
    <mergeCell ref="QH41:QI41"/>
    <mergeCell ref="PH42:PI42"/>
    <mergeCell ref="NK40:NL43"/>
    <mergeCell ref="NU40:NV40"/>
    <mergeCell ref="NX40:NY43"/>
    <mergeCell ref="OH40:OI40"/>
    <mergeCell ref="OK40:OL43"/>
    <mergeCell ref="OU40:OV40"/>
    <mergeCell ref="NU41:NV41"/>
    <mergeCell ref="OH41:OI41"/>
    <mergeCell ref="OU41:OV41"/>
    <mergeCell ref="OU42:OV42"/>
    <mergeCell ref="LX40:LY43"/>
    <mergeCell ref="MH40:MI40"/>
    <mergeCell ref="MK40:ML43"/>
    <mergeCell ref="MU40:MV40"/>
    <mergeCell ref="MX40:MY43"/>
    <mergeCell ref="NH40:NI40"/>
    <mergeCell ref="MH41:MI41"/>
    <mergeCell ref="MU41:MV41"/>
    <mergeCell ref="NH41:NI41"/>
    <mergeCell ref="MU43:MV43"/>
    <mergeCell ref="KK40:KL43"/>
    <mergeCell ref="KU40:KV40"/>
    <mergeCell ref="KX40:KY43"/>
    <mergeCell ref="LH40:LI40"/>
    <mergeCell ref="LK40:LL43"/>
    <mergeCell ref="LU40:LV40"/>
    <mergeCell ref="KU41:KV41"/>
    <mergeCell ref="LH41:LI41"/>
    <mergeCell ref="LU41:LV41"/>
    <mergeCell ref="LH42:LI42"/>
    <mergeCell ref="IX40:IY43"/>
    <mergeCell ref="JH40:JI40"/>
    <mergeCell ref="JK40:JL43"/>
    <mergeCell ref="JU40:JV40"/>
    <mergeCell ref="JX40:JY43"/>
    <mergeCell ref="KH40:KI40"/>
    <mergeCell ref="JH41:JI41"/>
    <mergeCell ref="JU41:JV41"/>
    <mergeCell ref="KH41:KI41"/>
    <mergeCell ref="JH43:JI43"/>
    <mergeCell ref="HK40:HL43"/>
    <mergeCell ref="HU40:HV40"/>
    <mergeCell ref="HX40:HY43"/>
    <mergeCell ref="IH40:II40"/>
    <mergeCell ref="IK40:IL43"/>
    <mergeCell ref="IU40:IV40"/>
    <mergeCell ref="HU41:HV41"/>
    <mergeCell ref="IH41:II41"/>
    <mergeCell ref="IU41:IV41"/>
    <mergeCell ref="HU42:HV42"/>
    <mergeCell ref="FX40:FY43"/>
    <mergeCell ref="GH40:GI40"/>
    <mergeCell ref="GK40:GL43"/>
    <mergeCell ref="GU40:GV40"/>
    <mergeCell ref="GX40:GY43"/>
    <mergeCell ref="HH40:HI40"/>
    <mergeCell ref="GH41:GI41"/>
    <mergeCell ref="GU41:GV41"/>
    <mergeCell ref="HH41:HI41"/>
    <mergeCell ref="HH42:HI42"/>
    <mergeCell ref="EK40:EL43"/>
    <mergeCell ref="EU40:EV40"/>
    <mergeCell ref="EX40:EY43"/>
    <mergeCell ref="FH40:FI40"/>
    <mergeCell ref="FK40:FL43"/>
    <mergeCell ref="FU40:FV40"/>
    <mergeCell ref="EU41:EV41"/>
    <mergeCell ref="FH41:FI41"/>
    <mergeCell ref="FU41:FV41"/>
    <mergeCell ref="FH43:FI43"/>
    <mergeCell ref="FU43:FV43"/>
    <mergeCell ref="CX40:CY43"/>
    <mergeCell ref="DH40:DI40"/>
    <mergeCell ref="DK40:DL43"/>
    <mergeCell ref="DU40:DV40"/>
    <mergeCell ref="DX40:DY43"/>
    <mergeCell ref="EH40:EI40"/>
    <mergeCell ref="DH41:DI41"/>
    <mergeCell ref="DU41:DV41"/>
    <mergeCell ref="EH41:EI41"/>
    <mergeCell ref="DU42:DV42"/>
    <mergeCell ref="BK40:BL43"/>
    <mergeCell ref="BU40:BV40"/>
    <mergeCell ref="BX40:BY43"/>
    <mergeCell ref="CH40:CI40"/>
    <mergeCell ref="CK40:CL43"/>
    <mergeCell ref="CU40:CV40"/>
    <mergeCell ref="CU41:CV41"/>
    <mergeCell ref="CH43:CI43"/>
    <mergeCell ref="CU43:CV43"/>
    <mergeCell ref="SH39:SI39"/>
    <mergeCell ref="H40:I40"/>
    <mergeCell ref="K40:L43"/>
    <mergeCell ref="U40:V40"/>
    <mergeCell ref="X40:Y43"/>
    <mergeCell ref="AH40:AI40"/>
    <mergeCell ref="AK40:AL43"/>
    <mergeCell ref="AU40:AV40"/>
    <mergeCell ref="AX40:AY43"/>
    <mergeCell ref="BH40:BI40"/>
    <mergeCell ref="RX38:RY39"/>
    <mergeCell ref="SH38:SI38"/>
    <mergeCell ref="SK38:SL39"/>
    <mergeCell ref="H39:I39"/>
    <mergeCell ref="U39:V39"/>
    <mergeCell ref="AH39:AI39"/>
    <mergeCell ref="AU39:AV39"/>
    <mergeCell ref="BH39:BI39"/>
    <mergeCell ref="BU39:BV39"/>
    <mergeCell ref="CH39:CI39"/>
    <mergeCell ref="QK38:QL39"/>
    <mergeCell ref="QU38:QV38"/>
    <mergeCell ref="QX38:QY39"/>
    <mergeCell ref="RH38:RI38"/>
    <mergeCell ref="RK38:RL39"/>
    <mergeCell ref="RU38:RV38"/>
    <mergeCell ref="QU39:QV39"/>
    <mergeCell ref="RH39:RI39"/>
    <mergeCell ref="RU39:RV39"/>
    <mergeCell ref="OX38:OY39"/>
    <mergeCell ref="PH38:PI38"/>
    <mergeCell ref="PK38:PL39"/>
    <mergeCell ref="PU38:PV38"/>
    <mergeCell ref="PX38:PY39"/>
    <mergeCell ref="QH38:QI38"/>
    <mergeCell ref="PH39:PI39"/>
    <mergeCell ref="PU39:PV39"/>
    <mergeCell ref="QH39:QI39"/>
    <mergeCell ref="NK38:NL39"/>
    <mergeCell ref="NU38:NV38"/>
    <mergeCell ref="NX38:NY39"/>
    <mergeCell ref="OH38:OI38"/>
    <mergeCell ref="OK38:OL39"/>
    <mergeCell ref="OU38:OV38"/>
    <mergeCell ref="NU39:NV39"/>
    <mergeCell ref="OH39:OI39"/>
    <mergeCell ref="OU39:OV39"/>
    <mergeCell ref="LX38:LY39"/>
    <mergeCell ref="MH38:MI38"/>
    <mergeCell ref="MK38:ML39"/>
    <mergeCell ref="MU38:MV38"/>
    <mergeCell ref="MX38:MY39"/>
    <mergeCell ref="NH38:NI38"/>
    <mergeCell ref="MH39:MI39"/>
    <mergeCell ref="MU39:MV39"/>
    <mergeCell ref="NH39:NI39"/>
    <mergeCell ref="KK38:KL39"/>
    <mergeCell ref="KU38:KV38"/>
    <mergeCell ref="KX38:KY39"/>
    <mergeCell ref="LH38:LI38"/>
    <mergeCell ref="LK38:LL39"/>
    <mergeCell ref="LU38:LV38"/>
    <mergeCell ref="KU39:KV39"/>
    <mergeCell ref="LH39:LI39"/>
    <mergeCell ref="LU39:LV39"/>
    <mergeCell ref="IX38:IY39"/>
    <mergeCell ref="JH38:JI38"/>
    <mergeCell ref="JK38:JL39"/>
    <mergeCell ref="JU38:JV38"/>
    <mergeCell ref="JX38:JY39"/>
    <mergeCell ref="KH38:KI38"/>
    <mergeCell ref="JH39:JI39"/>
    <mergeCell ref="JU39:JV39"/>
    <mergeCell ref="KH39:KI39"/>
    <mergeCell ref="DX38:DY39"/>
    <mergeCell ref="EH38:EI38"/>
    <mergeCell ref="DH39:DI39"/>
    <mergeCell ref="DU39:DV39"/>
    <mergeCell ref="EH39:EI39"/>
    <mergeCell ref="HK38:HL39"/>
    <mergeCell ref="HU38:HV38"/>
    <mergeCell ref="HX38:HY39"/>
    <mergeCell ref="IH38:II38"/>
    <mergeCell ref="IK38:IL39"/>
    <mergeCell ref="IU38:IV38"/>
    <mergeCell ref="HU39:HV39"/>
    <mergeCell ref="IH39:II39"/>
    <mergeCell ref="IU39:IV39"/>
    <mergeCell ref="FX38:FY39"/>
    <mergeCell ref="GH38:GI38"/>
    <mergeCell ref="GK38:GL39"/>
    <mergeCell ref="GU38:GV38"/>
    <mergeCell ref="GX38:GY39"/>
    <mergeCell ref="HH38:HI38"/>
    <mergeCell ref="GH39:GI39"/>
    <mergeCell ref="GU39:GV39"/>
    <mergeCell ref="HH39:HI39"/>
    <mergeCell ref="BK38:BL39"/>
    <mergeCell ref="BU38:BV38"/>
    <mergeCell ref="BX38:BY39"/>
    <mergeCell ref="CH38:CI38"/>
    <mergeCell ref="CK38:CL39"/>
    <mergeCell ref="CU38:CV38"/>
    <mergeCell ref="CU39:CV39"/>
    <mergeCell ref="SH37:SI37"/>
    <mergeCell ref="H38:I38"/>
    <mergeCell ref="K38:L39"/>
    <mergeCell ref="U38:V38"/>
    <mergeCell ref="X38:Y39"/>
    <mergeCell ref="AH38:AI38"/>
    <mergeCell ref="AK38:AL39"/>
    <mergeCell ref="AU38:AV38"/>
    <mergeCell ref="AX38:AY39"/>
    <mergeCell ref="BH38:BI38"/>
    <mergeCell ref="PH37:PI37"/>
    <mergeCell ref="PU37:PV37"/>
    <mergeCell ref="EK38:EL39"/>
    <mergeCell ref="EU38:EV38"/>
    <mergeCell ref="EX38:EY39"/>
    <mergeCell ref="FH38:FI38"/>
    <mergeCell ref="FK38:FL39"/>
    <mergeCell ref="FU38:FV38"/>
    <mergeCell ref="EU39:EV39"/>
    <mergeCell ref="FH39:FI39"/>
    <mergeCell ref="FU39:FV39"/>
    <mergeCell ref="CX38:CY39"/>
    <mergeCell ref="DH38:DI38"/>
    <mergeCell ref="DK38:DL39"/>
    <mergeCell ref="DU38:DV38"/>
    <mergeCell ref="SH36:SI36"/>
    <mergeCell ref="SK36:SK37"/>
    <mergeCell ref="SL36:SL37"/>
    <mergeCell ref="H37:I37"/>
    <mergeCell ref="U37:V37"/>
    <mergeCell ref="AH37:AI37"/>
    <mergeCell ref="AU37:AV37"/>
    <mergeCell ref="BH37:BI37"/>
    <mergeCell ref="BU37:BV37"/>
    <mergeCell ref="CH37:CI37"/>
    <mergeCell ref="RH36:RI36"/>
    <mergeCell ref="RK36:RK37"/>
    <mergeCell ref="RL36:RL37"/>
    <mergeCell ref="RU36:RV36"/>
    <mergeCell ref="RX36:RX37"/>
    <mergeCell ref="RY36:RY37"/>
    <mergeCell ref="RH37:RI37"/>
    <mergeCell ref="RU37:RV37"/>
    <mergeCell ref="QH36:QI36"/>
    <mergeCell ref="QK36:QK37"/>
    <mergeCell ref="QL36:QL37"/>
    <mergeCell ref="QU36:QV36"/>
    <mergeCell ref="QX36:QX37"/>
    <mergeCell ref="QY36:QY37"/>
    <mergeCell ref="QH37:QI37"/>
    <mergeCell ref="QU37:QV37"/>
    <mergeCell ref="PH36:PI36"/>
    <mergeCell ref="PK36:PK37"/>
    <mergeCell ref="PL36:PL37"/>
    <mergeCell ref="PU36:PV36"/>
    <mergeCell ref="PX36:PX37"/>
    <mergeCell ref="PY36:PY37"/>
    <mergeCell ref="OH36:OI36"/>
    <mergeCell ref="OK36:OK37"/>
    <mergeCell ref="OL36:OL37"/>
    <mergeCell ref="OU36:OV36"/>
    <mergeCell ref="OX36:OX37"/>
    <mergeCell ref="OY36:OY37"/>
    <mergeCell ref="OH37:OI37"/>
    <mergeCell ref="OU37:OV37"/>
    <mergeCell ref="NH36:NI36"/>
    <mergeCell ref="NK36:NK37"/>
    <mergeCell ref="NL36:NL37"/>
    <mergeCell ref="NU36:NV36"/>
    <mergeCell ref="NX36:NX37"/>
    <mergeCell ref="NY36:NY37"/>
    <mergeCell ref="NH37:NI37"/>
    <mergeCell ref="NU37:NV37"/>
    <mergeCell ref="MH36:MI36"/>
    <mergeCell ref="MK36:MK37"/>
    <mergeCell ref="ML36:ML37"/>
    <mergeCell ref="MU36:MV36"/>
    <mergeCell ref="MX36:MX37"/>
    <mergeCell ref="MY36:MY37"/>
    <mergeCell ref="MH37:MI37"/>
    <mergeCell ref="MU37:MV37"/>
    <mergeCell ref="LH36:LI36"/>
    <mergeCell ref="LK36:LK37"/>
    <mergeCell ref="LL36:LL37"/>
    <mergeCell ref="LU36:LV36"/>
    <mergeCell ref="LX36:LX37"/>
    <mergeCell ref="LY36:LY37"/>
    <mergeCell ref="LH37:LI37"/>
    <mergeCell ref="LU37:LV37"/>
    <mergeCell ref="KH36:KI36"/>
    <mergeCell ref="KK36:KK37"/>
    <mergeCell ref="KL36:KL37"/>
    <mergeCell ref="KU36:KV36"/>
    <mergeCell ref="KX36:KX37"/>
    <mergeCell ref="KY36:KY37"/>
    <mergeCell ref="KH37:KI37"/>
    <mergeCell ref="KU37:KV37"/>
    <mergeCell ref="JH36:JI36"/>
    <mergeCell ref="JK36:JK37"/>
    <mergeCell ref="JL36:JL37"/>
    <mergeCell ref="JU36:JV36"/>
    <mergeCell ref="JX36:JX37"/>
    <mergeCell ref="JY36:JY37"/>
    <mergeCell ref="JH37:JI37"/>
    <mergeCell ref="JU37:JV37"/>
    <mergeCell ref="IH36:II36"/>
    <mergeCell ref="IK36:IK37"/>
    <mergeCell ref="IL36:IL37"/>
    <mergeCell ref="IU36:IV36"/>
    <mergeCell ref="IX36:IX37"/>
    <mergeCell ref="IY36:IY37"/>
    <mergeCell ref="IH37:II37"/>
    <mergeCell ref="IU37:IV37"/>
    <mergeCell ref="HH36:HI36"/>
    <mergeCell ref="HK36:HK37"/>
    <mergeCell ref="HL36:HL37"/>
    <mergeCell ref="HU36:HV36"/>
    <mergeCell ref="HX36:HX37"/>
    <mergeCell ref="HY36:HY37"/>
    <mergeCell ref="HH37:HI37"/>
    <mergeCell ref="HU37:HV37"/>
    <mergeCell ref="GH36:GI36"/>
    <mergeCell ref="GK36:GK37"/>
    <mergeCell ref="GL36:GL37"/>
    <mergeCell ref="GU36:GV36"/>
    <mergeCell ref="GX36:GX37"/>
    <mergeCell ref="GY36:GY37"/>
    <mergeCell ref="GH37:GI37"/>
    <mergeCell ref="GU37:GV37"/>
    <mergeCell ref="FH36:FI36"/>
    <mergeCell ref="FK36:FK37"/>
    <mergeCell ref="FL36:FL37"/>
    <mergeCell ref="FU36:FV36"/>
    <mergeCell ref="FX36:FX37"/>
    <mergeCell ref="FY36:FY37"/>
    <mergeCell ref="FH37:FI37"/>
    <mergeCell ref="FU37:FV37"/>
    <mergeCell ref="EH36:EI36"/>
    <mergeCell ref="EK36:EK37"/>
    <mergeCell ref="EL36:EL37"/>
    <mergeCell ref="EU36:EV36"/>
    <mergeCell ref="EX36:EX37"/>
    <mergeCell ref="EY36:EY37"/>
    <mergeCell ref="EH37:EI37"/>
    <mergeCell ref="EU37:EV37"/>
    <mergeCell ref="DH36:DI36"/>
    <mergeCell ref="DK36:DK37"/>
    <mergeCell ref="DL36:DL37"/>
    <mergeCell ref="DU36:DV36"/>
    <mergeCell ref="DX36:DX37"/>
    <mergeCell ref="DY36:DY37"/>
    <mergeCell ref="DH37:DI37"/>
    <mergeCell ref="DU37:DV37"/>
    <mergeCell ref="CH36:CI36"/>
    <mergeCell ref="CK36:CK37"/>
    <mergeCell ref="CL36:CL37"/>
    <mergeCell ref="CU36:CV36"/>
    <mergeCell ref="CX36:CX37"/>
    <mergeCell ref="CY36:CY37"/>
    <mergeCell ref="CU37:CV37"/>
    <mergeCell ref="BH36:BI36"/>
    <mergeCell ref="BK36:BK37"/>
    <mergeCell ref="BL36:BL37"/>
    <mergeCell ref="BU36:BV36"/>
    <mergeCell ref="BX36:BX37"/>
    <mergeCell ref="BY36:BY37"/>
    <mergeCell ref="AH36:AI36"/>
    <mergeCell ref="AK36:AK37"/>
    <mergeCell ref="AL36:AL37"/>
    <mergeCell ref="AU36:AV36"/>
    <mergeCell ref="AX36:AX37"/>
    <mergeCell ref="AY36:AY37"/>
    <mergeCell ref="H36:I36"/>
    <mergeCell ref="K36:K37"/>
    <mergeCell ref="L36:L37"/>
    <mergeCell ref="U36:V36"/>
    <mergeCell ref="X36:X37"/>
    <mergeCell ref="Y36:Y37"/>
    <mergeCell ref="H35:I35"/>
    <mergeCell ref="U35:V35"/>
    <mergeCell ref="AH35:AI35"/>
    <mergeCell ref="AU35:AV35"/>
    <mergeCell ref="BH35:BI35"/>
    <mergeCell ref="BU35:BV35"/>
    <mergeCell ref="RU34:RV34"/>
    <mergeCell ref="RX34:RX35"/>
    <mergeCell ref="RY34:RY35"/>
    <mergeCell ref="SH34:SI34"/>
    <mergeCell ref="SK34:SK35"/>
    <mergeCell ref="OU34:OV34"/>
    <mergeCell ref="OX34:OX35"/>
    <mergeCell ref="OY34:OY35"/>
    <mergeCell ref="PH34:PI34"/>
    <mergeCell ref="PK34:PK35"/>
    <mergeCell ref="PL34:PL35"/>
    <mergeCell ref="OU35:OV35"/>
    <mergeCell ref="PH35:PI35"/>
    <mergeCell ref="NU34:NV34"/>
    <mergeCell ref="NX34:NX35"/>
    <mergeCell ref="NY34:NY35"/>
    <mergeCell ref="OH34:OI34"/>
    <mergeCell ref="OK34:OK35"/>
    <mergeCell ref="OL34:OL35"/>
    <mergeCell ref="NU35:NV35"/>
    <mergeCell ref="SL34:SL35"/>
    <mergeCell ref="RU35:RV35"/>
    <mergeCell ref="SH35:SI35"/>
    <mergeCell ref="QU34:QV34"/>
    <mergeCell ref="QX34:QX35"/>
    <mergeCell ref="QY34:QY35"/>
    <mergeCell ref="RH34:RI34"/>
    <mergeCell ref="RK34:RK35"/>
    <mergeCell ref="RL34:RL35"/>
    <mergeCell ref="QU35:QV35"/>
    <mergeCell ref="RH35:RI35"/>
    <mergeCell ref="PU34:PV34"/>
    <mergeCell ref="PX34:PX35"/>
    <mergeCell ref="PY34:PY35"/>
    <mergeCell ref="QH34:QI34"/>
    <mergeCell ref="QK34:QK35"/>
    <mergeCell ref="QL34:QL35"/>
    <mergeCell ref="PU35:PV35"/>
    <mergeCell ref="QH35:QI35"/>
    <mergeCell ref="OH35:OI35"/>
    <mergeCell ref="MU34:MV34"/>
    <mergeCell ref="MX34:MX35"/>
    <mergeCell ref="MY34:MY35"/>
    <mergeCell ref="NH34:NI34"/>
    <mergeCell ref="NK34:NK35"/>
    <mergeCell ref="NL34:NL35"/>
    <mergeCell ref="MU35:MV35"/>
    <mergeCell ref="NH35:NI35"/>
    <mergeCell ref="LU34:LV34"/>
    <mergeCell ref="LX34:LX35"/>
    <mergeCell ref="LY34:LY35"/>
    <mergeCell ref="MH34:MI34"/>
    <mergeCell ref="MK34:MK35"/>
    <mergeCell ref="ML34:ML35"/>
    <mergeCell ref="LU35:LV35"/>
    <mergeCell ref="MH35:MI35"/>
    <mergeCell ref="KU34:KV34"/>
    <mergeCell ref="KX34:KX35"/>
    <mergeCell ref="KY34:KY35"/>
    <mergeCell ref="LH34:LI34"/>
    <mergeCell ref="LK34:LK35"/>
    <mergeCell ref="LL34:LL35"/>
    <mergeCell ref="KU35:KV35"/>
    <mergeCell ref="LH35:LI35"/>
    <mergeCell ref="JU34:JV34"/>
    <mergeCell ref="JX34:JX35"/>
    <mergeCell ref="JY34:JY35"/>
    <mergeCell ref="KH34:KI34"/>
    <mergeCell ref="KK34:KK35"/>
    <mergeCell ref="KL34:KL35"/>
    <mergeCell ref="JU35:JV35"/>
    <mergeCell ref="KH35:KI35"/>
    <mergeCell ref="IU34:IV34"/>
    <mergeCell ref="IX34:IX35"/>
    <mergeCell ref="IY34:IY35"/>
    <mergeCell ref="JH34:JI34"/>
    <mergeCell ref="JK34:JK35"/>
    <mergeCell ref="JL34:JL35"/>
    <mergeCell ref="IU35:IV35"/>
    <mergeCell ref="JH35:JI35"/>
    <mergeCell ref="HU34:HV34"/>
    <mergeCell ref="HX34:HX35"/>
    <mergeCell ref="HY34:HY35"/>
    <mergeCell ref="IH34:II34"/>
    <mergeCell ref="IK34:IK35"/>
    <mergeCell ref="IL34:IL35"/>
    <mergeCell ref="HU35:HV35"/>
    <mergeCell ref="IH35:II35"/>
    <mergeCell ref="GU34:GV34"/>
    <mergeCell ref="GX34:GX35"/>
    <mergeCell ref="GY34:GY35"/>
    <mergeCell ref="HH34:HI34"/>
    <mergeCell ref="HK34:HK35"/>
    <mergeCell ref="HL34:HL35"/>
    <mergeCell ref="GU35:GV35"/>
    <mergeCell ref="HH35:HI35"/>
    <mergeCell ref="FU34:FV34"/>
    <mergeCell ref="FX34:FX35"/>
    <mergeCell ref="FY34:FY35"/>
    <mergeCell ref="GH34:GI34"/>
    <mergeCell ref="GK34:GK35"/>
    <mergeCell ref="GL34:GL35"/>
    <mergeCell ref="FU35:FV35"/>
    <mergeCell ref="GH35:GI35"/>
    <mergeCell ref="FH35:FI35"/>
    <mergeCell ref="DU34:DV34"/>
    <mergeCell ref="DX34:DX35"/>
    <mergeCell ref="DY34:DY35"/>
    <mergeCell ref="EH34:EI34"/>
    <mergeCell ref="EK34:EK35"/>
    <mergeCell ref="EL34:EL35"/>
    <mergeCell ref="DU35:DV35"/>
    <mergeCell ref="EH35:EI35"/>
    <mergeCell ref="CU34:CV34"/>
    <mergeCell ref="CX34:CX35"/>
    <mergeCell ref="CY34:CY35"/>
    <mergeCell ref="DH34:DI34"/>
    <mergeCell ref="DK34:DK35"/>
    <mergeCell ref="DL34:DL35"/>
    <mergeCell ref="CU35:CV35"/>
    <mergeCell ref="DH35:DI35"/>
    <mergeCell ref="BU34:BV34"/>
    <mergeCell ref="BX34:BX35"/>
    <mergeCell ref="BY34:BY35"/>
    <mergeCell ref="CH34:CI34"/>
    <mergeCell ref="CK34:CK35"/>
    <mergeCell ref="CL34:CL35"/>
    <mergeCell ref="CH35:CI35"/>
    <mergeCell ref="AU34:AV34"/>
    <mergeCell ref="AX34:AX35"/>
    <mergeCell ref="AY34:AY35"/>
    <mergeCell ref="BH34:BI34"/>
    <mergeCell ref="BK34:BK35"/>
    <mergeCell ref="BL34:BL35"/>
    <mergeCell ref="SH33:SI33"/>
    <mergeCell ref="H34:I34"/>
    <mergeCell ref="K34:K35"/>
    <mergeCell ref="L34:L35"/>
    <mergeCell ref="U34:V34"/>
    <mergeCell ref="X34:X35"/>
    <mergeCell ref="Y34:Y35"/>
    <mergeCell ref="AH34:AI34"/>
    <mergeCell ref="AK34:AK35"/>
    <mergeCell ref="AL34:AL35"/>
    <mergeCell ref="PH33:PI33"/>
    <mergeCell ref="PU33:PV33"/>
    <mergeCell ref="EU34:EV34"/>
    <mergeCell ref="EX34:EX35"/>
    <mergeCell ref="EY34:EY35"/>
    <mergeCell ref="FH34:FI34"/>
    <mergeCell ref="FK34:FK35"/>
    <mergeCell ref="FL34:FL35"/>
    <mergeCell ref="EU35:EV35"/>
    <mergeCell ref="SH32:SI32"/>
    <mergeCell ref="SK32:SK33"/>
    <mergeCell ref="SL32:SL33"/>
    <mergeCell ref="H33:I33"/>
    <mergeCell ref="U33:V33"/>
    <mergeCell ref="AH33:AI33"/>
    <mergeCell ref="AU33:AV33"/>
    <mergeCell ref="BH33:BI33"/>
    <mergeCell ref="BU33:BV33"/>
    <mergeCell ref="CH33:CI33"/>
    <mergeCell ref="RH32:RI32"/>
    <mergeCell ref="RK32:RK33"/>
    <mergeCell ref="RL32:RL33"/>
    <mergeCell ref="RU32:RV32"/>
    <mergeCell ref="RX32:RX33"/>
    <mergeCell ref="RY32:RY33"/>
    <mergeCell ref="RH33:RI33"/>
    <mergeCell ref="RU33:RV33"/>
    <mergeCell ref="QH32:QI32"/>
    <mergeCell ref="QK32:QK33"/>
    <mergeCell ref="QL32:QL33"/>
    <mergeCell ref="QU32:QV32"/>
    <mergeCell ref="QX32:QX33"/>
    <mergeCell ref="QY32:QY33"/>
    <mergeCell ref="QH33:QI33"/>
    <mergeCell ref="QU33:QV33"/>
    <mergeCell ref="PH32:PI32"/>
    <mergeCell ref="PK32:PK33"/>
    <mergeCell ref="PL32:PL33"/>
    <mergeCell ref="PU32:PV32"/>
    <mergeCell ref="PX32:PX33"/>
    <mergeCell ref="PY32:PY33"/>
    <mergeCell ref="OH32:OI32"/>
    <mergeCell ref="OK32:OK33"/>
    <mergeCell ref="OL32:OL33"/>
    <mergeCell ref="OU32:OV32"/>
    <mergeCell ref="OX32:OX33"/>
    <mergeCell ref="OY32:OY33"/>
    <mergeCell ref="OH33:OI33"/>
    <mergeCell ref="OU33:OV33"/>
    <mergeCell ref="NH32:NI32"/>
    <mergeCell ref="NK32:NK33"/>
    <mergeCell ref="NL32:NL33"/>
    <mergeCell ref="NU32:NV32"/>
    <mergeCell ref="NX32:NX33"/>
    <mergeCell ref="NY32:NY33"/>
    <mergeCell ref="NH33:NI33"/>
    <mergeCell ref="NU33:NV33"/>
    <mergeCell ref="MH32:MI32"/>
    <mergeCell ref="MK32:MK33"/>
    <mergeCell ref="ML32:ML33"/>
    <mergeCell ref="MU32:MV32"/>
    <mergeCell ref="MX32:MX33"/>
    <mergeCell ref="MY32:MY33"/>
    <mergeCell ref="MH33:MI33"/>
    <mergeCell ref="MU33:MV33"/>
    <mergeCell ref="LH32:LI32"/>
    <mergeCell ref="LK32:LK33"/>
    <mergeCell ref="LL32:LL33"/>
    <mergeCell ref="LU32:LV32"/>
    <mergeCell ref="LX32:LX33"/>
    <mergeCell ref="LY32:LY33"/>
    <mergeCell ref="LH33:LI33"/>
    <mergeCell ref="LU33:LV33"/>
    <mergeCell ref="KH32:KI32"/>
    <mergeCell ref="KK32:KK33"/>
    <mergeCell ref="KL32:KL33"/>
    <mergeCell ref="KU32:KV32"/>
    <mergeCell ref="KX32:KX33"/>
    <mergeCell ref="KY32:KY33"/>
    <mergeCell ref="KH33:KI33"/>
    <mergeCell ref="KU33:KV33"/>
    <mergeCell ref="JH32:JI32"/>
    <mergeCell ref="JK32:JK33"/>
    <mergeCell ref="JL32:JL33"/>
    <mergeCell ref="JU32:JV32"/>
    <mergeCell ref="JX32:JX33"/>
    <mergeCell ref="JY32:JY33"/>
    <mergeCell ref="JH33:JI33"/>
    <mergeCell ref="JU33:JV33"/>
    <mergeCell ref="IH32:II32"/>
    <mergeCell ref="IK32:IK33"/>
    <mergeCell ref="IL32:IL33"/>
    <mergeCell ref="IU32:IV32"/>
    <mergeCell ref="IX32:IX33"/>
    <mergeCell ref="IY32:IY33"/>
    <mergeCell ref="IH33:II33"/>
    <mergeCell ref="IU33:IV33"/>
    <mergeCell ref="HH32:HI32"/>
    <mergeCell ref="HK32:HK33"/>
    <mergeCell ref="HL32:HL33"/>
    <mergeCell ref="HU32:HV32"/>
    <mergeCell ref="HX32:HX33"/>
    <mergeCell ref="HY32:HY33"/>
    <mergeCell ref="HH33:HI33"/>
    <mergeCell ref="HU33:HV33"/>
    <mergeCell ref="GH32:GI32"/>
    <mergeCell ref="GK32:GK33"/>
    <mergeCell ref="GL32:GL33"/>
    <mergeCell ref="GU32:GV32"/>
    <mergeCell ref="GX32:GX33"/>
    <mergeCell ref="GY32:GY33"/>
    <mergeCell ref="GH33:GI33"/>
    <mergeCell ref="GU33:GV33"/>
    <mergeCell ref="FH32:FI32"/>
    <mergeCell ref="FK32:FK33"/>
    <mergeCell ref="FL32:FL33"/>
    <mergeCell ref="FU32:FV32"/>
    <mergeCell ref="FX32:FX33"/>
    <mergeCell ref="FY32:FY33"/>
    <mergeCell ref="FH33:FI33"/>
    <mergeCell ref="FU33:FV33"/>
    <mergeCell ref="EH32:EI32"/>
    <mergeCell ref="EK32:EK33"/>
    <mergeCell ref="EL32:EL33"/>
    <mergeCell ref="EU32:EV32"/>
    <mergeCell ref="EX32:EX33"/>
    <mergeCell ref="EY32:EY33"/>
    <mergeCell ref="EH33:EI33"/>
    <mergeCell ref="EU33:EV33"/>
    <mergeCell ref="DH32:DI32"/>
    <mergeCell ref="DK32:DK33"/>
    <mergeCell ref="DL32:DL33"/>
    <mergeCell ref="DU32:DV32"/>
    <mergeCell ref="DX32:DX33"/>
    <mergeCell ref="DY32:DY33"/>
    <mergeCell ref="DH33:DI33"/>
    <mergeCell ref="DU33:DV33"/>
    <mergeCell ref="CH32:CI32"/>
    <mergeCell ref="CK32:CK33"/>
    <mergeCell ref="CL32:CL33"/>
    <mergeCell ref="CU32:CV32"/>
    <mergeCell ref="CX32:CX33"/>
    <mergeCell ref="CY32:CY33"/>
    <mergeCell ref="CU33:CV33"/>
    <mergeCell ref="BH32:BI32"/>
    <mergeCell ref="BK32:BK33"/>
    <mergeCell ref="BL32:BL33"/>
    <mergeCell ref="BU32:BV32"/>
    <mergeCell ref="BX32:BX33"/>
    <mergeCell ref="BY32:BY33"/>
    <mergeCell ref="AH32:AI32"/>
    <mergeCell ref="AK32:AK33"/>
    <mergeCell ref="AL32:AL33"/>
    <mergeCell ref="AU32:AV32"/>
    <mergeCell ref="AX32:AX33"/>
    <mergeCell ref="AY32:AY33"/>
    <mergeCell ref="H32:I32"/>
    <mergeCell ref="K32:K33"/>
    <mergeCell ref="L32:L33"/>
    <mergeCell ref="U32:V32"/>
    <mergeCell ref="X32:X33"/>
    <mergeCell ref="Y32:Y33"/>
    <mergeCell ref="SL30:SL31"/>
    <mergeCell ref="H31:I31"/>
    <mergeCell ref="U31:V31"/>
    <mergeCell ref="AH31:AI31"/>
    <mergeCell ref="AU31:AV31"/>
    <mergeCell ref="BH31:BI31"/>
    <mergeCell ref="BU31:BV31"/>
    <mergeCell ref="CH31:CI31"/>
    <mergeCell ref="CU31:CV31"/>
    <mergeCell ref="DH31:DI31"/>
    <mergeCell ref="RL30:RL31"/>
    <mergeCell ref="RU30:RV30"/>
    <mergeCell ref="RX30:RX31"/>
    <mergeCell ref="RY30:RY31"/>
    <mergeCell ref="SH30:SI30"/>
    <mergeCell ref="SK30:SK31"/>
    <mergeCell ref="RU31:RV31"/>
    <mergeCell ref="SH31:SI31"/>
    <mergeCell ref="QL30:QL31"/>
    <mergeCell ref="QU30:QV30"/>
    <mergeCell ref="QX30:QX31"/>
    <mergeCell ref="QY30:QY31"/>
    <mergeCell ref="RH30:RI30"/>
    <mergeCell ref="RK30:RK31"/>
    <mergeCell ref="QU31:QV31"/>
    <mergeCell ref="RH31:RI31"/>
    <mergeCell ref="PL30:PL31"/>
    <mergeCell ref="PU30:PV30"/>
    <mergeCell ref="PX30:PX31"/>
    <mergeCell ref="PY30:PY31"/>
    <mergeCell ref="QH30:QI30"/>
    <mergeCell ref="QK30:QK31"/>
    <mergeCell ref="PU31:PV31"/>
    <mergeCell ref="QH31:QI31"/>
    <mergeCell ref="OL30:OL31"/>
    <mergeCell ref="OU30:OV30"/>
    <mergeCell ref="OX30:OX31"/>
    <mergeCell ref="OY30:OY31"/>
    <mergeCell ref="PH30:PI30"/>
    <mergeCell ref="PK30:PK31"/>
    <mergeCell ref="OU31:OV31"/>
    <mergeCell ref="PH31:PI31"/>
    <mergeCell ref="NL30:NL31"/>
    <mergeCell ref="NU30:NV30"/>
    <mergeCell ref="NX30:NX31"/>
    <mergeCell ref="NY30:NY31"/>
    <mergeCell ref="OH30:OI30"/>
    <mergeCell ref="OK30:OK31"/>
    <mergeCell ref="NU31:NV31"/>
    <mergeCell ref="OH31:OI31"/>
    <mergeCell ref="ML30:ML31"/>
    <mergeCell ref="MU30:MV30"/>
    <mergeCell ref="MX30:MX31"/>
    <mergeCell ref="MY30:MY31"/>
    <mergeCell ref="NH30:NI30"/>
    <mergeCell ref="NK30:NK31"/>
    <mergeCell ref="MU31:MV31"/>
    <mergeCell ref="NH31:NI31"/>
    <mergeCell ref="LL30:LL31"/>
    <mergeCell ref="LU30:LV30"/>
    <mergeCell ref="LX30:LX31"/>
    <mergeCell ref="LY30:LY31"/>
    <mergeCell ref="MH30:MI30"/>
    <mergeCell ref="MK30:MK31"/>
    <mergeCell ref="LU31:LV31"/>
    <mergeCell ref="MH31:MI31"/>
    <mergeCell ref="KL30:KL31"/>
    <mergeCell ref="KU30:KV30"/>
    <mergeCell ref="KX30:KX31"/>
    <mergeCell ref="KY30:KY31"/>
    <mergeCell ref="LH30:LI30"/>
    <mergeCell ref="LK30:LK31"/>
    <mergeCell ref="KU31:KV31"/>
    <mergeCell ref="LH31:LI31"/>
    <mergeCell ref="JL30:JL31"/>
    <mergeCell ref="JU30:JV30"/>
    <mergeCell ref="JX30:JX31"/>
    <mergeCell ref="JY30:JY31"/>
    <mergeCell ref="KH30:KI30"/>
    <mergeCell ref="KK30:KK31"/>
    <mergeCell ref="JU31:JV31"/>
    <mergeCell ref="KH31:KI31"/>
    <mergeCell ref="IL30:IL31"/>
    <mergeCell ref="IU30:IV30"/>
    <mergeCell ref="IX30:IX31"/>
    <mergeCell ref="IY30:IY31"/>
    <mergeCell ref="JH30:JI30"/>
    <mergeCell ref="JK30:JK31"/>
    <mergeCell ref="IU31:IV31"/>
    <mergeCell ref="JH31:JI31"/>
    <mergeCell ref="HL30:HL31"/>
    <mergeCell ref="HU30:HV30"/>
    <mergeCell ref="HX30:HX31"/>
    <mergeCell ref="HY30:HY31"/>
    <mergeCell ref="IH30:II30"/>
    <mergeCell ref="IK30:IK31"/>
    <mergeCell ref="HU31:HV31"/>
    <mergeCell ref="IH31:II31"/>
    <mergeCell ref="GL30:GL31"/>
    <mergeCell ref="GU30:GV30"/>
    <mergeCell ref="GX30:GX31"/>
    <mergeCell ref="GY30:GY31"/>
    <mergeCell ref="HH30:HI30"/>
    <mergeCell ref="HK30:HK31"/>
    <mergeCell ref="GU31:GV31"/>
    <mergeCell ref="HH31:HI31"/>
    <mergeCell ref="FL30:FL31"/>
    <mergeCell ref="FU30:FV30"/>
    <mergeCell ref="FX30:FX31"/>
    <mergeCell ref="FY30:FY31"/>
    <mergeCell ref="GH30:GI30"/>
    <mergeCell ref="GK30:GK31"/>
    <mergeCell ref="FU31:FV31"/>
    <mergeCell ref="GH31:GI31"/>
    <mergeCell ref="EL30:EL31"/>
    <mergeCell ref="EU30:EV30"/>
    <mergeCell ref="EX30:EX31"/>
    <mergeCell ref="EY30:EY31"/>
    <mergeCell ref="FH30:FI30"/>
    <mergeCell ref="FK30:FK31"/>
    <mergeCell ref="EU31:EV31"/>
    <mergeCell ref="FH31:FI31"/>
    <mergeCell ref="DL30:DL31"/>
    <mergeCell ref="DU30:DV30"/>
    <mergeCell ref="DX30:DX31"/>
    <mergeCell ref="DY30:DY31"/>
    <mergeCell ref="EH30:EI30"/>
    <mergeCell ref="EK30:EK31"/>
    <mergeCell ref="DU31:DV31"/>
    <mergeCell ref="EH31:EI31"/>
    <mergeCell ref="CL30:CL31"/>
    <mergeCell ref="CU30:CV30"/>
    <mergeCell ref="CX30:CX31"/>
    <mergeCell ref="CY30:CY31"/>
    <mergeCell ref="DH30:DI30"/>
    <mergeCell ref="DK30:DK31"/>
    <mergeCell ref="BL30:BL31"/>
    <mergeCell ref="BU30:BV30"/>
    <mergeCell ref="BX30:BX31"/>
    <mergeCell ref="BY30:BY31"/>
    <mergeCell ref="CH30:CI30"/>
    <mergeCell ref="CK30:CK31"/>
    <mergeCell ref="AL30:AL31"/>
    <mergeCell ref="AU30:AV30"/>
    <mergeCell ref="AX30:AX31"/>
    <mergeCell ref="AY30:AY31"/>
    <mergeCell ref="BH30:BI30"/>
    <mergeCell ref="BK30:BK31"/>
    <mergeCell ref="RU29:RV29"/>
    <mergeCell ref="SH29:SI29"/>
    <mergeCell ref="H30:I30"/>
    <mergeCell ref="K30:K31"/>
    <mergeCell ref="L30:L31"/>
    <mergeCell ref="U30:V30"/>
    <mergeCell ref="X30:X31"/>
    <mergeCell ref="Y30:Y31"/>
    <mergeCell ref="AH30:AI30"/>
    <mergeCell ref="AK30:AK31"/>
    <mergeCell ref="RK28:RL29"/>
    <mergeCell ref="RU28:RV28"/>
    <mergeCell ref="RX28:RY29"/>
    <mergeCell ref="SH28:SI28"/>
    <mergeCell ref="OH29:OI29"/>
    <mergeCell ref="LK28:LL29"/>
    <mergeCell ref="LU28:LV28"/>
    <mergeCell ref="LX28:LY29"/>
    <mergeCell ref="MH28:MI28"/>
    <mergeCell ref="MK28:ML29"/>
    <mergeCell ref="MU28:MV28"/>
    <mergeCell ref="LU29:LV29"/>
    <mergeCell ref="MH29:MI29"/>
    <mergeCell ref="MU29:MV29"/>
    <mergeCell ref="JX28:JY29"/>
    <mergeCell ref="KH28:KI28"/>
    <mergeCell ref="SK28:SL29"/>
    <mergeCell ref="H29:I29"/>
    <mergeCell ref="U29:V29"/>
    <mergeCell ref="AH29:AI29"/>
    <mergeCell ref="AU29:AV29"/>
    <mergeCell ref="BH29:BI29"/>
    <mergeCell ref="PX28:PY29"/>
    <mergeCell ref="QH28:QI28"/>
    <mergeCell ref="QK28:QL29"/>
    <mergeCell ref="QU28:QV28"/>
    <mergeCell ref="QX28:QY29"/>
    <mergeCell ref="RH28:RI28"/>
    <mergeCell ref="QH29:QI29"/>
    <mergeCell ref="QU29:QV29"/>
    <mergeCell ref="RH29:RI29"/>
    <mergeCell ref="OK28:OL29"/>
    <mergeCell ref="OU28:OV28"/>
    <mergeCell ref="OX28:OY29"/>
    <mergeCell ref="PH28:PI28"/>
    <mergeCell ref="PK28:PL29"/>
    <mergeCell ref="PU28:PV28"/>
    <mergeCell ref="OU29:OV29"/>
    <mergeCell ref="PH29:PI29"/>
    <mergeCell ref="PU29:PV29"/>
    <mergeCell ref="MX28:MY29"/>
    <mergeCell ref="NH28:NI28"/>
    <mergeCell ref="NK28:NL29"/>
    <mergeCell ref="NU28:NV28"/>
    <mergeCell ref="NX28:NY29"/>
    <mergeCell ref="OH28:OI28"/>
    <mergeCell ref="NH29:NI29"/>
    <mergeCell ref="NU29:NV29"/>
    <mergeCell ref="KK28:KL29"/>
    <mergeCell ref="KU28:KV28"/>
    <mergeCell ref="KX28:KY29"/>
    <mergeCell ref="LH28:LI28"/>
    <mergeCell ref="KH29:KI29"/>
    <mergeCell ref="KU29:KV29"/>
    <mergeCell ref="LH29:LI29"/>
    <mergeCell ref="IK28:IL29"/>
    <mergeCell ref="IU28:IV28"/>
    <mergeCell ref="IX28:IY29"/>
    <mergeCell ref="JH28:JI28"/>
    <mergeCell ref="JK28:JL29"/>
    <mergeCell ref="JU28:JV28"/>
    <mergeCell ref="IU29:IV29"/>
    <mergeCell ref="JH29:JI29"/>
    <mergeCell ref="JU29:JV29"/>
    <mergeCell ref="GX28:GY29"/>
    <mergeCell ref="HH28:HI28"/>
    <mergeCell ref="HK28:HL29"/>
    <mergeCell ref="HU28:HV28"/>
    <mergeCell ref="HX28:HY29"/>
    <mergeCell ref="IH28:II28"/>
    <mergeCell ref="HH29:HI29"/>
    <mergeCell ref="HU29:HV29"/>
    <mergeCell ref="IH29:II29"/>
    <mergeCell ref="FK28:FL29"/>
    <mergeCell ref="FU28:FV28"/>
    <mergeCell ref="FX28:FY29"/>
    <mergeCell ref="GH28:GI28"/>
    <mergeCell ref="GK28:GL29"/>
    <mergeCell ref="GU28:GV28"/>
    <mergeCell ref="FU29:FV29"/>
    <mergeCell ref="GH29:GI29"/>
    <mergeCell ref="GU29:GV29"/>
    <mergeCell ref="DX28:DY29"/>
    <mergeCell ref="EH28:EI28"/>
    <mergeCell ref="EK28:EL29"/>
    <mergeCell ref="EU28:EV28"/>
    <mergeCell ref="EX28:EY29"/>
    <mergeCell ref="FH28:FI28"/>
    <mergeCell ref="EH29:EI29"/>
    <mergeCell ref="EU29:EV29"/>
    <mergeCell ref="FH29:FI29"/>
    <mergeCell ref="CK28:CL29"/>
    <mergeCell ref="CU28:CV28"/>
    <mergeCell ref="CX28:CY29"/>
    <mergeCell ref="DH28:DI28"/>
    <mergeCell ref="DK28:DL29"/>
    <mergeCell ref="DU28:DV28"/>
    <mergeCell ref="CU29:CV29"/>
    <mergeCell ref="DH29:DI29"/>
    <mergeCell ref="DU29:DV29"/>
    <mergeCell ref="AX28:AY29"/>
    <mergeCell ref="BH28:BI28"/>
    <mergeCell ref="BK28:BL29"/>
    <mergeCell ref="BU28:BV28"/>
    <mergeCell ref="BX28:BY29"/>
    <mergeCell ref="CH28:CI28"/>
    <mergeCell ref="BU29:BV29"/>
    <mergeCell ref="CH29:CI29"/>
    <mergeCell ref="RH27:RI27"/>
    <mergeCell ref="RU27:RV27"/>
    <mergeCell ref="SH27:SI27"/>
    <mergeCell ref="H28:I28"/>
    <mergeCell ref="K28:L29"/>
    <mergeCell ref="U28:V28"/>
    <mergeCell ref="X28:Y29"/>
    <mergeCell ref="AH28:AI28"/>
    <mergeCell ref="AK28:AL29"/>
    <mergeCell ref="AU28:AV28"/>
    <mergeCell ref="OH27:OI27"/>
    <mergeCell ref="OU27:OV27"/>
    <mergeCell ref="PH27:PI27"/>
    <mergeCell ref="PU27:PV27"/>
    <mergeCell ref="QH27:QI27"/>
    <mergeCell ref="QU27:QV27"/>
    <mergeCell ref="LH27:LI27"/>
    <mergeCell ref="LU27:LV27"/>
    <mergeCell ref="MH27:MI27"/>
    <mergeCell ref="MU27:MV27"/>
    <mergeCell ref="NH27:NI27"/>
    <mergeCell ref="NU27:NV27"/>
    <mergeCell ref="IH27:II27"/>
    <mergeCell ref="IU27:IV27"/>
    <mergeCell ref="JH27:JI27"/>
    <mergeCell ref="JU27:JV27"/>
    <mergeCell ref="KH27:KI27"/>
    <mergeCell ref="KU27:KV27"/>
    <mergeCell ref="FH27:FI27"/>
    <mergeCell ref="FU27:FV27"/>
    <mergeCell ref="GH27:GI27"/>
    <mergeCell ref="GU27:GV27"/>
    <mergeCell ref="HH27:HI27"/>
    <mergeCell ref="HU27:HV27"/>
    <mergeCell ref="CH27:CI27"/>
    <mergeCell ref="CU27:CV27"/>
    <mergeCell ref="DH27:DI27"/>
    <mergeCell ref="DU27:DV27"/>
    <mergeCell ref="EH27:EI27"/>
    <mergeCell ref="EU27:EV27"/>
    <mergeCell ref="H27:I27"/>
    <mergeCell ref="U27:V27"/>
    <mergeCell ref="AH27:AI27"/>
    <mergeCell ref="AU27:AV27"/>
    <mergeCell ref="BH27:BI27"/>
    <mergeCell ref="BU27:BV27"/>
    <mergeCell ref="RH25:RI25"/>
    <mergeCell ref="RK25:RL26"/>
    <mergeCell ref="RU25:RV25"/>
    <mergeCell ref="MU25:MV25"/>
    <mergeCell ref="MX25:MY26"/>
    <mergeCell ref="NH25:NI25"/>
    <mergeCell ref="NK25:NL26"/>
    <mergeCell ref="NU25:NV25"/>
    <mergeCell ref="NX25:NY26"/>
    <mergeCell ref="MU26:MV26"/>
    <mergeCell ref="NH26:NI26"/>
    <mergeCell ref="NU26:NV26"/>
    <mergeCell ref="LH25:LI25"/>
    <mergeCell ref="LK25:LL26"/>
    <mergeCell ref="LU25:LV25"/>
    <mergeCell ref="LX25:LY26"/>
    <mergeCell ref="MH25:MI25"/>
    <mergeCell ref="MK25:ML26"/>
    <mergeCell ref="RX25:RY26"/>
    <mergeCell ref="SH25:SI25"/>
    <mergeCell ref="SK25:SL26"/>
    <mergeCell ref="RH26:RI26"/>
    <mergeCell ref="RU26:RV26"/>
    <mergeCell ref="SH26:SI26"/>
    <mergeCell ref="PU25:PV25"/>
    <mergeCell ref="PX25:PY26"/>
    <mergeCell ref="QH25:QI25"/>
    <mergeCell ref="QK25:QL26"/>
    <mergeCell ref="QU25:QV25"/>
    <mergeCell ref="QX25:QY26"/>
    <mergeCell ref="PU26:PV26"/>
    <mergeCell ref="QH26:QI26"/>
    <mergeCell ref="QU26:QV26"/>
    <mergeCell ref="OH25:OI25"/>
    <mergeCell ref="OK25:OL26"/>
    <mergeCell ref="OU25:OV25"/>
    <mergeCell ref="OX25:OY26"/>
    <mergeCell ref="PH25:PI25"/>
    <mergeCell ref="PK25:PL26"/>
    <mergeCell ref="OH26:OI26"/>
    <mergeCell ref="OU26:OV26"/>
    <mergeCell ref="PH26:PI26"/>
    <mergeCell ref="LH26:LI26"/>
    <mergeCell ref="LU26:LV26"/>
    <mergeCell ref="MH26:MI26"/>
    <mergeCell ref="JU25:JV25"/>
    <mergeCell ref="JX25:JY26"/>
    <mergeCell ref="KH25:KI25"/>
    <mergeCell ref="KK25:KL26"/>
    <mergeCell ref="KU25:KV25"/>
    <mergeCell ref="KX25:KY26"/>
    <mergeCell ref="JU26:JV26"/>
    <mergeCell ref="KH26:KI26"/>
    <mergeCell ref="KU26:KV26"/>
    <mergeCell ref="IH25:II25"/>
    <mergeCell ref="IK25:IL26"/>
    <mergeCell ref="IU25:IV25"/>
    <mergeCell ref="IX25:IY26"/>
    <mergeCell ref="JH25:JI25"/>
    <mergeCell ref="JK25:JL26"/>
    <mergeCell ref="IH26:II26"/>
    <mergeCell ref="IU26:IV26"/>
    <mergeCell ref="JH26:JI26"/>
    <mergeCell ref="GU25:GV25"/>
    <mergeCell ref="GX25:GY26"/>
    <mergeCell ref="HH25:HI25"/>
    <mergeCell ref="HK25:HL26"/>
    <mergeCell ref="HU25:HV25"/>
    <mergeCell ref="HX25:HY26"/>
    <mergeCell ref="GU26:GV26"/>
    <mergeCell ref="HH26:HI26"/>
    <mergeCell ref="HU26:HV26"/>
    <mergeCell ref="FH25:FI25"/>
    <mergeCell ref="FK25:FL26"/>
    <mergeCell ref="FU25:FV25"/>
    <mergeCell ref="FX25:FY26"/>
    <mergeCell ref="GH25:GI25"/>
    <mergeCell ref="GK25:GL26"/>
    <mergeCell ref="FH26:FI26"/>
    <mergeCell ref="FU26:FV26"/>
    <mergeCell ref="GH26:GI26"/>
    <mergeCell ref="DU25:DV25"/>
    <mergeCell ref="DX25:DY26"/>
    <mergeCell ref="EH25:EI25"/>
    <mergeCell ref="EK25:EL26"/>
    <mergeCell ref="EU25:EV25"/>
    <mergeCell ref="EX25:EY26"/>
    <mergeCell ref="DU26:DV26"/>
    <mergeCell ref="EH26:EI26"/>
    <mergeCell ref="EU26:EV26"/>
    <mergeCell ref="CH25:CI25"/>
    <mergeCell ref="CK25:CL26"/>
    <mergeCell ref="CU25:CV25"/>
    <mergeCell ref="CX25:CY26"/>
    <mergeCell ref="DH25:DI25"/>
    <mergeCell ref="DK25:DL26"/>
    <mergeCell ref="CH26:CI26"/>
    <mergeCell ref="CU26:CV26"/>
    <mergeCell ref="DH26:DI26"/>
    <mergeCell ref="AU25:AV25"/>
    <mergeCell ref="AX25:AY26"/>
    <mergeCell ref="BH25:BI25"/>
    <mergeCell ref="BK25:BL26"/>
    <mergeCell ref="BU25:BV25"/>
    <mergeCell ref="BX25:BY26"/>
    <mergeCell ref="AU26:AV26"/>
    <mergeCell ref="BH26:BI26"/>
    <mergeCell ref="BU26:BV26"/>
    <mergeCell ref="H25:I25"/>
    <mergeCell ref="K25:L26"/>
    <mergeCell ref="U25:V25"/>
    <mergeCell ref="X25:Y26"/>
    <mergeCell ref="AH25:AI25"/>
    <mergeCell ref="AK25:AL26"/>
    <mergeCell ref="H26:I26"/>
    <mergeCell ref="U26:V26"/>
    <mergeCell ref="AH26:AI26"/>
    <mergeCell ref="H24:I24"/>
    <mergeCell ref="U24:V24"/>
    <mergeCell ref="AH24:AI24"/>
    <mergeCell ref="AU24:AV24"/>
    <mergeCell ref="BH24:BI24"/>
    <mergeCell ref="BU24:BV24"/>
    <mergeCell ref="RU23:RV23"/>
    <mergeCell ref="RX23:RX24"/>
    <mergeCell ref="RY23:RY24"/>
    <mergeCell ref="SH23:SI23"/>
    <mergeCell ref="SK23:SK24"/>
    <mergeCell ref="SL23:SL24"/>
    <mergeCell ref="RU24:RV24"/>
    <mergeCell ref="SH24:SI24"/>
    <mergeCell ref="QU23:QV23"/>
    <mergeCell ref="QX23:QX24"/>
    <mergeCell ref="QY23:QY24"/>
    <mergeCell ref="RH23:RI23"/>
    <mergeCell ref="RK23:RK24"/>
    <mergeCell ref="RL23:RL24"/>
    <mergeCell ref="QU24:QV24"/>
    <mergeCell ref="RH24:RI24"/>
    <mergeCell ref="PU23:PV23"/>
    <mergeCell ref="PX23:PX24"/>
    <mergeCell ref="PY23:PY24"/>
    <mergeCell ref="QH23:QI23"/>
    <mergeCell ref="QK23:QK24"/>
    <mergeCell ref="QL23:QL24"/>
    <mergeCell ref="PU24:PV24"/>
    <mergeCell ref="QH24:QI24"/>
    <mergeCell ref="OU23:OV23"/>
    <mergeCell ref="OX23:OX24"/>
    <mergeCell ref="OY23:OY24"/>
    <mergeCell ref="PH23:PI23"/>
    <mergeCell ref="PK23:PK24"/>
    <mergeCell ref="PL23:PL24"/>
    <mergeCell ref="OU24:OV24"/>
    <mergeCell ref="PH24:PI24"/>
    <mergeCell ref="NU23:NV23"/>
    <mergeCell ref="NX23:NX24"/>
    <mergeCell ref="NY23:NY24"/>
    <mergeCell ref="OH23:OI23"/>
    <mergeCell ref="OK23:OK24"/>
    <mergeCell ref="OL23:OL24"/>
    <mergeCell ref="NU24:NV24"/>
    <mergeCell ref="OH24:OI24"/>
    <mergeCell ref="MU23:MV23"/>
    <mergeCell ref="MX23:MX24"/>
    <mergeCell ref="MY23:MY24"/>
    <mergeCell ref="NH23:NI23"/>
    <mergeCell ref="NK23:NK24"/>
    <mergeCell ref="NL23:NL24"/>
    <mergeCell ref="MU24:MV24"/>
    <mergeCell ref="NH24:NI24"/>
    <mergeCell ref="LU23:LV23"/>
    <mergeCell ref="LX23:LX24"/>
    <mergeCell ref="LY23:LY24"/>
    <mergeCell ref="MH23:MI23"/>
    <mergeCell ref="MK23:MK24"/>
    <mergeCell ref="ML23:ML24"/>
    <mergeCell ref="LU24:LV24"/>
    <mergeCell ref="MH24:MI24"/>
    <mergeCell ref="KU23:KV23"/>
    <mergeCell ref="KX23:KX24"/>
    <mergeCell ref="KY23:KY24"/>
    <mergeCell ref="LH23:LI23"/>
    <mergeCell ref="LK23:LK24"/>
    <mergeCell ref="LL23:LL24"/>
    <mergeCell ref="KU24:KV24"/>
    <mergeCell ref="LH24:LI24"/>
    <mergeCell ref="JU23:JV23"/>
    <mergeCell ref="JX23:JX24"/>
    <mergeCell ref="JY23:JY24"/>
    <mergeCell ref="KH23:KI23"/>
    <mergeCell ref="KK23:KK24"/>
    <mergeCell ref="KL23:KL24"/>
    <mergeCell ref="JU24:JV24"/>
    <mergeCell ref="KH24:KI24"/>
    <mergeCell ref="IU23:IV23"/>
    <mergeCell ref="IX23:IX24"/>
    <mergeCell ref="IY23:IY24"/>
    <mergeCell ref="JH23:JI23"/>
    <mergeCell ref="JK23:JK24"/>
    <mergeCell ref="JL23:JL24"/>
    <mergeCell ref="IU24:IV24"/>
    <mergeCell ref="JH24:JI24"/>
    <mergeCell ref="HU23:HV23"/>
    <mergeCell ref="HX23:HX24"/>
    <mergeCell ref="HY23:HY24"/>
    <mergeCell ref="IH23:II23"/>
    <mergeCell ref="IK23:IK24"/>
    <mergeCell ref="IL23:IL24"/>
    <mergeCell ref="HU24:HV24"/>
    <mergeCell ref="IH24:II24"/>
    <mergeCell ref="GU23:GV23"/>
    <mergeCell ref="GX23:GX24"/>
    <mergeCell ref="GY23:GY24"/>
    <mergeCell ref="HH23:HI23"/>
    <mergeCell ref="HK23:HK24"/>
    <mergeCell ref="HL23:HL24"/>
    <mergeCell ref="GU24:GV24"/>
    <mergeCell ref="HH24:HI24"/>
    <mergeCell ref="FU23:FV23"/>
    <mergeCell ref="FX23:FX24"/>
    <mergeCell ref="FY23:FY24"/>
    <mergeCell ref="GH23:GI23"/>
    <mergeCell ref="GK23:GK24"/>
    <mergeCell ref="GL23:GL24"/>
    <mergeCell ref="FU24:FV24"/>
    <mergeCell ref="GH24:GI24"/>
    <mergeCell ref="EU23:EV23"/>
    <mergeCell ref="EX23:EX24"/>
    <mergeCell ref="EY23:EY24"/>
    <mergeCell ref="FH23:FI23"/>
    <mergeCell ref="FK23:FK24"/>
    <mergeCell ref="FL23:FL24"/>
    <mergeCell ref="EU24:EV24"/>
    <mergeCell ref="FH24:FI24"/>
    <mergeCell ref="DU23:DV23"/>
    <mergeCell ref="DX23:DX24"/>
    <mergeCell ref="DY23:DY24"/>
    <mergeCell ref="EH23:EI23"/>
    <mergeCell ref="EK23:EK24"/>
    <mergeCell ref="EL23:EL24"/>
    <mergeCell ref="DU24:DV24"/>
    <mergeCell ref="EH24:EI24"/>
    <mergeCell ref="CU23:CV23"/>
    <mergeCell ref="CX23:CX24"/>
    <mergeCell ref="CY23:CY24"/>
    <mergeCell ref="DH23:DI23"/>
    <mergeCell ref="DK23:DK24"/>
    <mergeCell ref="DL23:DL24"/>
    <mergeCell ref="CU24:CV24"/>
    <mergeCell ref="DH24:DI24"/>
    <mergeCell ref="BU23:BV23"/>
    <mergeCell ref="BX23:BX24"/>
    <mergeCell ref="BY23:BY24"/>
    <mergeCell ref="CH23:CI23"/>
    <mergeCell ref="CK23:CK24"/>
    <mergeCell ref="CL23:CL24"/>
    <mergeCell ref="CH24:CI24"/>
    <mergeCell ref="AU23:AV23"/>
    <mergeCell ref="AX23:AX24"/>
    <mergeCell ref="AY23:AY24"/>
    <mergeCell ref="BH23:BI23"/>
    <mergeCell ref="BK23:BK24"/>
    <mergeCell ref="BL23:BL24"/>
    <mergeCell ref="SH22:SI22"/>
    <mergeCell ref="H23:I23"/>
    <mergeCell ref="K23:K24"/>
    <mergeCell ref="L23:L24"/>
    <mergeCell ref="U23:V23"/>
    <mergeCell ref="X23:X24"/>
    <mergeCell ref="Y23:Y24"/>
    <mergeCell ref="AH23:AI23"/>
    <mergeCell ref="AK23:AK24"/>
    <mergeCell ref="AL23:AL24"/>
    <mergeCell ref="SH21:SI21"/>
    <mergeCell ref="SK21:SK22"/>
    <mergeCell ref="SL21:SL22"/>
    <mergeCell ref="H22:I22"/>
    <mergeCell ref="U22:V22"/>
    <mergeCell ref="AH22:AI22"/>
    <mergeCell ref="AU22:AV22"/>
    <mergeCell ref="BH22:BI22"/>
    <mergeCell ref="BU22:BV22"/>
    <mergeCell ref="CH22:CI22"/>
    <mergeCell ref="RH21:RI21"/>
    <mergeCell ref="RK21:RK22"/>
    <mergeCell ref="RL21:RL22"/>
    <mergeCell ref="RU21:RV21"/>
    <mergeCell ref="RX21:RX22"/>
    <mergeCell ref="RY21:RY22"/>
    <mergeCell ref="RH22:RI22"/>
    <mergeCell ref="RU22:RV22"/>
    <mergeCell ref="QH21:QI21"/>
    <mergeCell ref="QK21:QK22"/>
    <mergeCell ref="QL21:QL22"/>
    <mergeCell ref="QU21:QV21"/>
    <mergeCell ref="QX21:QX22"/>
    <mergeCell ref="QY21:QY22"/>
    <mergeCell ref="QH22:QI22"/>
    <mergeCell ref="QU22:QV22"/>
    <mergeCell ref="PH21:PI21"/>
    <mergeCell ref="PK21:PK22"/>
    <mergeCell ref="PL21:PL22"/>
    <mergeCell ref="PU21:PV21"/>
    <mergeCell ref="PX21:PX22"/>
    <mergeCell ref="PY21:PY22"/>
    <mergeCell ref="PH22:PI22"/>
    <mergeCell ref="PU22:PV22"/>
    <mergeCell ref="OH21:OI21"/>
    <mergeCell ref="OK21:OK22"/>
    <mergeCell ref="OL21:OL22"/>
    <mergeCell ref="OU21:OV21"/>
    <mergeCell ref="OX21:OX22"/>
    <mergeCell ref="OY21:OY22"/>
    <mergeCell ref="OH22:OI22"/>
    <mergeCell ref="OU22:OV22"/>
    <mergeCell ref="NH21:NI21"/>
    <mergeCell ref="NK21:NK22"/>
    <mergeCell ref="NL21:NL22"/>
    <mergeCell ref="NU21:NV21"/>
    <mergeCell ref="NX21:NX22"/>
    <mergeCell ref="NY21:NY22"/>
    <mergeCell ref="NH22:NI22"/>
    <mergeCell ref="NU22:NV22"/>
    <mergeCell ref="MH21:MI21"/>
    <mergeCell ref="MK21:MK22"/>
    <mergeCell ref="ML21:ML22"/>
    <mergeCell ref="MU21:MV21"/>
    <mergeCell ref="MX21:MX22"/>
    <mergeCell ref="MY21:MY22"/>
    <mergeCell ref="MH22:MI22"/>
    <mergeCell ref="MU22:MV22"/>
    <mergeCell ref="LH21:LI21"/>
    <mergeCell ref="LK21:LK22"/>
    <mergeCell ref="LL21:LL22"/>
    <mergeCell ref="LU21:LV21"/>
    <mergeCell ref="LX21:LX22"/>
    <mergeCell ref="LY21:LY22"/>
    <mergeCell ref="LH22:LI22"/>
    <mergeCell ref="LU22:LV22"/>
    <mergeCell ref="KH21:KI21"/>
    <mergeCell ref="KK21:KK22"/>
    <mergeCell ref="KL21:KL22"/>
    <mergeCell ref="KU21:KV21"/>
    <mergeCell ref="KX21:KX22"/>
    <mergeCell ref="KY21:KY22"/>
    <mergeCell ref="KH22:KI22"/>
    <mergeCell ref="KU22:KV22"/>
    <mergeCell ref="JH21:JI21"/>
    <mergeCell ref="JK21:JK22"/>
    <mergeCell ref="JL21:JL22"/>
    <mergeCell ref="JU21:JV21"/>
    <mergeCell ref="JX21:JX22"/>
    <mergeCell ref="JY21:JY22"/>
    <mergeCell ref="JH22:JI22"/>
    <mergeCell ref="JU22:JV22"/>
    <mergeCell ref="IH21:II21"/>
    <mergeCell ref="IK21:IK22"/>
    <mergeCell ref="IL21:IL22"/>
    <mergeCell ref="IU21:IV21"/>
    <mergeCell ref="IX21:IX22"/>
    <mergeCell ref="IY21:IY22"/>
    <mergeCell ref="IH22:II22"/>
    <mergeCell ref="IU22:IV22"/>
    <mergeCell ref="HH21:HI21"/>
    <mergeCell ref="HK21:HK22"/>
    <mergeCell ref="HL21:HL22"/>
    <mergeCell ref="HU21:HV21"/>
    <mergeCell ref="HX21:HX22"/>
    <mergeCell ref="HY21:HY22"/>
    <mergeCell ref="HH22:HI22"/>
    <mergeCell ref="HU22:HV22"/>
    <mergeCell ref="GH21:GI21"/>
    <mergeCell ref="GK21:GK22"/>
    <mergeCell ref="GL21:GL22"/>
    <mergeCell ref="GU21:GV21"/>
    <mergeCell ref="GX21:GX22"/>
    <mergeCell ref="GY21:GY22"/>
    <mergeCell ref="GH22:GI22"/>
    <mergeCell ref="GU22:GV22"/>
    <mergeCell ref="FH21:FI21"/>
    <mergeCell ref="FK21:FK22"/>
    <mergeCell ref="FL21:FL22"/>
    <mergeCell ref="FU21:FV21"/>
    <mergeCell ref="FX21:FX22"/>
    <mergeCell ref="FY21:FY22"/>
    <mergeCell ref="FH22:FI22"/>
    <mergeCell ref="FU22:FV22"/>
    <mergeCell ref="EH21:EI21"/>
    <mergeCell ref="EK21:EK22"/>
    <mergeCell ref="EL21:EL22"/>
    <mergeCell ref="EU21:EV21"/>
    <mergeCell ref="EX21:EX22"/>
    <mergeCell ref="EY21:EY22"/>
    <mergeCell ref="EH22:EI22"/>
    <mergeCell ref="EU22:EV22"/>
    <mergeCell ref="DH21:DI21"/>
    <mergeCell ref="DK21:DK22"/>
    <mergeCell ref="DL21:DL22"/>
    <mergeCell ref="DU21:DV21"/>
    <mergeCell ref="DX21:DX22"/>
    <mergeCell ref="DY21:DY22"/>
    <mergeCell ref="DH22:DI22"/>
    <mergeCell ref="DU22:DV22"/>
    <mergeCell ref="CH21:CI21"/>
    <mergeCell ref="CK21:CK22"/>
    <mergeCell ref="CL21:CL22"/>
    <mergeCell ref="CU21:CV21"/>
    <mergeCell ref="CX21:CX22"/>
    <mergeCell ref="CY21:CY22"/>
    <mergeCell ref="CU22:CV22"/>
    <mergeCell ref="BH21:BI21"/>
    <mergeCell ref="BK21:BK22"/>
    <mergeCell ref="BL21:BL22"/>
    <mergeCell ref="BU21:BV21"/>
    <mergeCell ref="BX21:BX22"/>
    <mergeCell ref="BY21:BY22"/>
    <mergeCell ref="AH21:AI21"/>
    <mergeCell ref="AK21:AK22"/>
    <mergeCell ref="AL21:AL22"/>
    <mergeCell ref="AU21:AV21"/>
    <mergeCell ref="AX21:AX22"/>
    <mergeCell ref="AY21:AY22"/>
    <mergeCell ref="H21:I21"/>
    <mergeCell ref="K21:K22"/>
    <mergeCell ref="L21:L22"/>
    <mergeCell ref="U21:V21"/>
    <mergeCell ref="X21:X22"/>
    <mergeCell ref="Y21:Y22"/>
    <mergeCell ref="SL19:SL20"/>
    <mergeCell ref="H20:I20"/>
    <mergeCell ref="U20:V20"/>
    <mergeCell ref="AH20:AI20"/>
    <mergeCell ref="AU20:AV20"/>
    <mergeCell ref="BH20:BI20"/>
    <mergeCell ref="BU20:BV20"/>
    <mergeCell ref="CH20:CI20"/>
    <mergeCell ref="CU20:CV20"/>
    <mergeCell ref="DH20:DI20"/>
    <mergeCell ref="RL19:RL20"/>
    <mergeCell ref="RU19:RV19"/>
    <mergeCell ref="RX19:RX20"/>
    <mergeCell ref="RY19:RY20"/>
    <mergeCell ref="SH19:SI19"/>
    <mergeCell ref="SK19:SK20"/>
    <mergeCell ref="RU20:RV20"/>
    <mergeCell ref="SH20:SI20"/>
    <mergeCell ref="QL19:QL20"/>
    <mergeCell ref="QU19:QV19"/>
    <mergeCell ref="QX19:QX20"/>
    <mergeCell ref="QY19:QY20"/>
    <mergeCell ref="RH19:RI19"/>
    <mergeCell ref="RK19:RK20"/>
    <mergeCell ref="QU20:QV20"/>
    <mergeCell ref="RH20:RI20"/>
    <mergeCell ref="PL19:PL20"/>
    <mergeCell ref="PU19:PV19"/>
    <mergeCell ref="PX19:PX20"/>
    <mergeCell ref="PY19:PY20"/>
    <mergeCell ref="QH19:QI19"/>
    <mergeCell ref="QK19:QK20"/>
    <mergeCell ref="PU20:PV20"/>
    <mergeCell ref="QH20:QI20"/>
    <mergeCell ref="OL19:OL20"/>
    <mergeCell ref="OU19:OV19"/>
    <mergeCell ref="OX19:OX20"/>
    <mergeCell ref="OY19:OY20"/>
    <mergeCell ref="PH19:PI19"/>
    <mergeCell ref="PK19:PK20"/>
    <mergeCell ref="OU20:OV20"/>
    <mergeCell ref="PH20:PI20"/>
    <mergeCell ref="NL19:NL20"/>
    <mergeCell ref="NU19:NV19"/>
    <mergeCell ref="NX19:NX20"/>
    <mergeCell ref="NY19:NY20"/>
    <mergeCell ref="OH19:OI19"/>
    <mergeCell ref="OK19:OK20"/>
    <mergeCell ref="NU20:NV20"/>
    <mergeCell ref="OH20:OI20"/>
    <mergeCell ref="ML19:ML20"/>
    <mergeCell ref="MU19:MV19"/>
    <mergeCell ref="MX19:MX20"/>
    <mergeCell ref="MY19:MY20"/>
    <mergeCell ref="NH19:NI19"/>
    <mergeCell ref="NK19:NK20"/>
    <mergeCell ref="MU20:MV20"/>
    <mergeCell ref="NH20:NI20"/>
    <mergeCell ref="LL19:LL20"/>
    <mergeCell ref="LU19:LV19"/>
    <mergeCell ref="LX19:LX20"/>
    <mergeCell ref="LY19:LY20"/>
    <mergeCell ref="MH19:MI19"/>
    <mergeCell ref="MK19:MK20"/>
    <mergeCell ref="LU20:LV20"/>
    <mergeCell ref="MH20:MI20"/>
    <mergeCell ref="KL19:KL20"/>
    <mergeCell ref="KU19:KV19"/>
    <mergeCell ref="KX19:KX20"/>
    <mergeCell ref="KY19:KY20"/>
    <mergeCell ref="LH19:LI19"/>
    <mergeCell ref="LK19:LK20"/>
    <mergeCell ref="KU20:KV20"/>
    <mergeCell ref="LH20:LI20"/>
    <mergeCell ref="JL19:JL20"/>
    <mergeCell ref="JU19:JV19"/>
    <mergeCell ref="JX19:JX20"/>
    <mergeCell ref="JY19:JY20"/>
    <mergeCell ref="KH19:KI19"/>
    <mergeCell ref="KK19:KK20"/>
    <mergeCell ref="JU20:JV20"/>
    <mergeCell ref="KH20:KI20"/>
    <mergeCell ref="IL19:IL20"/>
    <mergeCell ref="IU19:IV19"/>
    <mergeCell ref="IX19:IX20"/>
    <mergeCell ref="IY19:IY20"/>
    <mergeCell ref="JH19:JI19"/>
    <mergeCell ref="JK19:JK20"/>
    <mergeCell ref="IU20:IV20"/>
    <mergeCell ref="JH20:JI20"/>
    <mergeCell ref="HL19:HL20"/>
    <mergeCell ref="HU19:HV19"/>
    <mergeCell ref="HX19:HX20"/>
    <mergeCell ref="HY19:HY20"/>
    <mergeCell ref="IH19:II19"/>
    <mergeCell ref="IK19:IK20"/>
    <mergeCell ref="HU20:HV20"/>
    <mergeCell ref="IH20:II20"/>
    <mergeCell ref="GL19:GL20"/>
    <mergeCell ref="GU19:GV19"/>
    <mergeCell ref="GX19:GX20"/>
    <mergeCell ref="GY19:GY20"/>
    <mergeCell ref="HH19:HI19"/>
    <mergeCell ref="HK19:HK20"/>
    <mergeCell ref="GU20:GV20"/>
    <mergeCell ref="HH20:HI20"/>
    <mergeCell ref="FL19:FL20"/>
    <mergeCell ref="FU19:FV19"/>
    <mergeCell ref="FX19:FX20"/>
    <mergeCell ref="FY19:FY20"/>
    <mergeCell ref="GH19:GI19"/>
    <mergeCell ref="GK19:GK20"/>
    <mergeCell ref="FU20:FV20"/>
    <mergeCell ref="GH20:GI20"/>
    <mergeCell ref="EL19:EL20"/>
    <mergeCell ref="EU19:EV19"/>
    <mergeCell ref="EX19:EX20"/>
    <mergeCell ref="EY19:EY20"/>
    <mergeCell ref="FH19:FI19"/>
    <mergeCell ref="FK19:FK20"/>
    <mergeCell ref="EU20:EV20"/>
    <mergeCell ref="FH20:FI20"/>
    <mergeCell ref="DL19:DL20"/>
    <mergeCell ref="DU19:DV19"/>
    <mergeCell ref="DX19:DX20"/>
    <mergeCell ref="DY19:DY20"/>
    <mergeCell ref="EH19:EI19"/>
    <mergeCell ref="EK19:EK20"/>
    <mergeCell ref="DU20:DV20"/>
    <mergeCell ref="EH20:EI20"/>
    <mergeCell ref="CL19:CL20"/>
    <mergeCell ref="CU19:CV19"/>
    <mergeCell ref="CX19:CX20"/>
    <mergeCell ref="CY19:CY20"/>
    <mergeCell ref="DH19:DI19"/>
    <mergeCell ref="DK19:DK20"/>
    <mergeCell ref="BL19:BL20"/>
    <mergeCell ref="BU19:BV19"/>
    <mergeCell ref="BX19:BX20"/>
    <mergeCell ref="BY19:BY20"/>
    <mergeCell ref="CH19:CI19"/>
    <mergeCell ref="CK19:CK20"/>
    <mergeCell ref="AL19:AL20"/>
    <mergeCell ref="AU19:AV19"/>
    <mergeCell ref="AX19:AX20"/>
    <mergeCell ref="AY19:AY20"/>
    <mergeCell ref="BH19:BI19"/>
    <mergeCell ref="BK19:BK20"/>
    <mergeCell ref="RU18:RV18"/>
    <mergeCell ref="SH18:SI18"/>
    <mergeCell ref="H19:I19"/>
    <mergeCell ref="K19:K20"/>
    <mergeCell ref="L19:L20"/>
    <mergeCell ref="U19:V19"/>
    <mergeCell ref="X19:X20"/>
    <mergeCell ref="Y19:Y20"/>
    <mergeCell ref="AH19:AI19"/>
    <mergeCell ref="AK19:AK20"/>
    <mergeCell ref="RK17:RL18"/>
    <mergeCell ref="RU17:RV17"/>
    <mergeCell ref="RX17:RY18"/>
    <mergeCell ref="SH17:SI17"/>
    <mergeCell ref="OH18:OI18"/>
    <mergeCell ref="LK17:LL18"/>
    <mergeCell ref="LU17:LV17"/>
    <mergeCell ref="LX17:LY18"/>
    <mergeCell ref="MH17:MI17"/>
    <mergeCell ref="MK17:ML18"/>
    <mergeCell ref="MU17:MV17"/>
    <mergeCell ref="LU18:LV18"/>
    <mergeCell ref="MH18:MI18"/>
    <mergeCell ref="MU18:MV18"/>
    <mergeCell ref="JX17:JY18"/>
    <mergeCell ref="KH17:KI17"/>
    <mergeCell ref="SK17:SL18"/>
    <mergeCell ref="H18:I18"/>
    <mergeCell ref="U18:V18"/>
    <mergeCell ref="AH18:AI18"/>
    <mergeCell ref="AU18:AV18"/>
    <mergeCell ref="BH18:BI18"/>
    <mergeCell ref="PX17:PY18"/>
    <mergeCell ref="QH17:QI17"/>
    <mergeCell ref="QK17:QL18"/>
    <mergeCell ref="QU17:QV17"/>
    <mergeCell ref="QX17:QY18"/>
    <mergeCell ref="RH17:RI17"/>
    <mergeCell ref="QH18:QI18"/>
    <mergeCell ref="QU18:QV18"/>
    <mergeCell ref="RH18:RI18"/>
    <mergeCell ref="OK17:OL18"/>
    <mergeCell ref="OU17:OV17"/>
    <mergeCell ref="OX17:OY18"/>
    <mergeCell ref="PH17:PI17"/>
    <mergeCell ref="PK17:PL18"/>
    <mergeCell ref="PU17:PV17"/>
    <mergeCell ref="OU18:OV18"/>
    <mergeCell ref="PH18:PI18"/>
    <mergeCell ref="PU18:PV18"/>
    <mergeCell ref="MX17:MY18"/>
    <mergeCell ref="NH17:NI17"/>
    <mergeCell ref="NK17:NL18"/>
    <mergeCell ref="NU17:NV17"/>
    <mergeCell ref="NX17:NY18"/>
    <mergeCell ref="OH17:OI17"/>
    <mergeCell ref="NH18:NI18"/>
    <mergeCell ref="NU18:NV18"/>
    <mergeCell ref="KK17:KL18"/>
    <mergeCell ref="KU17:KV17"/>
    <mergeCell ref="KX17:KY18"/>
    <mergeCell ref="LH17:LI17"/>
    <mergeCell ref="KH18:KI18"/>
    <mergeCell ref="KU18:KV18"/>
    <mergeCell ref="LH18:LI18"/>
    <mergeCell ref="IK17:IL18"/>
    <mergeCell ref="IU17:IV17"/>
    <mergeCell ref="IX17:IY18"/>
    <mergeCell ref="JH17:JI17"/>
    <mergeCell ref="JK17:JL18"/>
    <mergeCell ref="JU17:JV17"/>
    <mergeCell ref="IU18:IV18"/>
    <mergeCell ref="JH18:JI18"/>
    <mergeCell ref="JU18:JV18"/>
    <mergeCell ref="GX17:GY18"/>
    <mergeCell ref="HH17:HI17"/>
    <mergeCell ref="HK17:HL18"/>
    <mergeCell ref="HU17:HV17"/>
    <mergeCell ref="HX17:HY18"/>
    <mergeCell ref="IH17:II17"/>
    <mergeCell ref="HH18:HI18"/>
    <mergeCell ref="HU18:HV18"/>
    <mergeCell ref="IH18:II18"/>
    <mergeCell ref="FK17:FL18"/>
    <mergeCell ref="FU17:FV17"/>
    <mergeCell ref="FX17:FY18"/>
    <mergeCell ref="GH17:GI17"/>
    <mergeCell ref="GK17:GL18"/>
    <mergeCell ref="GU17:GV17"/>
    <mergeCell ref="FU18:FV18"/>
    <mergeCell ref="GH18:GI18"/>
    <mergeCell ref="GU18:GV18"/>
    <mergeCell ref="DX17:DY18"/>
    <mergeCell ref="EH17:EI17"/>
    <mergeCell ref="EK17:EL18"/>
    <mergeCell ref="EU17:EV17"/>
    <mergeCell ref="EX17:EY18"/>
    <mergeCell ref="FH17:FI17"/>
    <mergeCell ref="EH18:EI18"/>
    <mergeCell ref="EU18:EV18"/>
    <mergeCell ref="FH18:FI18"/>
    <mergeCell ref="CK17:CL18"/>
    <mergeCell ref="CU17:CV17"/>
    <mergeCell ref="CX17:CY18"/>
    <mergeCell ref="DH17:DI17"/>
    <mergeCell ref="DK17:DL18"/>
    <mergeCell ref="DU17:DV17"/>
    <mergeCell ref="CU18:CV18"/>
    <mergeCell ref="DH18:DI18"/>
    <mergeCell ref="DU18:DV18"/>
    <mergeCell ref="AX17:AY18"/>
    <mergeCell ref="BH17:BI17"/>
    <mergeCell ref="BK17:BL18"/>
    <mergeCell ref="BU17:BV17"/>
    <mergeCell ref="BX17:BY18"/>
    <mergeCell ref="CH17:CI17"/>
    <mergeCell ref="BU18:BV18"/>
    <mergeCell ref="CH18:CI18"/>
    <mergeCell ref="RH16:RI16"/>
    <mergeCell ref="RU16:RV16"/>
    <mergeCell ref="SH16:SI16"/>
    <mergeCell ref="H17:I17"/>
    <mergeCell ref="K17:L18"/>
    <mergeCell ref="U17:V17"/>
    <mergeCell ref="X17:Y18"/>
    <mergeCell ref="AH17:AI17"/>
    <mergeCell ref="AK17:AL18"/>
    <mergeCell ref="AU17:AV17"/>
    <mergeCell ref="OH16:OI16"/>
    <mergeCell ref="OU16:OV16"/>
    <mergeCell ref="PH16:PI16"/>
    <mergeCell ref="PU16:PV16"/>
    <mergeCell ref="QH16:QI16"/>
    <mergeCell ref="QU16:QV16"/>
    <mergeCell ref="LH16:LI16"/>
    <mergeCell ref="LU16:LV16"/>
    <mergeCell ref="MH16:MI16"/>
    <mergeCell ref="MU16:MV16"/>
    <mergeCell ref="NH16:NI16"/>
    <mergeCell ref="NU16:NV16"/>
    <mergeCell ref="IH16:II16"/>
    <mergeCell ref="IU16:IV16"/>
    <mergeCell ref="JH16:JI16"/>
    <mergeCell ref="JU16:JV16"/>
    <mergeCell ref="KH16:KI16"/>
    <mergeCell ref="KU16:KV16"/>
    <mergeCell ref="FH16:FI16"/>
    <mergeCell ref="FU16:FV16"/>
    <mergeCell ref="GH16:GI16"/>
    <mergeCell ref="GU16:GV16"/>
    <mergeCell ref="HH16:HI16"/>
    <mergeCell ref="HU16:HV16"/>
    <mergeCell ref="CH16:CI16"/>
    <mergeCell ref="CU16:CV16"/>
    <mergeCell ref="DH16:DI16"/>
    <mergeCell ref="DU16:DV16"/>
    <mergeCell ref="EH16:EI16"/>
    <mergeCell ref="EU16:EV16"/>
    <mergeCell ref="H16:I16"/>
    <mergeCell ref="U16:V16"/>
    <mergeCell ref="AH16:AI16"/>
    <mergeCell ref="AU16:AV16"/>
    <mergeCell ref="BH16:BI16"/>
    <mergeCell ref="BU16:BV16"/>
    <mergeCell ref="PU15:PV15"/>
    <mergeCell ref="QH15:QI15"/>
    <mergeCell ref="QU15:QV15"/>
    <mergeCell ref="DU15:DV15"/>
    <mergeCell ref="EH15:EI15"/>
    <mergeCell ref="EU15:EV15"/>
    <mergeCell ref="FH15:FI15"/>
    <mergeCell ref="FU15:FV15"/>
    <mergeCell ref="GH15:GI15"/>
    <mergeCell ref="RH15:RI15"/>
    <mergeCell ref="RU15:RV15"/>
    <mergeCell ref="SH15:SI15"/>
    <mergeCell ref="MU15:MV15"/>
    <mergeCell ref="NH15:NI15"/>
    <mergeCell ref="NU15:NV15"/>
    <mergeCell ref="OH15:OI15"/>
    <mergeCell ref="OU15:OV15"/>
    <mergeCell ref="PH15:PI15"/>
    <mergeCell ref="JU15:JV15"/>
    <mergeCell ref="KH15:KI15"/>
    <mergeCell ref="KU15:KV15"/>
    <mergeCell ref="LH15:LI15"/>
    <mergeCell ref="LU15:LV15"/>
    <mergeCell ref="MH15:MI15"/>
    <mergeCell ref="GU15:GV15"/>
    <mergeCell ref="HH15:HI15"/>
    <mergeCell ref="HU15:HV15"/>
    <mergeCell ref="IH15:II15"/>
    <mergeCell ref="IU15:IV15"/>
    <mergeCell ref="JH15:JI15"/>
    <mergeCell ref="SH14:SI14"/>
    <mergeCell ref="H15:I15"/>
    <mergeCell ref="U15:V15"/>
    <mergeCell ref="AH15:AI15"/>
    <mergeCell ref="AU15:AV15"/>
    <mergeCell ref="BH15:BI15"/>
    <mergeCell ref="BU15:BV15"/>
    <mergeCell ref="CH15:CI15"/>
    <mergeCell ref="CU15:CV15"/>
    <mergeCell ref="DH15:DI15"/>
    <mergeCell ref="SH13:SI13"/>
    <mergeCell ref="SK13:SK14"/>
    <mergeCell ref="SL13:SL14"/>
    <mergeCell ref="H14:I14"/>
    <mergeCell ref="U14:V14"/>
    <mergeCell ref="AH14:AI14"/>
    <mergeCell ref="AU14:AV14"/>
    <mergeCell ref="BH14:BI14"/>
    <mergeCell ref="BU14:BV14"/>
    <mergeCell ref="CH14:CI14"/>
    <mergeCell ref="RH13:RI13"/>
    <mergeCell ref="RK13:RK14"/>
    <mergeCell ref="RL13:RL14"/>
    <mergeCell ref="RU13:RV13"/>
    <mergeCell ref="RX13:RX14"/>
    <mergeCell ref="RY13:RY14"/>
    <mergeCell ref="RH14:RI14"/>
    <mergeCell ref="RU14:RV14"/>
    <mergeCell ref="QH13:QI13"/>
    <mergeCell ref="QK13:QK14"/>
    <mergeCell ref="QL13:QL14"/>
    <mergeCell ref="QU13:QV13"/>
    <mergeCell ref="QX13:QX14"/>
    <mergeCell ref="QY13:QY14"/>
    <mergeCell ref="QH14:QI14"/>
    <mergeCell ref="QU14:QV14"/>
    <mergeCell ref="PH13:PI13"/>
    <mergeCell ref="PK13:PK14"/>
    <mergeCell ref="PL13:PL14"/>
    <mergeCell ref="PU13:PV13"/>
    <mergeCell ref="PX13:PX14"/>
    <mergeCell ref="PY13:PY14"/>
    <mergeCell ref="PH14:PI14"/>
    <mergeCell ref="PU14:PV14"/>
    <mergeCell ref="OH13:OI13"/>
    <mergeCell ref="OK13:OK14"/>
    <mergeCell ref="OL13:OL14"/>
    <mergeCell ref="OU13:OV13"/>
    <mergeCell ref="OX13:OX14"/>
    <mergeCell ref="OY13:OY14"/>
    <mergeCell ref="OH14:OI14"/>
    <mergeCell ref="OU14:OV14"/>
    <mergeCell ref="NH13:NI13"/>
    <mergeCell ref="NK13:NK14"/>
    <mergeCell ref="NL13:NL14"/>
    <mergeCell ref="NU13:NV13"/>
    <mergeCell ref="NX13:NX14"/>
    <mergeCell ref="NY13:NY14"/>
    <mergeCell ref="NH14:NI14"/>
    <mergeCell ref="NU14:NV14"/>
    <mergeCell ref="MH13:MI13"/>
    <mergeCell ref="MK13:MK14"/>
    <mergeCell ref="ML13:ML14"/>
    <mergeCell ref="MU13:MV13"/>
    <mergeCell ref="MX13:MX14"/>
    <mergeCell ref="MY13:MY14"/>
    <mergeCell ref="MH14:MI14"/>
    <mergeCell ref="MU14:MV14"/>
    <mergeCell ref="LH13:LI13"/>
    <mergeCell ref="LK13:LK14"/>
    <mergeCell ref="LL13:LL14"/>
    <mergeCell ref="LU13:LV13"/>
    <mergeCell ref="LX13:LX14"/>
    <mergeCell ref="LY13:LY14"/>
    <mergeCell ref="LH14:LI14"/>
    <mergeCell ref="LU14:LV14"/>
    <mergeCell ref="KH13:KI13"/>
    <mergeCell ref="KK13:KK14"/>
    <mergeCell ref="KL13:KL14"/>
    <mergeCell ref="KU13:KV13"/>
    <mergeCell ref="KX13:KX14"/>
    <mergeCell ref="KY13:KY14"/>
    <mergeCell ref="KH14:KI14"/>
    <mergeCell ref="KU14:KV14"/>
    <mergeCell ref="JH13:JI13"/>
    <mergeCell ref="JK13:JK14"/>
    <mergeCell ref="JL13:JL14"/>
    <mergeCell ref="JU13:JV13"/>
    <mergeCell ref="JX13:JX14"/>
    <mergeCell ref="JY13:JY14"/>
    <mergeCell ref="JH14:JI14"/>
    <mergeCell ref="JU14:JV14"/>
    <mergeCell ref="IH13:II13"/>
    <mergeCell ref="IK13:IK14"/>
    <mergeCell ref="IL13:IL14"/>
    <mergeCell ref="IU13:IV13"/>
    <mergeCell ref="IX13:IX14"/>
    <mergeCell ref="IY13:IY14"/>
    <mergeCell ref="IH14:II14"/>
    <mergeCell ref="IU14:IV14"/>
    <mergeCell ref="HH13:HI13"/>
    <mergeCell ref="HK13:HK14"/>
    <mergeCell ref="HL13:HL14"/>
    <mergeCell ref="HU13:HV13"/>
    <mergeCell ref="HX13:HX14"/>
    <mergeCell ref="HY13:HY14"/>
    <mergeCell ref="HH14:HI14"/>
    <mergeCell ref="HU14:HV14"/>
    <mergeCell ref="GH13:GI13"/>
    <mergeCell ref="GK13:GK14"/>
    <mergeCell ref="GL13:GL14"/>
    <mergeCell ref="GU13:GV13"/>
    <mergeCell ref="GX13:GX14"/>
    <mergeCell ref="GY13:GY14"/>
    <mergeCell ref="GH14:GI14"/>
    <mergeCell ref="GU14:GV14"/>
    <mergeCell ref="FH13:FI13"/>
    <mergeCell ref="FK13:FK14"/>
    <mergeCell ref="FL13:FL14"/>
    <mergeCell ref="FU13:FV13"/>
    <mergeCell ref="FX13:FX14"/>
    <mergeCell ref="FY13:FY14"/>
    <mergeCell ref="FH14:FI14"/>
    <mergeCell ref="FU14:FV14"/>
    <mergeCell ref="EH13:EI13"/>
    <mergeCell ref="EK13:EK14"/>
    <mergeCell ref="EL13:EL14"/>
    <mergeCell ref="EU13:EV13"/>
    <mergeCell ref="EX13:EX14"/>
    <mergeCell ref="EY13:EY14"/>
    <mergeCell ref="EH14:EI14"/>
    <mergeCell ref="EU14:EV14"/>
    <mergeCell ref="DH13:DI13"/>
    <mergeCell ref="DK13:DK14"/>
    <mergeCell ref="DL13:DL14"/>
    <mergeCell ref="DU13:DV13"/>
    <mergeCell ref="DX13:DX14"/>
    <mergeCell ref="DY13:DY14"/>
    <mergeCell ref="DH14:DI14"/>
    <mergeCell ref="DU14:DV14"/>
    <mergeCell ref="CH13:CI13"/>
    <mergeCell ref="CK13:CK14"/>
    <mergeCell ref="CL13:CL14"/>
    <mergeCell ref="CU13:CV13"/>
    <mergeCell ref="CX13:CX14"/>
    <mergeCell ref="CY13:CY14"/>
    <mergeCell ref="CU14:CV14"/>
    <mergeCell ref="BH13:BI13"/>
    <mergeCell ref="BK13:BK14"/>
    <mergeCell ref="BL13:BL14"/>
    <mergeCell ref="BU13:BV13"/>
    <mergeCell ref="BX13:BX14"/>
    <mergeCell ref="BY13:BY14"/>
    <mergeCell ref="AH13:AI13"/>
    <mergeCell ref="AK13:AK14"/>
    <mergeCell ref="AL13:AL14"/>
    <mergeCell ref="AU13:AV13"/>
    <mergeCell ref="AX13:AX14"/>
    <mergeCell ref="AY13:AY14"/>
    <mergeCell ref="H13:I13"/>
    <mergeCell ref="K13:K14"/>
    <mergeCell ref="L13:L14"/>
    <mergeCell ref="U13:V13"/>
    <mergeCell ref="X13:X14"/>
    <mergeCell ref="Y13:Y14"/>
    <mergeCell ref="H12:I12"/>
    <mergeCell ref="U12:V12"/>
    <mergeCell ref="AH12:AI12"/>
    <mergeCell ref="AU12:AV12"/>
    <mergeCell ref="BH12:BI12"/>
    <mergeCell ref="BU12:BV12"/>
    <mergeCell ref="RU11:RV11"/>
    <mergeCell ref="RX11:RX12"/>
    <mergeCell ref="RY11:RY12"/>
    <mergeCell ref="SH11:SI11"/>
    <mergeCell ref="SK11:SK12"/>
    <mergeCell ref="SL11:SL12"/>
    <mergeCell ref="RU12:RV12"/>
    <mergeCell ref="SH12:SI12"/>
    <mergeCell ref="QU11:QV11"/>
    <mergeCell ref="QX11:QX12"/>
    <mergeCell ref="QY11:QY12"/>
    <mergeCell ref="RH11:RI11"/>
    <mergeCell ref="RK11:RK12"/>
    <mergeCell ref="RL11:RL12"/>
    <mergeCell ref="QU12:QV12"/>
    <mergeCell ref="RH12:RI12"/>
    <mergeCell ref="PU11:PV11"/>
    <mergeCell ref="PX11:PX12"/>
    <mergeCell ref="PY11:PY12"/>
    <mergeCell ref="QH11:QI11"/>
    <mergeCell ref="QK11:QK12"/>
    <mergeCell ref="QL11:QL12"/>
    <mergeCell ref="PU12:PV12"/>
    <mergeCell ref="QH12:QI12"/>
    <mergeCell ref="OU11:OV11"/>
    <mergeCell ref="OX11:OX12"/>
    <mergeCell ref="OY11:OY12"/>
    <mergeCell ref="PH11:PI11"/>
    <mergeCell ref="PK11:PK12"/>
    <mergeCell ref="PL11:PL12"/>
    <mergeCell ref="OU12:OV12"/>
    <mergeCell ref="PH12:PI12"/>
    <mergeCell ref="NU11:NV11"/>
    <mergeCell ref="NX11:NX12"/>
    <mergeCell ref="NY11:NY12"/>
    <mergeCell ref="OH11:OI11"/>
    <mergeCell ref="OK11:OK12"/>
    <mergeCell ref="OL11:OL12"/>
    <mergeCell ref="NU12:NV12"/>
    <mergeCell ref="OH12:OI12"/>
    <mergeCell ref="MU11:MV11"/>
    <mergeCell ref="MX11:MX12"/>
    <mergeCell ref="MY11:MY12"/>
    <mergeCell ref="NH11:NI11"/>
    <mergeCell ref="NK11:NK12"/>
    <mergeCell ref="NL11:NL12"/>
    <mergeCell ref="MU12:MV12"/>
    <mergeCell ref="NH12:NI12"/>
    <mergeCell ref="LU11:LV11"/>
    <mergeCell ref="LX11:LX12"/>
    <mergeCell ref="LY11:LY12"/>
    <mergeCell ref="MH11:MI11"/>
    <mergeCell ref="MK11:MK12"/>
    <mergeCell ref="ML11:ML12"/>
    <mergeCell ref="LU12:LV12"/>
    <mergeCell ref="MH12:MI12"/>
    <mergeCell ref="KU11:KV11"/>
    <mergeCell ref="KX11:KX12"/>
    <mergeCell ref="KY11:KY12"/>
    <mergeCell ref="LH11:LI11"/>
    <mergeCell ref="LK11:LK12"/>
    <mergeCell ref="LL11:LL12"/>
    <mergeCell ref="KU12:KV12"/>
    <mergeCell ref="LH12:LI12"/>
    <mergeCell ref="JU11:JV11"/>
    <mergeCell ref="JX11:JX12"/>
    <mergeCell ref="JY11:JY12"/>
    <mergeCell ref="KH11:KI11"/>
    <mergeCell ref="KK11:KK12"/>
    <mergeCell ref="KL11:KL12"/>
    <mergeCell ref="JU12:JV12"/>
    <mergeCell ref="KH12:KI12"/>
    <mergeCell ref="IU11:IV11"/>
    <mergeCell ref="IX11:IX12"/>
    <mergeCell ref="IY11:IY12"/>
    <mergeCell ref="JH11:JI11"/>
    <mergeCell ref="JK11:JK12"/>
    <mergeCell ref="JL11:JL12"/>
    <mergeCell ref="IU12:IV12"/>
    <mergeCell ref="JH12:JI12"/>
    <mergeCell ref="HU11:HV11"/>
    <mergeCell ref="HX11:HX12"/>
    <mergeCell ref="HY11:HY12"/>
    <mergeCell ref="IH11:II11"/>
    <mergeCell ref="IK11:IK12"/>
    <mergeCell ref="IL11:IL12"/>
    <mergeCell ref="HU12:HV12"/>
    <mergeCell ref="IH12:II12"/>
    <mergeCell ref="GU11:GV11"/>
    <mergeCell ref="GX11:GX12"/>
    <mergeCell ref="GY11:GY12"/>
    <mergeCell ref="HH11:HI11"/>
    <mergeCell ref="HK11:HK12"/>
    <mergeCell ref="HL11:HL12"/>
    <mergeCell ref="GU12:GV12"/>
    <mergeCell ref="HH12:HI12"/>
    <mergeCell ref="FU11:FV11"/>
    <mergeCell ref="FX11:FX12"/>
    <mergeCell ref="FY11:FY12"/>
    <mergeCell ref="GH11:GI11"/>
    <mergeCell ref="GK11:GK12"/>
    <mergeCell ref="GL11:GL12"/>
    <mergeCell ref="FU12:FV12"/>
    <mergeCell ref="GH12:GI12"/>
    <mergeCell ref="EU11:EV11"/>
    <mergeCell ref="EX11:EX12"/>
    <mergeCell ref="EY11:EY12"/>
    <mergeCell ref="FH11:FI11"/>
    <mergeCell ref="FK11:FK12"/>
    <mergeCell ref="FL11:FL12"/>
    <mergeCell ref="EU12:EV12"/>
    <mergeCell ref="FH12:FI12"/>
    <mergeCell ref="DU11:DV11"/>
    <mergeCell ref="DX11:DX12"/>
    <mergeCell ref="DY11:DY12"/>
    <mergeCell ref="EH11:EI11"/>
    <mergeCell ref="EK11:EK12"/>
    <mergeCell ref="EL11:EL12"/>
    <mergeCell ref="DU12:DV12"/>
    <mergeCell ref="EH12:EI12"/>
    <mergeCell ref="CU11:CV11"/>
    <mergeCell ref="CX11:CX12"/>
    <mergeCell ref="CY11:CY12"/>
    <mergeCell ref="DH11:DI11"/>
    <mergeCell ref="DK11:DK12"/>
    <mergeCell ref="DL11:DL12"/>
    <mergeCell ref="CU12:CV12"/>
    <mergeCell ref="DH12:DI12"/>
    <mergeCell ref="BU11:BV11"/>
    <mergeCell ref="BX11:BX12"/>
    <mergeCell ref="BY11:BY12"/>
    <mergeCell ref="CH11:CI11"/>
    <mergeCell ref="CK11:CK12"/>
    <mergeCell ref="CL11:CL12"/>
    <mergeCell ref="CH12:CI12"/>
    <mergeCell ref="AU11:AV11"/>
    <mergeCell ref="AX11:AX12"/>
    <mergeCell ref="AY11:AY12"/>
    <mergeCell ref="BH11:BI11"/>
    <mergeCell ref="BK11:BK12"/>
    <mergeCell ref="BL11:BL12"/>
    <mergeCell ref="SH10:SI10"/>
    <mergeCell ref="H11:I11"/>
    <mergeCell ref="K11:K12"/>
    <mergeCell ref="L11:L12"/>
    <mergeCell ref="U11:V11"/>
    <mergeCell ref="X11:X12"/>
    <mergeCell ref="Y11:Y12"/>
    <mergeCell ref="AH11:AI11"/>
    <mergeCell ref="AK11:AK12"/>
    <mergeCell ref="AL11:AL12"/>
    <mergeCell ref="SH9:SI9"/>
    <mergeCell ref="SK9:SK10"/>
    <mergeCell ref="SL9:SL10"/>
    <mergeCell ref="H10:I10"/>
    <mergeCell ref="U10:V10"/>
    <mergeCell ref="AH10:AI10"/>
    <mergeCell ref="AU10:AV10"/>
    <mergeCell ref="BH10:BI10"/>
    <mergeCell ref="BU10:BV10"/>
    <mergeCell ref="CH10:CI10"/>
    <mergeCell ref="RH9:RI9"/>
    <mergeCell ref="RK9:RK10"/>
    <mergeCell ref="RL9:RL10"/>
    <mergeCell ref="RU9:RV9"/>
    <mergeCell ref="RX9:RX10"/>
    <mergeCell ref="RY9:RY10"/>
    <mergeCell ref="RH10:RI10"/>
    <mergeCell ref="RU10:RV10"/>
    <mergeCell ref="QH9:QI9"/>
    <mergeCell ref="QK9:QK10"/>
    <mergeCell ref="QL9:QL10"/>
    <mergeCell ref="QU9:QV9"/>
    <mergeCell ref="QX9:QX10"/>
    <mergeCell ref="QY9:QY10"/>
    <mergeCell ref="QH10:QI10"/>
    <mergeCell ref="QU10:QV10"/>
    <mergeCell ref="PH9:PI9"/>
    <mergeCell ref="PK9:PK10"/>
    <mergeCell ref="PL9:PL10"/>
    <mergeCell ref="PU9:PV9"/>
    <mergeCell ref="PX9:PX10"/>
    <mergeCell ref="PY9:PY10"/>
    <mergeCell ref="PH10:PI10"/>
    <mergeCell ref="PU10:PV10"/>
    <mergeCell ref="OH9:OI9"/>
    <mergeCell ref="OK9:OK10"/>
    <mergeCell ref="OL9:OL10"/>
    <mergeCell ref="OU9:OV9"/>
    <mergeCell ref="OX9:OX10"/>
    <mergeCell ref="OY9:OY10"/>
    <mergeCell ref="OH10:OI10"/>
    <mergeCell ref="OU10:OV10"/>
    <mergeCell ref="NH9:NI9"/>
    <mergeCell ref="NK9:NK10"/>
    <mergeCell ref="NL9:NL10"/>
    <mergeCell ref="NU9:NV9"/>
    <mergeCell ref="NX9:NX10"/>
    <mergeCell ref="NY9:NY10"/>
    <mergeCell ref="NH10:NI10"/>
    <mergeCell ref="NU10:NV10"/>
    <mergeCell ref="MH9:MI9"/>
    <mergeCell ref="MK9:MK10"/>
    <mergeCell ref="ML9:ML10"/>
    <mergeCell ref="MU9:MV9"/>
    <mergeCell ref="MX9:MX10"/>
    <mergeCell ref="MY9:MY10"/>
    <mergeCell ref="MH10:MI10"/>
    <mergeCell ref="MU10:MV10"/>
    <mergeCell ref="LH9:LI9"/>
    <mergeCell ref="LK9:LK10"/>
    <mergeCell ref="LL9:LL10"/>
    <mergeCell ref="LU9:LV9"/>
    <mergeCell ref="LX9:LX10"/>
    <mergeCell ref="LY9:LY10"/>
    <mergeCell ref="LH10:LI10"/>
    <mergeCell ref="LU10:LV10"/>
    <mergeCell ref="KH9:KI9"/>
    <mergeCell ref="KK9:KK10"/>
    <mergeCell ref="KL9:KL10"/>
    <mergeCell ref="KU9:KV9"/>
    <mergeCell ref="KX9:KX10"/>
    <mergeCell ref="KY9:KY10"/>
    <mergeCell ref="KH10:KI10"/>
    <mergeCell ref="KU10:KV10"/>
    <mergeCell ref="JH9:JI9"/>
    <mergeCell ref="JK9:JK10"/>
    <mergeCell ref="JL9:JL10"/>
    <mergeCell ref="JU9:JV9"/>
    <mergeCell ref="JX9:JX10"/>
    <mergeCell ref="JY9:JY10"/>
    <mergeCell ref="JH10:JI10"/>
    <mergeCell ref="JU10:JV10"/>
    <mergeCell ref="IH9:II9"/>
    <mergeCell ref="IK9:IK10"/>
    <mergeCell ref="IL9:IL10"/>
    <mergeCell ref="IU9:IV9"/>
    <mergeCell ref="IX9:IX10"/>
    <mergeCell ref="IY9:IY10"/>
    <mergeCell ref="IH10:II10"/>
    <mergeCell ref="IU10:IV10"/>
    <mergeCell ref="HH9:HI9"/>
    <mergeCell ref="HK9:HK10"/>
    <mergeCell ref="HL9:HL10"/>
    <mergeCell ref="HU9:HV9"/>
    <mergeCell ref="HX9:HX10"/>
    <mergeCell ref="HY9:HY10"/>
    <mergeCell ref="HH10:HI10"/>
    <mergeCell ref="HU10:HV10"/>
    <mergeCell ref="GH9:GI9"/>
    <mergeCell ref="GK9:GK10"/>
    <mergeCell ref="GL9:GL10"/>
    <mergeCell ref="GU9:GV9"/>
    <mergeCell ref="GX9:GX10"/>
    <mergeCell ref="GY9:GY10"/>
    <mergeCell ref="GH10:GI10"/>
    <mergeCell ref="GU10:GV10"/>
    <mergeCell ref="FH9:FI9"/>
    <mergeCell ref="FK9:FK10"/>
    <mergeCell ref="FL9:FL10"/>
    <mergeCell ref="FU9:FV9"/>
    <mergeCell ref="FX9:FX10"/>
    <mergeCell ref="FY9:FY10"/>
    <mergeCell ref="FH10:FI10"/>
    <mergeCell ref="FU10:FV10"/>
    <mergeCell ref="EH9:EI9"/>
    <mergeCell ref="EK9:EK10"/>
    <mergeCell ref="EL9:EL10"/>
    <mergeCell ref="EU9:EV9"/>
    <mergeCell ref="EX9:EX10"/>
    <mergeCell ref="EY9:EY10"/>
    <mergeCell ref="EH10:EI10"/>
    <mergeCell ref="EU10:EV10"/>
    <mergeCell ref="DH9:DI9"/>
    <mergeCell ref="DK9:DK10"/>
    <mergeCell ref="DL9:DL10"/>
    <mergeCell ref="DU9:DV9"/>
    <mergeCell ref="DX9:DX10"/>
    <mergeCell ref="DY9:DY10"/>
    <mergeCell ref="DH10:DI10"/>
    <mergeCell ref="DU10:DV10"/>
    <mergeCell ref="CH9:CI9"/>
    <mergeCell ref="CK9:CK10"/>
    <mergeCell ref="CL9:CL10"/>
    <mergeCell ref="CU9:CV9"/>
    <mergeCell ref="CX9:CX10"/>
    <mergeCell ref="CY9:CY10"/>
    <mergeCell ref="CU10:CV10"/>
    <mergeCell ref="BH9:BI9"/>
    <mergeCell ref="BK9:BK10"/>
    <mergeCell ref="BL9:BL10"/>
    <mergeCell ref="BU9:BV9"/>
    <mergeCell ref="BX9:BX10"/>
    <mergeCell ref="BY9:BY10"/>
    <mergeCell ref="AH9:AI9"/>
    <mergeCell ref="AK9:AK10"/>
    <mergeCell ref="AL9:AL10"/>
    <mergeCell ref="AU9:AV9"/>
    <mergeCell ref="AX9:AX10"/>
    <mergeCell ref="AY9:AY10"/>
    <mergeCell ref="H9:I9"/>
    <mergeCell ref="K9:K10"/>
    <mergeCell ref="L9:L10"/>
    <mergeCell ref="U9:V9"/>
    <mergeCell ref="X9:X10"/>
    <mergeCell ref="Y9:Y10"/>
    <mergeCell ref="SD7:SD8"/>
    <mergeCell ref="SE7:SE8"/>
    <mergeCell ref="SF7:SF8"/>
    <mergeCell ref="SG7:SG8"/>
    <mergeCell ref="SH7:SI8"/>
    <mergeCell ref="SK7:SL8"/>
    <mergeCell ref="RS7:RS8"/>
    <mergeCell ref="RT7:RT8"/>
    <mergeCell ref="RU7:RV8"/>
    <mergeCell ref="RX7:RY8"/>
    <mergeCell ref="SB7:SB8"/>
    <mergeCell ref="SC7:SC8"/>
    <mergeCell ref="RH7:RI8"/>
    <mergeCell ref="RK7:RL8"/>
    <mergeCell ref="RO7:RO8"/>
    <mergeCell ref="RP7:RP8"/>
    <mergeCell ref="RQ7:RQ8"/>
    <mergeCell ref="RR7:RR8"/>
    <mergeCell ref="RB7:RB8"/>
    <mergeCell ref="RC7:RC8"/>
    <mergeCell ref="RD7:RD8"/>
    <mergeCell ref="RE7:RE8"/>
    <mergeCell ref="RF7:RF8"/>
    <mergeCell ref="RG7:RG8"/>
    <mergeCell ref="QQ7:QQ8"/>
    <mergeCell ref="QR7:QR8"/>
    <mergeCell ref="QS7:QS8"/>
    <mergeCell ref="QT7:QT8"/>
    <mergeCell ref="QU7:QV8"/>
    <mergeCell ref="QX7:QY8"/>
    <mergeCell ref="QF7:QF8"/>
    <mergeCell ref="QG7:QG8"/>
    <mergeCell ref="QH7:QI8"/>
    <mergeCell ref="QK7:QL8"/>
    <mergeCell ref="QO7:QO8"/>
    <mergeCell ref="QP7:QP8"/>
    <mergeCell ref="PU7:PV8"/>
    <mergeCell ref="PX7:PY8"/>
    <mergeCell ref="QB7:QB8"/>
    <mergeCell ref="QC7:QC8"/>
    <mergeCell ref="QD7:QD8"/>
    <mergeCell ref="QE7:QE8"/>
    <mergeCell ref="PO7:PO8"/>
    <mergeCell ref="PP7:PP8"/>
    <mergeCell ref="PQ7:PQ8"/>
    <mergeCell ref="PR7:PR8"/>
    <mergeCell ref="PS7:PS8"/>
    <mergeCell ref="PT7:PT8"/>
    <mergeCell ref="PD7:PD8"/>
    <mergeCell ref="PE7:PE8"/>
    <mergeCell ref="PF7:PF8"/>
    <mergeCell ref="PG7:PG8"/>
    <mergeCell ref="PH7:PI8"/>
    <mergeCell ref="PK7:PL8"/>
    <mergeCell ref="OS7:OS8"/>
    <mergeCell ref="OT7:OT8"/>
    <mergeCell ref="OU7:OV8"/>
    <mergeCell ref="OX7:OY8"/>
    <mergeCell ref="PB7:PB8"/>
    <mergeCell ref="PC7:PC8"/>
    <mergeCell ref="OH7:OI8"/>
    <mergeCell ref="OK7:OL8"/>
    <mergeCell ref="OO7:OO8"/>
    <mergeCell ref="OP7:OP8"/>
    <mergeCell ref="OQ7:OQ8"/>
    <mergeCell ref="OR7:OR8"/>
    <mergeCell ref="OB7:OB8"/>
    <mergeCell ref="OC7:OC8"/>
    <mergeCell ref="OD7:OD8"/>
    <mergeCell ref="OE7:OE8"/>
    <mergeCell ref="OF7:OF8"/>
    <mergeCell ref="OG7:OG8"/>
    <mergeCell ref="NQ7:NQ8"/>
    <mergeCell ref="NR7:NR8"/>
    <mergeCell ref="NS7:NS8"/>
    <mergeCell ref="NT7:NT8"/>
    <mergeCell ref="NU7:NV8"/>
    <mergeCell ref="NX7:NY8"/>
    <mergeCell ref="NF7:NF8"/>
    <mergeCell ref="NG7:NG8"/>
    <mergeCell ref="NH7:NI8"/>
    <mergeCell ref="NK7:NL8"/>
    <mergeCell ref="NO7:NO8"/>
    <mergeCell ref="NP7:NP8"/>
    <mergeCell ref="MU7:MV8"/>
    <mergeCell ref="MX7:MY8"/>
    <mergeCell ref="NB7:NB8"/>
    <mergeCell ref="NC7:NC8"/>
    <mergeCell ref="ND7:ND8"/>
    <mergeCell ref="NE7:NE8"/>
    <mergeCell ref="MO7:MO8"/>
    <mergeCell ref="MP7:MP8"/>
    <mergeCell ref="MQ7:MQ8"/>
    <mergeCell ref="MR7:MR8"/>
    <mergeCell ref="MS7:MS8"/>
    <mergeCell ref="MT7:MT8"/>
    <mergeCell ref="MD7:MD8"/>
    <mergeCell ref="ME7:ME8"/>
    <mergeCell ref="MF7:MF8"/>
    <mergeCell ref="MG7:MG8"/>
    <mergeCell ref="MH7:MI8"/>
    <mergeCell ref="MK7:ML8"/>
    <mergeCell ref="LS7:LS8"/>
    <mergeCell ref="LT7:LT8"/>
    <mergeCell ref="LU7:LV8"/>
    <mergeCell ref="LX7:LY8"/>
    <mergeCell ref="MB7:MB8"/>
    <mergeCell ref="MC7:MC8"/>
    <mergeCell ref="LH7:LI8"/>
    <mergeCell ref="LK7:LL8"/>
    <mergeCell ref="LO7:LO8"/>
    <mergeCell ref="LP7:LP8"/>
    <mergeCell ref="LQ7:LQ8"/>
    <mergeCell ref="LR7:LR8"/>
    <mergeCell ref="LB7:LB8"/>
    <mergeCell ref="LC7:LC8"/>
    <mergeCell ref="LD7:LD8"/>
    <mergeCell ref="LE7:LE8"/>
    <mergeCell ref="LF7:LF8"/>
    <mergeCell ref="LG7:LG8"/>
    <mergeCell ref="KQ7:KQ8"/>
    <mergeCell ref="KR7:KR8"/>
    <mergeCell ref="KS7:KS8"/>
    <mergeCell ref="KT7:KT8"/>
    <mergeCell ref="KU7:KV8"/>
    <mergeCell ref="KX7:KY8"/>
    <mergeCell ref="KF7:KF8"/>
    <mergeCell ref="KG7:KG8"/>
    <mergeCell ref="KH7:KI8"/>
    <mergeCell ref="KK7:KL8"/>
    <mergeCell ref="KO7:KO8"/>
    <mergeCell ref="KP7:KP8"/>
    <mergeCell ref="JU7:JV8"/>
    <mergeCell ref="JX7:JY8"/>
    <mergeCell ref="KB7:KB8"/>
    <mergeCell ref="KC7:KC8"/>
    <mergeCell ref="KD7:KD8"/>
    <mergeCell ref="KE7:KE8"/>
    <mergeCell ref="JO7:JO8"/>
    <mergeCell ref="JP7:JP8"/>
    <mergeCell ref="JQ7:JQ8"/>
    <mergeCell ref="JR7:JR8"/>
    <mergeCell ref="JS7:JS8"/>
    <mergeCell ref="JT7:JT8"/>
    <mergeCell ref="JD7:JD8"/>
    <mergeCell ref="JE7:JE8"/>
    <mergeCell ref="JF7:JF8"/>
    <mergeCell ref="JG7:JG8"/>
    <mergeCell ref="JH7:JI8"/>
    <mergeCell ref="JK7:JL8"/>
    <mergeCell ref="IS7:IS8"/>
    <mergeCell ref="IT7:IT8"/>
    <mergeCell ref="IU7:IV8"/>
    <mergeCell ref="IX7:IY8"/>
    <mergeCell ref="JB7:JB8"/>
    <mergeCell ref="JC7:JC8"/>
    <mergeCell ref="IH7:II8"/>
    <mergeCell ref="IK7:IL8"/>
    <mergeCell ref="IO7:IO8"/>
    <mergeCell ref="IP7:IP8"/>
    <mergeCell ref="IQ7:IQ8"/>
    <mergeCell ref="IR7:IR8"/>
    <mergeCell ref="IB7:IB8"/>
    <mergeCell ref="IC7:IC8"/>
    <mergeCell ref="ID7:ID8"/>
    <mergeCell ref="IE7:IE8"/>
    <mergeCell ref="IF7:IF8"/>
    <mergeCell ref="IG7:IG8"/>
    <mergeCell ref="HQ7:HQ8"/>
    <mergeCell ref="HR7:HR8"/>
    <mergeCell ref="HS7:HS8"/>
    <mergeCell ref="HT7:HT8"/>
    <mergeCell ref="HU7:HV8"/>
    <mergeCell ref="HX7:HY8"/>
    <mergeCell ref="HF7:HF8"/>
    <mergeCell ref="HG7:HG8"/>
    <mergeCell ref="HH7:HI8"/>
    <mergeCell ref="HK7:HL8"/>
    <mergeCell ref="HO7:HO8"/>
    <mergeCell ref="HP7:HP8"/>
    <mergeCell ref="GU7:GV8"/>
    <mergeCell ref="GX7:GY8"/>
    <mergeCell ref="HB7:HB8"/>
    <mergeCell ref="HC7:HC8"/>
    <mergeCell ref="HD7:HD8"/>
    <mergeCell ref="HE7:HE8"/>
    <mergeCell ref="GO7:GO8"/>
    <mergeCell ref="GP7:GP8"/>
    <mergeCell ref="GQ7:GQ8"/>
    <mergeCell ref="GR7:GR8"/>
    <mergeCell ref="GS7:GS8"/>
    <mergeCell ref="GT7:GT8"/>
    <mergeCell ref="GD7:GD8"/>
    <mergeCell ref="GE7:GE8"/>
    <mergeCell ref="GF7:GF8"/>
    <mergeCell ref="GG7:GG8"/>
    <mergeCell ref="GH7:GI8"/>
    <mergeCell ref="GK7:GL8"/>
    <mergeCell ref="FS7:FS8"/>
    <mergeCell ref="FT7:FT8"/>
    <mergeCell ref="FU7:FV8"/>
    <mergeCell ref="FX7:FY8"/>
    <mergeCell ref="GB7:GB8"/>
    <mergeCell ref="GC7:GC8"/>
    <mergeCell ref="FH7:FI8"/>
    <mergeCell ref="FK7:FL8"/>
    <mergeCell ref="FO7:FO8"/>
    <mergeCell ref="FP7:FP8"/>
    <mergeCell ref="FQ7:FQ8"/>
    <mergeCell ref="FR7:FR8"/>
    <mergeCell ref="FB7:FB8"/>
    <mergeCell ref="FC7:FC8"/>
    <mergeCell ref="FD7:FD8"/>
    <mergeCell ref="FE7:FE8"/>
    <mergeCell ref="FF7:FF8"/>
    <mergeCell ref="FG7:FG8"/>
    <mergeCell ref="EQ7:EQ8"/>
    <mergeCell ref="ER7:ER8"/>
    <mergeCell ref="ES7:ES8"/>
    <mergeCell ref="ET7:ET8"/>
    <mergeCell ref="EU7:EV8"/>
    <mergeCell ref="EX7:EY8"/>
    <mergeCell ref="EF7:EF8"/>
    <mergeCell ref="EG7:EG8"/>
    <mergeCell ref="EH7:EI8"/>
    <mergeCell ref="EK7:EL8"/>
    <mergeCell ref="EO7:EO8"/>
    <mergeCell ref="EP7:EP8"/>
    <mergeCell ref="DU7:DV8"/>
    <mergeCell ref="DX7:DY8"/>
    <mergeCell ref="EB7:EB8"/>
    <mergeCell ref="EC7:EC8"/>
    <mergeCell ref="ED7:ED8"/>
    <mergeCell ref="EE7:EE8"/>
    <mergeCell ref="DO7:DO8"/>
    <mergeCell ref="DP7:DP8"/>
    <mergeCell ref="DQ7:DQ8"/>
    <mergeCell ref="DR7:DR8"/>
    <mergeCell ref="DS7:DS8"/>
    <mergeCell ref="DT7:DT8"/>
    <mergeCell ref="DD7:DD8"/>
    <mergeCell ref="DE7:DE8"/>
    <mergeCell ref="DF7:DF8"/>
    <mergeCell ref="DG7:DG8"/>
    <mergeCell ref="DH7:DI8"/>
    <mergeCell ref="DK7:DL8"/>
    <mergeCell ref="CS7:CS8"/>
    <mergeCell ref="CT7:CT8"/>
    <mergeCell ref="CU7:CV8"/>
    <mergeCell ref="CX7:CY8"/>
    <mergeCell ref="DB7:DB8"/>
    <mergeCell ref="DC7:DC8"/>
    <mergeCell ref="CH7:CI8"/>
    <mergeCell ref="CK7:CL8"/>
    <mergeCell ref="CO7:CO8"/>
    <mergeCell ref="CP7:CP8"/>
    <mergeCell ref="CQ7:CQ8"/>
    <mergeCell ref="CR7:CR8"/>
    <mergeCell ref="CB7:CB8"/>
    <mergeCell ref="CC7:CC8"/>
    <mergeCell ref="CD7:CD8"/>
    <mergeCell ref="CE7:CE8"/>
    <mergeCell ref="CF7:CF8"/>
    <mergeCell ref="CG7:CG8"/>
    <mergeCell ref="BQ7:BQ8"/>
    <mergeCell ref="BR7:BR8"/>
    <mergeCell ref="BS7:BS8"/>
    <mergeCell ref="BT7:BT8"/>
    <mergeCell ref="BU7:BV8"/>
    <mergeCell ref="BX7:BY8"/>
    <mergeCell ref="BF7:BF8"/>
    <mergeCell ref="BG7:BG8"/>
    <mergeCell ref="BH7:BI8"/>
    <mergeCell ref="BK7:BL8"/>
    <mergeCell ref="BO7:BO8"/>
    <mergeCell ref="BP7:BP8"/>
    <mergeCell ref="AU7:AV8"/>
    <mergeCell ref="AX7:AY8"/>
    <mergeCell ref="BB7:BB8"/>
    <mergeCell ref="BC7:BC8"/>
    <mergeCell ref="BD7:BD8"/>
    <mergeCell ref="BE7:BE8"/>
    <mergeCell ref="AO7:AO8"/>
    <mergeCell ref="AP7:AP8"/>
    <mergeCell ref="AQ7:AQ8"/>
    <mergeCell ref="AR7:AR8"/>
    <mergeCell ref="AS7:AS8"/>
    <mergeCell ref="AT7:AT8"/>
    <mergeCell ref="AD7:AD8"/>
    <mergeCell ref="AE7:AE8"/>
    <mergeCell ref="AF7:AF8"/>
    <mergeCell ref="AG7:AG8"/>
    <mergeCell ref="AH7:AI8"/>
    <mergeCell ref="AK7:AL8"/>
    <mergeCell ref="S7:S8"/>
    <mergeCell ref="T7:T8"/>
    <mergeCell ref="U7:V8"/>
    <mergeCell ref="X7:Y8"/>
    <mergeCell ref="AB7:AB8"/>
    <mergeCell ref="AC7:AC8"/>
    <mergeCell ref="H7:I8"/>
    <mergeCell ref="K7:L8"/>
    <mergeCell ref="O7:O8"/>
    <mergeCell ref="P7:P8"/>
    <mergeCell ref="Q7:Q8"/>
    <mergeCell ref="R7:R8"/>
    <mergeCell ref="QO6:QP6"/>
    <mergeCell ref="RB6:RC6"/>
    <mergeCell ref="RO6:RP6"/>
    <mergeCell ref="SB6:SC6"/>
    <mergeCell ref="B7:B8"/>
    <mergeCell ref="C7:C8"/>
    <mergeCell ref="D7:D8"/>
    <mergeCell ref="E7:E8"/>
    <mergeCell ref="F7:F8"/>
    <mergeCell ref="G7:G8"/>
    <mergeCell ref="NO6:NP6"/>
    <mergeCell ref="OB6:OC6"/>
    <mergeCell ref="OO6:OP6"/>
    <mergeCell ref="PB6:PC6"/>
    <mergeCell ref="PO6:PP6"/>
    <mergeCell ref="QB6:QC6"/>
    <mergeCell ref="KO6:KP6"/>
    <mergeCell ref="LB6:LC6"/>
    <mergeCell ref="LO6:LP6"/>
    <mergeCell ref="MB6:MC6"/>
    <mergeCell ref="MO6:MP6"/>
    <mergeCell ref="NB6:NC6"/>
    <mergeCell ref="HO6:HP6"/>
    <mergeCell ref="IB6:IC6"/>
    <mergeCell ref="IO6:IP6"/>
    <mergeCell ref="JB6:JC6"/>
    <mergeCell ref="JO6:JP6"/>
    <mergeCell ref="KB6:KC6"/>
    <mergeCell ref="EO6:EP6"/>
    <mergeCell ref="FB6:FC6"/>
    <mergeCell ref="FO6:FP6"/>
    <mergeCell ref="GB6:GC6"/>
    <mergeCell ref="GO6:GP6"/>
    <mergeCell ref="HB6:HC6"/>
    <mergeCell ref="BO6:BP6"/>
    <mergeCell ref="CB6:CC6"/>
    <mergeCell ref="CO6:CP6"/>
    <mergeCell ref="DB6:DC6"/>
    <mergeCell ref="DO6:DP6"/>
    <mergeCell ref="EB6:EC6"/>
    <mergeCell ref="RC2:RL5"/>
    <mergeCell ref="RN2:RO5"/>
    <mergeCell ref="RP2:RY5"/>
    <mergeCell ref="SA2:SB5"/>
    <mergeCell ref="SC2:SL5"/>
    <mergeCell ref="B6:C6"/>
    <mergeCell ref="O6:P6"/>
    <mergeCell ref="AB6:AC6"/>
    <mergeCell ref="AO6:AP6"/>
    <mergeCell ref="BB6:BC6"/>
    <mergeCell ref="PP2:PY5"/>
    <mergeCell ref="QA2:QB5"/>
    <mergeCell ref="QC2:QL5"/>
    <mergeCell ref="QN2:QO5"/>
    <mergeCell ref="QP2:QY5"/>
    <mergeCell ref="RA2:RB5"/>
    <mergeCell ref="OC2:OL5"/>
    <mergeCell ref="ON2:OO5"/>
    <mergeCell ref="OP2:OY5"/>
    <mergeCell ref="PA2:PB5"/>
    <mergeCell ref="PC2:PL5"/>
    <mergeCell ref="PN2:PO5"/>
    <mergeCell ref="MP2:MY5"/>
    <mergeCell ref="NA2:NB5"/>
    <mergeCell ref="NC2:NL5"/>
    <mergeCell ref="NN2:NO5"/>
    <mergeCell ref="NP2:NY5"/>
    <mergeCell ref="OA2:OB5"/>
    <mergeCell ref="LC2:LL5"/>
    <mergeCell ref="LN2:LO5"/>
    <mergeCell ref="LP2:LY5"/>
    <mergeCell ref="MA2:MB5"/>
    <mergeCell ref="MC2:ML5"/>
    <mergeCell ref="MN2:MO5"/>
    <mergeCell ref="JP2:JY5"/>
    <mergeCell ref="KA2:KB5"/>
    <mergeCell ref="KC2:KL5"/>
    <mergeCell ref="KN2:KO5"/>
    <mergeCell ref="KP2:KY5"/>
    <mergeCell ref="LA2:LB5"/>
    <mergeCell ref="IC2:IL5"/>
    <mergeCell ref="IN2:IO5"/>
    <mergeCell ref="IP2:IY5"/>
    <mergeCell ref="JA2:JB5"/>
    <mergeCell ref="JC2:JL5"/>
    <mergeCell ref="JN2:JO5"/>
    <mergeCell ref="GP2:GY5"/>
    <mergeCell ref="HA2:HB5"/>
    <mergeCell ref="HC2:HL5"/>
    <mergeCell ref="HN2:HO5"/>
    <mergeCell ref="HP2:HY5"/>
    <mergeCell ref="IA2:IB5"/>
    <mergeCell ref="FC2:FL5"/>
    <mergeCell ref="FN2:FO5"/>
    <mergeCell ref="FP2:FY5"/>
    <mergeCell ref="GA2:GB5"/>
    <mergeCell ref="GC2:GL5"/>
    <mergeCell ref="GN2:GO5"/>
    <mergeCell ref="DP2:DY5"/>
    <mergeCell ref="EA2:EB5"/>
    <mergeCell ref="EC2:EL5"/>
    <mergeCell ref="EN2:EO5"/>
    <mergeCell ref="EP2:EY5"/>
    <mergeCell ref="FA2:FB5"/>
    <mergeCell ref="CC2:CL5"/>
    <mergeCell ref="CN2:CO5"/>
    <mergeCell ref="CP2:CY5"/>
    <mergeCell ref="DA2:DB5"/>
    <mergeCell ref="DC2:DL5"/>
    <mergeCell ref="DN2:DO5"/>
    <mergeCell ref="AP2:AY5"/>
    <mergeCell ref="BA2:BB5"/>
    <mergeCell ref="BC2:BL5"/>
    <mergeCell ref="BN2:BO5"/>
    <mergeCell ref="BP2:BY5"/>
    <mergeCell ref="CA2:CB5"/>
    <mergeCell ref="RB1:RK1"/>
    <mergeCell ref="RO1:RX1"/>
    <mergeCell ref="SB1:SK1"/>
    <mergeCell ref="A2:B5"/>
    <mergeCell ref="C2:L5"/>
    <mergeCell ref="N2:O5"/>
    <mergeCell ref="P2:Y5"/>
    <mergeCell ref="AA2:AB5"/>
    <mergeCell ref="AC2:AL5"/>
    <mergeCell ref="AN2:AO5"/>
    <mergeCell ref="OB1:OK1"/>
    <mergeCell ref="OO1:OX1"/>
    <mergeCell ref="PB1:PK1"/>
    <mergeCell ref="PO1:PX1"/>
    <mergeCell ref="QB1:QK1"/>
    <mergeCell ref="QO1:QX1"/>
    <mergeCell ref="LB1:LK1"/>
    <mergeCell ref="LO1:LX1"/>
    <mergeCell ref="MB1:MK1"/>
    <mergeCell ref="MO1:MX1"/>
    <mergeCell ref="B1:K1"/>
    <mergeCell ref="O1:X1"/>
    <mergeCell ref="AB1:AK1"/>
    <mergeCell ref="AO1:AX1"/>
    <mergeCell ref="BB1:BK1"/>
    <mergeCell ref="BO1:BX1"/>
    <mergeCell ref="NB1:NK1"/>
    <mergeCell ref="NO1:NX1"/>
    <mergeCell ref="IB1:IK1"/>
    <mergeCell ref="IO1:IX1"/>
    <mergeCell ref="JB1:JK1"/>
    <mergeCell ref="JO1:JX1"/>
    <mergeCell ref="KB1:KK1"/>
    <mergeCell ref="KO1:KX1"/>
    <mergeCell ref="FB1:FK1"/>
    <mergeCell ref="FO1:FX1"/>
    <mergeCell ref="GB1:GK1"/>
    <mergeCell ref="GO1:GX1"/>
    <mergeCell ref="HB1:HK1"/>
    <mergeCell ref="HO1:HX1"/>
    <mergeCell ref="CB1:CK1"/>
    <mergeCell ref="CO1:CX1"/>
    <mergeCell ref="DB1:DK1"/>
    <mergeCell ref="DO1:DX1"/>
    <mergeCell ref="EB1:EK1"/>
    <mergeCell ref="EO1:EX1"/>
  </mergeCells>
  <phoneticPr fontId="1"/>
  <conditionalFormatting sqref="B9:E46">
    <cfRule type="expression" dxfId="163" priority="82">
      <formula>OR($B9="土",$B9="日")</formula>
    </cfRule>
  </conditionalFormatting>
  <conditionalFormatting sqref="E9:E46">
    <cfRule type="expression" dxfId="162" priority="81">
      <formula>$D9="○"</formula>
    </cfRule>
  </conditionalFormatting>
  <conditionalFormatting sqref="O9:R46">
    <cfRule type="expression" dxfId="161" priority="80">
      <formula>OR($O9="土",$O9="日")</formula>
    </cfRule>
  </conditionalFormatting>
  <conditionalFormatting sqref="R9:R46">
    <cfRule type="expression" dxfId="160" priority="79">
      <formula>$Q9="○"</formula>
    </cfRule>
  </conditionalFormatting>
  <conditionalFormatting sqref="AB9:AE46">
    <cfRule type="expression" dxfId="159" priority="78">
      <formula>OR($AB9="土",$AB9="日")</formula>
    </cfRule>
  </conditionalFormatting>
  <conditionalFormatting sqref="AE9:AE46">
    <cfRule type="expression" dxfId="158" priority="77">
      <formula>$AD9="○"</formula>
    </cfRule>
  </conditionalFormatting>
  <conditionalFormatting sqref="AO9:AR46">
    <cfRule type="expression" dxfId="157" priority="76">
      <formula>OR($AO9="土",$AO9="日")</formula>
    </cfRule>
  </conditionalFormatting>
  <conditionalFormatting sqref="AR9:AR46">
    <cfRule type="expression" dxfId="156" priority="75">
      <formula>$AQ9="○"</formula>
    </cfRule>
  </conditionalFormatting>
  <conditionalFormatting sqref="BB9:BE46">
    <cfRule type="expression" dxfId="155" priority="74">
      <formula>OR($BB9="土",$BB9="日")</formula>
    </cfRule>
  </conditionalFormatting>
  <conditionalFormatting sqref="BE9:BE46">
    <cfRule type="expression" dxfId="154" priority="73">
      <formula>$BD9="○"</formula>
    </cfRule>
  </conditionalFormatting>
  <conditionalFormatting sqref="BO9:BR46">
    <cfRule type="expression" dxfId="153" priority="72">
      <formula>OR($BO9="土",$BO9="日")</formula>
    </cfRule>
  </conditionalFormatting>
  <conditionalFormatting sqref="BR9:BR46">
    <cfRule type="expression" dxfId="152" priority="71">
      <formula>$BQ9="○"</formula>
    </cfRule>
  </conditionalFormatting>
  <conditionalFormatting sqref="CB9:CE46">
    <cfRule type="expression" dxfId="151" priority="70">
      <formula>OR($CB9="土",$CB9="日")</formula>
    </cfRule>
  </conditionalFormatting>
  <conditionalFormatting sqref="CE9:CE46">
    <cfRule type="expression" dxfId="150" priority="69">
      <formula>$CD9="○"</formula>
    </cfRule>
  </conditionalFormatting>
  <conditionalFormatting sqref="CO9:CR46">
    <cfRule type="expression" dxfId="149" priority="68">
      <formula>OR($CO9="土",$CO9="日")</formula>
    </cfRule>
  </conditionalFormatting>
  <conditionalFormatting sqref="CR9:CR46">
    <cfRule type="expression" dxfId="148" priority="67">
      <formula>$CQ9="○"</formula>
    </cfRule>
  </conditionalFormatting>
  <conditionalFormatting sqref="DB9:DE46">
    <cfRule type="expression" dxfId="147" priority="66">
      <formula>OR($DB9="土",$DB9="日")</formula>
    </cfRule>
  </conditionalFormatting>
  <conditionalFormatting sqref="DE9:DE46">
    <cfRule type="expression" dxfId="146" priority="65">
      <formula>$DD9="○"</formula>
    </cfRule>
  </conditionalFormatting>
  <conditionalFormatting sqref="DO9:DR46">
    <cfRule type="expression" dxfId="145" priority="64">
      <formula>OR($DO9="土",$DO9="日")</formula>
    </cfRule>
  </conditionalFormatting>
  <conditionalFormatting sqref="DR9:DR46">
    <cfRule type="expression" dxfId="144" priority="63">
      <formula>$DQ9="○"</formula>
    </cfRule>
  </conditionalFormatting>
  <conditionalFormatting sqref="EB9:EE46">
    <cfRule type="expression" dxfId="143" priority="62">
      <formula>OR($EB9="土",$EB9="日")</formula>
    </cfRule>
  </conditionalFormatting>
  <conditionalFormatting sqref="EE9:EE46">
    <cfRule type="expression" dxfId="142" priority="61">
      <formula>$ED9="○"</formula>
    </cfRule>
  </conditionalFormatting>
  <conditionalFormatting sqref="EO9:ER46">
    <cfRule type="expression" dxfId="141" priority="60">
      <formula>OR($EO9="土",$EO9="日")</formula>
    </cfRule>
  </conditionalFormatting>
  <conditionalFormatting sqref="ER9:ER46">
    <cfRule type="expression" dxfId="140" priority="59">
      <formula>$EQ9="○"</formula>
    </cfRule>
  </conditionalFormatting>
  <conditionalFormatting sqref="FB9:FE46">
    <cfRule type="expression" dxfId="139" priority="58">
      <formula>OR($FB9="土",$FB9="日")</formula>
    </cfRule>
  </conditionalFormatting>
  <conditionalFormatting sqref="FE9:FE46">
    <cfRule type="expression" dxfId="138" priority="57">
      <formula>$FD9="○"</formula>
    </cfRule>
  </conditionalFormatting>
  <conditionalFormatting sqref="FO9:FR46">
    <cfRule type="expression" dxfId="137" priority="56">
      <formula>OR($FO9="土",$FO9="日")</formula>
    </cfRule>
  </conditionalFormatting>
  <conditionalFormatting sqref="FR9:FR46">
    <cfRule type="expression" dxfId="136" priority="55">
      <formula>$FQ9="○"</formula>
    </cfRule>
  </conditionalFormatting>
  <conditionalFormatting sqref="GB9:GE46">
    <cfRule type="expression" dxfId="135" priority="54">
      <formula>OR($GB9="土",$GB9="日")</formula>
    </cfRule>
  </conditionalFormatting>
  <conditionalFormatting sqref="GE9:GE46">
    <cfRule type="expression" dxfId="134" priority="53">
      <formula>$GD9="○"</formula>
    </cfRule>
  </conditionalFormatting>
  <conditionalFormatting sqref="GO9:GR46">
    <cfRule type="expression" dxfId="133" priority="52">
      <formula>OR($GO9="土",$GO9="日")</formula>
    </cfRule>
  </conditionalFormatting>
  <conditionalFormatting sqref="GR9:GR46">
    <cfRule type="expression" dxfId="132" priority="51">
      <formula>$GQ9="○"</formula>
    </cfRule>
  </conditionalFormatting>
  <conditionalFormatting sqref="HB9:HE46">
    <cfRule type="expression" dxfId="131" priority="50">
      <formula>OR($HB9="土",$HB9="日")</formula>
    </cfRule>
  </conditionalFormatting>
  <conditionalFormatting sqref="HE9:HE46">
    <cfRule type="expression" dxfId="130" priority="49">
      <formula>$HD9="○"</formula>
    </cfRule>
  </conditionalFormatting>
  <conditionalFormatting sqref="HO9:HR46">
    <cfRule type="expression" dxfId="129" priority="48">
      <formula>OR($HO9="土",$HO9="日")</formula>
    </cfRule>
  </conditionalFormatting>
  <conditionalFormatting sqref="HR9:HR46">
    <cfRule type="expression" dxfId="128" priority="47">
      <formula>$HQ9="○"</formula>
    </cfRule>
  </conditionalFormatting>
  <conditionalFormatting sqref="IB9:IE46">
    <cfRule type="expression" dxfId="127" priority="46">
      <formula>OR($IB9="土",$IB9="日")</formula>
    </cfRule>
  </conditionalFormatting>
  <conditionalFormatting sqref="IE9:IE46">
    <cfRule type="expression" dxfId="126" priority="45">
      <formula>$ID9="○"</formula>
    </cfRule>
  </conditionalFormatting>
  <conditionalFormatting sqref="IO9:IR46">
    <cfRule type="expression" dxfId="125" priority="44">
      <formula>OR($IO9="土",$IO9="日")</formula>
    </cfRule>
  </conditionalFormatting>
  <conditionalFormatting sqref="IR9:IR46">
    <cfRule type="expression" dxfId="124" priority="43">
      <formula>$IQ9="○"</formula>
    </cfRule>
  </conditionalFormatting>
  <conditionalFormatting sqref="JB9:JE46">
    <cfRule type="expression" dxfId="123" priority="42">
      <formula>OR($JB9="土",$JB9="日")</formula>
    </cfRule>
  </conditionalFormatting>
  <conditionalFormatting sqref="JE9:JE46">
    <cfRule type="expression" dxfId="122" priority="41">
      <formula>$JD9="○"</formula>
    </cfRule>
  </conditionalFormatting>
  <conditionalFormatting sqref="JO9:JR46">
    <cfRule type="expression" dxfId="121" priority="40">
      <formula>OR($JO9="土",$JO9="日")</formula>
    </cfRule>
  </conditionalFormatting>
  <conditionalFormatting sqref="JR9:JR46">
    <cfRule type="expression" dxfId="120" priority="39">
      <formula>$JQ9="○"</formula>
    </cfRule>
  </conditionalFormatting>
  <conditionalFormatting sqref="KB9:KE46">
    <cfRule type="expression" dxfId="119" priority="38">
      <formula>OR($KB9="土",$KB9="日")</formula>
    </cfRule>
  </conditionalFormatting>
  <conditionalFormatting sqref="KE9:KE46">
    <cfRule type="expression" dxfId="118" priority="37">
      <formula>$KD9="○"</formula>
    </cfRule>
  </conditionalFormatting>
  <conditionalFormatting sqref="KO9:KR46">
    <cfRule type="expression" dxfId="117" priority="36">
      <formula>OR($KO9="土",$KO9="日")</formula>
    </cfRule>
  </conditionalFormatting>
  <conditionalFormatting sqref="KR9:KR46">
    <cfRule type="expression" dxfId="116" priority="35">
      <formula>$KQ9="○"</formula>
    </cfRule>
  </conditionalFormatting>
  <conditionalFormatting sqref="LB9:LE46">
    <cfRule type="expression" dxfId="115" priority="34">
      <formula>OR($LB9="土",$LB9="日")</formula>
    </cfRule>
  </conditionalFormatting>
  <conditionalFormatting sqref="LE9:LE46">
    <cfRule type="expression" dxfId="114" priority="33">
      <formula>$LD9="○"</formula>
    </cfRule>
  </conditionalFormatting>
  <conditionalFormatting sqref="LO9:LR46">
    <cfRule type="expression" dxfId="113" priority="32">
      <formula>OR($LO9="土",$LO9="日")</formula>
    </cfRule>
  </conditionalFormatting>
  <conditionalFormatting sqref="LR9:LR46">
    <cfRule type="expression" dxfId="112" priority="31">
      <formula>$LQ9="○"</formula>
    </cfRule>
  </conditionalFormatting>
  <conditionalFormatting sqref="MB9:ME46">
    <cfRule type="expression" dxfId="111" priority="30">
      <formula>OR($MB9="土",$MB9="日")</formula>
    </cfRule>
  </conditionalFormatting>
  <conditionalFormatting sqref="ME9:ME46">
    <cfRule type="expression" dxfId="110" priority="29">
      <formula>$MD9="○"</formula>
    </cfRule>
  </conditionalFormatting>
  <conditionalFormatting sqref="MO9:MR46">
    <cfRule type="expression" dxfId="109" priority="28">
      <formula>OR($MO9="土",$MO9="日")</formula>
    </cfRule>
  </conditionalFormatting>
  <conditionalFormatting sqref="MR9:MR46">
    <cfRule type="expression" dxfId="108" priority="27">
      <formula>$MQ9="○"</formula>
    </cfRule>
  </conditionalFormatting>
  <conditionalFormatting sqref="NB9:NE46">
    <cfRule type="expression" dxfId="107" priority="26">
      <formula>OR($NB9="土",$NB9="日")</formula>
    </cfRule>
  </conditionalFormatting>
  <conditionalFormatting sqref="NE9:NE46">
    <cfRule type="expression" dxfId="106" priority="25">
      <formula>$ND9="○"</formula>
    </cfRule>
  </conditionalFormatting>
  <conditionalFormatting sqref="NO9:NR46">
    <cfRule type="expression" dxfId="105" priority="24">
      <formula>OR($NO9="土",$NO9="日")</formula>
    </cfRule>
  </conditionalFormatting>
  <conditionalFormatting sqref="NR9:NR46">
    <cfRule type="expression" dxfId="104" priority="23">
      <formula>$NQ9="○"</formula>
    </cfRule>
  </conditionalFormatting>
  <conditionalFormatting sqref="OB9:OE46">
    <cfRule type="expression" dxfId="103" priority="22">
      <formula>OR($OB9="土",$OB9="日")</formula>
    </cfRule>
  </conditionalFormatting>
  <conditionalFormatting sqref="OE9:OE46">
    <cfRule type="expression" dxfId="102" priority="21">
      <formula>$OD9="○"</formula>
    </cfRule>
  </conditionalFormatting>
  <conditionalFormatting sqref="OO9:OR46">
    <cfRule type="expression" dxfId="101" priority="20">
      <formula>OR($OO9="土",$OO9="日")</formula>
    </cfRule>
  </conditionalFormatting>
  <conditionalFormatting sqref="OR9:OR46">
    <cfRule type="expression" dxfId="100" priority="19">
      <formula>$OQ9="○"</formula>
    </cfRule>
  </conditionalFormatting>
  <conditionalFormatting sqref="PB9:PE46">
    <cfRule type="expression" dxfId="99" priority="18">
      <formula>OR($PB9="土",$PB9="日")</formula>
    </cfRule>
  </conditionalFormatting>
  <conditionalFormatting sqref="PE9:PE46">
    <cfRule type="expression" dxfId="98" priority="17">
      <formula>$PE9="○"</formula>
    </cfRule>
  </conditionalFormatting>
  <conditionalFormatting sqref="PO9:PR46">
    <cfRule type="expression" dxfId="97" priority="16">
      <formula>OR($PO9="土",$PO9="日")</formula>
    </cfRule>
  </conditionalFormatting>
  <conditionalFormatting sqref="PR9:PR46">
    <cfRule type="expression" dxfId="96" priority="15">
      <formula>$PQ9="○"</formula>
    </cfRule>
  </conditionalFormatting>
  <conditionalFormatting sqref="QB9:QE46">
    <cfRule type="expression" dxfId="95" priority="14">
      <formula>OR($QB9="土",$QB9="日")</formula>
    </cfRule>
  </conditionalFormatting>
  <conditionalFormatting sqref="QE9:QE46">
    <cfRule type="expression" dxfId="94" priority="13">
      <formula>$QD9="○"</formula>
    </cfRule>
  </conditionalFormatting>
  <conditionalFormatting sqref="QO9:QR46">
    <cfRule type="expression" dxfId="93" priority="12">
      <formula>OR($QO9="土",$QO9="日")</formula>
    </cfRule>
  </conditionalFormatting>
  <conditionalFormatting sqref="QR9:QR46">
    <cfRule type="expression" dxfId="92" priority="11">
      <formula>$QQ9="○"</formula>
    </cfRule>
  </conditionalFormatting>
  <conditionalFormatting sqref="RB9:RE45 RB46:RD46">
    <cfRule type="expression" dxfId="91" priority="10">
      <formula>OR($RB9="土",$RB9="日")</formula>
    </cfRule>
  </conditionalFormatting>
  <conditionalFormatting sqref="RE9:RE45">
    <cfRule type="expression" dxfId="90" priority="9">
      <formula>$RD9="○"</formula>
    </cfRule>
  </conditionalFormatting>
  <conditionalFormatting sqref="RE46">
    <cfRule type="expression" dxfId="89" priority="1">
      <formula>$SD46="○"</formula>
    </cfRule>
    <cfRule type="expression" dxfId="88" priority="2">
      <formula>OR($SB46="土",$SB46="日")</formula>
    </cfRule>
  </conditionalFormatting>
  <conditionalFormatting sqref="RO9:RR45 RO46:RQ46">
    <cfRule type="expression" dxfId="87" priority="8">
      <formula>OR($RO9="土",$RO9="日")</formula>
    </cfRule>
  </conditionalFormatting>
  <conditionalFormatting sqref="RR9:RR45">
    <cfRule type="expression" dxfId="86" priority="7">
      <formula>$RQ9="○"</formula>
    </cfRule>
  </conditionalFormatting>
  <conditionalFormatting sqref="RR46">
    <cfRule type="expression" dxfId="85" priority="4">
      <formula>OR($SB46="土",$SB46="日")</formula>
    </cfRule>
    <cfRule type="expression" dxfId="84" priority="3">
      <formula>$SD46="○"</formula>
    </cfRule>
  </conditionalFormatting>
  <conditionalFormatting sqref="SB9:SE46">
    <cfRule type="expression" dxfId="83" priority="6">
      <formula>OR($SB9="土",$SB9="日")</formula>
    </cfRule>
  </conditionalFormatting>
  <conditionalFormatting sqref="SE9:SE46">
    <cfRule type="expression" dxfId="82" priority="5">
      <formula>$SD9="○"</formula>
    </cfRule>
  </conditionalFormatting>
  <dataValidations count="42">
    <dataValidation type="custom" allowBlank="1" showInputMessage="1" showErrorMessage="1" error="正月、夏休み、一時工事中止期間等は現場閉所の対象外です。現場閉所日として入力しないでください。" sqref="R9:R46" xr:uid="{00000000-0002-0000-0000-000000000000}">
      <formula1>$Q9&lt;&gt;"○"</formula1>
    </dataValidation>
    <dataValidation type="custom" allowBlank="1" showInputMessage="1" showErrorMessage="1" error="祝祭日、正月、夏休みは休日の対象外です。休日取得として入力しないでください。" sqref="FS9:FS46 LS9:LS46 NS9:NS46 F9:F46 S9:S46 AF9:AF46 AS9:AS46 BF9:BF46 BS9:BS46 CF9:CF46 CS9:CS46 DF9:DF46 DS9:DS46 EF9:EF46 ES9:ES46 FF9:FF46 GF9:GF46 RS9:RS46 IF9:IF46 RF9:RF46 MS9:MS46 QS9:QS46 IS9:IS46 QF9:QF46 KS9:KS46 PS9:PS46 JF9:JF46 PF9:PF46 MF9:MF46 OS9:OS46 JS9:JS46 OF9:OF46 LF9:LF46 GS9:GS46 KF9:KF46 HF9:HF46 NF9:NF46 HS9:HS46 SF9:SF46" xr:uid="{00000000-0002-0000-0000-000001000000}">
      <formula1>$D9&lt;&gt;"○"</formula1>
    </dataValidation>
    <dataValidation type="custom" allowBlank="1" showInputMessage="1" showErrorMessage="1" error="正月、夏休み、一時工事中止期間等は現場閉所の対象外です。現場閉所日として入力しないでください。" sqref="AE9:AE46" xr:uid="{00000000-0002-0000-0000-000002000000}">
      <formula1>$AD9&lt;&gt;"○"</formula1>
    </dataValidation>
    <dataValidation type="custom" allowBlank="1" showInputMessage="1" showErrorMessage="1" error="正月、夏休み、一時工事中止期間等は現場閉所の対象外です。現場閉所日として入力しないでください。" sqref="AR9:AR46" xr:uid="{00000000-0002-0000-0000-000003000000}">
      <formula1>$AQ9&lt;&gt;"○"</formula1>
    </dataValidation>
    <dataValidation type="custom" allowBlank="1" showInputMessage="1" showErrorMessage="1" error="正月、夏休み、一時工事中止期間等は現場閉所の対象外です。現場閉所日として入力しないでください。" sqref="BE9:BE46" xr:uid="{00000000-0002-0000-0000-000004000000}">
      <formula1>$BD9&lt;&gt;"○"</formula1>
    </dataValidation>
    <dataValidation type="custom" allowBlank="1" showInputMessage="1" showErrorMessage="1" error="正月、夏休み、一時工事中止期間等は現場閉所の対象外です。現場閉所日として入力しないでください。" sqref="BR9:BR46" xr:uid="{00000000-0002-0000-0000-000005000000}">
      <formula1>$BQ9&lt;&gt;"○"</formula1>
    </dataValidation>
    <dataValidation type="custom" allowBlank="1" showInputMessage="1" showErrorMessage="1" error="正月、夏休み、一時工事中止期間等は現場閉所の対象外です。現場閉所日として入力しないでください。" sqref="DE9:DE46" xr:uid="{00000000-0002-0000-0000-000006000000}">
      <formula1>$DD9&lt;&gt;"○"</formula1>
    </dataValidation>
    <dataValidation type="custom" allowBlank="1" showInputMessage="1" showErrorMessage="1" error="正月、夏休み、一時工事中止期間等は現場閉所の対象外です。現場閉所日として入力しないでください。" sqref="CR9:CR46" xr:uid="{00000000-0002-0000-0000-000007000000}">
      <formula1>$CQ9&lt;&gt;"○"</formula1>
    </dataValidation>
    <dataValidation type="custom" allowBlank="1" showInputMessage="1" showErrorMessage="1" error="正月、夏休み、一時工事中止期間等は現場閉所の対象外です。現場閉所日として入力しないでください。" sqref="CE9:CE46" xr:uid="{00000000-0002-0000-0000-000008000000}">
      <formula1>$CD9&lt;&gt;"○"</formula1>
    </dataValidation>
    <dataValidation type="custom" allowBlank="1" showInputMessage="1" showErrorMessage="1" error="正月、夏休み、一時工事中止期間等は現場閉所の対象外です。現場閉所日として入力しないでください。" sqref="DR9:DR46" xr:uid="{00000000-0002-0000-0000-000009000000}">
      <formula1>$DQ9&lt;&gt;"○"</formula1>
    </dataValidation>
    <dataValidation type="custom" allowBlank="1" showInputMessage="1" showErrorMessage="1" error="正月、夏休み、一時工事中止期間等は現場閉所の対象外です。現場閉所日として入力しないでください。" sqref="EE9:EE46" xr:uid="{00000000-0002-0000-0000-00000A000000}">
      <formula1>$ED9&lt;&gt;"○"</formula1>
    </dataValidation>
    <dataValidation type="custom" allowBlank="1" showInputMessage="1" showErrorMessage="1" error="正月、夏休み、一時工事中止期間等は現場閉所の対象外です。現場閉所日として入力しないでください。" sqref="ER9:ER46" xr:uid="{00000000-0002-0000-0000-00000B000000}">
      <formula1>$EQ9&lt;&gt;"○"</formula1>
    </dataValidation>
    <dataValidation type="custom" allowBlank="1" showInputMessage="1" showErrorMessage="1" error="正月、夏休み、一時工事中止期間等は現場閉所の対象外です。現場閉所日として入力しないでください。" sqref="FR9:FR46" xr:uid="{00000000-0002-0000-0000-00000C000000}">
      <formula1>$FQ9&lt;&gt;"○"</formula1>
    </dataValidation>
    <dataValidation type="custom" allowBlank="1" showInputMessage="1" showErrorMessage="1" error="正月、夏休み、一時工事中止期間等は現場閉所の対象外です。現場閉所日として入力しないでください。" sqref="FE9:FE46" xr:uid="{00000000-0002-0000-0000-00000D000000}">
      <formula1>$FD9&lt;&gt;"○"</formula1>
    </dataValidation>
    <dataValidation type="custom" allowBlank="1" showInputMessage="1" showErrorMessage="1" error="正月、夏休み、一時工事中止期間等は現場閉所の対象外です。現場閉所日として入力しないでください。" sqref="HE9:HE46" xr:uid="{00000000-0002-0000-0000-00000E000000}">
      <formula1>$HD9&lt;&gt;"○"</formula1>
    </dataValidation>
    <dataValidation type="custom" allowBlank="1" showInputMessage="1" showErrorMessage="1" error="正月、夏休み、一時工事中止期間等は現場閉所の対象外です。現場閉所日として入力しないでください。" sqref="E9:E46" xr:uid="{00000000-0002-0000-0000-00000F000000}">
      <formula1>$D9&lt;&gt;"○"</formula1>
    </dataValidation>
    <dataValidation type="custom" allowBlank="1" showInputMessage="1" showErrorMessage="1" error="除外日を現場閉所日にはできません。現場閉所欄の「○」を削除してください。" sqref="G9:G46 T9:T46 AG9:AG46 AT9:AT46 BG9:BG46 BT9:BT46 CG9:CG46 CT9:CT46 DG9:DG46 DT9:DT46 EG9:EG46 ET9:ET46 FG9:FG46 HG9:HG46 GT9:GT46 GG9:GG46 FT9:FT46 HT9:HT46 IG9:IG46 IT9:IT46 JG9:JG46 JT9:JT46 KG9:KG46 KT9:KT46 LG9:LG46 LT9:LT46 MG9:MG46 MT9:MT46 NG9:NG46 NT9:NT46 OG9:OG46 OT9:OT46 PG9:PG46 PT9:PT46 QG9:QG46 QT9:QT46 RG9:RG46 RT9:RT46 SG9:SG46" xr:uid="{00000000-0002-0000-0000-000010000000}">
      <formula1>E9=""</formula1>
    </dataValidation>
    <dataValidation type="custom" allowBlank="1" showInputMessage="1" showErrorMessage="1" error="正月、夏休み、一時工事中止期間等は現場閉所の対象外です。現場閉所日として入力しないでください。" sqref="GE9:GE46" xr:uid="{00000000-0002-0000-0000-000011000000}">
      <formula1>$GD9&lt;&gt;"○"</formula1>
    </dataValidation>
    <dataValidation type="custom" allowBlank="1" showInputMessage="1" showErrorMessage="1" error="正月、夏休み、一時工事中止期間等は現場閉所の対象外です。現場閉所日として入力しないでください。" sqref="GR9:GR46" xr:uid="{00000000-0002-0000-0000-000012000000}">
      <formula1>$GQ9&lt;&gt;"○"</formula1>
    </dataValidation>
    <dataValidation type="custom" allowBlank="1" showInputMessage="1" showErrorMessage="1" error="正月、夏休み、一時工事中止期間等は現場閉所の対象外です。現場閉所日として入力しないでください。" sqref="HR9:HR46" xr:uid="{00000000-0002-0000-0000-000013000000}">
      <formula1>$HQ9&lt;&gt;"○"</formula1>
    </dataValidation>
    <dataValidation type="custom" allowBlank="1" showInputMessage="1" showErrorMessage="1" error="正月、夏休み、一時工事中止期間等は現場閉所の対象外です。現場閉所日として入力しないでください。" sqref="IE9:IE46" xr:uid="{00000000-0002-0000-0000-000014000000}">
      <formula1>$ID9&lt;&gt;"○"</formula1>
    </dataValidation>
    <dataValidation type="custom" allowBlank="1" showInputMessage="1" showErrorMessage="1" error="正月、夏休み、一時工事中止期間等は現場閉所の対象外です。現場閉所日として入力しないでください。" sqref="IR9:IR46" xr:uid="{00000000-0002-0000-0000-000015000000}">
      <formula1>$IQ9&lt;&gt;"○"</formula1>
    </dataValidation>
    <dataValidation type="custom" allowBlank="1" showInputMessage="1" showErrorMessage="1" error="正月、夏休み、一時工事中止期間等は現場閉所の対象外です。現場閉所日として入力しないでください。" sqref="JE9:JE46" xr:uid="{00000000-0002-0000-0000-000016000000}">
      <formula1>$JD9&lt;&gt;"○"</formula1>
    </dataValidation>
    <dataValidation type="custom" allowBlank="1" showInputMessage="1" showErrorMessage="1" error="正月、夏休み、一時工事中止期間等は現場閉所の対象外です。現場閉所日として入力しないでください。" sqref="JR9:JR46" xr:uid="{00000000-0002-0000-0000-000017000000}">
      <formula1>$JQ9&lt;&gt;"○"</formula1>
    </dataValidation>
    <dataValidation type="custom" allowBlank="1" showInputMessage="1" showErrorMessage="1" error="正月、夏休み、一時工事中止期間等は現場閉所の対象外です。現場閉所日として入力しないでください。" sqref="KE9:KE46" xr:uid="{00000000-0002-0000-0000-000018000000}">
      <formula1>$KD9&lt;&gt;"○"</formula1>
    </dataValidation>
    <dataValidation type="custom" allowBlank="1" showInputMessage="1" showErrorMessage="1" error="正月、夏休み、一時工事中止期間等は現場閉所の対象外です。現場閉所日として入力しないでください。" sqref="KR9:KR46" xr:uid="{00000000-0002-0000-0000-000019000000}">
      <formula1>$KQ9&lt;&gt;"○"</formula1>
    </dataValidation>
    <dataValidation type="custom" allowBlank="1" showInputMessage="1" showErrorMessage="1" error="正月、夏休み、一時工事中止期間等は現場閉所の対象外です。現場閉所日として入力しないでください。" sqref="LE9:LE46" xr:uid="{00000000-0002-0000-0000-00001A000000}">
      <formula1>$LD9&lt;&gt;"○"</formula1>
    </dataValidation>
    <dataValidation type="custom" allowBlank="1" showInputMessage="1" showErrorMessage="1" error="正月、夏休み、一時工事中止期間等は現場閉所の対象外です。現場閉所日として入力しないでください。" sqref="LR9:LR46" xr:uid="{00000000-0002-0000-0000-00001B000000}">
      <formula1>$LQ9&lt;&gt;"○"</formula1>
    </dataValidation>
    <dataValidation type="custom" allowBlank="1" showInputMessage="1" showErrorMessage="1" error="正月、夏休み、一時工事中止期間等は現場閉所の対象外です。現場閉所日として入力しないでください。" sqref="ME9:ME46" xr:uid="{00000000-0002-0000-0000-00001C000000}">
      <formula1>$MD9&lt;&gt;"○"</formula1>
    </dataValidation>
    <dataValidation type="custom" allowBlank="1" showInputMessage="1" showErrorMessage="1" error="正月、夏休み、一時工事中止期間等は現場閉所の対象外です。現場閉所日として入力しないでください。" sqref="MR9:MR46" xr:uid="{00000000-0002-0000-0000-00001D000000}">
      <formula1>$MQ9&lt;&gt;"○"</formula1>
    </dataValidation>
    <dataValidation type="custom" allowBlank="1" showInputMessage="1" showErrorMessage="1" error="正月、夏休み、一時工事中止期間等は現場閉所の対象外です。現場閉所日として入力しないでください。" sqref="NE9:NE46" xr:uid="{00000000-0002-0000-0000-00001E000000}">
      <formula1>$ND9&lt;&gt;"○"</formula1>
    </dataValidation>
    <dataValidation type="custom" allowBlank="1" showInputMessage="1" showErrorMessage="1" error="正月、夏休み、一時工事中止期間等は現場閉所の対象外です。現場閉所日として入力しないでください。" sqref="NR9:NR46" xr:uid="{00000000-0002-0000-0000-00001F000000}">
      <formula1>$NQ9&lt;&gt;"○"</formula1>
    </dataValidation>
    <dataValidation type="custom" allowBlank="1" showInputMessage="1" showErrorMessage="1" error="正月、夏休み、一時工事中止期間等は現場閉所の対象外です。現場閉所日として入力しないでください。" sqref="OE9:OE46" xr:uid="{00000000-0002-0000-0000-000020000000}">
      <formula1>$OD9&lt;&gt;"○"</formula1>
    </dataValidation>
    <dataValidation type="custom" allowBlank="1" showInputMessage="1" showErrorMessage="1" error="正月、夏休み、一時工事中止期間等は現場閉所の対象外です。現場閉所日として入力しないでください。" sqref="OR9:OR46" xr:uid="{00000000-0002-0000-0000-000021000000}">
      <formula1>$OQ9&lt;&gt;"○"</formula1>
    </dataValidation>
    <dataValidation type="custom" allowBlank="1" showInputMessage="1" showErrorMessage="1" error="正月、夏休み、一時工事中止期間等は現場閉所の対象外です。現場閉所日として入力しないでください。" sqref="PE9:PE46" xr:uid="{00000000-0002-0000-0000-000022000000}">
      <formula1>$PD9&lt;&gt;"○"</formula1>
    </dataValidation>
    <dataValidation type="custom" allowBlank="1" showInputMessage="1" showErrorMessage="1" error="正月、夏休み、一時工事中止期間等は現場閉所の対象外です。現場閉所日として入力しないでください。" sqref="PR9:PR46" xr:uid="{00000000-0002-0000-0000-000023000000}">
      <formula1>$PQ9&lt;&gt;"○"</formula1>
    </dataValidation>
    <dataValidation type="custom" allowBlank="1" showInputMessage="1" showErrorMessage="1" error="正月、夏休み、一時工事中止期間等は現場閉所の対象外です。現場閉所日として入力しないでください。" sqref="QE9:QE46" xr:uid="{00000000-0002-0000-0000-000024000000}">
      <formula1>$QD9&lt;&gt;"○"</formula1>
    </dataValidation>
    <dataValidation type="custom" allowBlank="1" showInputMessage="1" showErrorMessage="1" error="正月、夏休み、一時工事中止期間等は現場閉所の対象外です。現場閉所日として入力しないでください。" sqref="QR9:QR46" xr:uid="{00000000-0002-0000-0000-000025000000}">
      <formula1>$QQ9&lt;&gt;"○"</formula1>
    </dataValidation>
    <dataValidation type="custom" allowBlank="1" showInputMessage="1" showErrorMessage="1" error="正月、夏休み、一時工事中止期間等は現場閉所の対象外です。現場閉所日として入力しないでください。" sqref="RE9:RE45" xr:uid="{00000000-0002-0000-0000-000026000000}">
      <formula1>$RD9&lt;&gt;"○"</formula1>
    </dataValidation>
    <dataValidation type="custom" allowBlank="1" showInputMessage="1" showErrorMessage="1" error="正月、夏休み、一時工事中止期間等は現場閉所の対象外です。現場閉所日として入力しないでください。" sqref="RR9:RR45" xr:uid="{00000000-0002-0000-0000-000027000000}">
      <formula1>$RQ9&lt;&gt;"○"</formula1>
    </dataValidation>
    <dataValidation type="custom" allowBlank="1" showInputMessage="1" showErrorMessage="1" error="正月、夏休み、一時工事中止期間等は現場閉所の対象外です。現場閉所日として入力しないでください。" sqref="SE9:SE45" xr:uid="{00000000-0002-0000-0000-000028000000}">
      <formula1>$SD9&lt;&gt;"○"</formula1>
    </dataValidation>
    <dataValidation type="custom" allowBlank="1" showInputMessage="1" showErrorMessage="1" error="正月、夏休み、一時工事中止期間等は現場閉所の対象外です。現場閉所日として入力しないでください。" sqref="SE46 RR46 RE46" xr:uid="{00000000-0002-0000-0000-000029000000}">
      <formula1>RD46&lt;&gt;"○"</formula1>
    </dataValidation>
  </dataValidations>
  <pageMargins left="0.7" right="0.7" top="0.75" bottom="0.16" header="0.3" footer="0.3"/>
  <pageSetup paperSize="9" scale="85" orientation="portrait" r:id="rId1"/>
  <rowBreaks count="1" manualBreakCount="1">
    <brk id="54" max="506" man="1"/>
  </rowBreaks>
  <colBreaks count="38" manualBreakCount="38">
    <brk id="13" max="1048575" man="1"/>
    <brk id="26" max="53" man="1"/>
    <brk id="39" max="53" man="1"/>
    <brk id="52" max="1048575" man="1"/>
    <brk id="65" max="53" man="1"/>
    <brk id="78" max="1048575" man="1"/>
    <brk id="91" max="53" man="1"/>
    <brk id="104" max="53" man="1"/>
    <brk id="117" max="53" man="1"/>
    <brk id="130" max="53" man="1"/>
    <brk id="143" max="53" man="1"/>
    <brk id="156" max="53" man="1"/>
    <brk id="169" max="53" man="1"/>
    <brk id="182" max="53" man="1"/>
    <brk id="195" max="53" man="1"/>
    <brk id="208" max="53" man="1"/>
    <brk id="221" max="53" man="1"/>
    <brk id="234" max="53" man="1"/>
    <brk id="247" max="53" man="1"/>
    <brk id="260" max="53" man="1"/>
    <brk id="273" max="53" man="1"/>
    <brk id="286" max="53" man="1"/>
    <brk id="299" max="53" man="1"/>
    <brk id="312" max="53" man="1"/>
    <brk id="325" max="53" man="1"/>
    <brk id="338" max="53" man="1"/>
    <brk id="351" max="53" man="1"/>
    <brk id="364" max="53" man="1"/>
    <brk id="377" max="53" man="1"/>
    <brk id="390" max="53" man="1"/>
    <brk id="403" max="53" man="1"/>
    <brk id="416" max="53" man="1"/>
    <brk id="429" max="53" man="1"/>
    <brk id="442" max="53" man="1"/>
    <brk id="455" max="53" man="1"/>
    <brk id="468" max="53" man="1"/>
    <brk id="481" max="53" man="1"/>
    <brk id="494" max="53"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DQ72"/>
  <sheetViews>
    <sheetView showGridLines="0" view="pageBreakPreview" topLeftCell="A10" zoomScaleNormal="70" zoomScaleSheetLayoutView="100" workbookViewId="0">
      <selection activeCell="K7" sqref="K7"/>
    </sheetView>
  </sheetViews>
  <sheetFormatPr defaultColWidth="9" defaultRowHeight="18"/>
  <cols>
    <col min="1" max="1" width="11.59765625" style="11" customWidth="1"/>
    <col min="2" max="2" width="14.59765625" style="11" customWidth="1"/>
    <col min="3" max="3" width="5" style="11" customWidth="1"/>
    <col min="4" max="4" width="14.59765625" style="11" customWidth="1"/>
    <col min="5" max="6" width="5.59765625" style="11" customWidth="1"/>
    <col min="7" max="7" width="8.59765625" style="11" customWidth="1"/>
    <col min="8" max="8" width="9.3984375" style="11" customWidth="1"/>
    <col min="9" max="9" width="3.19921875" style="11" customWidth="1"/>
    <col min="10" max="10" width="1.59765625" style="11" customWidth="1"/>
    <col min="11" max="11" width="16.09765625" customWidth="1"/>
    <col min="12" max="12" width="11.3984375" customWidth="1"/>
    <col min="13" max="13" width="19.796875" customWidth="1"/>
    <col min="14" max="16" width="10.59765625" customWidth="1"/>
    <col min="17" max="121" width="8.796875" customWidth="1"/>
    <col min="122" max="16384" width="9" style="11"/>
  </cols>
  <sheetData>
    <row r="1" spans="1:16" ht="24" customHeight="1">
      <c r="A1" s="248"/>
      <c r="B1" s="248"/>
      <c r="C1" s="248"/>
      <c r="D1" s="248"/>
      <c r="E1" s="248"/>
      <c r="F1" s="248"/>
      <c r="G1" s="249"/>
      <c r="H1" s="250" t="s">
        <v>113</v>
      </c>
      <c r="I1" s="250"/>
      <c r="J1" s="100"/>
      <c r="K1" s="251" t="s">
        <v>114</v>
      </c>
      <c r="L1" s="251"/>
      <c r="M1" s="251"/>
      <c r="N1" s="135" t="s">
        <v>115</v>
      </c>
      <c r="O1" s="135" t="s">
        <v>116</v>
      </c>
      <c r="P1" s="252" t="s">
        <v>117</v>
      </c>
    </row>
    <row r="2" spans="1:16" ht="17.100000000000001" customHeight="1">
      <c r="A2" s="9"/>
      <c r="B2" s="9"/>
      <c r="C2" s="9"/>
      <c r="D2" s="9"/>
      <c r="E2" s="9"/>
      <c r="F2" s="9"/>
      <c r="G2" s="9"/>
      <c r="H2" s="9"/>
      <c r="I2" s="9"/>
      <c r="J2" s="9"/>
      <c r="K2" s="251"/>
      <c r="L2" s="251"/>
      <c r="M2" s="251"/>
      <c r="N2" s="65" t="s">
        <v>118</v>
      </c>
      <c r="O2" s="65" t="s">
        <v>118</v>
      </c>
      <c r="P2" s="253"/>
    </row>
    <row r="3" spans="1:16" ht="17.100000000000001" customHeight="1">
      <c r="A3" s="31"/>
      <c r="B3" s="31"/>
      <c r="C3" s="31"/>
      <c r="D3" s="31"/>
      <c r="E3" s="33"/>
      <c r="F3" s="254" t="s">
        <v>119</v>
      </c>
      <c r="G3" s="254"/>
      <c r="H3" s="254"/>
      <c r="I3" s="10"/>
      <c r="J3" s="10"/>
      <c r="K3" s="87">
        <v>45748</v>
      </c>
      <c r="L3" s="85" t="s">
        <v>130</v>
      </c>
      <c r="M3" s="90">
        <v>45777</v>
      </c>
      <c r="N3" s="58">
        <v>30</v>
      </c>
      <c r="O3" s="58">
        <v>0</v>
      </c>
      <c r="P3" s="72">
        <v>0</v>
      </c>
    </row>
    <row r="4" spans="1:16" ht="17.100000000000001" customHeight="1">
      <c r="A4" s="31"/>
      <c r="B4" s="31"/>
      <c r="C4" s="31"/>
      <c r="D4" s="31"/>
      <c r="E4" s="33"/>
      <c r="F4" s="78"/>
      <c r="G4" s="78"/>
      <c r="H4" s="78"/>
      <c r="I4" s="79"/>
      <c r="J4" s="10"/>
      <c r="K4" s="88">
        <v>45778</v>
      </c>
      <c r="L4" s="86" t="s">
        <v>130</v>
      </c>
      <c r="M4" s="91">
        <v>45808</v>
      </c>
      <c r="N4" s="60">
        <v>31</v>
      </c>
      <c r="O4" s="61">
        <v>0</v>
      </c>
      <c r="P4" s="73">
        <v>0</v>
      </c>
    </row>
    <row r="5" spans="1:16" ht="17.100000000000001" customHeight="1">
      <c r="A5" s="247" t="s">
        <v>146</v>
      </c>
      <c r="B5" s="247"/>
      <c r="C5" s="247"/>
      <c r="D5" s="247"/>
      <c r="E5" s="247"/>
      <c r="F5" s="247"/>
      <c r="G5" s="247"/>
      <c r="H5" s="31"/>
      <c r="I5" s="9"/>
      <c r="J5" s="9"/>
      <c r="K5" s="88">
        <v>45809</v>
      </c>
      <c r="L5" s="86" t="s">
        <v>130</v>
      </c>
      <c r="M5" s="91">
        <v>45838</v>
      </c>
      <c r="N5" s="60">
        <v>30</v>
      </c>
      <c r="O5" s="61">
        <v>0</v>
      </c>
      <c r="P5" s="73">
        <v>0</v>
      </c>
    </row>
    <row r="6" spans="1:16" ht="17.100000000000001" customHeight="1">
      <c r="A6" s="134"/>
      <c r="B6" s="134"/>
      <c r="C6" s="134"/>
      <c r="D6" s="134"/>
      <c r="E6" s="134"/>
      <c r="F6" s="134"/>
      <c r="G6" s="134"/>
      <c r="H6" s="31"/>
      <c r="I6" s="9"/>
      <c r="J6" s="9"/>
      <c r="K6" s="88">
        <v>45839</v>
      </c>
      <c r="L6" s="86" t="s">
        <v>130</v>
      </c>
      <c r="M6" s="91">
        <v>45869</v>
      </c>
      <c r="N6" s="60">
        <v>31</v>
      </c>
      <c r="O6" s="61">
        <v>0</v>
      </c>
      <c r="P6" s="73">
        <v>0</v>
      </c>
    </row>
    <row r="7" spans="1:16" ht="17.100000000000001" customHeight="1">
      <c r="A7" s="255" t="s">
        <v>147</v>
      </c>
      <c r="B7" s="255"/>
      <c r="C7" s="255"/>
      <c r="D7" s="255"/>
      <c r="E7" s="255"/>
      <c r="F7" s="255"/>
      <c r="G7" s="255"/>
      <c r="H7" s="255"/>
      <c r="I7" s="255"/>
      <c r="J7" s="133"/>
      <c r="K7" s="88">
        <v>45870</v>
      </c>
      <c r="L7" s="86" t="s">
        <v>130</v>
      </c>
      <c r="M7" s="91">
        <v>45900</v>
      </c>
      <c r="N7" s="60">
        <v>31</v>
      </c>
      <c r="O7" s="61">
        <v>0</v>
      </c>
      <c r="P7" s="73">
        <v>0</v>
      </c>
    </row>
    <row r="8" spans="1:16" ht="17.100000000000001" customHeight="1">
      <c r="A8" s="256" t="s">
        <v>120</v>
      </c>
      <c r="B8" s="256"/>
      <c r="C8" s="256"/>
      <c r="D8" s="256"/>
      <c r="E8" s="256"/>
      <c r="F8" s="256"/>
      <c r="G8" s="256"/>
      <c r="H8" s="256"/>
      <c r="I8" s="23"/>
      <c r="J8" s="23"/>
      <c r="K8" s="88" t="s">
        <v>147</v>
      </c>
      <c r="L8" s="86" t="s">
        <v>147</v>
      </c>
      <c r="M8" s="91" t="s">
        <v>147</v>
      </c>
      <c r="N8" s="60" t="s">
        <v>147</v>
      </c>
      <c r="O8" s="61" t="s">
        <v>147</v>
      </c>
      <c r="P8" s="73" t="s">
        <v>147</v>
      </c>
    </row>
    <row r="9" spans="1:16" ht="17.100000000000001" customHeight="1">
      <c r="A9" s="136"/>
      <c r="B9" s="136"/>
      <c r="C9" s="136"/>
      <c r="D9" s="136"/>
      <c r="E9" s="136"/>
      <c r="F9" s="136"/>
      <c r="G9" s="136"/>
      <c r="H9" s="136"/>
      <c r="I9" s="23"/>
      <c r="J9" s="23"/>
      <c r="K9" s="88" t="s">
        <v>147</v>
      </c>
      <c r="L9" s="86" t="s">
        <v>147</v>
      </c>
      <c r="M9" s="91" t="s">
        <v>147</v>
      </c>
      <c r="N9" s="60" t="s">
        <v>147</v>
      </c>
      <c r="O9" s="61" t="s">
        <v>147</v>
      </c>
      <c r="P9" s="73" t="s">
        <v>147</v>
      </c>
    </row>
    <row r="10" spans="1:16" ht="17.100000000000001" customHeight="1">
      <c r="A10" s="31"/>
      <c r="B10" s="31"/>
      <c r="C10" s="31"/>
      <c r="D10" s="31"/>
      <c r="E10" s="31"/>
      <c r="F10" s="31"/>
      <c r="G10" s="31"/>
      <c r="H10" s="31"/>
      <c r="I10" s="9"/>
      <c r="J10" s="9"/>
      <c r="K10" s="88" t="s">
        <v>147</v>
      </c>
      <c r="L10" s="86" t="s">
        <v>147</v>
      </c>
      <c r="M10" s="91" t="s">
        <v>147</v>
      </c>
      <c r="N10" s="60" t="s">
        <v>147</v>
      </c>
      <c r="O10" s="61" t="s">
        <v>147</v>
      </c>
      <c r="P10" s="73" t="s">
        <v>147</v>
      </c>
    </row>
    <row r="11" spans="1:16" ht="17.100000000000001" customHeight="1">
      <c r="A11" s="257" t="s">
        <v>121</v>
      </c>
      <c r="B11" s="258" t="s">
        <v>148</v>
      </c>
      <c r="C11" s="258"/>
      <c r="D11" s="258"/>
      <c r="E11" s="258"/>
      <c r="F11" s="258"/>
      <c r="G11" s="258"/>
      <c r="H11" s="259"/>
      <c r="I11" s="259"/>
      <c r="J11" s="259"/>
      <c r="K11" s="88" t="s">
        <v>147</v>
      </c>
      <c r="L11" s="86" t="s">
        <v>147</v>
      </c>
      <c r="M11" s="91" t="s">
        <v>147</v>
      </c>
      <c r="N11" s="60" t="s">
        <v>147</v>
      </c>
      <c r="O11" s="61" t="s">
        <v>147</v>
      </c>
      <c r="P11" s="73" t="s">
        <v>147</v>
      </c>
    </row>
    <row r="12" spans="1:16" ht="17.100000000000001" customHeight="1">
      <c r="A12" s="257"/>
      <c r="B12" s="258"/>
      <c r="C12" s="258"/>
      <c r="D12" s="258"/>
      <c r="E12" s="258"/>
      <c r="F12" s="258"/>
      <c r="G12" s="258"/>
      <c r="H12" s="259"/>
      <c r="I12" s="259"/>
      <c r="J12" s="259"/>
      <c r="K12" s="88" t="s">
        <v>147</v>
      </c>
      <c r="L12" s="86" t="s">
        <v>147</v>
      </c>
      <c r="M12" s="91" t="s">
        <v>147</v>
      </c>
      <c r="N12" s="60" t="s">
        <v>147</v>
      </c>
      <c r="O12" s="61" t="s">
        <v>147</v>
      </c>
      <c r="P12" s="73" t="s">
        <v>147</v>
      </c>
    </row>
    <row r="13" spans="1:16" ht="17.100000000000001" customHeight="1">
      <c r="A13" s="257"/>
      <c r="B13" s="258"/>
      <c r="C13" s="258"/>
      <c r="D13" s="258"/>
      <c r="E13" s="258"/>
      <c r="F13" s="258"/>
      <c r="G13" s="258"/>
      <c r="H13" s="259"/>
      <c r="I13" s="259"/>
      <c r="J13" s="259"/>
      <c r="K13" s="88" t="s">
        <v>147</v>
      </c>
      <c r="L13" s="86" t="s">
        <v>147</v>
      </c>
      <c r="M13" s="91" t="s">
        <v>147</v>
      </c>
      <c r="N13" s="60" t="s">
        <v>147</v>
      </c>
      <c r="O13" s="61" t="s">
        <v>147</v>
      </c>
      <c r="P13" s="73" t="s">
        <v>147</v>
      </c>
    </row>
    <row r="14" spans="1:16" ht="17.100000000000001" customHeight="1">
      <c r="A14" s="257"/>
      <c r="B14" s="258" t="s">
        <v>149</v>
      </c>
      <c r="C14" s="258"/>
      <c r="D14" s="258"/>
      <c r="E14" s="258"/>
      <c r="F14" s="258"/>
      <c r="G14" s="258"/>
      <c r="H14" s="259"/>
      <c r="I14" s="259"/>
      <c r="J14" s="259"/>
      <c r="K14" s="88" t="s">
        <v>147</v>
      </c>
      <c r="L14" s="86" t="s">
        <v>147</v>
      </c>
      <c r="M14" s="91" t="s">
        <v>147</v>
      </c>
      <c r="N14" s="60" t="s">
        <v>147</v>
      </c>
      <c r="O14" s="61" t="s">
        <v>147</v>
      </c>
      <c r="P14" s="74" t="s">
        <v>147</v>
      </c>
    </row>
    <row r="15" spans="1:16" ht="17.100000000000001" customHeight="1">
      <c r="A15" s="257"/>
      <c r="B15" s="258"/>
      <c r="C15" s="258"/>
      <c r="D15" s="258"/>
      <c r="E15" s="258"/>
      <c r="F15" s="258"/>
      <c r="G15" s="258"/>
      <c r="H15" s="259"/>
      <c r="I15" s="259"/>
      <c r="J15" s="259"/>
      <c r="K15" s="88" t="s">
        <v>147</v>
      </c>
      <c r="L15" s="86" t="s">
        <v>147</v>
      </c>
      <c r="M15" s="91" t="s">
        <v>147</v>
      </c>
      <c r="N15" s="60" t="s">
        <v>147</v>
      </c>
      <c r="O15" s="61" t="s">
        <v>147</v>
      </c>
      <c r="P15" s="75" t="s">
        <v>147</v>
      </c>
    </row>
    <row r="16" spans="1:16" ht="17.100000000000001" customHeight="1">
      <c r="A16" s="257" t="s">
        <v>122</v>
      </c>
      <c r="B16" s="258" t="s">
        <v>150</v>
      </c>
      <c r="C16" s="258"/>
      <c r="D16" s="258"/>
      <c r="E16" s="258"/>
      <c r="F16" s="258"/>
      <c r="G16" s="258"/>
      <c r="H16" s="258"/>
      <c r="I16" s="258"/>
      <c r="J16" s="9"/>
      <c r="K16" s="88" t="s">
        <v>147</v>
      </c>
      <c r="L16" s="86" t="s">
        <v>147</v>
      </c>
      <c r="M16" s="91" t="s">
        <v>147</v>
      </c>
      <c r="N16" s="60" t="s">
        <v>147</v>
      </c>
      <c r="O16" s="61" t="s">
        <v>147</v>
      </c>
      <c r="P16" s="74" t="s">
        <v>147</v>
      </c>
    </row>
    <row r="17" spans="1:22" ht="17.100000000000001" customHeight="1">
      <c r="A17" s="257"/>
      <c r="B17" s="258"/>
      <c r="C17" s="258"/>
      <c r="D17" s="258"/>
      <c r="E17" s="258"/>
      <c r="F17" s="258"/>
      <c r="G17" s="258"/>
      <c r="H17" s="258"/>
      <c r="I17" s="258"/>
      <c r="J17" s="105"/>
      <c r="K17" s="88" t="s">
        <v>147</v>
      </c>
      <c r="L17" s="86" t="s">
        <v>147</v>
      </c>
      <c r="M17" s="91" t="s">
        <v>147</v>
      </c>
      <c r="N17" s="63" t="s">
        <v>147</v>
      </c>
      <c r="O17" s="61" t="s">
        <v>147</v>
      </c>
      <c r="P17" s="75" t="s">
        <v>147</v>
      </c>
    </row>
    <row r="18" spans="1:22" ht="17.100000000000001" customHeight="1">
      <c r="A18" s="260" t="s">
        <v>123</v>
      </c>
      <c r="B18" s="260"/>
      <c r="C18" s="260" t="s">
        <v>151</v>
      </c>
      <c r="D18" s="260"/>
      <c r="E18" s="260"/>
      <c r="F18" s="260"/>
      <c r="G18" s="9"/>
      <c r="H18" s="9"/>
      <c r="I18" s="9"/>
      <c r="J18" s="9"/>
      <c r="K18" s="88" t="s">
        <v>147</v>
      </c>
      <c r="L18" s="86" t="s">
        <v>147</v>
      </c>
      <c r="M18" s="91" t="s">
        <v>147</v>
      </c>
      <c r="N18" s="63" t="s">
        <v>147</v>
      </c>
      <c r="O18" s="61" t="s">
        <v>147</v>
      </c>
      <c r="P18" s="73" t="s">
        <v>147</v>
      </c>
    </row>
    <row r="19" spans="1:22" ht="17.100000000000001" customHeight="1">
      <c r="A19" s="261" t="s">
        <v>124</v>
      </c>
      <c r="B19" s="261"/>
      <c r="C19" s="260" t="s">
        <v>152</v>
      </c>
      <c r="D19" s="260"/>
      <c r="E19" s="260"/>
      <c r="F19" s="260"/>
      <c r="G19" s="32"/>
      <c r="H19" s="32"/>
      <c r="I19" s="9"/>
      <c r="J19" s="9"/>
      <c r="K19" s="88" t="s">
        <v>147</v>
      </c>
      <c r="L19" s="86" t="s">
        <v>147</v>
      </c>
      <c r="M19" s="91" t="s">
        <v>147</v>
      </c>
      <c r="N19" s="63" t="s">
        <v>147</v>
      </c>
      <c r="O19" s="61" t="s">
        <v>147</v>
      </c>
      <c r="P19" s="74" t="s">
        <v>147</v>
      </c>
    </row>
    <row r="20" spans="1:22" ht="17.100000000000001" customHeight="1">
      <c r="A20" s="132" t="s">
        <v>125</v>
      </c>
      <c r="B20" s="9"/>
      <c r="C20" s="260" t="s">
        <v>153</v>
      </c>
      <c r="D20" s="260"/>
      <c r="E20" s="260"/>
      <c r="F20" s="260"/>
      <c r="G20" s="260"/>
      <c r="H20" s="31"/>
      <c r="I20" s="9"/>
      <c r="J20" s="9"/>
      <c r="K20" s="88" t="s">
        <v>147</v>
      </c>
      <c r="L20" s="86" t="s">
        <v>147</v>
      </c>
      <c r="M20" s="91" t="s">
        <v>147</v>
      </c>
      <c r="N20" s="63" t="s">
        <v>147</v>
      </c>
      <c r="O20" s="61" t="s">
        <v>147</v>
      </c>
      <c r="P20" s="74" t="s">
        <v>147</v>
      </c>
    </row>
    <row r="21" spans="1:22" ht="17.100000000000001" customHeight="1">
      <c r="A21" s="9"/>
      <c r="B21" s="9"/>
      <c r="C21" s="9"/>
      <c r="D21" s="9"/>
      <c r="E21" s="9"/>
      <c r="F21" s="9"/>
      <c r="G21" s="9"/>
      <c r="H21" s="9"/>
      <c r="I21" s="9"/>
      <c r="J21" s="9"/>
      <c r="K21" s="88" t="s">
        <v>147</v>
      </c>
      <c r="L21" s="86" t="s">
        <v>147</v>
      </c>
      <c r="M21" s="91" t="s">
        <v>147</v>
      </c>
      <c r="N21" s="63" t="s">
        <v>147</v>
      </c>
      <c r="O21" s="61" t="s">
        <v>147</v>
      </c>
      <c r="P21" s="74" t="s">
        <v>147</v>
      </c>
    </row>
    <row r="22" spans="1:22" ht="17.100000000000001" customHeight="1">
      <c r="A22" s="9"/>
      <c r="B22" s="9"/>
      <c r="C22" s="9"/>
      <c r="D22" s="9"/>
      <c r="E22" s="9"/>
      <c r="F22" s="9"/>
      <c r="G22" s="9"/>
      <c r="H22" s="9"/>
      <c r="I22" s="9"/>
      <c r="J22" s="9"/>
      <c r="K22" s="88" t="s">
        <v>147</v>
      </c>
      <c r="L22" s="86" t="s">
        <v>147</v>
      </c>
      <c r="M22" s="91" t="s">
        <v>147</v>
      </c>
      <c r="N22" s="63" t="s">
        <v>147</v>
      </c>
      <c r="O22" s="61" t="s">
        <v>147</v>
      </c>
      <c r="P22" s="74" t="s">
        <v>147</v>
      </c>
    </row>
    <row r="23" spans="1:22" ht="17.100000000000001" customHeight="1">
      <c r="A23" s="262" t="s">
        <v>126</v>
      </c>
      <c r="B23" s="262"/>
      <c r="C23" s="262"/>
      <c r="D23" s="262"/>
      <c r="E23" s="262"/>
      <c r="F23" s="262"/>
      <c r="G23" s="262"/>
      <c r="H23" s="262"/>
      <c r="I23" s="9"/>
      <c r="J23" s="9"/>
      <c r="K23" s="88" t="s">
        <v>147</v>
      </c>
      <c r="L23" s="86" t="s">
        <v>147</v>
      </c>
      <c r="M23" s="91" t="s">
        <v>147</v>
      </c>
      <c r="N23" s="63" t="s">
        <v>147</v>
      </c>
      <c r="O23" s="61" t="s">
        <v>147</v>
      </c>
      <c r="P23" s="74" t="s">
        <v>147</v>
      </c>
    </row>
    <row r="24" spans="1:22" ht="17.100000000000001" customHeight="1">
      <c r="A24" s="263"/>
      <c r="B24" s="263"/>
      <c r="C24" s="263"/>
      <c r="D24" s="263"/>
      <c r="E24" s="263"/>
      <c r="F24" s="263"/>
      <c r="G24" s="263"/>
      <c r="H24" s="263"/>
      <c r="I24" s="9"/>
      <c r="J24" s="9"/>
      <c r="K24" s="88" t="s">
        <v>147</v>
      </c>
      <c r="L24" s="86" t="s">
        <v>147</v>
      </c>
      <c r="M24" s="91" t="s">
        <v>147</v>
      </c>
      <c r="N24" s="63" t="s">
        <v>147</v>
      </c>
      <c r="O24" s="61" t="s">
        <v>147</v>
      </c>
      <c r="P24" s="74" t="s">
        <v>147</v>
      </c>
    </row>
    <row r="25" spans="1:22" ht="17.100000000000001" customHeight="1">
      <c r="A25" s="264" t="s">
        <v>127</v>
      </c>
      <c r="B25" s="265" t="s">
        <v>154</v>
      </c>
      <c r="C25" s="265"/>
      <c r="D25" s="265"/>
      <c r="E25" s="265"/>
      <c r="F25" s="265"/>
      <c r="G25" s="265"/>
      <c r="H25" s="265"/>
      <c r="I25" s="9"/>
      <c r="J25" s="9"/>
      <c r="K25" s="88" t="s">
        <v>147</v>
      </c>
      <c r="L25" s="86" t="s">
        <v>147</v>
      </c>
      <c r="M25" s="91" t="s">
        <v>147</v>
      </c>
      <c r="N25" s="63" t="s">
        <v>147</v>
      </c>
      <c r="O25" s="61" t="s">
        <v>147</v>
      </c>
      <c r="P25" s="74" t="s">
        <v>147</v>
      </c>
    </row>
    <row r="26" spans="1:22" ht="17.100000000000001" customHeight="1">
      <c r="A26" s="264"/>
      <c r="B26" s="265"/>
      <c r="C26" s="265"/>
      <c r="D26" s="265"/>
      <c r="E26" s="265"/>
      <c r="F26" s="265"/>
      <c r="G26" s="265"/>
      <c r="H26" s="265"/>
      <c r="I26" s="16"/>
      <c r="J26" s="16"/>
      <c r="K26" s="88" t="s">
        <v>147</v>
      </c>
      <c r="L26" s="86" t="s">
        <v>147</v>
      </c>
      <c r="M26" s="91" t="s">
        <v>147</v>
      </c>
      <c r="N26" s="63" t="s">
        <v>147</v>
      </c>
      <c r="O26" s="61" t="s">
        <v>147</v>
      </c>
      <c r="P26" s="74" t="s">
        <v>147</v>
      </c>
    </row>
    <row r="27" spans="1:22" ht="17.100000000000001" customHeight="1">
      <c r="A27" s="264"/>
      <c r="B27" s="265"/>
      <c r="C27" s="265"/>
      <c r="D27" s="265"/>
      <c r="E27" s="265"/>
      <c r="F27" s="265"/>
      <c r="G27" s="265"/>
      <c r="H27" s="265"/>
      <c r="I27" s="9"/>
      <c r="J27" s="9"/>
      <c r="K27" s="88" t="s">
        <v>147</v>
      </c>
      <c r="L27" s="86" t="s">
        <v>147</v>
      </c>
      <c r="M27" s="91" t="s">
        <v>147</v>
      </c>
      <c r="N27" s="63" t="s">
        <v>147</v>
      </c>
      <c r="O27" s="61" t="s">
        <v>147</v>
      </c>
      <c r="P27" s="74" t="s">
        <v>147</v>
      </c>
    </row>
    <row r="28" spans="1:22" ht="17.100000000000001" customHeight="1">
      <c r="A28" s="264"/>
      <c r="B28" s="265"/>
      <c r="C28" s="265"/>
      <c r="D28" s="265"/>
      <c r="E28" s="265"/>
      <c r="F28" s="265"/>
      <c r="G28" s="265"/>
      <c r="H28" s="265"/>
      <c r="I28" s="105"/>
      <c r="J28" s="105"/>
      <c r="K28" s="88" t="s">
        <v>147</v>
      </c>
      <c r="L28" s="86" t="s">
        <v>147</v>
      </c>
      <c r="M28" s="91" t="s">
        <v>147</v>
      </c>
      <c r="N28" s="63" t="s">
        <v>147</v>
      </c>
      <c r="O28" s="61" t="s">
        <v>147</v>
      </c>
      <c r="P28" s="74" t="s">
        <v>147</v>
      </c>
    </row>
    <row r="29" spans="1:22" ht="17.100000000000001" customHeight="1">
      <c r="A29" s="264"/>
      <c r="B29" s="265"/>
      <c r="C29" s="265"/>
      <c r="D29" s="265"/>
      <c r="E29" s="265"/>
      <c r="F29" s="265"/>
      <c r="G29" s="265"/>
      <c r="H29" s="265"/>
      <c r="I29" s="9"/>
      <c r="J29" s="9"/>
      <c r="K29" s="88" t="s">
        <v>147</v>
      </c>
      <c r="L29" s="86" t="s">
        <v>147</v>
      </c>
      <c r="M29" s="91" t="s">
        <v>147</v>
      </c>
      <c r="N29" s="63" t="s">
        <v>147</v>
      </c>
      <c r="O29" s="61" t="s">
        <v>147</v>
      </c>
      <c r="P29" s="74" t="s">
        <v>147</v>
      </c>
    </row>
    <row r="30" spans="1:22" ht="17.100000000000001" customHeight="1">
      <c r="A30" s="264" t="s">
        <v>128</v>
      </c>
      <c r="B30" s="265" t="s">
        <v>155</v>
      </c>
      <c r="C30" s="265"/>
      <c r="D30" s="265"/>
      <c r="E30" s="265"/>
      <c r="F30" s="265"/>
      <c r="G30" s="265"/>
      <c r="H30" s="265"/>
      <c r="I30" s="9"/>
      <c r="J30" s="9"/>
      <c r="K30" s="88" t="s">
        <v>147</v>
      </c>
      <c r="L30" s="86" t="s">
        <v>147</v>
      </c>
      <c r="M30" s="91" t="s">
        <v>147</v>
      </c>
      <c r="N30" s="63" t="s">
        <v>147</v>
      </c>
      <c r="O30" s="61" t="s">
        <v>147</v>
      </c>
      <c r="P30" s="74" t="s">
        <v>147</v>
      </c>
    </row>
    <row r="31" spans="1:22" ht="17.100000000000001" customHeight="1">
      <c r="A31" s="264"/>
      <c r="B31" s="265"/>
      <c r="C31" s="265"/>
      <c r="D31" s="265"/>
      <c r="E31" s="265"/>
      <c r="F31" s="265"/>
      <c r="G31" s="265"/>
      <c r="H31" s="265"/>
      <c r="I31" s="9"/>
      <c r="J31" s="9"/>
      <c r="K31" s="88" t="s">
        <v>147</v>
      </c>
      <c r="L31" s="86" t="s">
        <v>147</v>
      </c>
      <c r="M31" s="91" t="s">
        <v>147</v>
      </c>
      <c r="N31" s="63" t="s">
        <v>147</v>
      </c>
      <c r="O31" s="61" t="s">
        <v>147</v>
      </c>
      <c r="P31" s="74" t="s">
        <v>147</v>
      </c>
      <c r="Q31" s="11"/>
      <c r="R31" s="11"/>
      <c r="S31" s="11"/>
      <c r="T31" s="11"/>
      <c r="U31" s="11"/>
      <c r="V31" s="11"/>
    </row>
    <row r="32" spans="1:22" ht="17.100000000000001" customHeight="1">
      <c r="A32" s="264"/>
      <c r="B32" s="265"/>
      <c r="C32" s="265"/>
      <c r="D32" s="265"/>
      <c r="E32" s="265"/>
      <c r="F32" s="265"/>
      <c r="G32" s="265"/>
      <c r="H32" s="265"/>
      <c r="I32" s="9"/>
      <c r="J32" s="9"/>
      <c r="K32" s="88" t="s">
        <v>147</v>
      </c>
      <c r="L32" s="86" t="s">
        <v>147</v>
      </c>
      <c r="M32" s="91" t="s">
        <v>147</v>
      </c>
      <c r="N32" s="63" t="s">
        <v>147</v>
      </c>
      <c r="O32" s="61" t="s">
        <v>147</v>
      </c>
      <c r="P32" s="74" t="s">
        <v>147</v>
      </c>
      <c r="Q32" s="11"/>
      <c r="R32" s="11"/>
      <c r="S32" s="11"/>
      <c r="T32" s="11"/>
      <c r="U32" s="11"/>
      <c r="V32" s="11"/>
    </row>
    <row r="33" spans="1:22" ht="17.100000000000001" customHeight="1">
      <c r="A33" s="175" t="s">
        <v>129</v>
      </c>
      <c r="B33" s="272">
        <v>45748</v>
      </c>
      <c r="C33" s="273"/>
      <c r="D33" s="274" t="s">
        <v>130</v>
      </c>
      <c r="E33" s="275">
        <v>45900</v>
      </c>
      <c r="F33" s="272"/>
      <c r="G33" s="272"/>
      <c r="H33" s="272"/>
      <c r="I33" s="16"/>
      <c r="J33" s="16"/>
      <c r="K33" s="88" t="s">
        <v>147</v>
      </c>
      <c r="L33" s="86" t="s">
        <v>147</v>
      </c>
      <c r="M33" s="91" t="s">
        <v>147</v>
      </c>
      <c r="N33" s="63" t="s">
        <v>147</v>
      </c>
      <c r="O33" s="61" t="s">
        <v>147</v>
      </c>
      <c r="P33" s="74" t="s">
        <v>147</v>
      </c>
      <c r="Q33" s="11"/>
      <c r="R33" s="11"/>
      <c r="S33" s="11"/>
      <c r="T33" s="11"/>
      <c r="U33" s="11"/>
      <c r="V33" s="11"/>
    </row>
    <row r="34" spans="1:22" ht="17.100000000000001" customHeight="1">
      <c r="A34" s="175"/>
      <c r="B34" s="272"/>
      <c r="C34" s="273"/>
      <c r="D34" s="274"/>
      <c r="E34" s="275"/>
      <c r="F34" s="272"/>
      <c r="G34" s="272"/>
      <c r="H34" s="272"/>
      <c r="I34" s="17"/>
      <c r="J34" s="17"/>
      <c r="K34" s="88" t="s">
        <v>147</v>
      </c>
      <c r="L34" s="59" t="s">
        <v>147</v>
      </c>
      <c r="M34" s="91" t="s">
        <v>147</v>
      </c>
      <c r="N34" s="63" t="s">
        <v>147</v>
      </c>
      <c r="O34" s="61" t="s">
        <v>147</v>
      </c>
      <c r="P34" s="74" t="s">
        <v>147</v>
      </c>
      <c r="Q34" s="11"/>
      <c r="R34" s="11"/>
      <c r="S34" s="11"/>
      <c r="T34" s="11"/>
      <c r="U34" s="11"/>
      <c r="V34" s="11"/>
    </row>
    <row r="35" spans="1:22" ht="17.100000000000001" customHeight="1">
      <c r="A35" s="175" t="s">
        <v>114</v>
      </c>
      <c r="B35" s="272">
        <v>45748</v>
      </c>
      <c r="C35" s="273"/>
      <c r="D35" s="274" t="s">
        <v>130</v>
      </c>
      <c r="E35" s="275">
        <v>45900</v>
      </c>
      <c r="F35" s="272"/>
      <c r="G35" s="272"/>
      <c r="H35" s="272"/>
      <c r="I35" s="17"/>
      <c r="J35" s="17"/>
      <c r="K35" s="88" t="s">
        <v>147</v>
      </c>
      <c r="L35" s="59" t="s">
        <v>147</v>
      </c>
      <c r="M35" s="91" t="s">
        <v>147</v>
      </c>
      <c r="N35" s="63" t="s">
        <v>147</v>
      </c>
      <c r="O35" s="61" t="s">
        <v>147</v>
      </c>
      <c r="P35" s="74" t="s">
        <v>147</v>
      </c>
      <c r="Q35" s="11"/>
      <c r="R35" s="11"/>
      <c r="S35" s="11"/>
      <c r="T35" s="11"/>
      <c r="U35" s="11"/>
      <c r="V35" s="11"/>
    </row>
    <row r="36" spans="1:22" ht="17.100000000000001" customHeight="1">
      <c r="A36" s="276"/>
      <c r="B36" s="277"/>
      <c r="C36" s="278"/>
      <c r="D36" s="279"/>
      <c r="E36" s="280"/>
      <c r="F36" s="277"/>
      <c r="G36" s="277"/>
      <c r="H36" s="277"/>
      <c r="I36" s="17"/>
      <c r="J36" s="17"/>
      <c r="K36" s="88" t="s">
        <v>147</v>
      </c>
      <c r="L36" s="59" t="s">
        <v>147</v>
      </c>
      <c r="M36" s="91" t="s">
        <v>147</v>
      </c>
      <c r="N36" s="63" t="s">
        <v>147</v>
      </c>
      <c r="O36" s="61" t="s">
        <v>147</v>
      </c>
      <c r="P36" s="74" t="s">
        <v>147</v>
      </c>
      <c r="Q36" s="11"/>
      <c r="R36" s="11"/>
      <c r="S36" s="11"/>
      <c r="T36" s="11"/>
      <c r="U36" s="11"/>
      <c r="V36" s="11"/>
    </row>
    <row r="37" spans="1:22" ht="17.100000000000001" customHeight="1">
      <c r="A37" s="281" t="s">
        <v>131</v>
      </c>
      <c r="B37" s="266" t="s">
        <v>156</v>
      </c>
      <c r="C37" s="267"/>
      <c r="D37" s="267"/>
      <c r="E37" s="267"/>
      <c r="F37" s="267"/>
      <c r="G37" s="267"/>
      <c r="H37" s="268"/>
      <c r="I37" s="17"/>
      <c r="J37" s="17"/>
      <c r="K37" s="88" t="s">
        <v>147</v>
      </c>
      <c r="L37" s="59" t="s">
        <v>147</v>
      </c>
      <c r="M37" s="91" t="s">
        <v>147</v>
      </c>
      <c r="N37" s="63" t="s">
        <v>147</v>
      </c>
      <c r="O37" s="61" t="s">
        <v>147</v>
      </c>
      <c r="P37" s="74" t="s">
        <v>147</v>
      </c>
      <c r="Q37" s="11"/>
      <c r="R37" s="11"/>
      <c r="S37" s="11"/>
      <c r="T37" s="11"/>
      <c r="U37" s="11"/>
      <c r="V37" s="11"/>
    </row>
    <row r="38" spans="1:22" ht="17.100000000000001" customHeight="1">
      <c r="A38" s="282"/>
      <c r="B38" s="284"/>
      <c r="C38" s="285"/>
      <c r="D38" s="285"/>
      <c r="E38" s="285"/>
      <c r="F38" s="285"/>
      <c r="G38" s="285"/>
      <c r="H38" s="286"/>
      <c r="I38" s="17"/>
      <c r="J38" s="17"/>
      <c r="K38" s="88" t="s">
        <v>147</v>
      </c>
      <c r="L38" s="59" t="s">
        <v>147</v>
      </c>
      <c r="M38" s="91" t="s">
        <v>147</v>
      </c>
      <c r="N38" s="63" t="s">
        <v>147</v>
      </c>
      <c r="O38" s="61" t="s">
        <v>147</v>
      </c>
      <c r="P38" s="74" t="s">
        <v>147</v>
      </c>
      <c r="Q38" s="11"/>
      <c r="R38" s="11"/>
      <c r="S38" s="11"/>
      <c r="T38" s="11"/>
      <c r="U38" s="11"/>
      <c r="V38" s="11"/>
    </row>
    <row r="39" spans="1:22" ht="17.100000000000001" customHeight="1">
      <c r="A39" s="282"/>
      <c r="B39" s="284"/>
      <c r="C39" s="285"/>
      <c r="D39" s="285"/>
      <c r="E39" s="285"/>
      <c r="F39" s="285"/>
      <c r="G39" s="285"/>
      <c r="H39" s="286"/>
      <c r="I39" s="18"/>
      <c r="J39" s="18"/>
      <c r="K39" s="88" t="s">
        <v>147</v>
      </c>
      <c r="L39" s="59" t="s">
        <v>147</v>
      </c>
      <c r="M39" s="91" t="s">
        <v>147</v>
      </c>
      <c r="N39" s="63" t="s">
        <v>147</v>
      </c>
      <c r="O39" s="61" t="s">
        <v>147</v>
      </c>
      <c r="P39" s="74" t="s">
        <v>147</v>
      </c>
      <c r="Q39" s="11"/>
      <c r="R39" s="11"/>
      <c r="S39" s="11"/>
      <c r="T39" s="11"/>
      <c r="U39" s="11"/>
      <c r="V39" s="11"/>
    </row>
    <row r="40" spans="1:22" ht="17.100000000000001" customHeight="1">
      <c r="A40" s="282"/>
      <c r="B40" s="284"/>
      <c r="C40" s="285"/>
      <c r="D40" s="285"/>
      <c r="E40" s="285"/>
      <c r="F40" s="285"/>
      <c r="G40" s="285"/>
      <c r="H40" s="286"/>
      <c r="I40" s="17"/>
      <c r="J40" s="17"/>
      <c r="K40" s="88" t="s">
        <v>147</v>
      </c>
      <c r="L40" s="59" t="s">
        <v>147</v>
      </c>
      <c r="M40" s="91" t="s">
        <v>147</v>
      </c>
      <c r="N40" s="63" t="s">
        <v>147</v>
      </c>
      <c r="O40" s="61" t="s">
        <v>147</v>
      </c>
      <c r="P40" s="74" t="s">
        <v>147</v>
      </c>
      <c r="Q40" s="11"/>
      <c r="R40" s="11"/>
      <c r="S40" s="11"/>
      <c r="T40" s="11"/>
      <c r="U40" s="11"/>
      <c r="V40" s="11"/>
    </row>
    <row r="41" spans="1:22" ht="17.100000000000001" customHeight="1">
      <c r="A41" s="282"/>
      <c r="B41" s="284"/>
      <c r="C41" s="285"/>
      <c r="D41" s="285"/>
      <c r="E41" s="285"/>
      <c r="F41" s="285"/>
      <c r="G41" s="285"/>
      <c r="H41" s="286"/>
      <c r="I41" s="17"/>
      <c r="J41" s="17"/>
      <c r="K41" s="89" t="s">
        <v>147</v>
      </c>
      <c r="L41" s="66" t="s">
        <v>147</v>
      </c>
      <c r="M41" s="92" t="s">
        <v>147</v>
      </c>
      <c r="N41" s="67"/>
      <c r="O41" s="68" t="s">
        <v>147</v>
      </c>
      <c r="P41" s="76" t="s">
        <v>147</v>
      </c>
      <c r="Q41" s="11"/>
      <c r="R41" s="11"/>
      <c r="S41" s="11"/>
      <c r="T41" s="11"/>
      <c r="U41" s="11"/>
      <c r="V41" s="11"/>
    </row>
    <row r="42" spans="1:22" ht="17.100000000000001" customHeight="1">
      <c r="A42" s="283"/>
      <c r="B42" s="269"/>
      <c r="C42" s="270"/>
      <c r="D42" s="270"/>
      <c r="E42" s="270"/>
      <c r="F42" s="270"/>
      <c r="G42" s="270"/>
      <c r="H42" s="271"/>
      <c r="I42" s="17"/>
      <c r="J42" s="17"/>
      <c r="K42" s="287" t="s">
        <v>132</v>
      </c>
      <c r="L42" s="288"/>
      <c r="M42" s="289"/>
      <c r="N42" s="64">
        <f>SUM(N3:N41)</f>
        <v>153</v>
      </c>
      <c r="O42" s="64">
        <f>SUM(O3:O41)</f>
        <v>0</v>
      </c>
      <c r="P42" s="77">
        <f>O42/N42</f>
        <v>0</v>
      </c>
      <c r="Q42" s="11"/>
      <c r="R42" s="11"/>
      <c r="S42" s="11"/>
      <c r="T42" s="11"/>
      <c r="U42" s="11"/>
      <c r="V42" s="11"/>
    </row>
    <row r="43" spans="1:22" ht="5.0999999999999996" customHeight="1">
      <c r="A43" s="9"/>
      <c r="B43" s="9"/>
      <c r="C43" s="9"/>
      <c r="D43" s="9"/>
      <c r="E43" s="9"/>
      <c r="F43" s="9"/>
      <c r="G43" s="9"/>
      <c r="H43" s="9"/>
      <c r="I43" s="17"/>
      <c r="J43" s="17"/>
      <c r="K43" s="69"/>
      <c r="L43" s="69"/>
      <c r="M43" s="69"/>
      <c r="N43" s="62"/>
      <c r="O43" s="62"/>
      <c r="P43" s="70"/>
      <c r="Q43" s="11"/>
      <c r="R43" s="11"/>
      <c r="S43" s="11"/>
      <c r="T43" s="11"/>
      <c r="U43" s="11"/>
      <c r="V43" s="11"/>
    </row>
    <row r="44" spans="1:22" ht="17.100000000000001" customHeight="1">
      <c r="A44" s="262" t="s">
        <v>134</v>
      </c>
      <c r="B44" s="290"/>
      <c r="C44" s="290"/>
      <c r="D44" s="290"/>
      <c r="E44" s="290"/>
      <c r="F44" s="290"/>
      <c r="G44" s="290"/>
      <c r="H44" s="290"/>
      <c r="I44" s="17"/>
      <c r="J44" s="17"/>
      <c r="K44" s="291" t="s">
        <v>133</v>
      </c>
      <c r="L44" s="292"/>
      <c r="M44" s="293"/>
      <c r="N44" s="266" t="s">
        <v>157</v>
      </c>
      <c r="O44" s="267"/>
      <c r="P44" s="268"/>
      <c r="Q44" s="11"/>
      <c r="R44" s="11"/>
      <c r="S44" s="11"/>
      <c r="T44" s="11"/>
      <c r="U44" s="11"/>
      <c r="V44" s="11"/>
    </row>
    <row r="45" spans="1:22" ht="9" customHeight="1">
      <c r="I45" s="9"/>
      <c r="J45" s="9"/>
      <c r="K45" s="287"/>
      <c r="L45" s="288"/>
      <c r="M45" s="289"/>
      <c r="N45" s="269"/>
      <c r="O45" s="270"/>
      <c r="P45" s="271"/>
      <c r="Q45" s="11"/>
      <c r="R45" s="11"/>
      <c r="S45" s="11"/>
      <c r="T45" s="11"/>
      <c r="U45" s="11"/>
      <c r="V45" s="11"/>
    </row>
    <row r="46" spans="1:22" ht="17.399999999999999" customHeight="1">
      <c r="I46" s="9"/>
      <c r="J46" s="9"/>
      <c r="K46" s="11"/>
      <c r="L46" s="11"/>
      <c r="M46" s="11"/>
      <c r="N46" s="11"/>
      <c r="O46" s="11"/>
      <c r="P46" s="11"/>
    </row>
    <row r="47" spans="1:22" ht="17.399999999999999" customHeight="1">
      <c r="I47" s="9"/>
      <c r="J47" s="9"/>
      <c r="K47" s="11"/>
      <c r="L47" s="11"/>
      <c r="M47" s="11"/>
      <c r="N47" s="11"/>
      <c r="O47" s="11"/>
      <c r="P47" s="11"/>
    </row>
    <row r="48" spans="1:22" ht="17.399999999999999" customHeight="1">
      <c r="I48" s="9"/>
      <c r="J48" s="9"/>
      <c r="K48" s="11"/>
      <c r="L48" s="11"/>
      <c r="M48" s="11"/>
      <c r="N48" s="11"/>
      <c r="O48" s="11"/>
      <c r="P48" s="11"/>
    </row>
    <row r="49" spans="11:16" ht="17.399999999999999" customHeight="1">
      <c r="K49" s="11"/>
      <c r="L49" s="11"/>
      <c r="M49" s="11"/>
      <c r="N49" s="11"/>
      <c r="O49" s="11"/>
      <c r="P49" s="11"/>
    </row>
    <row r="50" spans="11:16" ht="17.399999999999999" customHeight="1">
      <c r="K50" s="11"/>
      <c r="L50" s="11"/>
      <c r="M50" s="11"/>
      <c r="N50" s="11"/>
      <c r="O50" s="11"/>
      <c r="P50" s="11"/>
    </row>
    <row r="51" spans="11:16" ht="18" customHeight="1">
      <c r="K51" s="11"/>
      <c r="L51" s="11"/>
      <c r="M51" s="11"/>
      <c r="N51" s="11"/>
      <c r="O51" s="11"/>
      <c r="P51" s="11"/>
    </row>
    <row r="52" spans="11:16">
      <c r="K52" s="11"/>
      <c r="L52" s="11"/>
      <c r="M52" s="11"/>
      <c r="N52" s="11"/>
      <c r="O52" s="11"/>
      <c r="P52" s="11"/>
    </row>
    <row r="53" spans="11:16">
      <c r="K53" s="11"/>
      <c r="L53" s="11"/>
      <c r="M53" s="11"/>
      <c r="N53" s="11"/>
      <c r="O53" s="11"/>
      <c r="P53" s="11"/>
    </row>
    <row r="54" spans="11:16">
      <c r="K54" s="11"/>
      <c r="L54" s="11"/>
      <c r="M54" s="11"/>
      <c r="N54" s="11"/>
      <c r="O54" s="11"/>
      <c r="P54" s="11"/>
    </row>
    <row r="55" spans="11:16">
      <c r="K55" s="11"/>
      <c r="L55" s="11"/>
      <c r="M55" s="11"/>
      <c r="N55" s="11"/>
      <c r="O55" s="11"/>
      <c r="P55" s="11"/>
    </row>
    <row r="56" spans="11:16">
      <c r="K56" s="11"/>
      <c r="L56" s="11"/>
      <c r="M56" s="11"/>
      <c r="N56" s="11"/>
      <c r="O56" s="11"/>
      <c r="P56" s="11"/>
    </row>
    <row r="57" spans="11:16">
      <c r="K57" s="11"/>
      <c r="L57" s="11"/>
      <c r="M57" s="11"/>
      <c r="N57" s="11"/>
      <c r="O57" s="11"/>
      <c r="P57" s="11"/>
    </row>
    <row r="58" spans="11:16">
      <c r="K58" s="11"/>
      <c r="L58" s="11"/>
      <c r="M58" s="11"/>
      <c r="N58" s="11"/>
      <c r="O58" s="11"/>
      <c r="P58" s="11"/>
    </row>
    <row r="59" spans="11:16">
      <c r="K59" s="11"/>
      <c r="L59" s="11"/>
      <c r="M59" s="11"/>
      <c r="N59" s="11"/>
      <c r="O59" s="11"/>
      <c r="P59" s="11"/>
    </row>
    <row r="60" spans="11:16">
      <c r="K60" s="11"/>
      <c r="L60" s="11"/>
      <c r="M60" s="11"/>
      <c r="N60" s="11"/>
      <c r="O60" s="11"/>
      <c r="P60" s="11"/>
    </row>
    <row r="61" spans="11:16">
      <c r="K61" s="11"/>
      <c r="L61" s="11"/>
      <c r="M61" s="11"/>
      <c r="N61" s="11"/>
      <c r="O61" s="11"/>
      <c r="P61" s="11"/>
    </row>
    <row r="62" spans="11:16">
      <c r="K62" s="11"/>
      <c r="L62" s="11"/>
      <c r="M62" s="11"/>
      <c r="N62" s="11"/>
      <c r="O62" s="11"/>
      <c r="P62" s="11"/>
    </row>
    <row r="63" spans="11:16">
      <c r="K63" s="11"/>
      <c r="L63" s="11"/>
      <c r="M63" s="11"/>
      <c r="N63" s="11"/>
      <c r="O63" s="11"/>
      <c r="P63" s="11"/>
    </row>
    <row r="64" spans="11:16">
      <c r="K64" s="11"/>
      <c r="L64" s="11"/>
      <c r="M64" s="11"/>
      <c r="N64" s="11"/>
      <c r="O64" s="11"/>
      <c r="P64" s="11"/>
    </row>
    <row r="65" spans="11:16">
      <c r="K65" s="11"/>
      <c r="L65" s="11"/>
      <c r="M65" s="11"/>
      <c r="N65" s="11"/>
      <c r="O65" s="11"/>
      <c r="P65" s="11"/>
    </row>
    <row r="66" spans="11:16">
      <c r="K66" s="11"/>
      <c r="L66" s="11"/>
      <c r="M66" s="11"/>
      <c r="N66" s="11"/>
      <c r="O66" s="11"/>
      <c r="P66" s="11"/>
    </row>
    <row r="67" spans="11:16">
      <c r="K67" s="11"/>
      <c r="L67" s="11"/>
      <c r="M67" s="11"/>
      <c r="N67" s="11"/>
      <c r="O67" s="11"/>
      <c r="P67" s="11"/>
    </row>
    <row r="68" spans="11:16">
      <c r="K68" s="11"/>
      <c r="L68" s="11"/>
      <c r="M68" s="11"/>
      <c r="N68" s="11"/>
      <c r="O68" s="11"/>
      <c r="P68" s="11"/>
    </row>
    <row r="69" spans="11:16">
      <c r="K69" s="11"/>
      <c r="L69" s="11"/>
      <c r="M69" s="11"/>
      <c r="N69" s="11"/>
      <c r="O69" s="11"/>
      <c r="P69" s="11"/>
    </row>
    <row r="70" spans="11:16">
      <c r="K70" s="11"/>
      <c r="L70" s="11"/>
      <c r="M70" s="11"/>
      <c r="N70" s="11"/>
      <c r="O70" s="11"/>
      <c r="P70" s="11"/>
    </row>
    <row r="71" spans="11:16">
      <c r="K71" s="11"/>
      <c r="L71" s="11"/>
      <c r="M71" s="11"/>
      <c r="N71" s="11"/>
      <c r="O71" s="11"/>
      <c r="P71" s="11"/>
    </row>
    <row r="72" spans="11:16">
      <c r="K72" s="11"/>
      <c r="L72" s="11"/>
      <c r="M72" s="11"/>
      <c r="N72" s="11"/>
      <c r="O72" s="11"/>
      <c r="P72" s="11"/>
    </row>
  </sheetData>
  <sheetProtection selectLockedCells="1"/>
  <mergeCells count="38">
    <mergeCell ref="N44:P45"/>
    <mergeCell ref="A33:A34"/>
    <mergeCell ref="B33:C34"/>
    <mergeCell ref="D33:D34"/>
    <mergeCell ref="E33:H34"/>
    <mergeCell ref="A35:A36"/>
    <mergeCell ref="B35:C36"/>
    <mergeCell ref="D35:D36"/>
    <mergeCell ref="E35:H36"/>
    <mergeCell ref="A37:A42"/>
    <mergeCell ref="B37:H42"/>
    <mergeCell ref="K42:M42"/>
    <mergeCell ref="A44:H44"/>
    <mergeCell ref="K44:M45"/>
    <mergeCell ref="C20:G20"/>
    <mergeCell ref="A23:H24"/>
    <mergeCell ref="A25:A29"/>
    <mergeCell ref="B25:H29"/>
    <mergeCell ref="A30:A32"/>
    <mergeCell ref="B30:H32"/>
    <mergeCell ref="A16:A17"/>
    <mergeCell ref="B16:I17"/>
    <mergeCell ref="A18:B18"/>
    <mergeCell ref="C18:F18"/>
    <mergeCell ref="A19:B19"/>
    <mergeCell ref="C19:F19"/>
    <mergeCell ref="A7:I7"/>
    <mergeCell ref="A8:H8"/>
    <mergeCell ref="A11:A15"/>
    <mergeCell ref="B11:G13"/>
    <mergeCell ref="H11:J15"/>
    <mergeCell ref="B14:G15"/>
    <mergeCell ref="A5:G5"/>
    <mergeCell ref="A1:G1"/>
    <mergeCell ref="H1:I1"/>
    <mergeCell ref="K1:M2"/>
    <mergeCell ref="P1:P2"/>
    <mergeCell ref="F3:H3"/>
  </mergeCells>
  <phoneticPr fontId="1"/>
  <pageMargins left="0.70866141732283472" right="0.70866141732283472" top="0.59055118110236227" bottom="0.31496062992125984" header="0.31496062992125984" footer="0.31496062992125984"/>
  <pageSetup paperSize="9" orientation="portrait" blackAndWhite="1" r:id="rId1"/>
  <colBreaks count="2" manualBreakCount="2">
    <brk id="10" max="44" man="1"/>
    <brk id="18" max="42"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
    <tabColor rgb="FFFF0000"/>
    <pageSetUpPr fitToPage="1"/>
  </sheetPr>
  <dimension ref="A1:AB30"/>
  <sheetViews>
    <sheetView view="pageBreakPreview" zoomScaleNormal="85" zoomScaleSheetLayoutView="100" workbookViewId="0">
      <selection activeCell="C9" sqref="C9:P9"/>
    </sheetView>
  </sheetViews>
  <sheetFormatPr defaultColWidth="9" defaultRowHeight="18"/>
  <cols>
    <col min="1" max="1" width="4.8984375" style="34" customWidth="1"/>
    <col min="2" max="2" width="19.59765625" style="34" customWidth="1"/>
    <col min="3" max="4" width="5.59765625" style="34" customWidth="1"/>
    <col min="5" max="10" width="3.59765625" style="34" customWidth="1"/>
    <col min="11" max="11" width="5.59765625" style="34" customWidth="1"/>
    <col min="12" max="16" width="3.59765625" style="34" customWidth="1"/>
    <col min="17" max="22" width="9" style="34"/>
    <col min="23" max="23" width="10.69921875" style="34" bestFit="1" customWidth="1"/>
    <col min="24" max="24" width="11.3984375" style="34" customWidth="1"/>
    <col min="25" max="25" width="10.69921875" style="34" customWidth="1"/>
    <col min="26" max="26" width="3.69921875" style="34" customWidth="1"/>
    <col min="27" max="27" width="11" style="34" customWidth="1"/>
    <col min="28" max="28" width="35.8984375" style="34" customWidth="1"/>
    <col min="29" max="29" width="9" style="34" customWidth="1"/>
    <col min="30" max="16384" width="9" style="34"/>
  </cols>
  <sheetData>
    <row r="1" spans="1:28" ht="18" customHeight="1">
      <c r="A1" s="34" t="s">
        <v>79</v>
      </c>
      <c r="W1" s="297" t="s">
        <v>100</v>
      </c>
      <c r="X1" s="298"/>
      <c r="Y1" s="299"/>
    </row>
    <row r="2" spans="1:28" ht="18.600000000000001" thickBot="1">
      <c r="A2" s="34" t="s">
        <v>80</v>
      </c>
      <c r="W2" s="300"/>
      <c r="X2" s="301"/>
      <c r="Y2" s="302"/>
    </row>
    <row r="3" spans="1:28">
      <c r="A3" s="34" t="s">
        <v>98</v>
      </c>
    </row>
    <row r="4" spans="1:28">
      <c r="A4" s="34" t="s">
        <v>95</v>
      </c>
      <c r="AB4" s="34" t="s">
        <v>46</v>
      </c>
    </row>
    <row r="5" spans="1:28">
      <c r="A5" s="34" t="s">
        <v>96</v>
      </c>
      <c r="AB5" s="101" t="s">
        <v>87</v>
      </c>
    </row>
    <row r="6" spans="1:28">
      <c r="A6" s="34" t="s">
        <v>97</v>
      </c>
      <c r="AB6" s="101" t="s">
        <v>47</v>
      </c>
    </row>
    <row r="7" spans="1:28">
      <c r="A7" s="34" t="s">
        <v>145</v>
      </c>
      <c r="AB7" s="101" t="s">
        <v>88</v>
      </c>
    </row>
    <row r="8" spans="1:28">
      <c r="B8" s="126"/>
      <c r="C8" s="303"/>
      <c r="D8" s="304"/>
      <c r="E8" s="304"/>
      <c r="F8" s="304"/>
      <c r="G8" s="304"/>
      <c r="H8" s="304"/>
      <c r="I8" s="304"/>
      <c r="J8" s="304"/>
      <c r="K8" s="304"/>
      <c r="L8" s="304"/>
      <c r="M8" s="304"/>
      <c r="N8" s="304"/>
      <c r="O8" s="304"/>
      <c r="P8" s="305"/>
      <c r="Q8" s="125"/>
      <c r="AB8" s="101" t="s">
        <v>89</v>
      </c>
    </row>
    <row r="9" spans="1:28">
      <c r="B9" s="35" t="s">
        <v>33</v>
      </c>
      <c r="C9" s="310" t="s">
        <v>87</v>
      </c>
      <c r="D9" s="310"/>
      <c r="E9" s="310"/>
      <c r="F9" s="310"/>
      <c r="G9" s="310"/>
      <c r="H9" s="310"/>
      <c r="I9" s="310"/>
      <c r="J9" s="310"/>
      <c r="K9" s="310"/>
      <c r="L9" s="310"/>
      <c r="M9" s="310"/>
      <c r="N9" s="310"/>
      <c r="O9" s="310"/>
      <c r="P9" s="310"/>
      <c r="AB9" s="101" t="s">
        <v>90</v>
      </c>
    </row>
    <row r="10" spans="1:28" ht="39.9" customHeight="1">
      <c r="B10" s="35" t="s">
        <v>68</v>
      </c>
      <c r="C10" s="309" t="s">
        <v>101</v>
      </c>
      <c r="D10" s="309"/>
      <c r="E10" s="309"/>
      <c r="F10" s="309"/>
      <c r="G10" s="309"/>
      <c r="H10" s="309"/>
      <c r="I10" s="309"/>
      <c r="J10" s="309"/>
      <c r="K10" s="309"/>
      <c r="L10" s="309"/>
      <c r="M10" s="309"/>
      <c r="N10" s="309"/>
      <c r="O10" s="309"/>
      <c r="P10" s="309"/>
      <c r="AB10" s="101" t="s">
        <v>83</v>
      </c>
    </row>
    <row r="11" spans="1:28" ht="39.9" customHeight="1">
      <c r="B11" s="35" t="s">
        <v>69</v>
      </c>
      <c r="C11" s="311" t="s">
        <v>81</v>
      </c>
      <c r="D11" s="312"/>
      <c r="E11" s="312"/>
      <c r="F11" s="312"/>
      <c r="G11" s="312"/>
      <c r="H11" s="312"/>
      <c r="I11" s="312"/>
      <c r="J11" s="312"/>
      <c r="K11" s="312"/>
      <c r="L11" s="312"/>
      <c r="M11" s="312"/>
      <c r="N11" s="312"/>
      <c r="O11" s="312"/>
      <c r="P11" s="313"/>
      <c r="AB11" s="101" t="s">
        <v>86</v>
      </c>
    </row>
    <row r="12" spans="1:28" ht="39" customHeight="1">
      <c r="B12" s="35" t="s">
        <v>34</v>
      </c>
      <c r="C12" s="309" t="s">
        <v>72</v>
      </c>
      <c r="D12" s="309"/>
      <c r="E12" s="309"/>
      <c r="F12" s="309"/>
      <c r="G12" s="309"/>
      <c r="H12" s="309"/>
      <c r="I12" s="309"/>
      <c r="J12" s="309"/>
      <c r="K12" s="309"/>
      <c r="L12" s="309"/>
      <c r="M12" s="309"/>
      <c r="N12" s="309"/>
      <c r="O12" s="309"/>
      <c r="P12" s="309"/>
      <c r="AB12" s="101" t="s">
        <v>48</v>
      </c>
    </row>
    <row r="13" spans="1:28">
      <c r="B13" s="35" t="s">
        <v>29</v>
      </c>
      <c r="C13" s="310" t="s">
        <v>102</v>
      </c>
      <c r="D13" s="310"/>
      <c r="E13" s="310"/>
      <c r="F13" s="310"/>
      <c r="G13" s="310"/>
      <c r="H13" s="310"/>
      <c r="I13" s="310"/>
      <c r="J13" s="310"/>
      <c r="K13" s="310"/>
      <c r="L13" s="310"/>
      <c r="M13" s="310"/>
      <c r="N13" s="310"/>
      <c r="O13" s="310"/>
      <c r="P13" s="310"/>
      <c r="AB13" s="101" t="s">
        <v>84</v>
      </c>
    </row>
    <row r="14" spans="1:28">
      <c r="B14" s="35" t="s">
        <v>35</v>
      </c>
      <c r="C14" s="310" t="s">
        <v>103</v>
      </c>
      <c r="D14" s="310"/>
      <c r="E14" s="310"/>
      <c r="F14" s="310"/>
      <c r="G14" s="310"/>
      <c r="H14" s="310"/>
      <c r="I14" s="310"/>
      <c r="J14" s="310"/>
      <c r="K14" s="310"/>
      <c r="L14" s="310"/>
      <c r="M14" s="310"/>
      <c r="N14" s="310"/>
      <c r="O14" s="310"/>
      <c r="P14" s="310"/>
      <c r="AB14" s="101" t="s">
        <v>49</v>
      </c>
    </row>
    <row r="15" spans="1:28">
      <c r="B15" s="35" t="s">
        <v>36</v>
      </c>
      <c r="C15" s="310" t="s">
        <v>82</v>
      </c>
      <c r="D15" s="310"/>
      <c r="E15" s="310"/>
      <c r="F15" s="310"/>
      <c r="G15" s="310"/>
      <c r="H15" s="310"/>
      <c r="I15" s="310"/>
      <c r="J15" s="310"/>
      <c r="K15" s="310"/>
      <c r="L15" s="310"/>
      <c r="M15" s="310"/>
      <c r="N15" s="310"/>
      <c r="O15" s="310"/>
      <c r="P15" s="310"/>
      <c r="AB15" s="101" t="s">
        <v>85</v>
      </c>
    </row>
    <row r="16" spans="1:28">
      <c r="B16" s="294"/>
      <c r="C16" s="294"/>
      <c r="D16" s="294"/>
      <c r="E16" s="294"/>
      <c r="F16" s="294"/>
      <c r="G16" s="294"/>
      <c r="H16" s="294"/>
      <c r="I16" s="294"/>
      <c r="J16" s="294"/>
      <c r="K16" s="294"/>
      <c r="L16" s="294"/>
      <c r="M16" s="294"/>
      <c r="N16" s="294"/>
      <c r="O16" s="294"/>
      <c r="P16" s="294"/>
      <c r="AB16" s="101" t="s">
        <v>50</v>
      </c>
    </row>
    <row r="17" spans="2:28" ht="99.9" customHeight="1">
      <c r="B17" s="35" t="s">
        <v>28</v>
      </c>
      <c r="C17" s="309" t="s">
        <v>91</v>
      </c>
      <c r="D17" s="309"/>
      <c r="E17" s="309"/>
      <c r="F17" s="309"/>
      <c r="G17" s="309"/>
      <c r="H17" s="309"/>
      <c r="I17" s="309"/>
      <c r="J17" s="309"/>
      <c r="K17" s="309"/>
      <c r="L17" s="309"/>
      <c r="M17" s="309"/>
      <c r="N17" s="309"/>
      <c r="O17" s="309"/>
      <c r="P17" s="309"/>
      <c r="AB17" s="101" t="s">
        <v>51</v>
      </c>
    </row>
    <row r="18" spans="2:28" ht="50.1" customHeight="1">
      <c r="B18" s="35" t="s">
        <v>65</v>
      </c>
      <c r="C18" s="309" t="s">
        <v>75</v>
      </c>
      <c r="D18" s="309"/>
      <c r="E18" s="309"/>
      <c r="F18" s="309"/>
      <c r="G18" s="309"/>
      <c r="H18" s="309"/>
      <c r="I18" s="309"/>
      <c r="J18" s="309"/>
      <c r="K18" s="309"/>
      <c r="L18" s="309"/>
      <c r="M18" s="309"/>
      <c r="N18" s="309"/>
      <c r="O18" s="309"/>
      <c r="P18" s="309"/>
    </row>
    <row r="19" spans="2:28">
      <c r="B19" s="35" t="s">
        <v>37</v>
      </c>
      <c r="C19" s="37" t="s">
        <v>39</v>
      </c>
      <c r="D19" s="47">
        <v>2025</v>
      </c>
      <c r="E19" s="38" t="s">
        <v>40</v>
      </c>
      <c r="F19" s="47">
        <v>4</v>
      </c>
      <c r="G19" s="38" t="s">
        <v>41</v>
      </c>
      <c r="H19" s="47">
        <v>1</v>
      </c>
      <c r="I19" s="38" t="s">
        <v>42</v>
      </c>
      <c r="J19" s="38" t="s">
        <v>31</v>
      </c>
      <c r="K19" s="47">
        <v>2025</v>
      </c>
      <c r="L19" s="38" t="s">
        <v>40</v>
      </c>
      <c r="M19" s="47">
        <v>8</v>
      </c>
      <c r="N19" s="38" t="s">
        <v>41</v>
      </c>
      <c r="O19" s="47">
        <v>31</v>
      </c>
      <c r="P19" s="36" t="s">
        <v>42</v>
      </c>
    </row>
    <row r="20" spans="2:28">
      <c r="B20" s="35" t="s">
        <v>38</v>
      </c>
      <c r="C20" s="37" t="s">
        <v>39</v>
      </c>
      <c r="D20" s="47">
        <v>2025</v>
      </c>
      <c r="E20" s="38" t="s">
        <v>40</v>
      </c>
      <c r="F20" s="47">
        <v>4</v>
      </c>
      <c r="G20" s="38" t="s">
        <v>41</v>
      </c>
      <c r="H20" s="47">
        <v>1</v>
      </c>
      <c r="I20" s="38" t="s">
        <v>42</v>
      </c>
      <c r="J20" s="38" t="s">
        <v>31</v>
      </c>
      <c r="K20" s="47">
        <v>2025</v>
      </c>
      <c r="L20" s="38" t="s">
        <v>40</v>
      </c>
      <c r="M20" s="47">
        <v>8</v>
      </c>
      <c r="N20" s="38" t="s">
        <v>41</v>
      </c>
      <c r="O20" s="47">
        <v>31</v>
      </c>
      <c r="P20" s="36" t="s">
        <v>42</v>
      </c>
    </row>
    <row r="21" spans="2:28">
      <c r="B21" s="306"/>
      <c r="C21" s="307"/>
      <c r="D21" s="307"/>
      <c r="E21" s="307"/>
      <c r="F21" s="307"/>
      <c r="G21" s="307"/>
      <c r="H21" s="307"/>
      <c r="I21" s="307"/>
      <c r="J21" s="307"/>
      <c r="K21" s="307"/>
      <c r="L21" s="307"/>
      <c r="M21" s="307"/>
      <c r="N21" s="307"/>
      <c r="O21" s="307"/>
      <c r="P21" s="308"/>
    </row>
    <row r="22" spans="2:28">
      <c r="B22" s="294" t="s">
        <v>54</v>
      </c>
      <c r="C22" s="294" t="s">
        <v>76</v>
      </c>
      <c r="D22" s="294"/>
      <c r="E22" s="294"/>
      <c r="F22" s="294"/>
      <c r="G22" s="294"/>
      <c r="H22" s="294"/>
      <c r="I22" s="295" t="s">
        <v>39</v>
      </c>
      <c r="J22" s="296"/>
      <c r="K22" s="47"/>
      <c r="L22" s="38" t="s">
        <v>40</v>
      </c>
      <c r="M22" s="47"/>
      <c r="N22" s="38" t="s">
        <v>41</v>
      </c>
      <c r="O22" s="47"/>
      <c r="P22" s="36" t="s">
        <v>42</v>
      </c>
    </row>
    <row r="23" spans="2:28">
      <c r="B23" s="294"/>
      <c r="C23" s="294" t="s">
        <v>77</v>
      </c>
      <c r="D23" s="294"/>
      <c r="E23" s="294"/>
      <c r="F23" s="294"/>
      <c r="G23" s="294"/>
      <c r="H23" s="294"/>
      <c r="I23" s="295" t="s">
        <v>39</v>
      </c>
      <c r="J23" s="296"/>
      <c r="K23" s="47"/>
      <c r="L23" s="38" t="s">
        <v>40</v>
      </c>
      <c r="M23" s="47"/>
      <c r="N23" s="38" t="s">
        <v>41</v>
      </c>
      <c r="O23" s="47"/>
      <c r="P23" s="36" t="s">
        <v>42</v>
      </c>
    </row>
    <row r="24" spans="2:28">
      <c r="B24" s="294"/>
      <c r="C24" s="294" t="s">
        <v>78</v>
      </c>
      <c r="D24" s="294"/>
      <c r="E24" s="294"/>
      <c r="F24" s="294"/>
      <c r="G24" s="294"/>
      <c r="H24" s="294"/>
      <c r="I24" s="295" t="s">
        <v>39</v>
      </c>
      <c r="J24" s="296"/>
      <c r="K24" s="47"/>
      <c r="L24" s="38" t="s">
        <v>40</v>
      </c>
      <c r="M24" s="47"/>
      <c r="N24" s="38" t="s">
        <v>41</v>
      </c>
      <c r="O24" s="47"/>
      <c r="P24" s="36" t="s">
        <v>42</v>
      </c>
    </row>
    <row r="25" spans="2:28">
      <c r="B25" s="294" t="s">
        <v>55</v>
      </c>
      <c r="C25" s="294" t="s">
        <v>76</v>
      </c>
      <c r="D25" s="294"/>
      <c r="E25" s="294"/>
      <c r="F25" s="294"/>
      <c r="G25" s="294"/>
      <c r="H25" s="294"/>
      <c r="I25" s="295" t="s">
        <v>39</v>
      </c>
      <c r="J25" s="296"/>
      <c r="K25" s="47"/>
      <c r="L25" s="38" t="s">
        <v>40</v>
      </c>
      <c r="M25" s="47"/>
      <c r="N25" s="38" t="s">
        <v>41</v>
      </c>
      <c r="O25" s="47"/>
      <c r="P25" s="36" t="s">
        <v>42</v>
      </c>
    </row>
    <row r="26" spans="2:28">
      <c r="B26" s="294"/>
      <c r="C26" s="294" t="s">
        <v>77</v>
      </c>
      <c r="D26" s="294"/>
      <c r="E26" s="294"/>
      <c r="F26" s="294"/>
      <c r="G26" s="294"/>
      <c r="H26" s="294"/>
      <c r="I26" s="295" t="s">
        <v>39</v>
      </c>
      <c r="J26" s="296"/>
      <c r="K26" s="47"/>
      <c r="L26" s="38" t="s">
        <v>40</v>
      </c>
      <c r="M26" s="47"/>
      <c r="N26" s="38" t="s">
        <v>41</v>
      </c>
      <c r="O26" s="47"/>
      <c r="P26" s="36" t="s">
        <v>42</v>
      </c>
    </row>
    <row r="27" spans="2:28">
      <c r="B27" s="294"/>
      <c r="C27" s="294" t="s">
        <v>78</v>
      </c>
      <c r="D27" s="294"/>
      <c r="E27" s="294"/>
      <c r="F27" s="294"/>
      <c r="G27" s="294"/>
      <c r="H27" s="294"/>
      <c r="I27" s="295" t="s">
        <v>39</v>
      </c>
      <c r="J27" s="296"/>
      <c r="K27" s="47"/>
      <c r="L27" s="38" t="s">
        <v>40</v>
      </c>
      <c r="M27" s="47"/>
      <c r="N27" s="38" t="s">
        <v>41</v>
      </c>
      <c r="O27" s="47"/>
      <c r="P27" s="36" t="s">
        <v>42</v>
      </c>
    </row>
    <row r="28" spans="2:28">
      <c r="B28" s="294" t="s">
        <v>56</v>
      </c>
      <c r="C28" s="294" t="s">
        <v>76</v>
      </c>
      <c r="D28" s="294"/>
      <c r="E28" s="294"/>
      <c r="F28" s="294"/>
      <c r="G28" s="294"/>
      <c r="H28" s="294"/>
      <c r="I28" s="295" t="s">
        <v>39</v>
      </c>
      <c r="J28" s="296"/>
      <c r="K28" s="47"/>
      <c r="L28" s="38" t="s">
        <v>40</v>
      </c>
      <c r="M28" s="47"/>
      <c r="N28" s="38" t="s">
        <v>41</v>
      </c>
      <c r="O28" s="47"/>
      <c r="P28" s="36" t="s">
        <v>42</v>
      </c>
    </row>
    <row r="29" spans="2:28">
      <c r="B29" s="294"/>
      <c r="C29" s="294" t="s">
        <v>77</v>
      </c>
      <c r="D29" s="294"/>
      <c r="E29" s="294"/>
      <c r="F29" s="294"/>
      <c r="G29" s="294"/>
      <c r="H29" s="294"/>
      <c r="I29" s="295" t="s">
        <v>39</v>
      </c>
      <c r="J29" s="296"/>
      <c r="K29" s="47"/>
      <c r="L29" s="38" t="s">
        <v>40</v>
      </c>
      <c r="M29" s="47"/>
      <c r="N29" s="38" t="s">
        <v>41</v>
      </c>
      <c r="O29" s="47"/>
      <c r="P29" s="36" t="s">
        <v>42</v>
      </c>
    </row>
    <row r="30" spans="2:28">
      <c r="B30" s="294"/>
      <c r="C30" s="294" t="s">
        <v>78</v>
      </c>
      <c r="D30" s="294"/>
      <c r="E30" s="294"/>
      <c r="F30" s="294"/>
      <c r="G30" s="294"/>
      <c r="H30" s="294"/>
      <c r="I30" s="295" t="s">
        <v>39</v>
      </c>
      <c r="J30" s="296"/>
      <c r="K30" s="47"/>
      <c r="L30" s="38" t="s">
        <v>40</v>
      </c>
      <c r="M30" s="47"/>
      <c r="N30" s="38" t="s">
        <v>41</v>
      </c>
      <c r="O30" s="47"/>
      <c r="P30" s="36" t="s">
        <v>42</v>
      </c>
    </row>
  </sheetData>
  <sheetProtection algorithmName="SHA-512" hashValue="WpPzKAuKnyJ2Pifx34PToh1dnGvNA5dinW0s9WBY2+5iBQ9e6FIeqrnrKyjJw9rAxDczyjrQkXU3c8ocQwGpyw==" saltValue="l9SmB0Y7pE4mMmTl7fSyoA==" spinCount="100000" sheet="1" selectLockedCells="1"/>
  <mergeCells count="34">
    <mergeCell ref="W1:Y2"/>
    <mergeCell ref="C8:P8"/>
    <mergeCell ref="B21:P21"/>
    <mergeCell ref="C12:P12"/>
    <mergeCell ref="C10:P10"/>
    <mergeCell ref="C9:P9"/>
    <mergeCell ref="C18:P18"/>
    <mergeCell ref="C17:P17"/>
    <mergeCell ref="C15:P15"/>
    <mergeCell ref="C14:P14"/>
    <mergeCell ref="C13:P13"/>
    <mergeCell ref="B16:P16"/>
    <mergeCell ref="C11:P11"/>
    <mergeCell ref="B22:B24"/>
    <mergeCell ref="B25:B27"/>
    <mergeCell ref="C25:H25"/>
    <mergeCell ref="I25:J25"/>
    <mergeCell ref="C26:H26"/>
    <mergeCell ref="I26:J26"/>
    <mergeCell ref="C27:H27"/>
    <mergeCell ref="I27:J27"/>
    <mergeCell ref="I22:J22"/>
    <mergeCell ref="I23:J23"/>
    <mergeCell ref="I24:J24"/>
    <mergeCell ref="C22:H22"/>
    <mergeCell ref="C23:H23"/>
    <mergeCell ref="C24:H24"/>
    <mergeCell ref="B28:B30"/>
    <mergeCell ref="C28:H28"/>
    <mergeCell ref="I28:J28"/>
    <mergeCell ref="C29:H29"/>
    <mergeCell ref="I29:J29"/>
    <mergeCell ref="C30:H30"/>
    <mergeCell ref="I30:J30"/>
  </mergeCells>
  <phoneticPr fontId="1"/>
  <dataValidations count="4">
    <dataValidation type="textLength" operator="equal" allowBlank="1" showInputMessage="1" showErrorMessage="1" error="西暦で入力してください。" sqref="D19:D20 K19:K20 K22:K30" xr:uid="{00000000-0002-0000-0200-000000000000}">
      <formula1>4</formula1>
    </dataValidation>
    <dataValidation type="whole" allowBlank="1" showInputMessage="1" showErrorMessage="1" error="１～12の数字を入力してください。" sqref="M22:M30 M19:M20 F19:F20" xr:uid="{00000000-0002-0000-0200-000001000000}">
      <formula1>1</formula1>
      <formula2>12</formula2>
    </dataValidation>
    <dataValidation type="whole" allowBlank="1" showInputMessage="1" showErrorMessage="1" error="1～31の数字を入力してください。" sqref="H19:H20 O19:O20 O22:O30" xr:uid="{00000000-0002-0000-0200-000002000000}">
      <formula1>1</formula1>
      <formula2>31</formula2>
    </dataValidation>
    <dataValidation type="list" allowBlank="1" showInputMessage="1" showErrorMessage="1" sqref="C9:P9" xr:uid="{00000000-0002-0000-0200-000003000000}">
      <formula1>$AB$5:$AB$18</formula1>
    </dataValidation>
  </dataValidations>
  <pageMargins left="0.7" right="0.7" top="0.75" bottom="0.75" header="0.3" footer="0.3"/>
  <pageSetup paperSize="9" scale="62" fitToWidth="0"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SM76"/>
  <sheetViews>
    <sheetView view="pageBreakPreview" zoomScaleNormal="70" zoomScaleSheetLayoutView="100" workbookViewId="0">
      <selection activeCell="A56" sqref="A56:XFD76"/>
    </sheetView>
  </sheetViews>
  <sheetFormatPr defaultRowHeight="18"/>
  <cols>
    <col min="1" max="1" width="1.59765625" style="11" customWidth="1"/>
    <col min="2" max="2" width="5.3984375" style="14" customWidth="1"/>
    <col min="3" max="3" width="8.59765625" style="22" customWidth="1"/>
    <col min="4" max="4" width="5.59765625" style="14" hidden="1" customWidth="1"/>
    <col min="5" max="5" width="5.59765625" style="14" customWidth="1"/>
    <col min="6" max="6" width="5.59765625" style="14" hidden="1" customWidth="1"/>
    <col min="7" max="7" width="5.59765625" style="14" customWidth="1"/>
    <col min="8" max="8" width="19.59765625" style="11" customWidth="1"/>
    <col min="9" max="9" width="6.59765625" style="11" customWidth="1"/>
    <col min="10" max="10" width="1.59765625" style="11" customWidth="1"/>
    <col min="11" max="12" width="12.59765625" style="9" customWidth="1"/>
    <col min="13" max="14" width="1.59765625" style="11" customWidth="1"/>
    <col min="15" max="15" width="5.3984375" style="14" customWidth="1"/>
    <col min="16" max="16" width="8.59765625" style="22" customWidth="1"/>
    <col min="17" max="17" width="5.59765625" style="14" hidden="1" customWidth="1"/>
    <col min="18" max="18" width="5.59765625" style="14" customWidth="1"/>
    <col min="19" max="19" width="5.59765625" style="14" hidden="1" customWidth="1"/>
    <col min="20" max="20" width="5.59765625" style="14" customWidth="1"/>
    <col min="21" max="21" width="19.59765625" style="11" customWidth="1"/>
    <col min="22" max="22" width="6.59765625" style="11" customWidth="1"/>
    <col min="23" max="23" width="1.59765625" style="11" customWidth="1"/>
    <col min="24" max="25" width="12.59765625" style="9" customWidth="1"/>
    <col min="26" max="27" width="1.59765625" style="11" customWidth="1"/>
    <col min="28" max="28" width="5.3984375" style="14" customWidth="1"/>
    <col min="29" max="29" width="8.59765625" style="22" customWidth="1"/>
    <col min="30" max="30" width="5.59765625" style="14" hidden="1" customWidth="1"/>
    <col min="31" max="31" width="5.59765625" style="14" customWidth="1"/>
    <col min="32" max="32" width="5.59765625" style="14" hidden="1" customWidth="1"/>
    <col min="33" max="33" width="5.59765625" style="14" customWidth="1"/>
    <col min="34" max="34" width="19.59765625" style="11" customWidth="1"/>
    <col min="35" max="35" width="6.59765625" style="11" customWidth="1"/>
    <col min="36" max="36" width="1.59765625" style="11" customWidth="1"/>
    <col min="37" max="38" width="12.59765625" style="11" customWidth="1"/>
    <col min="39" max="40" width="1.59765625" style="11" customWidth="1"/>
    <col min="41" max="41" width="5.3984375" style="14" customWidth="1"/>
    <col min="42" max="42" width="9.69921875" style="22" bestFit="1" customWidth="1"/>
    <col min="43" max="43" width="5.69921875" style="14" hidden="1" customWidth="1"/>
    <col min="44" max="44" width="5.59765625" style="14" customWidth="1"/>
    <col min="45" max="45" width="5.59765625" style="14" hidden="1" customWidth="1"/>
    <col min="46" max="46" width="5.59765625" style="14" customWidth="1"/>
    <col min="47" max="47" width="19.59765625" style="11" customWidth="1"/>
    <col min="48" max="48" width="6.59765625" style="11" customWidth="1"/>
    <col min="49" max="49" width="1.59765625" style="11" customWidth="1"/>
    <col min="50" max="51" width="12.59765625" style="11" customWidth="1"/>
    <col min="52" max="53" width="1.59765625" style="11" customWidth="1"/>
    <col min="54" max="54" width="5.3984375" style="14" customWidth="1"/>
    <col min="55" max="55" width="9.69921875" style="22" bestFit="1" customWidth="1"/>
    <col min="56" max="56" width="5.59765625" style="14" hidden="1" customWidth="1"/>
    <col min="57" max="57" width="5.59765625" style="14" customWidth="1"/>
    <col min="58" max="58" width="5.59765625" style="14" hidden="1" customWidth="1"/>
    <col min="59" max="59" width="5.59765625" style="14" customWidth="1"/>
    <col min="60" max="60" width="19.59765625" style="11" customWidth="1"/>
    <col min="61" max="61" width="6.59765625" style="11" customWidth="1"/>
    <col min="62" max="62" width="1.59765625" style="11" customWidth="1"/>
    <col min="63" max="64" width="12.59765625" style="11" customWidth="1"/>
    <col min="65" max="66" width="1.59765625" style="11" customWidth="1"/>
    <col min="67" max="67" width="5.3984375" style="14" customWidth="1"/>
    <col min="68" max="68" width="9.69921875" style="22" bestFit="1" customWidth="1"/>
    <col min="69" max="69" width="5.69921875" style="14" hidden="1" customWidth="1"/>
    <col min="70" max="70" width="5.59765625" style="14" customWidth="1"/>
    <col min="71" max="71" width="5.59765625" style="14" hidden="1" customWidth="1"/>
    <col min="72" max="72" width="5.59765625" style="14" customWidth="1"/>
    <col min="73" max="73" width="19.59765625" style="11" customWidth="1"/>
    <col min="74" max="74" width="6.59765625" style="11" customWidth="1"/>
    <col min="75" max="75" width="1.59765625" style="11" customWidth="1"/>
    <col min="76" max="77" width="12.59765625" style="11" customWidth="1"/>
    <col min="78" max="79" width="1.59765625" style="11" customWidth="1"/>
    <col min="80" max="80" width="5.3984375" style="14" customWidth="1"/>
    <col min="81" max="81" width="8.59765625" style="22" customWidth="1"/>
    <col min="82" max="82" width="5.59765625" style="14" hidden="1" customWidth="1"/>
    <col min="83" max="83" width="5.59765625" style="14" customWidth="1"/>
    <col min="84" max="84" width="5.59765625" style="14" hidden="1" customWidth="1"/>
    <col min="85" max="85" width="5.59765625" style="14" customWidth="1"/>
    <col min="86" max="86" width="19.59765625" style="11" customWidth="1"/>
    <col min="87" max="87" width="6.59765625" style="11" customWidth="1"/>
    <col min="88" max="88" width="1.59765625" style="11" customWidth="1"/>
    <col min="89" max="90" width="12.59765625" style="11" customWidth="1"/>
    <col min="91" max="92" width="1.59765625" style="11" customWidth="1"/>
    <col min="93" max="93" width="5.3984375" style="14" customWidth="1"/>
    <col min="94" max="94" width="8.59765625" style="22" customWidth="1"/>
    <col min="95" max="95" width="5.59765625" style="14" hidden="1" customWidth="1"/>
    <col min="96" max="96" width="5.59765625" style="14" customWidth="1"/>
    <col min="97" max="97" width="5.59765625" style="14" hidden="1" customWidth="1"/>
    <col min="98" max="98" width="5.59765625" style="14" customWidth="1"/>
    <col min="99" max="99" width="19.59765625" style="11" customWidth="1"/>
    <col min="100" max="100" width="6.59765625" style="11" customWidth="1"/>
    <col min="101" max="101" width="1.59765625" style="11" customWidth="1"/>
    <col min="102" max="103" width="12.59765625" style="11" customWidth="1"/>
    <col min="104" max="105" width="1.59765625" style="11" customWidth="1"/>
    <col min="106" max="106" width="5.3984375" style="14" customWidth="1"/>
    <col min="107" max="107" width="8.59765625" style="22" customWidth="1"/>
    <col min="108" max="108" width="5.59765625" style="14" hidden="1" customWidth="1"/>
    <col min="109" max="109" width="5.59765625" style="14" customWidth="1"/>
    <col min="110" max="110" width="5.59765625" style="14" hidden="1" customWidth="1"/>
    <col min="111" max="111" width="5.59765625" style="14" customWidth="1"/>
    <col min="112" max="112" width="19.59765625" style="11" customWidth="1"/>
    <col min="113" max="113" width="6.59765625" style="11" customWidth="1"/>
    <col min="114" max="114" width="1.59765625" style="11" customWidth="1"/>
    <col min="115" max="116" width="12.59765625" style="11" customWidth="1"/>
    <col min="117" max="118" width="1.59765625" style="11" customWidth="1"/>
    <col min="119" max="119" width="5.3984375" style="14" customWidth="1"/>
    <col min="120" max="120" width="8.59765625" style="22" customWidth="1"/>
    <col min="121" max="121" width="5.59765625" style="14" hidden="1" customWidth="1"/>
    <col min="122" max="122" width="5.59765625" style="14" customWidth="1"/>
    <col min="123" max="123" width="5.59765625" style="14" hidden="1" customWidth="1"/>
    <col min="124" max="124" width="5.59765625" style="14" customWidth="1"/>
    <col min="125" max="125" width="19.59765625" style="11" customWidth="1"/>
    <col min="126" max="126" width="6.59765625" style="11" customWidth="1"/>
    <col min="127" max="127" width="1.59765625" style="11" customWidth="1"/>
    <col min="128" max="129" width="12.59765625" style="11" customWidth="1"/>
    <col min="130" max="131" width="1.59765625" style="11" customWidth="1"/>
    <col min="132" max="132" width="5.3984375" style="14" customWidth="1"/>
    <col min="133" max="133" width="8.59765625" style="22" customWidth="1"/>
    <col min="134" max="134" width="5.59765625" style="14" hidden="1" customWidth="1"/>
    <col min="135" max="135" width="5.59765625" style="14" customWidth="1"/>
    <col min="136" max="136" width="5.59765625" style="14" hidden="1" customWidth="1"/>
    <col min="137" max="137" width="5.59765625" style="14" customWidth="1"/>
    <col min="138" max="138" width="19.59765625" style="11" customWidth="1"/>
    <col min="139" max="139" width="6.59765625" style="11" customWidth="1"/>
    <col min="140" max="140" width="1.59765625" style="11" customWidth="1"/>
    <col min="141" max="142" width="12.59765625" style="11" customWidth="1"/>
    <col min="143" max="144" width="1.59765625" style="11" customWidth="1"/>
    <col min="145" max="145" width="5.3984375" style="14" customWidth="1"/>
    <col min="146" max="146" width="8.59765625" style="22" customWidth="1"/>
    <col min="147" max="147" width="5.59765625" style="14" hidden="1" customWidth="1"/>
    <col min="148" max="148" width="5.59765625" style="14" customWidth="1"/>
    <col min="149" max="149" width="5.59765625" style="14" hidden="1" customWidth="1"/>
    <col min="150" max="150" width="5.59765625" style="14" customWidth="1"/>
    <col min="151" max="151" width="19.59765625" style="11" customWidth="1"/>
    <col min="152" max="152" width="6.59765625" style="11" customWidth="1"/>
    <col min="153" max="153" width="1.59765625" style="11" customWidth="1"/>
    <col min="154" max="155" width="12.59765625" style="11" customWidth="1"/>
    <col min="156" max="157" width="1.59765625" style="11" customWidth="1"/>
    <col min="158" max="158" width="5.3984375" style="14" customWidth="1"/>
    <col min="159" max="159" width="8.59765625" style="22" customWidth="1"/>
    <col min="160" max="160" width="5.59765625" style="14" hidden="1" customWidth="1"/>
    <col min="161" max="161" width="5.59765625" style="14" customWidth="1"/>
    <col min="162" max="162" width="5.59765625" style="14" hidden="1" customWidth="1"/>
    <col min="163" max="163" width="5.59765625" style="14" customWidth="1"/>
    <col min="164" max="164" width="19.59765625" style="11" customWidth="1"/>
    <col min="165" max="165" width="6.59765625" style="11" customWidth="1"/>
    <col min="166" max="166" width="1.59765625" style="11" customWidth="1"/>
    <col min="167" max="168" width="12.59765625" style="11" customWidth="1"/>
    <col min="169" max="170" width="1.59765625" style="11" customWidth="1"/>
    <col min="171" max="171" width="5.3984375" style="14" customWidth="1"/>
    <col min="172" max="172" width="8.59765625" style="22" customWidth="1"/>
    <col min="173" max="173" width="5.19921875" style="14" hidden="1" customWidth="1"/>
    <col min="174" max="174" width="5.59765625" style="14" customWidth="1"/>
    <col min="175" max="175" width="5.59765625" style="14" hidden="1" customWidth="1"/>
    <col min="176" max="176" width="5.59765625" style="14" customWidth="1"/>
    <col min="177" max="177" width="19.59765625" style="11" customWidth="1"/>
    <col min="178" max="178" width="6.59765625" style="11" customWidth="1"/>
    <col min="179" max="179" width="1.59765625" style="11" customWidth="1"/>
    <col min="180" max="181" width="12.59765625" style="11" customWidth="1"/>
    <col min="182" max="183" width="1.59765625" style="11" customWidth="1"/>
    <col min="184" max="184" width="5.3984375" style="14" customWidth="1"/>
    <col min="185" max="185" width="8.59765625" style="22" customWidth="1"/>
    <col min="186" max="186" width="5.19921875" style="14" hidden="1" customWidth="1"/>
    <col min="187" max="187" width="5.59765625" style="14" customWidth="1"/>
    <col min="188" max="188" width="5.59765625" style="14" hidden="1" customWidth="1"/>
    <col min="189" max="189" width="5.59765625" style="14" customWidth="1"/>
    <col min="190" max="190" width="19.59765625" style="11" customWidth="1"/>
    <col min="191" max="191" width="6.59765625" style="11" customWidth="1"/>
    <col min="192" max="192" width="1.59765625" style="11" customWidth="1"/>
    <col min="193" max="194" width="12.59765625" style="11" customWidth="1"/>
    <col min="195" max="196" width="1.59765625" style="11" customWidth="1"/>
    <col min="197" max="197" width="5.3984375" style="14" customWidth="1"/>
    <col min="198" max="198" width="8.59765625" style="22" customWidth="1"/>
    <col min="199" max="199" width="5.19921875" style="14" hidden="1" customWidth="1"/>
    <col min="200" max="200" width="5.59765625" style="14" customWidth="1"/>
    <col min="201" max="201" width="5.59765625" style="14" hidden="1" customWidth="1"/>
    <col min="202" max="202" width="5.59765625" style="14" customWidth="1"/>
    <col min="203" max="203" width="19.59765625" style="11" customWidth="1"/>
    <col min="204" max="204" width="6.59765625" style="11" customWidth="1"/>
    <col min="205" max="205" width="1.59765625" style="11" customWidth="1"/>
    <col min="206" max="207" width="12.59765625" style="11" customWidth="1"/>
    <col min="208" max="209" width="1.59765625" style="11" customWidth="1"/>
    <col min="210" max="210" width="5.3984375" style="14" customWidth="1"/>
    <col min="211" max="211" width="8.59765625" style="22" customWidth="1"/>
    <col min="212" max="212" width="5.19921875" style="14" hidden="1" customWidth="1"/>
    <col min="213" max="213" width="5.59765625" style="14" customWidth="1"/>
    <col min="214" max="214" width="5.19921875" style="14" hidden="1" customWidth="1"/>
    <col min="215" max="215" width="5.59765625" style="14" customWidth="1"/>
    <col min="216" max="216" width="19.59765625" style="11" customWidth="1"/>
    <col min="217" max="217" width="6.59765625" style="11" customWidth="1"/>
    <col min="218" max="218" width="1.59765625" style="11" customWidth="1"/>
    <col min="219" max="220" width="12.59765625" style="11" customWidth="1"/>
    <col min="221" max="222" width="1.59765625" style="11" customWidth="1"/>
    <col min="223" max="223" width="5.3984375" style="14" customWidth="1"/>
    <col min="224" max="224" width="8" style="22" bestFit="1" customWidth="1"/>
    <col min="225" max="225" width="5.19921875" style="14" hidden="1" customWidth="1"/>
    <col min="226" max="226" width="5.59765625" style="14" customWidth="1"/>
    <col min="227" max="227" width="5.19921875" style="14" hidden="1" customWidth="1"/>
    <col min="228" max="228" width="5.59765625" style="14" customWidth="1"/>
    <col min="229" max="229" width="19.59765625" style="11" customWidth="1"/>
    <col min="230" max="230" width="6.59765625" style="11" customWidth="1"/>
    <col min="231" max="231" width="1.59765625" style="11" customWidth="1"/>
    <col min="232" max="233" width="12.59765625" style="11" customWidth="1"/>
    <col min="234" max="235" width="1.59765625" style="11" customWidth="1"/>
    <col min="236" max="236" width="5.3984375" style="14" customWidth="1"/>
    <col min="237" max="237" width="8.59765625" style="22" customWidth="1"/>
    <col min="238" max="238" width="5.19921875" style="14" hidden="1" customWidth="1"/>
    <col min="239" max="239" width="5.59765625" style="14" customWidth="1"/>
    <col min="240" max="240" width="5.59765625" style="14" hidden="1" customWidth="1"/>
    <col min="241" max="241" width="5.59765625" style="14" customWidth="1"/>
    <col min="242" max="242" width="19.59765625" style="11" customWidth="1"/>
    <col min="243" max="243" width="6.59765625" style="11" customWidth="1"/>
    <col min="244" max="244" width="1.59765625" style="11" customWidth="1"/>
    <col min="245" max="246" width="12.59765625" style="11" customWidth="1"/>
    <col min="247" max="248" width="1.59765625" style="11" customWidth="1"/>
    <col min="249" max="249" width="5.3984375" style="14" customWidth="1"/>
    <col min="250" max="250" width="8.59765625" style="22" customWidth="1"/>
    <col min="251" max="251" width="5.19921875" style="14" hidden="1" customWidth="1"/>
    <col min="252" max="252" width="5.59765625" style="14" customWidth="1"/>
    <col min="253" max="253" width="5.59765625" style="14" hidden="1" customWidth="1"/>
    <col min="254" max="254" width="5.59765625" style="14" customWidth="1"/>
    <col min="255" max="255" width="19.59765625" style="11" customWidth="1"/>
    <col min="256" max="256" width="6.59765625" style="11" customWidth="1"/>
    <col min="257" max="257" width="1.59765625" style="11" customWidth="1"/>
    <col min="258" max="259" width="12.59765625" style="11" customWidth="1"/>
    <col min="260" max="261" width="1.59765625" style="11" customWidth="1"/>
    <col min="262" max="262" width="5.3984375" style="14" customWidth="1"/>
    <col min="263" max="263" width="8.59765625" style="22" customWidth="1"/>
    <col min="264" max="264" width="5.19921875" style="14" hidden="1" customWidth="1"/>
    <col min="265" max="265" width="5.59765625" style="14" customWidth="1"/>
    <col min="266" max="266" width="5.59765625" style="14" hidden="1" customWidth="1"/>
    <col min="267" max="267" width="5.59765625" style="14" customWidth="1"/>
    <col min="268" max="268" width="19.59765625" style="11" customWidth="1"/>
    <col min="269" max="269" width="6.59765625" style="11" customWidth="1"/>
    <col min="270" max="270" width="1.59765625" style="11" customWidth="1"/>
    <col min="271" max="272" width="12.59765625" style="11" customWidth="1"/>
    <col min="273" max="274" width="1.59765625" style="11" customWidth="1"/>
    <col min="275" max="275" width="5.3984375" style="14" customWidth="1"/>
    <col min="276" max="276" width="8.59765625" style="22" customWidth="1"/>
    <col min="277" max="277" width="5.19921875" style="14" hidden="1" customWidth="1"/>
    <col min="278" max="278" width="5.59765625" style="14" customWidth="1"/>
    <col min="279" max="279" width="5.59765625" style="14" hidden="1" customWidth="1"/>
    <col min="280" max="280" width="5.59765625" style="14" customWidth="1"/>
    <col min="281" max="281" width="19.59765625" style="11" customWidth="1"/>
    <col min="282" max="282" width="6.59765625" style="11" customWidth="1"/>
    <col min="283" max="283" width="1.59765625" style="11" customWidth="1"/>
    <col min="284" max="285" width="12.59765625" style="11" customWidth="1"/>
    <col min="286" max="287" width="1.59765625" style="11" customWidth="1"/>
    <col min="288" max="288" width="5.3984375" style="14" customWidth="1"/>
    <col min="289" max="289" width="8.59765625" style="22" customWidth="1"/>
    <col min="290" max="290" width="5.19921875" style="14" hidden="1" customWidth="1"/>
    <col min="291" max="291" width="5.59765625" style="14" customWidth="1"/>
    <col min="292" max="292" width="5.59765625" style="14" hidden="1" customWidth="1"/>
    <col min="293" max="293" width="5.59765625" style="14" customWidth="1"/>
    <col min="294" max="294" width="19.59765625" style="11" customWidth="1"/>
    <col min="295" max="295" width="6.59765625" style="11" customWidth="1"/>
    <col min="296" max="296" width="1.59765625" style="11" customWidth="1"/>
    <col min="297" max="298" width="12.59765625" style="11" customWidth="1"/>
    <col min="299" max="300" width="1.59765625" style="11" customWidth="1"/>
    <col min="301" max="301" width="5.3984375" style="14" customWidth="1"/>
    <col min="302" max="302" width="8.59765625" style="22" customWidth="1"/>
    <col min="303" max="303" width="5.59765625" style="14" hidden="1" customWidth="1"/>
    <col min="304" max="304" width="5.59765625" style="14" customWidth="1"/>
    <col min="305" max="305" width="5.59765625" style="14" hidden="1" customWidth="1"/>
    <col min="306" max="306" width="5.59765625" style="14" customWidth="1"/>
    <col min="307" max="307" width="19.59765625" style="11" customWidth="1"/>
    <col min="308" max="308" width="6.59765625" style="11" customWidth="1"/>
    <col min="309" max="309" width="1.59765625" style="11" customWidth="1"/>
    <col min="310" max="311" width="12.59765625" style="11" customWidth="1"/>
    <col min="312" max="313" width="1.59765625" style="11" customWidth="1"/>
    <col min="314" max="314" width="5.3984375" style="14" customWidth="1"/>
    <col min="315" max="315" width="8.59765625" style="22" customWidth="1"/>
    <col min="316" max="316" width="5.59765625" style="14" hidden="1" customWidth="1"/>
    <col min="317" max="317" width="5.59765625" style="14" customWidth="1"/>
    <col min="318" max="318" width="5.59765625" style="14" hidden="1" customWidth="1"/>
    <col min="319" max="319" width="5.59765625" style="14" customWidth="1"/>
    <col min="320" max="320" width="19.59765625" style="11" customWidth="1"/>
    <col min="321" max="321" width="6.59765625" style="11" customWidth="1"/>
    <col min="322" max="322" width="1.59765625" style="11" customWidth="1"/>
    <col min="323" max="324" width="12.59765625" style="11" customWidth="1"/>
    <col min="325" max="326" width="1.59765625" style="11" customWidth="1"/>
    <col min="327" max="327" width="5.3984375" style="14" customWidth="1"/>
    <col min="328" max="328" width="8.59765625" style="22" customWidth="1"/>
    <col min="329" max="329" width="5.59765625" style="14" hidden="1" customWidth="1"/>
    <col min="330" max="330" width="5.59765625" style="14" customWidth="1"/>
    <col min="331" max="331" width="5.59765625" style="14" hidden="1" customWidth="1"/>
    <col min="332" max="332" width="5.59765625" style="14" customWidth="1"/>
    <col min="333" max="333" width="19.59765625" style="11" customWidth="1"/>
    <col min="334" max="334" width="6.59765625" style="11" customWidth="1"/>
    <col min="335" max="335" width="1.59765625" style="11" customWidth="1"/>
    <col min="336" max="337" width="12.59765625" style="11" customWidth="1"/>
    <col min="338" max="339" width="1.59765625" style="11" customWidth="1"/>
    <col min="340" max="340" width="5.3984375" style="14" customWidth="1"/>
    <col min="341" max="341" width="8.59765625" style="22" customWidth="1"/>
    <col min="342" max="342" width="5.59765625" style="14" hidden="1" customWidth="1"/>
    <col min="343" max="343" width="5.59765625" style="14" customWidth="1"/>
    <col min="344" max="344" width="5.59765625" style="14" hidden="1" customWidth="1"/>
    <col min="345" max="345" width="5.59765625" style="14" customWidth="1"/>
    <col min="346" max="346" width="19.59765625" style="11" customWidth="1"/>
    <col min="347" max="347" width="6.59765625" style="11" customWidth="1"/>
    <col min="348" max="348" width="1.59765625" style="11" customWidth="1"/>
    <col min="349" max="350" width="12.59765625" style="11" customWidth="1"/>
    <col min="351" max="352" width="1.59765625" style="11" customWidth="1"/>
    <col min="353" max="353" width="5.3984375" style="14" customWidth="1"/>
    <col min="354" max="354" width="8.59765625" style="22" customWidth="1"/>
    <col min="355" max="355" width="5.59765625" style="14" hidden="1" customWidth="1"/>
    <col min="356" max="356" width="5.59765625" style="14" customWidth="1"/>
    <col min="357" max="357" width="5.59765625" style="14" hidden="1" customWidth="1"/>
    <col min="358" max="358" width="5.59765625" style="14" customWidth="1"/>
    <col min="359" max="359" width="19.59765625" style="11" customWidth="1"/>
    <col min="360" max="360" width="6.59765625" style="11" customWidth="1"/>
    <col min="361" max="361" width="1.59765625" style="11" customWidth="1"/>
    <col min="362" max="363" width="12.59765625" style="11" customWidth="1"/>
    <col min="364" max="365" width="1.59765625" style="11" customWidth="1"/>
    <col min="366" max="366" width="5.3984375" style="14" customWidth="1"/>
    <col min="367" max="367" width="8.59765625" style="22" customWidth="1"/>
    <col min="368" max="368" width="5.59765625" style="14" hidden="1" customWidth="1"/>
    <col min="369" max="369" width="5.59765625" style="14" customWidth="1"/>
    <col min="370" max="370" width="5.59765625" style="14" hidden="1" customWidth="1"/>
    <col min="371" max="371" width="5.59765625" style="14" customWidth="1"/>
    <col min="372" max="372" width="19.59765625" style="11" customWidth="1"/>
    <col min="373" max="373" width="6.59765625" style="11" customWidth="1"/>
    <col min="374" max="374" width="1.59765625" style="11" customWidth="1"/>
    <col min="375" max="376" width="12.59765625" style="11" customWidth="1"/>
    <col min="377" max="378" width="1.59765625" style="11" customWidth="1"/>
    <col min="379" max="379" width="5.3984375" style="14" customWidth="1"/>
    <col min="380" max="380" width="8.59765625" style="22" customWidth="1"/>
    <col min="381" max="381" width="5.59765625" style="14" hidden="1" customWidth="1"/>
    <col min="382" max="382" width="5.59765625" style="14" customWidth="1"/>
    <col min="383" max="383" width="5.59765625" style="14" hidden="1" customWidth="1"/>
    <col min="384" max="384" width="5.59765625" style="14" customWidth="1"/>
    <col min="385" max="385" width="19.59765625" style="11" customWidth="1"/>
    <col min="386" max="386" width="6.59765625" style="11" customWidth="1"/>
    <col min="387" max="387" width="1.59765625" style="11" customWidth="1"/>
    <col min="388" max="389" width="12.59765625" style="11" customWidth="1"/>
    <col min="390" max="391" width="1.59765625" style="11" customWidth="1"/>
    <col min="392" max="392" width="5.3984375" style="14" customWidth="1"/>
    <col min="393" max="393" width="8.59765625" style="22" customWidth="1"/>
    <col min="394" max="394" width="5.59765625" style="14" hidden="1" customWidth="1"/>
    <col min="395" max="395" width="5.59765625" style="14" customWidth="1"/>
    <col min="396" max="396" width="5.59765625" style="14" hidden="1" customWidth="1"/>
    <col min="397" max="397" width="5.59765625" style="14" customWidth="1"/>
    <col min="398" max="398" width="19.59765625" style="11" customWidth="1"/>
    <col min="399" max="399" width="6.59765625" style="11" customWidth="1"/>
    <col min="400" max="400" width="1.59765625" style="11" customWidth="1"/>
    <col min="401" max="402" width="12.59765625" style="11" customWidth="1"/>
    <col min="403" max="404" width="1.59765625" style="11" customWidth="1"/>
    <col min="405" max="405" width="5.3984375" style="14" customWidth="1"/>
    <col min="406" max="406" width="8.59765625" style="22" customWidth="1"/>
    <col min="407" max="407" width="5.59765625" style="14" hidden="1" customWidth="1"/>
    <col min="408" max="408" width="5.59765625" style="14" customWidth="1"/>
    <col min="409" max="409" width="5.59765625" style="14" hidden="1" customWidth="1"/>
    <col min="410" max="410" width="5.59765625" style="14" customWidth="1"/>
    <col min="411" max="411" width="19.59765625" style="11" customWidth="1"/>
    <col min="412" max="412" width="6.59765625" style="11" customWidth="1"/>
    <col min="413" max="413" width="1.59765625" style="11" customWidth="1"/>
    <col min="414" max="415" width="12.59765625" style="11" customWidth="1"/>
    <col min="416" max="417" width="1.59765625" style="11" customWidth="1"/>
    <col min="418" max="418" width="5.3984375" style="14" customWidth="1"/>
    <col min="419" max="419" width="8.59765625" style="22" customWidth="1"/>
    <col min="420" max="420" width="5.59765625" style="14" hidden="1" customWidth="1"/>
    <col min="421" max="421" width="5.59765625" style="14" customWidth="1"/>
    <col min="422" max="422" width="5.59765625" style="14" hidden="1" customWidth="1"/>
    <col min="423" max="423" width="5.59765625" style="14" customWidth="1"/>
    <col min="424" max="424" width="19.59765625" style="11" customWidth="1"/>
    <col min="425" max="425" width="6.59765625" style="11" customWidth="1"/>
    <col min="426" max="426" width="1.59765625" style="11" customWidth="1"/>
    <col min="427" max="428" width="12.59765625" style="11" customWidth="1"/>
    <col min="429" max="430" width="1.59765625" style="11" customWidth="1"/>
    <col min="431" max="431" width="5.3984375" style="14" customWidth="1"/>
    <col min="432" max="432" width="8.59765625" style="22" customWidth="1"/>
    <col min="433" max="433" width="5.59765625" style="14" hidden="1" customWidth="1"/>
    <col min="434" max="434" width="5.59765625" style="14" customWidth="1"/>
    <col min="435" max="435" width="5.59765625" style="14" hidden="1" customWidth="1"/>
    <col min="436" max="436" width="5.59765625" style="14" customWidth="1"/>
    <col min="437" max="437" width="19.59765625" style="11" customWidth="1"/>
    <col min="438" max="438" width="6.59765625" style="11" customWidth="1"/>
    <col min="439" max="439" width="1.59765625" style="11" customWidth="1"/>
    <col min="440" max="441" width="12.59765625" style="11" customWidth="1"/>
    <col min="442" max="443" width="1.59765625" style="11" customWidth="1"/>
    <col min="444" max="444" width="5.3984375" style="14" customWidth="1"/>
    <col min="445" max="445" width="8.59765625" style="22" customWidth="1"/>
    <col min="446" max="446" width="5.59765625" style="14" hidden="1" customWidth="1"/>
    <col min="447" max="447" width="5.59765625" style="14" customWidth="1"/>
    <col min="448" max="448" width="5.59765625" style="14" hidden="1" customWidth="1"/>
    <col min="449" max="449" width="5.59765625" style="14" customWidth="1"/>
    <col min="450" max="450" width="19.59765625" style="11" customWidth="1"/>
    <col min="451" max="451" width="6.59765625" style="11" customWidth="1"/>
    <col min="452" max="452" width="1.59765625" style="11" customWidth="1"/>
    <col min="453" max="454" width="12.59765625" style="11" customWidth="1"/>
    <col min="455" max="456" width="1.59765625" style="11" customWidth="1"/>
    <col min="457" max="457" width="5.3984375" style="14" customWidth="1"/>
    <col min="458" max="458" width="8.59765625" style="22" customWidth="1"/>
    <col min="459" max="459" width="5.59765625" style="14" hidden="1" customWidth="1"/>
    <col min="460" max="460" width="5.59765625" style="14" customWidth="1"/>
    <col min="461" max="461" width="5.59765625" style="14" hidden="1" customWidth="1"/>
    <col min="462" max="462" width="5.59765625" style="14" customWidth="1"/>
    <col min="463" max="463" width="19.59765625" style="11" customWidth="1"/>
    <col min="464" max="464" width="6.59765625" style="11" customWidth="1"/>
    <col min="465" max="465" width="1.59765625" style="11" customWidth="1"/>
    <col min="466" max="467" width="12.59765625" style="11" customWidth="1"/>
    <col min="468" max="469" width="1.59765625" style="11" customWidth="1"/>
    <col min="470" max="470" width="5.3984375" style="14" customWidth="1"/>
    <col min="471" max="471" width="8.59765625" style="22" customWidth="1"/>
    <col min="472" max="472" width="5.59765625" style="14" hidden="1" customWidth="1"/>
    <col min="473" max="473" width="5.59765625" style="14" customWidth="1"/>
    <col min="474" max="474" width="5.59765625" style="14" hidden="1" customWidth="1"/>
    <col min="475" max="475" width="5.59765625" style="14" customWidth="1"/>
    <col min="476" max="476" width="19.59765625" style="11" customWidth="1"/>
    <col min="477" max="477" width="6.59765625" style="11" customWidth="1"/>
    <col min="478" max="478" width="1.59765625" style="11" customWidth="1"/>
    <col min="479" max="480" width="12.59765625" style="11" customWidth="1"/>
    <col min="481" max="482" width="1.59765625" style="11" customWidth="1"/>
    <col min="483" max="483" width="5.3984375" style="14" customWidth="1"/>
    <col min="484" max="484" width="8.59765625" style="22" customWidth="1"/>
    <col min="485" max="485" width="5.59765625" style="14" hidden="1" customWidth="1"/>
    <col min="486" max="486" width="5.59765625" style="14" customWidth="1"/>
    <col min="487" max="487" width="5.59765625" style="14" hidden="1" customWidth="1"/>
    <col min="488" max="488" width="5.59765625" style="14" customWidth="1"/>
    <col min="489" max="489" width="19.59765625" style="11" customWidth="1"/>
    <col min="490" max="490" width="6.59765625" style="11" customWidth="1"/>
    <col min="491" max="491" width="1.59765625" style="11" customWidth="1"/>
    <col min="492" max="493" width="12.59765625" style="11" customWidth="1"/>
    <col min="494" max="495" width="1.59765625" style="11" customWidth="1"/>
    <col min="496" max="496" width="5.3984375" style="14" customWidth="1"/>
    <col min="497" max="497" width="8.59765625" style="22" customWidth="1"/>
    <col min="498" max="498" width="5.59765625" style="14" hidden="1" customWidth="1"/>
    <col min="499" max="499" width="5.59765625" style="14" customWidth="1"/>
    <col min="500" max="500" width="5.69921875" style="14" hidden="1" customWidth="1"/>
    <col min="501" max="501" width="5.59765625" style="14" customWidth="1"/>
    <col min="502" max="502" width="19.59765625" style="11" customWidth="1"/>
    <col min="503" max="503" width="6.59765625" style="11" customWidth="1"/>
    <col min="504" max="504" width="1.59765625" style="11" customWidth="1"/>
    <col min="505" max="506" width="12.59765625" style="11" customWidth="1"/>
    <col min="507" max="507" width="1.59765625" style="11" customWidth="1"/>
  </cols>
  <sheetData>
    <row r="1" spans="1:507" s="52" customFormat="1" ht="30.6" customHeight="1">
      <c r="A1" s="49"/>
      <c r="B1" s="137" t="str">
        <f>IF(C2=0,"入力シートに必要事項を記入してください。","現場閉所（現場休息）実績報告書")</f>
        <v>現場閉所（現場休息）実績報告書</v>
      </c>
      <c r="C1" s="137"/>
      <c r="D1" s="137"/>
      <c r="E1" s="137"/>
      <c r="F1" s="137"/>
      <c r="G1" s="137"/>
      <c r="H1" s="137"/>
      <c r="I1" s="137"/>
      <c r="J1" s="137"/>
      <c r="K1" s="137"/>
      <c r="L1" s="50" t="s">
        <v>57</v>
      </c>
      <c r="M1" s="51"/>
      <c r="N1" s="49"/>
      <c r="O1" s="137" t="str">
        <f>B1</f>
        <v>現場閉所（現場休息）実績報告書</v>
      </c>
      <c r="P1" s="137"/>
      <c r="Q1" s="137"/>
      <c r="R1" s="137"/>
      <c r="S1" s="137"/>
      <c r="T1" s="137"/>
      <c r="U1" s="137"/>
      <c r="V1" s="137"/>
      <c r="W1" s="137"/>
      <c r="X1" s="137"/>
      <c r="Y1" s="50" t="s">
        <v>57</v>
      </c>
      <c r="Z1" s="51"/>
      <c r="AA1" s="49"/>
      <c r="AB1" s="137" t="str">
        <f>O1</f>
        <v>現場閉所（現場休息）実績報告書</v>
      </c>
      <c r="AC1" s="137"/>
      <c r="AD1" s="137"/>
      <c r="AE1" s="137"/>
      <c r="AF1" s="137"/>
      <c r="AG1" s="137"/>
      <c r="AH1" s="137"/>
      <c r="AI1" s="137"/>
      <c r="AJ1" s="137"/>
      <c r="AK1" s="137"/>
      <c r="AL1" s="50" t="s">
        <v>57</v>
      </c>
      <c r="AM1" s="51"/>
      <c r="AN1" s="49"/>
      <c r="AO1" s="137" t="str">
        <f>AB1</f>
        <v>現場閉所（現場休息）実績報告書</v>
      </c>
      <c r="AP1" s="137"/>
      <c r="AQ1" s="137"/>
      <c r="AR1" s="137"/>
      <c r="AS1" s="137"/>
      <c r="AT1" s="137"/>
      <c r="AU1" s="137"/>
      <c r="AV1" s="137"/>
      <c r="AW1" s="137"/>
      <c r="AX1" s="137"/>
      <c r="AY1" s="50" t="s">
        <v>57</v>
      </c>
      <c r="AZ1" s="51"/>
      <c r="BA1" s="49"/>
      <c r="BB1" s="137" t="str">
        <f>AO1</f>
        <v>現場閉所（現場休息）実績報告書</v>
      </c>
      <c r="BC1" s="137"/>
      <c r="BD1" s="137"/>
      <c r="BE1" s="137"/>
      <c r="BF1" s="137"/>
      <c r="BG1" s="137"/>
      <c r="BH1" s="137"/>
      <c r="BI1" s="137"/>
      <c r="BJ1" s="137"/>
      <c r="BK1" s="137"/>
      <c r="BL1" s="50" t="s">
        <v>94</v>
      </c>
      <c r="BM1" s="51"/>
      <c r="BN1" s="49"/>
      <c r="BO1" s="137" t="str">
        <f>BB1</f>
        <v>現場閉所（現場休息）実績報告書</v>
      </c>
      <c r="BP1" s="137"/>
      <c r="BQ1" s="137"/>
      <c r="BR1" s="137"/>
      <c r="BS1" s="137"/>
      <c r="BT1" s="137"/>
      <c r="BU1" s="137"/>
      <c r="BV1" s="137"/>
      <c r="BW1" s="137"/>
      <c r="BX1" s="137"/>
      <c r="BY1" s="50" t="s">
        <v>94</v>
      </c>
      <c r="BZ1" s="51"/>
      <c r="CA1" s="49"/>
      <c r="CB1" s="137" t="str">
        <f>BO1</f>
        <v>現場閉所（現場休息）実績報告書</v>
      </c>
      <c r="CC1" s="137"/>
      <c r="CD1" s="137"/>
      <c r="CE1" s="137"/>
      <c r="CF1" s="137"/>
      <c r="CG1" s="137"/>
      <c r="CH1" s="137"/>
      <c r="CI1" s="137"/>
      <c r="CJ1" s="137"/>
      <c r="CK1" s="137"/>
      <c r="CL1" s="50" t="s">
        <v>94</v>
      </c>
      <c r="CM1" s="51"/>
      <c r="CN1" s="49"/>
      <c r="CO1" s="137" t="str">
        <f>CB1</f>
        <v>現場閉所（現場休息）実績報告書</v>
      </c>
      <c r="CP1" s="137"/>
      <c r="CQ1" s="137"/>
      <c r="CR1" s="137"/>
      <c r="CS1" s="137"/>
      <c r="CT1" s="137"/>
      <c r="CU1" s="137"/>
      <c r="CV1" s="137"/>
      <c r="CW1" s="137"/>
      <c r="CX1" s="137"/>
      <c r="CY1" s="50" t="s">
        <v>94</v>
      </c>
      <c r="CZ1" s="51"/>
      <c r="DA1" s="49"/>
      <c r="DB1" s="137" t="str">
        <f>CO1</f>
        <v>現場閉所（現場休息）実績報告書</v>
      </c>
      <c r="DC1" s="137"/>
      <c r="DD1" s="137"/>
      <c r="DE1" s="137"/>
      <c r="DF1" s="137"/>
      <c r="DG1" s="137"/>
      <c r="DH1" s="137"/>
      <c r="DI1" s="137"/>
      <c r="DJ1" s="137"/>
      <c r="DK1" s="137"/>
      <c r="DL1" s="50" t="s">
        <v>94</v>
      </c>
      <c r="DM1" s="51"/>
      <c r="DN1" s="49"/>
      <c r="DO1" s="137" t="str">
        <f>DB1</f>
        <v>現場閉所（現場休息）実績報告書</v>
      </c>
      <c r="DP1" s="137"/>
      <c r="DQ1" s="137"/>
      <c r="DR1" s="137"/>
      <c r="DS1" s="137"/>
      <c r="DT1" s="137"/>
      <c r="DU1" s="137"/>
      <c r="DV1" s="137"/>
      <c r="DW1" s="137"/>
      <c r="DX1" s="137"/>
      <c r="DY1" s="50" t="s">
        <v>94</v>
      </c>
      <c r="DZ1" s="51"/>
      <c r="EA1" s="49"/>
      <c r="EB1" s="137" t="str">
        <f>DO1</f>
        <v>現場閉所（現場休息）実績報告書</v>
      </c>
      <c r="EC1" s="137"/>
      <c r="ED1" s="137"/>
      <c r="EE1" s="137"/>
      <c r="EF1" s="137"/>
      <c r="EG1" s="137"/>
      <c r="EH1" s="137"/>
      <c r="EI1" s="137"/>
      <c r="EJ1" s="137"/>
      <c r="EK1" s="137"/>
      <c r="EL1" s="50" t="s">
        <v>94</v>
      </c>
      <c r="EM1" s="51"/>
      <c r="EN1" s="49"/>
      <c r="EO1" s="137" t="str">
        <f>EB1</f>
        <v>現場閉所（現場休息）実績報告書</v>
      </c>
      <c r="EP1" s="137"/>
      <c r="EQ1" s="137"/>
      <c r="ER1" s="137"/>
      <c r="ES1" s="137"/>
      <c r="ET1" s="137"/>
      <c r="EU1" s="137"/>
      <c r="EV1" s="137"/>
      <c r="EW1" s="137"/>
      <c r="EX1" s="137"/>
      <c r="EY1" s="50" t="s">
        <v>94</v>
      </c>
      <c r="EZ1" s="51"/>
      <c r="FA1" s="49"/>
      <c r="FB1" s="137" t="str">
        <f>EO1</f>
        <v>現場閉所（現場休息）実績報告書</v>
      </c>
      <c r="FC1" s="137"/>
      <c r="FD1" s="137"/>
      <c r="FE1" s="137"/>
      <c r="FF1" s="137"/>
      <c r="FG1" s="137"/>
      <c r="FH1" s="137"/>
      <c r="FI1" s="137"/>
      <c r="FJ1" s="137"/>
      <c r="FK1" s="137"/>
      <c r="FL1" s="50" t="s">
        <v>94</v>
      </c>
      <c r="FM1" s="51"/>
      <c r="FN1" s="49"/>
      <c r="FO1" s="137" t="str">
        <f>FB1</f>
        <v>現場閉所（現場休息）実績報告書</v>
      </c>
      <c r="FP1" s="137"/>
      <c r="FQ1" s="137"/>
      <c r="FR1" s="137"/>
      <c r="FS1" s="137"/>
      <c r="FT1" s="137"/>
      <c r="FU1" s="137"/>
      <c r="FV1" s="137"/>
      <c r="FW1" s="137"/>
      <c r="FX1" s="137"/>
      <c r="FY1" s="50" t="s">
        <v>94</v>
      </c>
      <c r="FZ1" s="51"/>
      <c r="GA1" s="49"/>
      <c r="GB1" s="137" t="str">
        <f>FO1</f>
        <v>現場閉所（現場休息）実績報告書</v>
      </c>
      <c r="GC1" s="137"/>
      <c r="GD1" s="137"/>
      <c r="GE1" s="137"/>
      <c r="GF1" s="137"/>
      <c r="GG1" s="137"/>
      <c r="GH1" s="137"/>
      <c r="GI1" s="137"/>
      <c r="GJ1" s="137"/>
      <c r="GK1" s="137"/>
      <c r="GL1" s="50" t="s">
        <v>94</v>
      </c>
      <c r="GM1" s="51"/>
      <c r="GN1" s="49"/>
      <c r="GO1" s="137" t="str">
        <f>GB1</f>
        <v>現場閉所（現場休息）実績報告書</v>
      </c>
      <c r="GP1" s="137"/>
      <c r="GQ1" s="137"/>
      <c r="GR1" s="137"/>
      <c r="GS1" s="137"/>
      <c r="GT1" s="137"/>
      <c r="GU1" s="137"/>
      <c r="GV1" s="137"/>
      <c r="GW1" s="137"/>
      <c r="GX1" s="137"/>
      <c r="GY1" s="50" t="s">
        <v>94</v>
      </c>
      <c r="GZ1" s="51"/>
      <c r="HA1" s="49"/>
      <c r="HB1" s="137" t="str">
        <f>GO1</f>
        <v>現場閉所（現場休息）実績報告書</v>
      </c>
      <c r="HC1" s="137"/>
      <c r="HD1" s="137"/>
      <c r="HE1" s="137"/>
      <c r="HF1" s="137"/>
      <c r="HG1" s="137"/>
      <c r="HH1" s="137"/>
      <c r="HI1" s="137"/>
      <c r="HJ1" s="137"/>
      <c r="HK1" s="137"/>
      <c r="HL1" s="50" t="s">
        <v>94</v>
      </c>
      <c r="HM1" s="51"/>
      <c r="HN1" s="49"/>
      <c r="HO1" s="137" t="str">
        <f>HB1</f>
        <v>現場閉所（現場休息）実績報告書</v>
      </c>
      <c r="HP1" s="137"/>
      <c r="HQ1" s="137"/>
      <c r="HR1" s="137"/>
      <c r="HS1" s="137"/>
      <c r="HT1" s="137"/>
      <c r="HU1" s="137"/>
      <c r="HV1" s="137"/>
      <c r="HW1" s="137"/>
      <c r="HX1" s="137"/>
      <c r="HY1" s="50" t="s">
        <v>94</v>
      </c>
      <c r="HZ1" s="51"/>
      <c r="IA1" s="49"/>
      <c r="IB1" s="137" t="str">
        <f>HO1</f>
        <v>現場閉所（現場休息）実績報告書</v>
      </c>
      <c r="IC1" s="137"/>
      <c r="ID1" s="137"/>
      <c r="IE1" s="137"/>
      <c r="IF1" s="137"/>
      <c r="IG1" s="137"/>
      <c r="IH1" s="137"/>
      <c r="II1" s="137"/>
      <c r="IJ1" s="137"/>
      <c r="IK1" s="137"/>
      <c r="IL1" s="50" t="s">
        <v>94</v>
      </c>
      <c r="IM1" s="51"/>
      <c r="IN1" s="49"/>
      <c r="IO1" s="137" t="str">
        <f>IB1</f>
        <v>現場閉所（現場休息）実績報告書</v>
      </c>
      <c r="IP1" s="137"/>
      <c r="IQ1" s="137"/>
      <c r="IR1" s="137"/>
      <c r="IS1" s="137"/>
      <c r="IT1" s="137"/>
      <c r="IU1" s="137"/>
      <c r="IV1" s="137"/>
      <c r="IW1" s="137"/>
      <c r="IX1" s="137"/>
      <c r="IY1" s="50" t="s">
        <v>94</v>
      </c>
      <c r="IZ1" s="51"/>
      <c r="JA1" s="49"/>
      <c r="JB1" s="137" t="str">
        <f>IO1</f>
        <v>現場閉所（現場休息）実績報告書</v>
      </c>
      <c r="JC1" s="137"/>
      <c r="JD1" s="137"/>
      <c r="JE1" s="137"/>
      <c r="JF1" s="137"/>
      <c r="JG1" s="137"/>
      <c r="JH1" s="137"/>
      <c r="JI1" s="137"/>
      <c r="JJ1" s="137"/>
      <c r="JK1" s="137"/>
      <c r="JL1" s="50" t="s">
        <v>94</v>
      </c>
      <c r="JM1" s="51"/>
      <c r="JN1" s="49"/>
      <c r="JO1" s="137" t="str">
        <f>JB1</f>
        <v>現場閉所（現場休息）実績報告書</v>
      </c>
      <c r="JP1" s="137"/>
      <c r="JQ1" s="137"/>
      <c r="JR1" s="137"/>
      <c r="JS1" s="137"/>
      <c r="JT1" s="137"/>
      <c r="JU1" s="137"/>
      <c r="JV1" s="137"/>
      <c r="JW1" s="137"/>
      <c r="JX1" s="137"/>
      <c r="JY1" s="50" t="s">
        <v>94</v>
      </c>
      <c r="JZ1" s="51"/>
      <c r="KA1" s="49"/>
      <c r="KB1" s="137" t="str">
        <f>JO1</f>
        <v>現場閉所（現場休息）実績報告書</v>
      </c>
      <c r="KC1" s="137"/>
      <c r="KD1" s="137"/>
      <c r="KE1" s="137"/>
      <c r="KF1" s="137"/>
      <c r="KG1" s="137"/>
      <c r="KH1" s="137"/>
      <c r="KI1" s="137"/>
      <c r="KJ1" s="137"/>
      <c r="KK1" s="137"/>
      <c r="KL1" s="50" t="s">
        <v>94</v>
      </c>
      <c r="KM1" s="51"/>
      <c r="KN1" s="49"/>
      <c r="KO1" s="137" t="str">
        <f>KB1</f>
        <v>現場閉所（現場休息）実績報告書</v>
      </c>
      <c r="KP1" s="137"/>
      <c r="KQ1" s="137"/>
      <c r="KR1" s="137"/>
      <c r="KS1" s="137"/>
      <c r="KT1" s="137"/>
      <c r="KU1" s="137"/>
      <c r="KV1" s="137"/>
      <c r="KW1" s="137"/>
      <c r="KX1" s="137"/>
      <c r="KY1" s="50" t="s">
        <v>94</v>
      </c>
      <c r="KZ1" s="51"/>
      <c r="LA1" s="49"/>
      <c r="LB1" s="137" t="str">
        <f>KO1</f>
        <v>現場閉所（現場休息）実績報告書</v>
      </c>
      <c r="LC1" s="137"/>
      <c r="LD1" s="137"/>
      <c r="LE1" s="137"/>
      <c r="LF1" s="137"/>
      <c r="LG1" s="137"/>
      <c r="LH1" s="137"/>
      <c r="LI1" s="137"/>
      <c r="LJ1" s="137"/>
      <c r="LK1" s="137"/>
      <c r="LL1" s="50" t="s">
        <v>94</v>
      </c>
      <c r="LM1" s="51"/>
      <c r="LN1" s="49"/>
      <c r="LO1" s="137" t="str">
        <f>LB1</f>
        <v>現場閉所（現場休息）実績報告書</v>
      </c>
      <c r="LP1" s="137"/>
      <c r="LQ1" s="137"/>
      <c r="LR1" s="137"/>
      <c r="LS1" s="137"/>
      <c r="LT1" s="137"/>
      <c r="LU1" s="137"/>
      <c r="LV1" s="137"/>
      <c r="LW1" s="137"/>
      <c r="LX1" s="137"/>
      <c r="LY1" s="50" t="s">
        <v>94</v>
      </c>
      <c r="LZ1" s="51"/>
      <c r="MA1" s="49"/>
      <c r="MB1" s="137" t="str">
        <f>LO1</f>
        <v>現場閉所（現場休息）実績報告書</v>
      </c>
      <c r="MC1" s="137"/>
      <c r="MD1" s="137"/>
      <c r="ME1" s="137"/>
      <c r="MF1" s="137"/>
      <c r="MG1" s="137"/>
      <c r="MH1" s="137"/>
      <c r="MI1" s="137"/>
      <c r="MJ1" s="137"/>
      <c r="MK1" s="137"/>
      <c r="ML1" s="50" t="s">
        <v>94</v>
      </c>
      <c r="MM1" s="51"/>
      <c r="MN1" s="49"/>
      <c r="MO1" s="137" t="str">
        <f>MB1</f>
        <v>現場閉所（現場休息）実績報告書</v>
      </c>
      <c r="MP1" s="137"/>
      <c r="MQ1" s="137"/>
      <c r="MR1" s="137"/>
      <c r="MS1" s="137"/>
      <c r="MT1" s="137"/>
      <c r="MU1" s="137"/>
      <c r="MV1" s="137"/>
      <c r="MW1" s="137"/>
      <c r="MX1" s="137"/>
      <c r="MY1" s="50" t="s">
        <v>94</v>
      </c>
      <c r="MZ1" s="51"/>
      <c r="NA1" s="49"/>
      <c r="NB1" s="137" t="str">
        <f>MO1</f>
        <v>現場閉所（現場休息）実績報告書</v>
      </c>
      <c r="NC1" s="137"/>
      <c r="ND1" s="137"/>
      <c r="NE1" s="137"/>
      <c r="NF1" s="137"/>
      <c r="NG1" s="137"/>
      <c r="NH1" s="137"/>
      <c r="NI1" s="137"/>
      <c r="NJ1" s="137"/>
      <c r="NK1" s="137"/>
      <c r="NL1" s="50" t="s">
        <v>94</v>
      </c>
      <c r="NM1" s="51"/>
      <c r="NN1" s="49"/>
      <c r="NO1" s="137" t="str">
        <f>NB1</f>
        <v>現場閉所（現場休息）実績報告書</v>
      </c>
      <c r="NP1" s="137"/>
      <c r="NQ1" s="137"/>
      <c r="NR1" s="137"/>
      <c r="NS1" s="137"/>
      <c r="NT1" s="137"/>
      <c r="NU1" s="137"/>
      <c r="NV1" s="137"/>
      <c r="NW1" s="137"/>
      <c r="NX1" s="137"/>
      <c r="NY1" s="50" t="s">
        <v>94</v>
      </c>
      <c r="NZ1" s="51"/>
      <c r="OA1" s="49"/>
      <c r="OB1" s="137" t="str">
        <f>NO1</f>
        <v>現場閉所（現場休息）実績報告書</v>
      </c>
      <c r="OC1" s="137"/>
      <c r="OD1" s="137"/>
      <c r="OE1" s="137"/>
      <c r="OF1" s="137"/>
      <c r="OG1" s="137"/>
      <c r="OH1" s="137"/>
      <c r="OI1" s="137"/>
      <c r="OJ1" s="137"/>
      <c r="OK1" s="137"/>
      <c r="OL1" s="50" t="s">
        <v>94</v>
      </c>
      <c r="OM1" s="51"/>
      <c r="ON1" s="49"/>
      <c r="OO1" s="137" t="str">
        <f>OB1</f>
        <v>現場閉所（現場休息）実績報告書</v>
      </c>
      <c r="OP1" s="137"/>
      <c r="OQ1" s="137"/>
      <c r="OR1" s="137"/>
      <c r="OS1" s="137"/>
      <c r="OT1" s="137"/>
      <c r="OU1" s="137"/>
      <c r="OV1" s="137"/>
      <c r="OW1" s="137"/>
      <c r="OX1" s="137"/>
      <c r="OY1" s="50" t="s">
        <v>94</v>
      </c>
      <c r="OZ1" s="51"/>
      <c r="PA1" s="49"/>
      <c r="PB1" s="137" t="str">
        <f>OO1</f>
        <v>現場閉所（現場休息）実績報告書</v>
      </c>
      <c r="PC1" s="137"/>
      <c r="PD1" s="137"/>
      <c r="PE1" s="137"/>
      <c r="PF1" s="137"/>
      <c r="PG1" s="137"/>
      <c r="PH1" s="137"/>
      <c r="PI1" s="137"/>
      <c r="PJ1" s="137"/>
      <c r="PK1" s="137"/>
      <c r="PL1" s="50" t="s">
        <v>94</v>
      </c>
      <c r="PM1" s="51"/>
      <c r="PN1" s="49"/>
      <c r="PO1" s="137" t="str">
        <f>PB1</f>
        <v>現場閉所（現場休息）実績報告書</v>
      </c>
      <c r="PP1" s="137"/>
      <c r="PQ1" s="137"/>
      <c r="PR1" s="137"/>
      <c r="PS1" s="137"/>
      <c r="PT1" s="137"/>
      <c r="PU1" s="137"/>
      <c r="PV1" s="137"/>
      <c r="PW1" s="137"/>
      <c r="PX1" s="137"/>
      <c r="PY1" s="50" t="s">
        <v>94</v>
      </c>
      <c r="PZ1" s="51"/>
      <c r="QA1" s="49"/>
      <c r="QB1" s="137" t="str">
        <f>PO1</f>
        <v>現場閉所（現場休息）実績報告書</v>
      </c>
      <c r="QC1" s="137"/>
      <c r="QD1" s="137"/>
      <c r="QE1" s="137"/>
      <c r="QF1" s="137"/>
      <c r="QG1" s="137"/>
      <c r="QH1" s="137"/>
      <c r="QI1" s="137"/>
      <c r="QJ1" s="137"/>
      <c r="QK1" s="137"/>
      <c r="QL1" s="50" t="s">
        <v>94</v>
      </c>
      <c r="QM1" s="51"/>
      <c r="QN1" s="49"/>
      <c r="QO1" s="137" t="str">
        <f>QB1</f>
        <v>現場閉所（現場休息）実績報告書</v>
      </c>
      <c r="QP1" s="137"/>
      <c r="QQ1" s="137"/>
      <c r="QR1" s="137"/>
      <c r="QS1" s="137"/>
      <c r="QT1" s="137"/>
      <c r="QU1" s="137"/>
      <c r="QV1" s="137"/>
      <c r="QW1" s="137"/>
      <c r="QX1" s="137"/>
      <c r="QY1" s="50" t="s">
        <v>94</v>
      </c>
      <c r="QZ1" s="51"/>
      <c r="RA1" s="49"/>
      <c r="RB1" s="137" t="str">
        <f>QO1</f>
        <v>現場閉所（現場休息）実績報告書</v>
      </c>
      <c r="RC1" s="137"/>
      <c r="RD1" s="137"/>
      <c r="RE1" s="137"/>
      <c r="RF1" s="137"/>
      <c r="RG1" s="137"/>
      <c r="RH1" s="137"/>
      <c r="RI1" s="137"/>
      <c r="RJ1" s="137"/>
      <c r="RK1" s="137"/>
      <c r="RL1" s="50" t="s">
        <v>94</v>
      </c>
      <c r="RM1" s="51"/>
      <c r="RN1" s="49"/>
      <c r="RO1" s="137" t="str">
        <f>RB1</f>
        <v>現場閉所（現場休息）実績報告書</v>
      </c>
      <c r="RP1" s="137"/>
      <c r="RQ1" s="137"/>
      <c r="RR1" s="137"/>
      <c r="RS1" s="137"/>
      <c r="RT1" s="137"/>
      <c r="RU1" s="137"/>
      <c r="RV1" s="137"/>
      <c r="RW1" s="137"/>
      <c r="RX1" s="137"/>
      <c r="RY1" s="50" t="s">
        <v>94</v>
      </c>
      <c r="RZ1" s="51"/>
      <c r="SA1" s="49"/>
      <c r="SB1" s="137" t="str">
        <f>RO1</f>
        <v>現場閉所（現場休息）実績報告書</v>
      </c>
      <c r="SC1" s="137"/>
      <c r="SD1" s="137"/>
      <c r="SE1" s="137"/>
      <c r="SF1" s="137"/>
      <c r="SG1" s="137"/>
      <c r="SH1" s="137"/>
      <c r="SI1" s="137"/>
      <c r="SJ1" s="137"/>
      <c r="SK1" s="137"/>
      <c r="SL1" s="50" t="s">
        <v>94</v>
      </c>
      <c r="SM1" s="51"/>
    </row>
    <row r="2" spans="1:507" ht="15" customHeight="1">
      <c r="A2" s="139" t="s">
        <v>28</v>
      </c>
      <c r="B2" s="139"/>
      <c r="C2" s="138" t="str">
        <f>'（参考）【別紙２】'!$B$25</f>
        <v>令和〇年度〇〇〇工事公共（その〇）県単（その〇）</v>
      </c>
      <c r="D2" s="138"/>
      <c r="E2" s="138"/>
      <c r="F2" s="138"/>
      <c r="G2" s="138"/>
      <c r="H2" s="138"/>
      <c r="I2" s="138"/>
      <c r="J2" s="138"/>
      <c r="K2" s="138"/>
      <c r="L2" s="138"/>
      <c r="M2" s="18"/>
      <c r="N2" s="139" t="s">
        <v>28</v>
      </c>
      <c r="O2" s="139"/>
      <c r="P2" s="138" t="str">
        <f>$C$2</f>
        <v>令和〇年度〇〇〇工事公共（その〇）県単（その〇）</v>
      </c>
      <c r="Q2" s="138"/>
      <c r="R2" s="138"/>
      <c r="S2" s="138"/>
      <c r="T2" s="138"/>
      <c r="U2" s="138"/>
      <c r="V2" s="138"/>
      <c r="W2" s="138"/>
      <c r="X2" s="138"/>
      <c r="Y2" s="138"/>
      <c r="Z2" s="18"/>
      <c r="AA2" s="139" t="s">
        <v>28</v>
      </c>
      <c r="AB2" s="139"/>
      <c r="AC2" s="138" t="str">
        <f>$C$2</f>
        <v>令和〇年度〇〇〇工事公共（その〇）県単（その〇）</v>
      </c>
      <c r="AD2" s="138"/>
      <c r="AE2" s="138"/>
      <c r="AF2" s="138"/>
      <c r="AG2" s="138"/>
      <c r="AH2" s="138"/>
      <c r="AI2" s="138"/>
      <c r="AJ2" s="138"/>
      <c r="AK2" s="138"/>
      <c r="AL2" s="138"/>
      <c r="AM2" s="18"/>
      <c r="AN2" s="139" t="s">
        <v>28</v>
      </c>
      <c r="AO2" s="139"/>
      <c r="AP2" s="138" t="str">
        <f>$C$2</f>
        <v>令和〇年度〇〇〇工事公共（その〇）県単（その〇）</v>
      </c>
      <c r="AQ2" s="138"/>
      <c r="AR2" s="138"/>
      <c r="AS2" s="138"/>
      <c r="AT2" s="138"/>
      <c r="AU2" s="138"/>
      <c r="AV2" s="138"/>
      <c r="AW2" s="138"/>
      <c r="AX2" s="138"/>
      <c r="AY2" s="138"/>
      <c r="AZ2" s="18"/>
      <c r="BA2" s="139" t="s">
        <v>28</v>
      </c>
      <c r="BB2" s="139"/>
      <c r="BC2" s="138" t="str">
        <f>$C$2</f>
        <v>令和〇年度〇〇〇工事公共（その〇）県単（その〇）</v>
      </c>
      <c r="BD2" s="138"/>
      <c r="BE2" s="138"/>
      <c r="BF2" s="138"/>
      <c r="BG2" s="138"/>
      <c r="BH2" s="138"/>
      <c r="BI2" s="138"/>
      <c r="BJ2" s="138"/>
      <c r="BK2" s="138"/>
      <c r="BL2" s="138"/>
      <c r="BM2" s="18"/>
      <c r="BN2" s="139" t="s">
        <v>28</v>
      </c>
      <c r="BO2" s="139"/>
      <c r="BP2" s="138" t="str">
        <f>$C$2</f>
        <v>令和〇年度〇〇〇工事公共（その〇）県単（その〇）</v>
      </c>
      <c r="BQ2" s="138"/>
      <c r="BR2" s="138"/>
      <c r="BS2" s="138"/>
      <c r="BT2" s="138"/>
      <c r="BU2" s="138"/>
      <c r="BV2" s="138"/>
      <c r="BW2" s="138"/>
      <c r="BX2" s="138"/>
      <c r="BY2" s="138"/>
      <c r="BZ2" s="18"/>
      <c r="CA2" s="139" t="s">
        <v>28</v>
      </c>
      <c r="CB2" s="139"/>
      <c r="CC2" s="138" t="str">
        <f>$C$2</f>
        <v>令和〇年度〇〇〇工事公共（その〇）県単（その〇）</v>
      </c>
      <c r="CD2" s="138"/>
      <c r="CE2" s="138"/>
      <c r="CF2" s="138"/>
      <c r="CG2" s="138"/>
      <c r="CH2" s="138"/>
      <c r="CI2" s="138"/>
      <c r="CJ2" s="138"/>
      <c r="CK2" s="138"/>
      <c r="CL2" s="138"/>
      <c r="CM2" s="18"/>
      <c r="CN2" s="139" t="s">
        <v>28</v>
      </c>
      <c r="CO2" s="139"/>
      <c r="CP2" s="138" t="str">
        <f>$C$2</f>
        <v>令和〇年度〇〇〇工事公共（その〇）県単（その〇）</v>
      </c>
      <c r="CQ2" s="138"/>
      <c r="CR2" s="138"/>
      <c r="CS2" s="138"/>
      <c r="CT2" s="138"/>
      <c r="CU2" s="138"/>
      <c r="CV2" s="138"/>
      <c r="CW2" s="138"/>
      <c r="CX2" s="138"/>
      <c r="CY2" s="138"/>
      <c r="CZ2" s="18"/>
      <c r="DA2" s="139" t="s">
        <v>28</v>
      </c>
      <c r="DB2" s="139"/>
      <c r="DC2" s="138" t="str">
        <f>$C$2</f>
        <v>令和〇年度〇〇〇工事公共（その〇）県単（その〇）</v>
      </c>
      <c r="DD2" s="138"/>
      <c r="DE2" s="138"/>
      <c r="DF2" s="138"/>
      <c r="DG2" s="138"/>
      <c r="DH2" s="138"/>
      <c r="DI2" s="138"/>
      <c r="DJ2" s="138"/>
      <c r="DK2" s="138"/>
      <c r="DL2" s="138"/>
      <c r="DM2" s="18"/>
      <c r="DN2" s="139" t="s">
        <v>28</v>
      </c>
      <c r="DO2" s="139"/>
      <c r="DP2" s="138" t="str">
        <f>$C$2</f>
        <v>令和〇年度〇〇〇工事公共（その〇）県単（その〇）</v>
      </c>
      <c r="DQ2" s="138"/>
      <c r="DR2" s="138"/>
      <c r="DS2" s="138"/>
      <c r="DT2" s="138"/>
      <c r="DU2" s="138"/>
      <c r="DV2" s="138"/>
      <c r="DW2" s="138"/>
      <c r="DX2" s="138"/>
      <c r="DY2" s="138"/>
      <c r="DZ2" s="18"/>
      <c r="EA2" s="139" t="s">
        <v>28</v>
      </c>
      <c r="EB2" s="139"/>
      <c r="EC2" s="138" t="str">
        <f>$C$2</f>
        <v>令和〇年度〇〇〇工事公共（その〇）県単（その〇）</v>
      </c>
      <c r="ED2" s="138"/>
      <c r="EE2" s="138"/>
      <c r="EF2" s="138"/>
      <c r="EG2" s="138"/>
      <c r="EH2" s="138"/>
      <c r="EI2" s="138"/>
      <c r="EJ2" s="138"/>
      <c r="EK2" s="138"/>
      <c r="EL2" s="138"/>
      <c r="EM2" s="18"/>
      <c r="EN2" s="139" t="s">
        <v>28</v>
      </c>
      <c r="EO2" s="139"/>
      <c r="EP2" s="138" t="str">
        <f>$C$2</f>
        <v>令和〇年度〇〇〇工事公共（その〇）県単（その〇）</v>
      </c>
      <c r="EQ2" s="138"/>
      <c r="ER2" s="138"/>
      <c r="ES2" s="138"/>
      <c r="ET2" s="138"/>
      <c r="EU2" s="138"/>
      <c r="EV2" s="138"/>
      <c r="EW2" s="138"/>
      <c r="EX2" s="138"/>
      <c r="EY2" s="138"/>
      <c r="EZ2" s="18"/>
      <c r="FA2" s="139" t="s">
        <v>28</v>
      </c>
      <c r="FB2" s="139"/>
      <c r="FC2" s="138" t="str">
        <f>$C$2</f>
        <v>令和〇年度〇〇〇工事公共（その〇）県単（その〇）</v>
      </c>
      <c r="FD2" s="138"/>
      <c r="FE2" s="138"/>
      <c r="FF2" s="138"/>
      <c r="FG2" s="138"/>
      <c r="FH2" s="138"/>
      <c r="FI2" s="138"/>
      <c r="FJ2" s="138"/>
      <c r="FK2" s="138"/>
      <c r="FL2" s="138"/>
      <c r="FM2" s="18"/>
      <c r="FN2" s="139" t="s">
        <v>28</v>
      </c>
      <c r="FO2" s="139"/>
      <c r="FP2" s="138" t="str">
        <f>$C$2</f>
        <v>令和〇年度〇〇〇工事公共（その〇）県単（その〇）</v>
      </c>
      <c r="FQ2" s="138"/>
      <c r="FR2" s="138"/>
      <c r="FS2" s="138"/>
      <c r="FT2" s="138"/>
      <c r="FU2" s="138"/>
      <c r="FV2" s="138"/>
      <c r="FW2" s="138"/>
      <c r="FX2" s="138"/>
      <c r="FY2" s="138"/>
      <c r="FZ2" s="18"/>
      <c r="GA2" s="139" t="s">
        <v>28</v>
      </c>
      <c r="GB2" s="139"/>
      <c r="GC2" s="138" t="str">
        <f>$C$2</f>
        <v>令和〇年度〇〇〇工事公共（その〇）県単（その〇）</v>
      </c>
      <c r="GD2" s="138"/>
      <c r="GE2" s="138"/>
      <c r="GF2" s="138"/>
      <c r="GG2" s="138"/>
      <c r="GH2" s="138"/>
      <c r="GI2" s="138"/>
      <c r="GJ2" s="138"/>
      <c r="GK2" s="138"/>
      <c r="GL2" s="138"/>
      <c r="GM2" s="18"/>
      <c r="GN2" s="139" t="s">
        <v>28</v>
      </c>
      <c r="GO2" s="139"/>
      <c r="GP2" s="138" t="str">
        <f>$C$2</f>
        <v>令和〇年度〇〇〇工事公共（その〇）県単（その〇）</v>
      </c>
      <c r="GQ2" s="138"/>
      <c r="GR2" s="138"/>
      <c r="GS2" s="138"/>
      <c r="GT2" s="138"/>
      <c r="GU2" s="138"/>
      <c r="GV2" s="138"/>
      <c r="GW2" s="138"/>
      <c r="GX2" s="138"/>
      <c r="GY2" s="138"/>
      <c r="GZ2" s="18"/>
      <c r="HA2" s="139" t="s">
        <v>28</v>
      </c>
      <c r="HB2" s="139"/>
      <c r="HC2" s="138" t="str">
        <f>$C$2</f>
        <v>令和〇年度〇〇〇工事公共（その〇）県単（その〇）</v>
      </c>
      <c r="HD2" s="138"/>
      <c r="HE2" s="138"/>
      <c r="HF2" s="138"/>
      <c r="HG2" s="138"/>
      <c r="HH2" s="138"/>
      <c r="HI2" s="138"/>
      <c r="HJ2" s="138"/>
      <c r="HK2" s="138"/>
      <c r="HL2" s="138"/>
      <c r="HM2" s="18"/>
      <c r="HN2" s="139" t="s">
        <v>28</v>
      </c>
      <c r="HO2" s="139"/>
      <c r="HP2" s="138" t="str">
        <f>$C$2</f>
        <v>令和〇年度〇〇〇工事公共（その〇）県単（その〇）</v>
      </c>
      <c r="HQ2" s="138"/>
      <c r="HR2" s="138"/>
      <c r="HS2" s="138"/>
      <c r="HT2" s="138"/>
      <c r="HU2" s="138"/>
      <c r="HV2" s="138"/>
      <c r="HW2" s="138"/>
      <c r="HX2" s="138"/>
      <c r="HY2" s="138"/>
      <c r="HZ2" s="18"/>
      <c r="IA2" s="139" t="s">
        <v>28</v>
      </c>
      <c r="IB2" s="139"/>
      <c r="IC2" s="138" t="str">
        <f>$C$2</f>
        <v>令和〇年度〇〇〇工事公共（その〇）県単（その〇）</v>
      </c>
      <c r="ID2" s="138"/>
      <c r="IE2" s="138"/>
      <c r="IF2" s="138"/>
      <c r="IG2" s="138"/>
      <c r="IH2" s="138"/>
      <c r="II2" s="138"/>
      <c r="IJ2" s="138"/>
      <c r="IK2" s="138"/>
      <c r="IL2" s="138"/>
      <c r="IM2" s="18"/>
      <c r="IN2" s="139" t="s">
        <v>28</v>
      </c>
      <c r="IO2" s="139"/>
      <c r="IP2" s="138" t="str">
        <f>$C$2</f>
        <v>令和〇年度〇〇〇工事公共（その〇）県単（その〇）</v>
      </c>
      <c r="IQ2" s="138"/>
      <c r="IR2" s="138"/>
      <c r="IS2" s="138"/>
      <c r="IT2" s="138"/>
      <c r="IU2" s="138"/>
      <c r="IV2" s="138"/>
      <c r="IW2" s="138"/>
      <c r="IX2" s="138"/>
      <c r="IY2" s="138"/>
      <c r="IZ2" s="18"/>
      <c r="JA2" s="139" t="s">
        <v>28</v>
      </c>
      <c r="JB2" s="139"/>
      <c r="JC2" s="138" t="str">
        <f>$C$2</f>
        <v>令和〇年度〇〇〇工事公共（その〇）県単（その〇）</v>
      </c>
      <c r="JD2" s="138"/>
      <c r="JE2" s="138"/>
      <c r="JF2" s="138"/>
      <c r="JG2" s="138"/>
      <c r="JH2" s="138"/>
      <c r="JI2" s="138"/>
      <c r="JJ2" s="138"/>
      <c r="JK2" s="138"/>
      <c r="JL2" s="138"/>
      <c r="JM2" s="18"/>
      <c r="JN2" s="139" t="s">
        <v>28</v>
      </c>
      <c r="JO2" s="139"/>
      <c r="JP2" s="138" t="str">
        <f>$C$2</f>
        <v>令和〇年度〇〇〇工事公共（その〇）県単（その〇）</v>
      </c>
      <c r="JQ2" s="138"/>
      <c r="JR2" s="138"/>
      <c r="JS2" s="138"/>
      <c r="JT2" s="138"/>
      <c r="JU2" s="138"/>
      <c r="JV2" s="138"/>
      <c r="JW2" s="138"/>
      <c r="JX2" s="138"/>
      <c r="JY2" s="138"/>
      <c r="JZ2" s="18"/>
      <c r="KA2" s="139" t="s">
        <v>28</v>
      </c>
      <c r="KB2" s="139"/>
      <c r="KC2" s="138" t="str">
        <f>$C$2</f>
        <v>令和〇年度〇〇〇工事公共（その〇）県単（その〇）</v>
      </c>
      <c r="KD2" s="138"/>
      <c r="KE2" s="138"/>
      <c r="KF2" s="138"/>
      <c r="KG2" s="138"/>
      <c r="KH2" s="138"/>
      <c r="KI2" s="138"/>
      <c r="KJ2" s="138"/>
      <c r="KK2" s="138"/>
      <c r="KL2" s="138"/>
      <c r="KM2" s="18"/>
      <c r="KN2" s="139" t="s">
        <v>28</v>
      </c>
      <c r="KO2" s="139"/>
      <c r="KP2" s="138" t="str">
        <f>$C$2</f>
        <v>令和〇年度〇〇〇工事公共（その〇）県単（その〇）</v>
      </c>
      <c r="KQ2" s="138"/>
      <c r="KR2" s="138"/>
      <c r="KS2" s="138"/>
      <c r="KT2" s="138"/>
      <c r="KU2" s="138"/>
      <c r="KV2" s="138"/>
      <c r="KW2" s="138"/>
      <c r="KX2" s="138"/>
      <c r="KY2" s="138"/>
      <c r="KZ2" s="18"/>
      <c r="LA2" s="139" t="s">
        <v>28</v>
      </c>
      <c r="LB2" s="139"/>
      <c r="LC2" s="138" t="str">
        <f>$C$2</f>
        <v>令和〇年度〇〇〇工事公共（その〇）県単（その〇）</v>
      </c>
      <c r="LD2" s="138"/>
      <c r="LE2" s="138"/>
      <c r="LF2" s="138"/>
      <c r="LG2" s="138"/>
      <c r="LH2" s="138"/>
      <c r="LI2" s="138"/>
      <c r="LJ2" s="138"/>
      <c r="LK2" s="138"/>
      <c r="LL2" s="138"/>
      <c r="LM2" s="18"/>
      <c r="LN2" s="139" t="s">
        <v>28</v>
      </c>
      <c r="LO2" s="139"/>
      <c r="LP2" s="138" t="str">
        <f>$C$2</f>
        <v>令和〇年度〇〇〇工事公共（その〇）県単（その〇）</v>
      </c>
      <c r="LQ2" s="138"/>
      <c r="LR2" s="138"/>
      <c r="LS2" s="138"/>
      <c r="LT2" s="138"/>
      <c r="LU2" s="138"/>
      <c r="LV2" s="138"/>
      <c r="LW2" s="138"/>
      <c r="LX2" s="138"/>
      <c r="LY2" s="138"/>
      <c r="LZ2" s="18"/>
      <c r="MA2" s="139" t="s">
        <v>28</v>
      </c>
      <c r="MB2" s="139"/>
      <c r="MC2" s="138" t="str">
        <f>$C$2</f>
        <v>令和〇年度〇〇〇工事公共（その〇）県単（その〇）</v>
      </c>
      <c r="MD2" s="138"/>
      <c r="ME2" s="138"/>
      <c r="MF2" s="138"/>
      <c r="MG2" s="138"/>
      <c r="MH2" s="138"/>
      <c r="MI2" s="138"/>
      <c r="MJ2" s="138"/>
      <c r="MK2" s="138"/>
      <c r="ML2" s="138"/>
      <c r="MM2" s="18"/>
      <c r="MN2" s="139" t="s">
        <v>28</v>
      </c>
      <c r="MO2" s="139"/>
      <c r="MP2" s="138" t="str">
        <f>$C$2</f>
        <v>令和〇年度〇〇〇工事公共（その〇）県単（その〇）</v>
      </c>
      <c r="MQ2" s="138"/>
      <c r="MR2" s="138"/>
      <c r="MS2" s="138"/>
      <c r="MT2" s="138"/>
      <c r="MU2" s="138"/>
      <c r="MV2" s="138"/>
      <c r="MW2" s="138"/>
      <c r="MX2" s="138"/>
      <c r="MY2" s="138"/>
      <c r="MZ2" s="18"/>
      <c r="NA2" s="139" t="s">
        <v>28</v>
      </c>
      <c r="NB2" s="139"/>
      <c r="NC2" s="138" t="str">
        <f>$C$2</f>
        <v>令和〇年度〇〇〇工事公共（その〇）県単（その〇）</v>
      </c>
      <c r="ND2" s="138"/>
      <c r="NE2" s="138"/>
      <c r="NF2" s="138"/>
      <c r="NG2" s="138"/>
      <c r="NH2" s="138"/>
      <c r="NI2" s="138"/>
      <c r="NJ2" s="138"/>
      <c r="NK2" s="138"/>
      <c r="NL2" s="138"/>
      <c r="NM2" s="18"/>
      <c r="NN2" s="139" t="s">
        <v>28</v>
      </c>
      <c r="NO2" s="139"/>
      <c r="NP2" s="138" t="str">
        <f>$C$2</f>
        <v>令和〇年度〇〇〇工事公共（その〇）県単（その〇）</v>
      </c>
      <c r="NQ2" s="138"/>
      <c r="NR2" s="138"/>
      <c r="NS2" s="138"/>
      <c r="NT2" s="138"/>
      <c r="NU2" s="138"/>
      <c r="NV2" s="138"/>
      <c r="NW2" s="138"/>
      <c r="NX2" s="138"/>
      <c r="NY2" s="138"/>
      <c r="NZ2" s="18"/>
      <c r="OA2" s="139" t="s">
        <v>28</v>
      </c>
      <c r="OB2" s="139"/>
      <c r="OC2" s="138" t="str">
        <f>$C$2</f>
        <v>令和〇年度〇〇〇工事公共（その〇）県単（その〇）</v>
      </c>
      <c r="OD2" s="138"/>
      <c r="OE2" s="138"/>
      <c r="OF2" s="138"/>
      <c r="OG2" s="138"/>
      <c r="OH2" s="138"/>
      <c r="OI2" s="138"/>
      <c r="OJ2" s="138"/>
      <c r="OK2" s="138"/>
      <c r="OL2" s="138"/>
      <c r="OM2" s="18"/>
      <c r="ON2" s="139" t="s">
        <v>28</v>
      </c>
      <c r="OO2" s="139"/>
      <c r="OP2" s="138" t="str">
        <f>$C$2</f>
        <v>令和〇年度〇〇〇工事公共（その〇）県単（その〇）</v>
      </c>
      <c r="OQ2" s="138"/>
      <c r="OR2" s="138"/>
      <c r="OS2" s="138"/>
      <c r="OT2" s="138"/>
      <c r="OU2" s="138"/>
      <c r="OV2" s="138"/>
      <c r="OW2" s="138"/>
      <c r="OX2" s="138"/>
      <c r="OY2" s="138"/>
      <c r="OZ2" s="18"/>
      <c r="PA2" s="139" t="s">
        <v>28</v>
      </c>
      <c r="PB2" s="139"/>
      <c r="PC2" s="138" t="str">
        <f>$C$2</f>
        <v>令和〇年度〇〇〇工事公共（その〇）県単（その〇）</v>
      </c>
      <c r="PD2" s="138"/>
      <c r="PE2" s="138"/>
      <c r="PF2" s="138"/>
      <c r="PG2" s="138"/>
      <c r="PH2" s="138"/>
      <c r="PI2" s="138"/>
      <c r="PJ2" s="138"/>
      <c r="PK2" s="138"/>
      <c r="PL2" s="138"/>
      <c r="PM2" s="18"/>
      <c r="PN2" s="139" t="s">
        <v>28</v>
      </c>
      <c r="PO2" s="139"/>
      <c r="PP2" s="138" t="str">
        <f>$C$2</f>
        <v>令和〇年度〇〇〇工事公共（その〇）県単（その〇）</v>
      </c>
      <c r="PQ2" s="138"/>
      <c r="PR2" s="138"/>
      <c r="PS2" s="138"/>
      <c r="PT2" s="138"/>
      <c r="PU2" s="138"/>
      <c r="PV2" s="138"/>
      <c r="PW2" s="138"/>
      <c r="PX2" s="138"/>
      <c r="PY2" s="138"/>
      <c r="PZ2" s="18"/>
      <c r="QA2" s="139" t="s">
        <v>28</v>
      </c>
      <c r="QB2" s="139"/>
      <c r="QC2" s="138" t="str">
        <f>$C$2</f>
        <v>令和〇年度〇〇〇工事公共（その〇）県単（その〇）</v>
      </c>
      <c r="QD2" s="138"/>
      <c r="QE2" s="138"/>
      <c r="QF2" s="138"/>
      <c r="QG2" s="138"/>
      <c r="QH2" s="138"/>
      <c r="QI2" s="138"/>
      <c r="QJ2" s="138"/>
      <c r="QK2" s="138"/>
      <c r="QL2" s="138"/>
      <c r="QM2" s="18"/>
      <c r="QN2" s="139" t="s">
        <v>28</v>
      </c>
      <c r="QO2" s="139"/>
      <c r="QP2" s="138" t="str">
        <f>$C$2</f>
        <v>令和〇年度〇〇〇工事公共（その〇）県単（その〇）</v>
      </c>
      <c r="QQ2" s="138"/>
      <c r="QR2" s="138"/>
      <c r="QS2" s="138"/>
      <c r="QT2" s="138"/>
      <c r="QU2" s="138"/>
      <c r="QV2" s="138"/>
      <c r="QW2" s="138"/>
      <c r="QX2" s="138"/>
      <c r="QY2" s="138"/>
      <c r="QZ2" s="18"/>
      <c r="RA2" s="139" t="s">
        <v>28</v>
      </c>
      <c r="RB2" s="139"/>
      <c r="RC2" s="138" t="str">
        <f>$C$2</f>
        <v>令和〇年度〇〇〇工事公共（その〇）県単（その〇）</v>
      </c>
      <c r="RD2" s="138"/>
      <c r="RE2" s="138"/>
      <c r="RF2" s="138"/>
      <c r="RG2" s="138"/>
      <c r="RH2" s="138"/>
      <c r="RI2" s="138"/>
      <c r="RJ2" s="138"/>
      <c r="RK2" s="138"/>
      <c r="RL2" s="138"/>
      <c r="RM2" s="18"/>
      <c r="RN2" s="139" t="s">
        <v>28</v>
      </c>
      <c r="RO2" s="139"/>
      <c r="RP2" s="138" t="str">
        <f>$C$2</f>
        <v>令和〇年度〇〇〇工事公共（その〇）県単（その〇）</v>
      </c>
      <c r="RQ2" s="138"/>
      <c r="RR2" s="138"/>
      <c r="RS2" s="138"/>
      <c r="RT2" s="138"/>
      <c r="RU2" s="138"/>
      <c r="RV2" s="138"/>
      <c r="RW2" s="138"/>
      <c r="RX2" s="138"/>
      <c r="RY2" s="138"/>
      <c r="RZ2" s="18"/>
      <c r="SA2" s="139" t="s">
        <v>28</v>
      </c>
      <c r="SB2" s="139"/>
      <c r="SC2" s="138" t="str">
        <f>$C$2</f>
        <v>令和〇年度〇〇〇工事公共（その〇）県単（その〇）</v>
      </c>
      <c r="SD2" s="138"/>
      <c r="SE2" s="138"/>
      <c r="SF2" s="138"/>
      <c r="SG2" s="138"/>
      <c r="SH2" s="138"/>
      <c r="SI2" s="138"/>
      <c r="SJ2" s="138"/>
      <c r="SK2" s="138"/>
      <c r="SL2" s="138"/>
      <c r="SM2" s="18"/>
    </row>
    <row r="3" spans="1:507" ht="15" customHeight="1">
      <c r="A3" s="139"/>
      <c r="B3" s="139"/>
      <c r="C3" s="138"/>
      <c r="D3" s="138"/>
      <c r="E3" s="138"/>
      <c r="F3" s="138"/>
      <c r="G3" s="138"/>
      <c r="H3" s="138"/>
      <c r="I3" s="138"/>
      <c r="J3" s="138"/>
      <c r="K3" s="138"/>
      <c r="L3" s="138"/>
      <c r="M3" s="18"/>
      <c r="N3" s="139"/>
      <c r="O3" s="139"/>
      <c r="P3" s="138"/>
      <c r="Q3" s="138"/>
      <c r="R3" s="138"/>
      <c r="S3" s="138"/>
      <c r="T3" s="138"/>
      <c r="U3" s="138"/>
      <c r="V3" s="138"/>
      <c r="W3" s="138"/>
      <c r="X3" s="138"/>
      <c r="Y3" s="138"/>
      <c r="Z3" s="18"/>
      <c r="AA3" s="139"/>
      <c r="AB3" s="139"/>
      <c r="AC3" s="138"/>
      <c r="AD3" s="138"/>
      <c r="AE3" s="138"/>
      <c r="AF3" s="138"/>
      <c r="AG3" s="138"/>
      <c r="AH3" s="138"/>
      <c r="AI3" s="138"/>
      <c r="AJ3" s="138"/>
      <c r="AK3" s="138"/>
      <c r="AL3" s="138"/>
      <c r="AM3" s="18"/>
      <c r="AN3" s="139"/>
      <c r="AO3" s="139"/>
      <c r="AP3" s="138"/>
      <c r="AQ3" s="138"/>
      <c r="AR3" s="138"/>
      <c r="AS3" s="138"/>
      <c r="AT3" s="138"/>
      <c r="AU3" s="138"/>
      <c r="AV3" s="138"/>
      <c r="AW3" s="138"/>
      <c r="AX3" s="138"/>
      <c r="AY3" s="138"/>
      <c r="AZ3" s="18"/>
      <c r="BA3" s="139"/>
      <c r="BB3" s="139"/>
      <c r="BC3" s="138"/>
      <c r="BD3" s="138"/>
      <c r="BE3" s="138"/>
      <c r="BF3" s="138"/>
      <c r="BG3" s="138"/>
      <c r="BH3" s="138"/>
      <c r="BI3" s="138"/>
      <c r="BJ3" s="138"/>
      <c r="BK3" s="138"/>
      <c r="BL3" s="138"/>
      <c r="BM3" s="18"/>
      <c r="BN3" s="139"/>
      <c r="BO3" s="139"/>
      <c r="BP3" s="138"/>
      <c r="BQ3" s="138"/>
      <c r="BR3" s="138"/>
      <c r="BS3" s="138"/>
      <c r="BT3" s="138"/>
      <c r="BU3" s="138"/>
      <c r="BV3" s="138"/>
      <c r="BW3" s="138"/>
      <c r="BX3" s="138"/>
      <c r="BY3" s="138"/>
      <c r="BZ3" s="18"/>
      <c r="CA3" s="139"/>
      <c r="CB3" s="139"/>
      <c r="CC3" s="138"/>
      <c r="CD3" s="138"/>
      <c r="CE3" s="138"/>
      <c r="CF3" s="138"/>
      <c r="CG3" s="138"/>
      <c r="CH3" s="138"/>
      <c r="CI3" s="138"/>
      <c r="CJ3" s="138"/>
      <c r="CK3" s="138"/>
      <c r="CL3" s="138"/>
      <c r="CM3" s="18"/>
      <c r="CN3" s="139"/>
      <c r="CO3" s="139"/>
      <c r="CP3" s="138"/>
      <c r="CQ3" s="138"/>
      <c r="CR3" s="138"/>
      <c r="CS3" s="138"/>
      <c r="CT3" s="138"/>
      <c r="CU3" s="138"/>
      <c r="CV3" s="138"/>
      <c r="CW3" s="138"/>
      <c r="CX3" s="138"/>
      <c r="CY3" s="138"/>
      <c r="CZ3" s="18"/>
      <c r="DA3" s="139"/>
      <c r="DB3" s="139"/>
      <c r="DC3" s="138"/>
      <c r="DD3" s="138"/>
      <c r="DE3" s="138"/>
      <c r="DF3" s="138"/>
      <c r="DG3" s="138"/>
      <c r="DH3" s="138"/>
      <c r="DI3" s="138"/>
      <c r="DJ3" s="138"/>
      <c r="DK3" s="138"/>
      <c r="DL3" s="138"/>
      <c r="DM3" s="18"/>
      <c r="DN3" s="139"/>
      <c r="DO3" s="139"/>
      <c r="DP3" s="138"/>
      <c r="DQ3" s="138"/>
      <c r="DR3" s="138"/>
      <c r="DS3" s="138"/>
      <c r="DT3" s="138"/>
      <c r="DU3" s="138"/>
      <c r="DV3" s="138"/>
      <c r="DW3" s="138"/>
      <c r="DX3" s="138"/>
      <c r="DY3" s="138"/>
      <c r="DZ3" s="18"/>
      <c r="EA3" s="139"/>
      <c r="EB3" s="139"/>
      <c r="EC3" s="138"/>
      <c r="ED3" s="138"/>
      <c r="EE3" s="138"/>
      <c r="EF3" s="138"/>
      <c r="EG3" s="138"/>
      <c r="EH3" s="138"/>
      <c r="EI3" s="138"/>
      <c r="EJ3" s="138"/>
      <c r="EK3" s="138"/>
      <c r="EL3" s="138"/>
      <c r="EM3" s="18"/>
      <c r="EN3" s="139"/>
      <c r="EO3" s="139"/>
      <c r="EP3" s="138"/>
      <c r="EQ3" s="138"/>
      <c r="ER3" s="138"/>
      <c r="ES3" s="138"/>
      <c r="ET3" s="138"/>
      <c r="EU3" s="138"/>
      <c r="EV3" s="138"/>
      <c r="EW3" s="138"/>
      <c r="EX3" s="138"/>
      <c r="EY3" s="138"/>
      <c r="EZ3" s="18"/>
      <c r="FA3" s="139"/>
      <c r="FB3" s="139"/>
      <c r="FC3" s="138"/>
      <c r="FD3" s="138"/>
      <c r="FE3" s="138"/>
      <c r="FF3" s="138"/>
      <c r="FG3" s="138"/>
      <c r="FH3" s="138"/>
      <c r="FI3" s="138"/>
      <c r="FJ3" s="138"/>
      <c r="FK3" s="138"/>
      <c r="FL3" s="138"/>
      <c r="FM3" s="18"/>
      <c r="FN3" s="139"/>
      <c r="FO3" s="139"/>
      <c r="FP3" s="138"/>
      <c r="FQ3" s="138"/>
      <c r="FR3" s="138"/>
      <c r="FS3" s="138"/>
      <c r="FT3" s="138"/>
      <c r="FU3" s="138"/>
      <c r="FV3" s="138"/>
      <c r="FW3" s="138"/>
      <c r="FX3" s="138"/>
      <c r="FY3" s="138"/>
      <c r="FZ3" s="18"/>
      <c r="GA3" s="139"/>
      <c r="GB3" s="139"/>
      <c r="GC3" s="138"/>
      <c r="GD3" s="138"/>
      <c r="GE3" s="138"/>
      <c r="GF3" s="138"/>
      <c r="GG3" s="138"/>
      <c r="GH3" s="138"/>
      <c r="GI3" s="138"/>
      <c r="GJ3" s="138"/>
      <c r="GK3" s="138"/>
      <c r="GL3" s="138"/>
      <c r="GM3" s="18"/>
      <c r="GN3" s="139"/>
      <c r="GO3" s="139"/>
      <c r="GP3" s="138"/>
      <c r="GQ3" s="138"/>
      <c r="GR3" s="138"/>
      <c r="GS3" s="138"/>
      <c r="GT3" s="138"/>
      <c r="GU3" s="138"/>
      <c r="GV3" s="138"/>
      <c r="GW3" s="138"/>
      <c r="GX3" s="138"/>
      <c r="GY3" s="138"/>
      <c r="GZ3" s="18"/>
      <c r="HA3" s="139"/>
      <c r="HB3" s="139"/>
      <c r="HC3" s="138"/>
      <c r="HD3" s="138"/>
      <c r="HE3" s="138"/>
      <c r="HF3" s="138"/>
      <c r="HG3" s="138"/>
      <c r="HH3" s="138"/>
      <c r="HI3" s="138"/>
      <c r="HJ3" s="138"/>
      <c r="HK3" s="138"/>
      <c r="HL3" s="138"/>
      <c r="HM3" s="18"/>
      <c r="HN3" s="139"/>
      <c r="HO3" s="139"/>
      <c r="HP3" s="138"/>
      <c r="HQ3" s="138"/>
      <c r="HR3" s="138"/>
      <c r="HS3" s="138"/>
      <c r="HT3" s="138"/>
      <c r="HU3" s="138"/>
      <c r="HV3" s="138"/>
      <c r="HW3" s="138"/>
      <c r="HX3" s="138"/>
      <c r="HY3" s="138"/>
      <c r="HZ3" s="18"/>
      <c r="IA3" s="139"/>
      <c r="IB3" s="139"/>
      <c r="IC3" s="138"/>
      <c r="ID3" s="138"/>
      <c r="IE3" s="138"/>
      <c r="IF3" s="138"/>
      <c r="IG3" s="138"/>
      <c r="IH3" s="138"/>
      <c r="II3" s="138"/>
      <c r="IJ3" s="138"/>
      <c r="IK3" s="138"/>
      <c r="IL3" s="138"/>
      <c r="IM3" s="18"/>
      <c r="IN3" s="139"/>
      <c r="IO3" s="139"/>
      <c r="IP3" s="138"/>
      <c r="IQ3" s="138"/>
      <c r="IR3" s="138"/>
      <c r="IS3" s="138"/>
      <c r="IT3" s="138"/>
      <c r="IU3" s="138"/>
      <c r="IV3" s="138"/>
      <c r="IW3" s="138"/>
      <c r="IX3" s="138"/>
      <c r="IY3" s="138"/>
      <c r="IZ3" s="18"/>
      <c r="JA3" s="139"/>
      <c r="JB3" s="139"/>
      <c r="JC3" s="138"/>
      <c r="JD3" s="138"/>
      <c r="JE3" s="138"/>
      <c r="JF3" s="138"/>
      <c r="JG3" s="138"/>
      <c r="JH3" s="138"/>
      <c r="JI3" s="138"/>
      <c r="JJ3" s="138"/>
      <c r="JK3" s="138"/>
      <c r="JL3" s="138"/>
      <c r="JM3" s="18"/>
      <c r="JN3" s="139"/>
      <c r="JO3" s="139"/>
      <c r="JP3" s="138"/>
      <c r="JQ3" s="138"/>
      <c r="JR3" s="138"/>
      <c r="JS3" s="138"/>
      <c r="JT3" s="138"/>
      <c r="JU3" s="138"/>
      <c r="JV3" s="138"/>
      <c r="JW3" s="138"/>
      <c r="JX3" s="138"/>
      <c r="JY3" s="138"/>
      <c r="JZ3" s="18"/>
      <c r="KA3" s="139"/>
      <c r="KB3" s="139"/>
      <c r="KC3" s="138"/>
      <c r="KD3" s="138"/>
      <c r="KE3" s="138"/>
      <c r="KF3" s="138"/>
      <c r="KG3" s="138"/>
      <c r="KH3" s="138"/>
      <c r="KI3" s="138"/>
      <c r="KJ3" s="138"/>
      <c r="KK3" s="138"/>
      <c r="KL3" s="138"/>
      <c r="KM3" s="18"/>
      <c r="KN3" s="139"/>
      <c r="KO3" s="139"/>
      <c r="KP3" s="138"/>
      <c r="KQ3" s="138"/>
      <c r="KR3" s="138"/>
      <c r="KS3" s="138"/>
      <c r="KT3" s="138"/>
      <c r="KU3" s="138"/>
      <c r="KV3" s="138"/>
      <c r="KW3" s="138"/>
      <c r="KX3" s="138"/>
      <c r="KY3" s="138"/>
      <c r="KZ3" s="18"/>
      <c r="LA3" s="139"/>
      <c r="LB3" s="139"/>
      <c r="LC3" s="138"/>
      <c r="LD3" s="138"/>
      <c r="LE3" s="138"/>
      <c r="LF3" s="138"/>
      <c r="LG3" s="138"/>
      <c r="LH3" s="138"/>
      <c r="LI3" s="138"/>
      <c r="LJ3" s="138"/>
      <c r="LK3" s="138"/>
      <c r="LL3" s="138"/>
      <c r="LM3" s="18"/>
      <c r="LN3" s="139"/>
      <c r="LO3" s="139"/>
      <c r="LP3" s="138"/>
      <c r="LQ3" s="138"/>
      <c r="LR3" s="138"/>
      <c r="LS3" s="138"/>
      <c r="LT3" s="138"/>
      <c r="LU3" s="138"/>
      <c r="LV3" s="138"/>
      <c r="LW3" s="138"/>
      <c r="LX3" s="138"/>
      <c r="LY3" s="138"/>
      <c r="LZ3" s="18"/>
      <c r="MA3" s="139"/>
      <c r="MB3" s="139"/>
      <c r="MC3" s="138"/>
      <c r="MD3" s="138"/>
      <c r="ME3" s="138"/>
      <c r="MF3" s="138"/>
      <c r="MG3" s="138"/>
      <c r="MH3" s="138"/>
      <c r="MI3" s="138"/>
      <c r="MJ3" s="138"/>
      <c r="MK3" s="138"/>
      <c r="ML3" s="138"/>
      <c r="MM3" s="18"/>
      <c r="MN3" s="139"/>
      <c r="MO3" s="139"/>
      <c r="MP3" s="138"/>
      <c r="MQ3" s="138"/>
      <c r="MR3" s="138"/>
      <c r="MS3" s="138"/>
      <c r="MT3" s="138"/>
      <c r="MU3" s="138"/>
      <c r="MV3" s="138"/>
      <c r="MW3" s="138"/>
      <c r="MX3" s="138"/>
      <c r="MY3" s="138"/>
      <c r="MZ3" s="18"/>
      <c r="NA3" s="139"/>
      <c r="NB3" s="139"/>
      <c r="NC3" s="138"/>
      <c r="ND3" s="138"/>
      <c r="NE3" s="138"/>
      <c r="NF3" s="138"/>
      <c r="NG3" s="138"/>
      <c r="NH3" s="138"/>
      <c r="NI3" s="138"/>
      <c r="NJ3" s="138"/>
      <c r="NK3" s="138"/>
      <c r="NL3" s="138"/>
      <c r="NM3" s="18"/>
      <c r="NN3" s="139"/>
      <c r="NO3" s="139"/>
      <c r="NP3" s="138"/>
      <c r="NQ3" s="138"/>
      <c r="NR3" s="138"/>
      <c r="NS3" s="138"/>
      <c r="NT3" s="138"/>
      <c r="NU3" s="138"/>
      <c r="NV3" s="138"/>
      <c r="NW3" s="138"/>
      <c r="NX3" s="138"/>
      <c r="NY3" s="138"/>
      <c r="NZ3" s="18"/>
      <c r="OA3" s="139"/>
      <c r="OB3" s="139"/>
      <c r="OC3" s="138"/>
      <c r="OD3" s="138"/>
      <c r="OE3" s="138"/>
      <c r="OF3" s="138"/>
      <c r="OG3" s="138"/>
      <c r="OH3" s="138"/>
      <c r="OI3" s="138"/>
      <c r="OJ3" s="138"/>
      <c r="OK3" s="138"/>
      <c r="OL3" s="138"/>
      <c r="OM3" s="18"/>
      <c r="ON3" s="139"/>
      <c r="OO3" s="139"/>
      <c r="OP3" s="138"/>
      <c r="OQ3" s="138"/>
      <c r="OR3" s="138"/>
      <c r="OS3" s="138"/>
      <c r="OT3" s="138"/>
      <c r="OU3" s="138"/>
      <c r="OV3" s="138"/>
      <c r="OW3" s="138"/>
      <c r="OX3" s="138"/>
      <c r="OY3" s="138"/>
      <c r="OZ3" s="18"/>
      <c r="PA3" s="139"/>
      <c r="PB3" s="139"/>
      <c r="PC3" s="138"/>
      <c r="PD3" s="138"/>
      <c r="PE3" s="138"/>
      <c r="PF3" s="138"/>
      <c r="PG3" s="138"/>
      <c r="PH3" s="138"/>
      <c r="PI3" s="138"/>
      <c r="PJ3" s="138"/>
      <c r="PK3" s="138"/>
      <c r="PL3" s="138"/>
      <c r="PM3" s="18"/>
      <c r="PN3" s="139"/>
      <c r="PO3" s="139"/>
      <c r="PP3" s="138"/>
      <c r="PQ3" s="138"/>
      <c r="PR3" s="138"/>
      <c r="PS3" s="138"/>
      <c r="PT3" s="138"/>
      <c r="PU3" s="138"/>
      <c r="PV3" s="138"/>
      <c r="PW3" s="138"/>
      <c r="PX3" s="138"/>
      <c r="PY3" s="138"/>
      <c r="PZ3" s="18"/>
      <c r="QA3" s="139"/>
      <c r="QB3" s="139"/>
      <c r="QC3" s="138"/>
      <c r="QD3" s="138"/>
      <c r="QE3" s="138"/>
      <c r="QF3" s="138"/>
      <c r="QG3" s="138"/>
      <c r="QH3" s="138"/>
      <c r="QI3" s="138"/>
      <c r="QJ3" s="138"/>
      <c r="QK3" s="138"/>
      <c r="QL3" s="138"/>
      <c r="QM3" s="18"/>
      <c r="QN3" s="139"/>
      <c r="QO3" s="139"/>
      <c r="QP3" s="138"/>
      <c r="QQ3" s="138"/>
      <c r="QR3" s="138"/>
      <c r="QS3" s="138"/>
      <c r="QT3" s="138"/>
      <c r="QU3" s="138"/>
      <c r="QV3" s="138"/>
      <c r="QW3" s="138"/>
      <c r="QX3" s="138"/>
      <c r="QY3" s="138"/>
      <c r="QZ3" s="18"/>
      <c r="RA3" s="139"/>
      <c r="RB3" s="139"/>
      <c r="RC3" s="138"/>
      <c r="RD3" s="138"/>
      <c r="RE3" s="138"/>
      <c r="RF3" s="138"/>
      <c r="RG3" s="138"/>
      <c r="RH3" s="138"/>
      <c r="RI3" s="138"/>
      <c r="RJ3" s="138"/>
      <c r="RK3" s="138"/>
      <c r="RL3" s="138"/>
      <c r="RM3" s="18"/>
      <c r="RN3" s="139"/>
      <c r="RO3" s="139"/>
      <c r="RP3" s="138"/>
      <c r="RQ3" s="138"/>
      <c r="RR3" s="138"/>
      <c r="RS3" s="138"/>
      <c r="RT3" s="138"/>
      <c r="RU3" s="138"/>
      <c r="RV3" s="138"/>
      <c r="RW3" s="138"/>
      <c r="RX3" s="138"/>
      <c r="RY3" s="138"/>
      <c r="RZ3" s="18"/>
      <c r="SA3" s="139"/>
      <c r="SB3" s="139"/>
      <c r="SC3" s="138"/>
      <c r="SD3" s="138"/>
      <c r="SE3" s="138"/>
      <c r="SF3" s="138"/>
      <c r="SG3" s="138"/>
      <c r="SH3" s="138"/>
      <c r="SI3" s="138"/>
      <c r="SJ3" s="138"/>
      <c r="SK3" s="138"/>
      <c r="SL3" s="138"/>
      <c r="SM3" s="18"/>
    </row>
    <row r="4" spans="1:507" ht="15" customHeight="1">
      <c r="A4" s="139"/>
      <c r="B4" s="139"/>
      <c r="C4" s="138"/>
      <c r="D4" s="138"/>
      <c r="E4" s="138"/>
      <c r="F4" s="138"/>
      <c r="G4" s="138"/>
      <c r="H4" s="138"/>
      <c r="I4" s="138"/>
      <c r="J4" s="138"/>
      <c r="K4" s="138"/>
      <c r="L4" s="138"/>
      <c r="M4" s="18"/>
      <c r="N4" s="139"/>
      <c r="O4" s="139"/>
      <c r="P4" s="138"/>
      <c r="Q4" s="138"/>
      <c r="R4" s="138"/>
      <c r="S4" s="138"/>
      <c r="T4" s="138"/>
      <c r="U4" s="138"/>
      <c r="V4" s="138"/>
      <c r="W4" s="138"/>
      <c r="X4" s="138"/>
      <c r="Y4" s="138"/>
      <c r="Z4" s="18"/>
      <c r="AA4" s="139"/>
      <c r="AB4" s="139"/>
      <c r="AC4" s="138"/>
      <c r="AD4" s="138"/>
      <c r="AE4" s="138"/>
      <c r="AF4" s="138"/>
      <c r="AG4" s="138"/>
      <c r="AH4" s="138"/>
      <c r="AI4" s="138"/>
      <c r="AJ4" s="138"/>
      <c r="AK4" s="138"/>
      <c r="AL4" s="138"/>
      <c r="AM4" s="18"/>
      <c r="AN4" s="139"/>
      <c r="AO4" s="139"/>
      <c r="AP4" s="138"/>
      <c r="AQ4" s="138"/>
      <c r="AR4" s="138"/>
      <c r="AS4" s="138"/>
      <c r="AT4" s="138"/>
      <c r="AU4" s="138"/>
      <c r="AV4" s="138"/>
      <c r="AW4" s="138"/>
      <c r="AX4" s="138"/>
      <c r="AY4" s="138"/>
      <c r="AZ4" s="18"/>
      <c r="BA4" s="139"/>
      <c r="BB4" s="139"/>
      <c r="BC4" s="138"/>
      <c r="BD4" s="138"/>
      <c r="BE4" s="138"/>
      <c r="BF4" s="138"/>
      <c r="BG4" s="138"/>
      <c r="BH4" s="138"/>
      <c r="BI4" s="138"/>
      <c r="BJ4" s="138"/>
      <c r="BK4" s="138"/>
      <c r="BL4" s="138"/>
      <c r="BM4" s="18"/>
      <c r="BN4" s="139"/>
      <c r="BO4" s="139"/>
      <c r="BP4" s="138"/>
      <c r="BQ4" s="138"/>
      <c r="BR4" s="138"/>
      <c r="BS4" s="138"/>
      <c r="BT4" s="138"/>
      <c r="BU4" s="138"/>
      <c r="BV4" s="138"/>
      <c r="BW4" s="138"/>
      <c r="BX4" s="138"/>
      <c r="BY4" s="138"/>
      <c r="BZ4" s="18"/>
      <c r="CA4" s="139"/>
      <c r="CB4" s="139"/>
      <c r="CC4" s="138"/>
      <c r="CD4" s="138"/>
      <c r="CE4" s="138"/>
      <c r="CF4" s="138"/>
      <c r="CG4" s="138"/>
      <c r="CH4" s="138"/>
      <c r="CI4" s="138"/>
      <c r="CJ4" s="138"/>
      <c r="CK4" s="138"/>
      <c r="CL4" s="138"/>
      <c r="CM4" s="18"/>
      <c r="CN4" s="139"/>
      <c r="CO4" s="139"/>
      <c r="CP4" s="138"/>
      <c r="CQ4" s="138"/>
      <c r="CR4" s="138"/>
      <c r="CS4" s="138"/>
      <c r="CT4" s="138"/>
      <c r="CU4" s="138"/>
      <c r="CV4" s="138"/>
      <c r="CW4" s="138"/>
      <c r="CX4" s="138"/>
      <c r="CY4" s="138"/>
      <c r="CZ4" s="18"/>
      <c r="DA4" s="139"/>
      <c r="DB4" s="139"/>
      <c r="DC4" s="138"/>
      <c r="DD4" s="138"/>
      <c r="DE4" s="138"/>
      <c r="DF4" s="138"/>
      <c r="DG4" s="138"/>
      <c r="DH4" s="138"/>
      <c r="DI4" s="138"/>
      <c r="DJ4" s="138"/>
      <c r="DK4" s="138"/>
      <c r="DL4" s="138"/>
      <c r="DM4" s="18"/>
      <c r="DN4" s="139"/>
      <c r="DO4" s="139"/>
      <c r="DP4" s="138"/>
      <c r="DQ4" s="138"/>
      <c r="DR4" s="138"/>
      <c r="DS4" s="138"/>
      <c r="DT4" s="138"/>
      <c r="DU4" s="138"/>
      <c r="DV4" s="138"/>
      <c r="DW4" s="138"/>
      <c r="DX4" s="138"/>
      <c r="DY4" s="138"/>
      <c r="DZ4" s="18"/>
      <c r="EA4" s="139"/>
      <c r="EB4" s="139"/>
      <c r="EC4" s="138"/>
      <c r="ED4" s="138"/>
      <c r="EE4" s="138"/>
      <c r="EF4" s="138"/>
      <c r="EG4" s="138"/>
      <c r="EH4" s="138"/>
      <c r="EI4" s="138"/>
      <c r="EJ4" s="138"/>
      <c r="EK4" s="138"/>
      <c r="EL4" s="138"/>
      <c r="EM4" s="18"/>
      <c r="EN4" s="139"/>
      <c r="EO4" s="139"/>
      <c r="EP4" s="138"/>
      <c r="EQ4" s="138"/>
      <c r="ER4" s="138"/>
      <c r="ES4" s="138"/>
      <c r="ET4" s="138"/>
      <c r="EU4" s="138"/>
      <c r="EV4" s="138"/>
      <c r="EW4" s="138"/>
      <c r="EX4" s="138"/>
      <c r="EY4" s="138"/>
      <c r="EZ4" s="18"/>
      <c r="FA4" s="139"/>
      <c r="FB4" s="139"/>
      <c r="FC4" s="138"/>
      <c r="FD4" s="138"/>
      <c r="FE4" s="138"/>
      <c r="FF4" s="138"/>
      <c r="FG4" s="138"/>
      <c r="FH4" s="138"/>
      <c r="FI4" s="138"/>
      <c r="FJ4" s="138"/>
      <c r="FK4" s="138"/>
      <c r="FL4" s="138"/>
      <c r="FM4" s="18"/>
      <c r="FN4" s="139"/>
      <c r="FO4" s="139"/>
      <c r="FP4" s="138"/>
      <c r="FQ4" s="138"/>
      <c r="FR4" s="138"/>
      <c r="FS4" s="138"/>
      <c r="FT4" s="138"/>
      <c r="FU4" s="138"/>
      <c r="FV4" s="138"/>
      <c r="FW4" s="138"/>
      <c r="FX4" s="138"/>
      <c r="FY4" s="138"/>
      <c r="FZ4" s="18"/>
      <c r="GA4" s="139"/>
      <c r="GB4" s="139"/>
      <c r="GC4" s="138"/>
      <c r="GD4" s="138"/>
      <c r="GE4" s="138"/>
      <c r="GF4" s="138"/>
      <c r="GG4" s="138"/>
      <c r="GH4" s="138"/>
      <c r="GI4" s="138"/>
      <c r="GJ4" s="138"/>
      <c r="GK4" s="138"/>
      <c r="GL4" s="138"/>
      <c r="GM4" s="18"/>
      <c r="GN4" s="139"/>
      <c r="GO4" s="139"/>
      <c r="GP4" s="138"/>
      <c r="GQ4" s="138"/>
      <c r="GR4" s="138"/>
      <c r="GS4" s="138"/>
      <c r="GT4" s="138"/>
      <c r="GU4" s="138"/>
      <c r="GV4" s="138"/>
      <c r="GW4" s="138"/>
      <c r="GX4" s="138"/>
      <c r="GY4" s="138"/>
      <c r="GZ4" s="18"/>
      <c r="HA4" s="139"/>
      <c r="HB4" s="139"/>
      <c r="HC4" s="138"/>
      <c r="HD4" s="138"/>
      <c r="HE4" s="138"/>
      <c r="HF4" s="138"/>
      <c r="HG4" s="138"/>
      <c r="HH4" s="138"/>
      <c r="HI4" s="138"/>
      <c r="HJ4" s="138"/>
      <c r="HK4" s="138"/>
      <c r="HL4" s="138"/>
      <c r="HM4" s="18"/>
      <c r="HN4" s="139"/>
      <c r="HO4" s="139"/>
      <c r="HP4" s="138"/>
      <c r="HQ4" s="138"/>
      <c r="HR4" s="138"/>
      <c r="HS4" s="138"/>
      <c r="HT4" s="138"/>
      <c r="HU4" s="138"/>
      <c r="HV4" s="138"/>
      <c r="HW4" s="138"/>
      <c r="HX4" s="138"/>
      <c r="HY4" s="138"/>
      <c r="HZ4" s="18"/>
      <c r="IA4" s="139"/>
      <c r="IB4" s="139"/>
      <c r="IC4" s="138"/>
      <c r="ID4" s="138"/>
      <c r="IE4" s="138"/>
      <c r="IF4" s="138"/>
      <c r="IG4" s="138"/>
      <c r="IH4" s="138"/>
      <c r="II4" s="138"/>
      <c r="IJ4" s="138"/>
      <c r="IK4" s="138"/>
      <c r="IL4" s="138"/>
      <c r="IM4" s="18"/>
      <c r="IN4" s="139"/>
      <c r="IO4" s="139"/>
      <c r="IP4" s="138"/>
      <c r="IQ4" s="138"/>
      <c r="IR4" s="138"/>
      <c r="IS4" s="138"/>
      <c r="IT4" s="138"/>
      <c r="IU4" s="138"/>
      <c r="IV4" s="138"/>
      <c r="IW4" s="138"/>
      <c r="IX4" s="138"/>
      <c r="IY4" s="138"/>
      <c r="IZ4" s="18"/>
      <c r="JA4" s="139"/>
      <c r="JB4" s="139"/>
      <c r="JC4" s="138"/>
      <c r="JD4" s="138"/>
      <c r="JE4" s="138"/>
      <c r="JF4" s="138"/>
      <c r="JG4" s="138"/>
      <c r="JH4" s="138"/>
      <c r="JI4" s="138"/>
      <c r="JJ4" s="138"/>
      <c r="JK4" s="138"/>
      <c r="JL4" s="138"/>
      <c r="JM4" s="18"/>
      <c r="JN4" s="139"/>
      <c r="JO4" s="139"/>
      <c r="JP4" s="138"/>
      <c r="JQ4" s="138"/>
      <c r="JR4" s="138"/>
      <c r="JS4" s="138"/>
      <c r="JT4" s="138"/>
      <c r="JU4" s="138"/>
      <c r="JV4" s="138"/>
      <c r="JW4" s="138"/>
      <c r="JX4" s="138"/>
      <c r="JY4" s="138"/>
      <c r="JZ4" s="18"/>
      <c r="KA4" s="139"/>
      <c r="KB4" s="139"/>
      <c r="KC4" s="138"/>
      <c r="KD4" s="138"/>
      <c r="KE4" s="138"/>
      <c r="KF4" s="138"/>
      <c r="KG4" s="138"/>
      <c r="KH4" s="138"/>
      <c r="KI4" s="138"/>
      <c r="KJ4" s="138"/>
      <c r="KK4" s="138"/>
      <c r="KL4" s="138"/>
      <c r="KM4" s="18"/>
      <c r="KN4" s="139"/>
      <c r="KO4" s="139"/>
      <c r="KP4" s="138"/>
      <c r="KQ4" s="138"/>
      <c r="KR4" s="138"/>
      <c r="KS4" s="138"/>
      <c r="KT4" s="138"/>
      <c r="KU4" s="138"/>
      <c r="KV4" s="138"/>
      <c r="KW4" s="138"/>
      <c r="KX4" s="138"/>
      <c r="KY4" s="138"/>
      <c r="KZ4" s="18"/>
      <c r="LA4" s="139"/>
      <c r="LB4" s="139"/>
      <c r="LC4" s="138"/>
      <c r="LD4" s="138"/>
      <c r="LE4" s="138"/>
      <c r="LF4" s="138"/>
      <c r="LG4" s="138"/>
      <c r="LH4" s="138"/>
      <c r="LI4" s="138"/>
      <c r="LJ4" s="138"/>
      <c r="LK4" s="138"/>
      <c r="LL4" s="138"/>
      <c r="LM4" s="18"/>
      <c r="LN4" s="139"/>
      <c r="LO4" s="139"/>
      <c r="LP4" s="138"/>
      <c r="LQ4" s="138"/>
      <c r="LR4" s="138"/>
      <c r="LS4" s="138"/>
      <c r="LT4" s="138"/>
      <c r="LU4" s="138"/>
      <c r="LV4" s="138"/>
      <c r="LW4" s="138"/>
      <c r="LX4" s="138"/>
      <c r="LY4" s="138"/>
      <c r="LZ4" s="18"/>
      <c r="MA4" s="139"/>
      <c r="MB4" s="139"/>
      <c r="MC4" s="138"/>
      <c r="MD4" s="138"/>
      <c r="ME4" s="138"/>
      <c r="MF4" s="138"/>
      <c r="MG4" s="138"/>
      <c r="MH4" s="138"/>
      <c r="MI4" s="138"/>
      <c r="MJ4" s="138"/>
      <c r="MK4" s="138"/>
      <c r="ML4" s="138"/>
      <c r="MM4" s="18"/>
      <c r="MN4" s="139"/>
      <c r="MO4" s="139"/>
      <c r="MP4" s="138"/>
      <c r="MQ4" s="138"/>
      <c r="MR4" s="138"/>
      <c r="MS4" s="138"/>
      <c r="MT4" s="138"/>
      <c r="MU4" s="138"/>
      <c r="MV4" s="138"/>
      <c r="MW4" s="138"/>
      <c r="MX4" s="138"/>
      <c r="MY4" s="138"/>
      <c r="MZ4" s="18"/>
      <c r="NA4" s="139"/>
      <c r="NB4" s="139"/>
      <c r="NC4" s="138"/>
      <c r="ND4" s="138"/>
      <c r="NE4" s="138"/>
      <c r="NF4" s="138"/>
      <c r="NG4" s="138"/>
      <c r="NH4" s="138"/>
      <c r="NI4" s="138"/>
      <c r="NJ4" s="138"/>
      <c r="NK4" s="138"/>
      <c r="NL4" s="138"/>
      <c r="NM4" s="18"/>
      <c r="NN4" s="139"/>
      <c r="NO4" s="139"/>
      <c r="NP4" s="138"/>
      <c r="NQ4" s="138"/>
      <c r="NR4" s="138"/>
      <c r="NS4" s="138"/>
      <c r="NT4" s="138"/>
      <c r="NU4" s="138"/>
      <c r="NV4" s="138"/>
      <c r="NW4" s="138"/>
      <c r="NX4" s="138"/>
      <c r="NY4" s="138"/>
      <c r="NZ4" s="18"/>
      <c r="OA4" s="139"/>
      <c r="OB4" s="139"/>
      <c r="OC4" s="138"/>
      <c r="OD4" s="138"/>
      <c r="OE4" s="138"/>
      <c r="OF4" s="138"/>
      <c r="OG4" s="138"/>
      <c r="OH4" s="138"/>
      <c r="OI4" s="138"/>
      <c r="OJ4" s="138"/>
      <c r="OK4" s="138"/>
      <c r="OL4" s="138"/>
      <c r="OM4" s="18"/>
      <c r="ON4" s="139"/>
      <c r="OO4" s="139"/>
      <c r="OP4" s="138"/>
      <c r="OQ4" s="138"/>
      <c r="OR4" s="138"/>
      <c r="OS4" s="138"/>
      <c r="OT4" s="138"/>
      <c r="OU4" s="138"/>
      <c r="OV4" s="138"/>
      <c r="OW4" s="138"/>
      <c r="OX4" s="138"/>
      <c r="OY4" s="138"/>
      <c r="OZ4" s="18"/>
      <c r="PA4" s="139"/>
      <c r="PB4" s="139"/>
      <c r="PC4" s="138"/>
      <c r="PD4" s="138"/>
      <c r="PE4" s="138"/>
      <c r="PF4" s="138"/>
      <c r="PG4" s="138"/>
      <c r="PH4" s="138"/>
      <c r="PI4" s="138"/>
      <c r="PJ4" s="138"/>
      <c r="PK4" s="138"/>
      <c r="PL4" s="138"/>
      <c r="PM4" s="18"/>
      <c r="PN4" s="139"/>
      <c r="PO4" s="139"/>
      <c r="PP4" s="138"/>
      <c r="PQ4" s="138"/>
      <c r="PR4" s="138"/>
      <c r="PS4" s="138"/>
      <c r="PT4" s="138"/>
      <c r="PU4" s="138"/>
      <c r="PV4" s="138"/>
      <c r="PW4" s="138"/>
      <c r="PX4" s="138"/>
      <c r="PY4" s="138"/>
      <c r="PZ4" s="18"/>
      <c r="QA4" s="139"/>
      <c r="QB4" s="139"/>
      <c r="QC4" s="138"/>
      <c r="QD4" s="138"/>
      <c r="QE4" s="138"/>
      <c r="QF4" s="138"/>
      <c r="QG4" s="138"/>
      <c r="QH4" s="138"/>
      <c r="QI4" s="138"/>
      <c r="QJ4" s="138"/>
      <c r="QK4" s="138"/>
      <c r="QL4" s="138"/>
      <c r="QM4" s="18"/>
      <c r="QN4" s="139"/>
      <c r="QO4" s="139"/>
      <c r="QP4" s="138"/>
      <c r="QQ4" s="138"/>
      <c r="QR4" s="138"/>
      <c r="QS4" s="138"/>
      <c r="QT4" s="138"/>
      <c r="QU4" s="138"/>
      <c r="QV4" s="138"/>
      <c r="QW4" s="138"/>
      <c r="QX4" s="138"/>
      <c r="QY4" s="138"/>
      <c r="QZ4" s="18"/>
      <c r="RA4" s="139"/>
      <c r="RB4" s="139"/>
      <c r="RC4" s="138"/>
      <c r="RD4" s="138"/>
      <c r="RE4" s="138"/>
      <c r="RF4" s="138"/>
      <c r="RG4" s="138"/>
      <c r="RH4" s="138"/>
      <c r="RI4" s="138"/>
      <c r="RJ4" s="138"/>
      <c r="RK4" s="138"/>
      <c r="RL4" s="138"/>
      <c r="RM4" s="18"/>
      <c r="RN4" s="139"/>
      <c r="RO4" s="139"/>
      <c r="RP4" s="138"/>
      <c r="RQ4" s="138"/>
      <c r="RR4" s="138"/>
      <c r="RS4" s="138"/>
      <c r="RT4" s="138"/>
      <c r="RU4" s="138"/>
      <c r="RV4" s="138"/>
      <c r="RW4" s="138"/>
      <c r="RX4" s="138"/>
      <c r="RY4" s="138"/>
      <c r="RZ4" s="18"/>
      <c r="SA4" s="139"/>
      <c r="SB4" s="139"/>
      <c r="SC4" s="138"/>
      <c r="SD4" s="138"/>
      <c r="SE4" s="138"/>
      <c r="SF4" s="138"/>
      <c r="SG4" s="138"/>
      <c r="SH4" s="138"/>
      <c r="SI4" s="138"/>
      <c r="SJ4" s="138"/>
      <c r="SK4" s="138"/>
      <c r="SL4" s="138"/>
      <c r="SM4" s="18"/>
    </row>
    <row r="5" spans="1:507" ht="15" customHeight="1">
      <c r="A5" s="139"/>
      <c r="B5" s="139"/>
      <c r="C5" s="138"/>
      <c r="D5" s="138"/>
      <c r="E5" s="138"/>
      <c r="F5" s="138"/>
      <c r="G5" s="138"/>
      <c r="H5" s="138"/>
      <c r="I5" s="138"/>
      <c r="J5" s="138"/>
      <c r="K5" s="138"/>
      <c r="L5" s="138"/>
      <c r="M5" s="18"/>
      <c r="N5" s="139"/>
      <c r="O5" s="139"/>
      <c r="P5" s="138"/>
      <c r="Q5" s="138"/>
      <c r="R5" s="138"/>
      <c r="S5" s="138"/>
      <c r="T5" s="138"/>
      <c r="U5" s="138"/>
      <c r="V5" s="138"/>
      <c r="W5" s="138"/>
      <c r="X5" s="138"/>
      <c r="Y5" s="138"/>
      <c r="Z5" s="18"/>
      <c r="AA5" s="139"/>
      <c r="AB5" s="139"/>
      <c r="AC5" s="138"/>
      <c r="AD5" s="138"/>
      <c r="AE5" s="138"/>
      <c r="AF5" s="138"/>
      <c r="AG5" s="138"/>
      <c r="AH5" s="138"/>
      <c r="AI5" s="138"/>
      <c r="AJ5" s="138"/>
      <c r="AK5" s="138"/>
      <c r="AL5" s="138"/>
      <c r="AM5" s="18"/>
      <c r="AN5" s="139"/>
      <c r="AO5" s="139"/>
      <c r="AP5" s="138"/>
      <c r="AQ5" s="138"/>
      <c r="AR5" s="138"/>
      <c r="AS5" s="138"/>
      <c r="AT5" s="138"/>
      <c r="AU5" s="138"/>
      <c r="AV5" s="138"/>
      <c r="AW5" s="138"/>
      <c r="AX5" s="138"/>
      <c r="AY5" s="138"/>
      <c r="AZ5" s="18"/>
      <c r="BA5" s="139"/>
      <c r="BB5" s="139"/>
      <c r="BC5" s="138"/>
      <c r="BD5" s="138"/>
      <c r="BE5" s="138"/>
      <c r="BF5" s="138"/>
      <c r="BG5" s="138"/>
      <c r="BH5" s="138"/>
      <c r="BI5" s="138"/>
      <c r="BJ5" s="138"/>
      <c r="BK5" s="138"/>
      <c r="BL5" s="138"/>
      <c r="BM5" s="18"/>
      <c r="BN5" s="139"/>
      <c r="BO5" s="139"/>
      <c r="BP5" s="138"/>
      <c r="BQ5" s="138"/>
      <c r="BR5" s="138"/>
      <c r="BS5" s="138"/>
      <c r="BT5" s="138"/>
      <c r="BU5" s="138"/>
      <c r="BV5" s="138"/>
      <c r="BW5" s="138"/>
      <c r="BX5" s="138"/>
      <c r="BY5" s="138"/>
      <c r="BZ5" s="18"/>
      <c r="CA5" s="139"/>
      <c r="CB5" s="139"/>
      <c r="CC5" s="138"/>
      <c r="CD5" s="138"/>
      <c r="CE5" s="138"/>
      <c r="CF5" s="138"/>
      <c r="CG5" s="138"/>
      <c r="CH5" s="138"/>
      <c r="CI5" s="138"/>
      <c r="CJ5" s="138"/>
      <c r="CK5" s="138"/>
      <c r="CL5" s="138"/>
      <c r="CM5" s="18"/>
      <c r="CN5" s="139"/>
      <c r="CO5" s="139"/>
      <c r="CP5" s="138"/>
      <c r="CQ5" s="138"/>
      <c r="CR5" s="138"/>
      <c r="CS5" s="138"/>
      <c r="CT5" s="138"/>
      <c r="CU5" s="138"/>
      <c r="CV5" s="138"/>
      <c r="CW5" s="138"/>
      <c r="CX5" s="138"/>
      <c r="CY5" s="138"/>
      <c r="CZ5" s="18"/>
      <c r="DA5" s="139"/>
      <c r="DB5" s="139"/>
      <c r="DC5" s="138"/>
      <c r="DD5" s="138"/>
      <c r="DE5" s="138"/>
      <c r="DF5" s="138"/>
      <c r="DG5" s="138"/>
      <c r="DH5" s="138"/>
      <c r="DI5" s="138"/>
      <c r="DJ5" s="138"/>
      <c r="DK5" s="138"/>
      <c r="DL5" s="138"/>
      <c r="DM5" s="18"/>
      <c r="DN5" s="139"/>
      <c r="DO5" s="139"/>
      <c r="DP5" s="138"/>
      <c r="DQ5" s="138"/>
      <c r="DR5" s="138"/>
      <c r="DS5" s="138"/>
      <c r="DT5" s="138"/>
      <c r="DU5" s="138"/>
      <c r="DV5" s="138"/>
      <c r="DW5" s="138"/>
      <c r="DX5" s="138"/>
      <c r="DY5" s="138"/>
      <c r="DZ5" s="18"/>
      <c r="EA5" s="139"/>
      <c r="EB5" s="139"/>
      <c r="EC5" s="138"/>
      <c r="ED5" s="138"/>
      <c r="EE5" s="138"/>
      <c r="EF5" s="138"/>
      <c r="EG5" s="138"/>
      <c r="EH5" s="138"/>
      <c r="EI5" s="138"/>
      <c r="EJ5" s="138"/>
      <c r="EK5" s="138"/>
      <c r="EL5" s="138"/>
      <c r="EM5" s="18"/>
      <c r="EN5" s="139"/>
      <c r="EO5" s="139"/>
      <c r="EP5" s="138"/>
      <c r="EQ5" s="138"/>
      <c r="ER5" s="138"/>
      <c r="ES5" s="138"/>
      <c r="ET5" s="138"/>
      <c r="EU5" s="138"/>
      <c r="EV5" s="138"/>
      <c r="EW5" s="138"/>
      <c r="EX5" s="138"/>
      <c r="EY5" s="138"/>
      <c r="EZ5" s="18"/>
      <c r="FA5" s="139"/>
      <c r="FB5" s="139"/>
      <c r="FC5" s="138"/>
      <c r="FD5" s="138"/>
      <c r="FE5" s="138"/>
      <c r="FF5" s="138"/>
      <c r="FG5" s="138"/>
      <c r="FH5" s="138"/>
      <c r="FI5" s="138"/>
      <c r="FJ5" s="138"/>
      <c r="FK5" s="138"/>
      <c r="FL5" s="138"/>
      <c r="FM5" s="18"/>
      <c r="FN5" s="139"/>
      <c r="FO5" s="139"/>
      <c r="FP5" s="138"/>
      <c r="FQ5" s="138"/>
      <c r="FR5" s="138"/>
      <c r="FS5" s="138"/>
      <c r="FT5" s="138"/>
      <c r="FU5" s="138"/>
      <c r="FV5" s="138"/>
      <c r="FW5" s="138"/>
      <c r="FX5" s="138"/>
      <c r="FY5" s="138"/>
      <c r="FZ5" s="18"/>
      <c r="GA5" s="139"/>
      <c r="GB5" s="139"/>
      <c r="GC5" s="138"/>
      <c r="GD5" s="138"/>
      <c r="GE5" s="138"/>
      <c r="GF5" s="138"/>
      <c r="GG5" s="138"/>
      <c r="GH5" s="138"/>
      <c r="GI5" s="138"/>
      <c r="GJ5" s="138"/>
      <c r="GK5" s="138"/>
      <c r="GL5" s="138"/>
      <c r="GM5" s="18"/>
      <c r="GN5" s="139"/>
      <c r="GO5" s="139"/>
      <c r="GP5" s="138"/>
      <c r="GQ5" s="138"/>
      <c r="GR5" s="138"/>
      <c r="GS5" s="138"/>
      <c r="GT5" s="138"/>
      <c r="GU5" s="138"/>
      <c r="GV5" s="138"/>
      <c r="GW5" s="138"/>
      <c r="GX5" s="138"/>
      <c r="GY5" s="138"/>
      <c r="GZ5" s="18"/>
      <c r="HA5" s="139"/>
      <c r="HB5" s="139"/>
      <c r="HC5" s="138"/>
      <c r="HD5" s="138"/>
      <c r="HE5" s="138"/>
      <c r="HF5" s="138"/>
      <c r="HG5" s="138"/>
      <c r="HH5" s="138"/>
      <c r="HI5" s="138"/>
      <c r="HJ5" s="138"/>
      <c r="HK5" s="138"/>
      <c r="HL5" s="138"/>
      <c r="HM5" s="18"/>
      <c r="HN5" s="139"/>
      <c r="HO5" s="139"/>
      <c r="HP5" s="138"/>
      <c r="HQ5" s="138"/>
      <c r="HR5" s="138"/>
      <c r="HS5" s="138"/>
      <c r="HT5" s="138"/>
      <c r="HU5" s="138"/>
      <c r="HV5" s="138"/>
      <c r="HW5" s="138"/>
      <c r="HX5" s="138"/>
      <c r="HY5" s="138"/>
      <c r="HZ5" s="18"/>
      <c r="IA5" s="139"/>
      <c r="IB5" s="139"/>
      <c r="IC5" s="138"/>
      <c r="ID5" s="138"/>
      <c r="IE5" s="138"/>
      <c r="IF5" s="138"/>
      <c r="IG5" s="138"/>
      <c r="IH5" s="138"/>
      <c r="II5" s="138"/>
      <c r="IJ5" s="138"/>
      <c r="IK5" s="138"/>
      <c r="IL5" s="138"/>
      <c r="IM5" s="18"/>
      <c r="IN5" s="139"/>
      <c r="IO5" s="139"/>
      <c r="IP5" s="138"/>
      <c r="IQ5" s="138"/>
      <c r="IR5" s="138"/>
      <c r="IS5" s="138"/>
      <c r="IT5" s="138"/>
      <c r="IU5" s="138"/>
      <c r="IV5" s="138"/>
      <c r="IW5" s="138"/>
      <c r="IX5" s="138"/>
      <c r="IY5" s="138"/>
      <c r="IZ5" s="18"/>
      <c r="JA5" s="139"/>
      <c r="JB5" s="139"/>
      <c r="JC5" s="138"/>
      <c r="JD5" s="138"/>
      <c r="JE5" s="138"/>
      <c r="JF5" s="138"/>
      <c r="JG5" s="138"/>
      <c r="JH5" s="138"/>
      <c r="JI5" s="138"/>
      <c r="JJ5" s="138"/>
      <c r="JK5" s="138"/>
      <c r="JL5" s="138"/>
      <c r="JM5" s="18"/>
      <c r="JN5" s="139"/>
      <c r="JO5" s="139"/>
      <c r="JP5" s="138"/>
      <c r="JQ5" s="138"/>
      <c r="JR5" s="138"/>
      <c r="JS5" s="138"/>
      <c r="JT5" s="138"/>
      <c r="JU5" s="138"/>
      <c r="JV5" s="138"/>
      <c r="JW5" s="138"/>
      <c r="JX5" s="138"/>
      <c r="JY5" s="138"/>
      <c r="JZ5" s="18"/>
      <c r="KA5" s="139"/>
      <c r="KB5" s="139"/>
      <c r="KC5" s="138"/>
      <c r="KD5" s="138"/>
      <c r="KE5" s="138"/>
      <c r="KF5" s="138"/>
      <c r="KG5" s="138"/>
      <c r="KH5" s="138"/>
      <c r="KI5" s="138"/>
      <c r="KJ5" s="138"/>
      <c r="KK5" s="138"/>
      <c r="KL5" s="138"/>
      <c r="KM5" s="18"/>
      <c r="KN5" s="139"/>
      <c r="KO5" s="139"/>
      <c r="KP5" s="138"/>
      <c r="KQ5" s="138"/>
      <c r="KR5" s="138"/>
      <c r="KS5" s="138"/>
      <c r="KT5" s="138"/>
      <c r="KU5" s="138"/>
      <c r="KV5" s="138"/>
      <c r="KW5" s="138"/>
      <c r="KX5" s="138"/>
      <c r="KY5" s="138"/>
      <c r="KZ5" s="18"/>
      <c r="LA5" s="139"/>
      <c r="LB5" s="139"/>
      <c r="LC5" s="138"/>
      <c r="LD5" s="138"/>
      <c r="LE5" s="138"/>
      <c r="LF5" s="138"/>
      <c r="LG5" s="138"/>
      <c r="LH5" s="138"/>
      <c r="LI5" s="138"/>
      <c r="LJ5" s="138"/>
      <c r="LK5" s="138"/>
      <c r="LL5" s="138"/>
      <c r="LM5" s="18"/>
      <c r="LN5" s="139"/>
      <c r="LO5" s="139"/>
      <c r="LP5" s="138"/>
      <c r="LQ5" s="138"/>
      <c r="LR5" s="138"/>
      <c r="LS5" s="138"/>
      <c r="LT5" s="138"/>
      <c r="LU5" s="138"/>
      <c r="LV5" s="138"/>
      <c r="LW5" s="138"/>
      <c r="LX5" s="138"/>
      <c r="LY5" s="138"/>
      <c r="LZ5" s="18"/>
      <c r="MA5" s="139"/>
      <c r="MB5" s="139"/>
      <c r="MC5" s="138"/>
      <c r="MD5" s="138"/>
      <c r="ME5" s="138"/>
      <c r="MF5" s="138"/>
      <c r="MG5" s="138"/>
      <c r="MH5" s="138"/>
      <c r="MI5" s="138"/>
      <c r="MJ5" s="138"/>
      <c r="MK5" s="138"/>
      <c r="ML5" s="138"/>
      <c r="MM5" s="18"/>
      <c r="MN5" s="139"/>
      <c r="MO5" s="139"/>
      <c r="MP5" s="138"/>
      <c r="MQ5" s="138"/>
      <c r="MR5" s="138"/>
      <c r="MS5" s="138"/>
      <c r="MT5" s="138"/>
      <c r="MU5" s="138"/>
      <c r="MV5" s="138"/>
      <c r="MW5" s="138"/>
      <c r="MX5" s="138"/>
      <c r="MY5" s="138"/>
      <c r="MZ5" s="18"/>
      <c r="NA5" s="139"/>
      <c r="NB5" s="139"/>
      <c r="NC5" s="138"/>
      <c r="ND5" s="138"/>
      <c r="NE5" s="138"/>
      <c r="NF5" s="138"/>
      <c r="NG5" s="138"/>
      <c r="NH5" s="138"/>
      <c r="NI5" s="138"/>
      <c r="NJ5" s="138"/>
      <c r="NK5" s="138"/>
      <c r="NL5" s="138"/>
      <c r="NM5" s="18"/>
      <c r="NN5" s="139"/>
      <c r="NO5" s="139"/>
      <c r="NP5" s="138"/>
      <c r="NQ5" s="138"/>
      <c r="NR5" s="138"/>
      <c r="NS5" s="138"/>
      <c r="NT5" s="138"/>
      <c r="NU5" s="138"/>
      <c r="NV5" s="138"/>
      <c r="NW5" s="138"/>
      <c r="NX5" s="138"/>
      <c r="NY5" s="138"/>
      <c r="NZ5" s="18"/>
      <c r="OA5" s="139"/>
      <c r="OB5" s="139"/>
      <c r="OC5" s="138"/>
      <c r="OD5" s="138"/>
      <c r="OE5" s="138"/>
      <c r="OF5" s="138"/>
      <c r="OG5" s="138"/>
      <c r="OH5" s="138"/>
      <c r="OI5" s="138"/>
      <c r="OJ5" s="138"/>
      <c r="OK5" s="138"/>
      <c r="OL5" s="138"/>
      <c r="OM5" s="18"/>
      <c r="ON5" s="139"/>
      <c r="OO5" s="139"/>
      <c r="OP5" s="138"/>
      <c r="OQ5" s="138"/>
      <c r="OR5" s="138"/>
      <c r="OS5" s="138"/>
      <c r="OT5" s="138"/>
      <c r="OU5" s="138"/>
      <c r="OV5" s="138"/>
      <c r="OW5" s="138"/>
      <c r="OX5" s="138"/>
      <c r="OY5" s="138"/>
      <c r="OZ5" s="18"/>
      <c r="PA5" s="139"/>
      <c r="PB5" s="139"/>
      <c r="PC5" s="138"/>
      <c r="PD5" s="138"/>
      <c r="PE5" s="138"/>
      <c r="PF5" s="138"/>
      <c r="PG5" s="138"/>
      <c r="PH5" s="138"/>
      <c r="PI5" s="138"/>
      <c r="PJ5" s="138"/>
      <c r="PK5" s="138"/>
      <c r="PL5" s="138"/>
      <c r="PM5" s="18"/>
      <c r="PN5" s="139"/>
      <c r="PO5" s="139"/>
      <c r="PP5" s="138"/>
      <c r="PQ5" s="138"/>
      <c r="PR5" s="138"/>
      <c r="PS5" s="138"/>
      <c r="PT5" s="138"/>
      <c r="PU5" s="138"/>
      <c r="PV5" s="138"/>
      <c r="PW5" s="138"/>
      <c r="PX5" s="138"/>
      <c r="PY5" s="138"/>
      <c r="PZ5" s="18"/>
      <c r="QA5" s="139"/>
      <c r="QB5" s="139"/>
      <c r="QC5" s="138"/>
      <c r="QD5" s="138"/>
      <c r="QE5" s="138"/>
      <c r="QF5" s="138"/>
      <c r="QG5" s="138"/>
      <c r="QH5" s="138"/>
      <c r="QI5" s="138"/>
      <c r="QJ5" s="138"/>
      <c r="QK5" s="138"/>
      <c r="QL5" s="138"/>
      <c r="QM5" s="18"/>
      <c r="QN5" s="139"/>
      <c r="QO5" s="139"/>
      <c r="QP5" s="138"/>
      <c r="QQ5" s="138"/>
      <c r="QR5" s="138"/>
      <c r="QS5" s="138"/>
      <c r="QT5" s="138"/>
      <c r="QU5" s="138"/>
      <c r="QV5" s="138"/>
      <c r="QW5" s="138"/>
      <c r="QX5" s="138"/>
      <c r="QY5" s="138"/>
      <c r="QZ5" s="18"/>
      <c r="RA5" s="139"/>
      <c r="RB5" s="139"/>
      <c r="RC5" s="138"/>
      <c r="RD5" s="138"/>
      <c r="RE5" s="138"/>
      <c r="RF5" s="138"/>
      <c r="RG5" s="138"/>
      <c r="RH5" s="138"/>
      <c r="RI5" s="138"/>
      <c r="RJ5" s="138"/>
      <c r="RK5" s="138"/>
      <c r="RL5" s="138"/>
      <c r="RM5" s="18"/>
      <c r="RN5" s="139"/>
      <c r="RO5" s="139"/>
      <c r="RP5" s="138"/>
      <c r="RQ5" s="138"/>
      <c r="RR5" s="138"/>
      <c r="RS5" s="138"/>
      <c r="RT5" s="138"/>
      <c r="RU5" s="138"/>
      <c r="RV5" s="138"/>
      <c r="RW5" s="138"/>
      <c r="RX5" s="138"/>
      <c r="RY5" s="138"/>
      <c r="RZ5" s="18"/>
      <c r="SA5" s="139"/>
      <c r="SB5" s="139"/>
      <c r="SC5" s="138"/>
      <c r="SD5" s="138"/>
      <c r="SE5" s="138"/>
      <c r="SF5" s="138"/>
      <c r="SG5" s="138"/>
      <c r="SH5" s="138"/>
      <c r="SI5" s="138"/>
      <c r="SJ5" s="138"/>
      <c r="SK5" s="138"/>
      <c r="SL5" s="138"/>
      <c r="SM5" s="18"/>
    </row>
    <row r="6" spans="1:507" ht="17.100000000000001" customHeight="1">
      <c r="A6" s="82"/>
      <c r="B6" s="140">
        <f>IF(C9="","",C9)</f>
        <v>45748</v>
      </c>
      <c r="C6" s="140"/>
      <c r="D6" s="83"/>
      <c r="E6" s="80" t="s">
        <v>31</v>
      </c>
      <c r="F6" s="80"/>
      <c r="G6" s="40"/>
      <c r="H6" s="81">
        <f>IF(C9="","",MAX(C9:C46))</f>
        <v>45777</v>
      </c>
      <c r="I6" s="81"/>
      <c r="J6" s="104"/>
      <c r="K6" s="104"/>
      <c r="L6" s="104"/>
      <c r="M6" s="18"/>
      <c r="N6" s="82"/>
      <c r="O6" s="140">
        <f>IF(P9="","",P9)</f>
        <v>45778</v>
      </c>
      <c r="P6" s="140"/>
      <c r="Q6" s="83"/>
      <c r="R6" s="80" t="s">
        <v>31</v>
      </c>
      <c r="S6" s="80"/>
      <c r="T6" s="40"/>
      <c r="U6" s="81">
        <f>IF(P9="","",MAX(P9:P46))</f>
        <v>45808</v>
      </c>
      <c r="V6" s="81"/>
      <c r="W6" s="104"/>
      <c r="X6" s="104"/>
      <c r="Y6" s="104"/>
      <c r="Z6" s="18"/>
      <c r="AA6" s="82"/>
      <c r="AB6" s="140">
        <f>IF(AC9="","",AC9)</f>
        <v>45809</v>
      </c>
      <c r="AC6" s="140"/>
      <c r="AD6" s="83"/>
      <c r="AE6" s="80" t="s">
        <v>31</v>
      </c>
      <c r="AF6" s="80"/>
      <c r="AG6" s="40"/>
      <c r="AH6" s="81">
        <f>IF(AC9="","",MAX(AC9:AC46))</f>
        <v>45838</v>
      </c>
      <c r="AI6" s="81"/>
      <c r="AJ6" s="104"/>
      <c r="AK6" s="104"/>
      <c r="AL6" s="104"/>
      <c r="AM6" s="18"/>
      <c r="AN6" s="82"/>
      <c r="AO6" s="140">
        <f>IF(AP9="","",AP9)</f>
        <v>45839</v>
      </c>
      <c r="AP6" s="140"/>
      <c r="AQ6" s="83"/>
      <c r="AR6" s="80" t="s">
        <v>31</v>
      </c>
      <c r="AS6" s="80"/>
      <c r="AT6" s="40"/>
      <c r="AU6" s="81">
        <f>IF(AP9="","",MAX(AP9:AP46))</f>
        <v>45869</v>
      </c>
      <c r="AV6" s="81"/>
      <c r="AW6" s="104"/>
      <c r="AX6" s="104"/>
      <c r="AY6" s="104"/>
      <c r="AZ6" s="18"/>
      <c r="BA6" s="82"/>
      <c r="BB6" s="140">
        <f>IF(BC9="","",BC9)</f>
        <v>45870</v>
      </c>
      <c r="BC6" s="140"/>
      <c r="BD6" s="83"/>
      <c r="BE6" s="80" t="s">
        <v>31</v>
      </c>
      <c r="BF6" s="80"/>
      <c r="BG6" s="40"/>
      <c r="BH6" s="81">
        <f>IF(BC9="","",MAX(BC9:BC46))</f>
        <v>45900</v>
      </c>
      <c r="BI6" s="81"/>
      <c r="BJ6" s="104"/>
      <c r="BK6" s="104"/>
      <c r="BL6" s="104"/>
      <c r="BM6" s="18"/>
      <c r="BN6" s="82"/>
      <c r="BO6" s="140" t="str">
        <f>IF(BP9="","",BP9)</f>
        <v/>
      </c>
      <c r="BP6" s="140"/>
      <c r="BQ6" s="83"/>
      <c r="BR6" s="80" t="s">
        <v>31</v>
      </c>
      <c r="BS6" s="80"/>
      <c r="BT6" s="40"/>
      <c r="BU6" s="81" t="str">
        <f>IF(BP9="","",MAX(BP9:BP46))</f>
        <v/>
      </c>
      <c r="BV6" s="81"/>
      <c r="BW6" s="104"/>
      <c r="BX6" s="104"/>
      <c r="BY6" s="104"/>
      <c r="BZ6" s="18"/>
      <c r="CA6" s="82"/>
      <c r="CB6" s="140" t="str">
        <f>IF(CC9="","",CC9)</f>
        <v/>
      </c>
      <c r="CC6" s="140"/>
      <c r="CD6" s="83"/>
      <c r="CE6" s="80" t="s">
        <v>31</v>
      </c>
      <c r="CF6" s="80"/>
      <c r="CG6" s="40"/>
      <c r="CH6" s="81" t="str">
        <f>IF(CC9="","",MAX(CC9:CC46))</f>
        <v/>
      </c>
      <c r="CI6" s="81"/>
      <c r="CJ6" s="104"/>
      <c r="CK6" s="104"/>
      <c r="CL6" s="104"/>
      <c r="CM6" s="18"/>
      <c r="CN6" s="82"/>
      <c r="CO6" s="140" t="str">
        <f>IF(CP9="","",CP9)</f>
        <v/>
      </c>
      <c r="CP6" s="140"/>
      <c r="CQ6" s="83"/>
      <c r="CR6" s="80" t="s">
        <v>31</v>
      </c>
      <c r="CS6" s="80"/>
      <c r="CT6" s="40"/>
      <c r="CU6" s="81" t="str">
        <f>IF(CP9="","",MAX(CP9:CP46))</f>
        <v/>
      </c>
      <c r="CV6" s="81"/>
      <c r="CW6" s="104"/>
      <c r="CX6" s="104"/>
      <c r="CY6" s="104"/>
      <c r="CZ6" s="18"/>
      <c r="DA6" s="82"/>
      <c r="DB6" s="140" t="str">
        <f>IF(DC9="","",DC9)</f>
        <v/>
      </c>
      <c r="DC6" s="140"/>
      <c r="DD6" s="83"/>
      <c r="DE6" s="80" t="s">
        <v>31</v>
      </c>
      <c r="DF6" s="80"/>
      <c r="DG6" s="40"/>
      <c r="DH6" s="81" t="str">
        <f>IF(DC9="","",MAX(DC9:DC46))</f>
        <v/>
      </c>
      <c r="DI6" s="81"/>
      <c r="DJ6" s="104"/>
      <c r="DK6" s="104"/>
      <c r="DL6" s="104"/>
      <c r="DM6" s="18"/>
      <c r="DN6" s="82"/>
      <c r="DO6" s="140" t="str">
        <f>IF(DP9="","",DP9)</f>
        <v/>
      </c>
      <c r="DP6" s="140"/>
      <c r="DQ6" s="83"/>
      <c r="DR6" s="80" t="s">
        <v>31</v>
      </c>
      <c r="DS6" s="80"/>
      <c r="DT6" s="40"/>
      <c r="DU6" s="81" t="str">
        <f>IF(DP9="","",MAX(DP9:DP46))</f>
        <v/>
      </c>
      <c r="DV6" s="81"/>
      <c r="DW6" s="104"/>
      <c r="DX6" s="104"/>
      <c r="DY6" s="104"/>
      <c r="DZ6" s="18"/>
      <c r="EA6" s="82"/>
      <c r="EB6" s="140" t="str">
        <f>IF(EC9="","",EC9)</f>
        <v/>
      </c>
      <c r="EC6" s="140"/>
      <c r="ED6" s="83"/>
      <c r="EE6" s="80" t="s">
        <v>31</v>
      </c>
      <c r="EF6" s="80"/>
      <c r="EG6" s="40"/>
      <c r="EH6" s="81" t="str">
        <f>IF(EC9="","",MAX(EC9:EC46))</f>
        <v/>
      </c>
      <c r="EI6" s="81"/>
      <c r="EJ6" s="104"/>
      <c r="EK6" s="104"/>
      <c r="EL6" s="104"/>
      <c r="EM6" s="18"/>
      <c r="EN6" s="82"/>
      <c r="EO6" s="140" t="str">
        <f>IF(EP9="","",EP9)</f>
        <v/>
      </c>
      <c r="EP6" s="140"/>
      <c r="EQ6" s="83"/>
      <c r="ER6" s="80" t="s">
        <v>31</v>
      </c>
      <c r="ES6" s="80"/>
      <c r="ET6" s="40"/>
      <c r="EU6" s="81" t="str">
        <f>IF(EP9="","",MAX(EP9:EP46))</f>
        <v/>
      </c>
      <c r="EV6" s="81"/>
      <c r="EW6" s="104"/>
      <c r="EX6" s="104"/>
      <c r="EY6" s="104"/>
      <c r="EZ6" s="18"/>
      <c r="FA6" s="82"/>
      <c r="FB6" s="140" t="str">
        <f>IF(FC9="","",FC9)</f>
        <v/>
      </c>
      <c r="FC6" s="140"/>
      <c r="FD6" s="83"/>
      <c r="FE6" s="80" t="s">
        <v>31</v>
      </c>
      <c r="FF6" s="80"/>
      <c r="FG6" s="40"/>
      <c r="FH6" s="81" t="str">
        <f>IF(FC9="","",MAX(FC9:FC46))</f>
        <v/>
      </c>
      <c r="FI6" s="81"/>
      <c r="FJ6" s="104"/>
      <c r="FK6" s="104"/>
      <c r="FL6" s="104"/>
      <c r="FM6" s="18"/>
      <c r="FN6" s="82"/>
      <c r="FO6" s="140" t="str">
        <f>IF(FP9="","",FP9)</f>
        <v/>
      </c>
      <c r="FP6" s="140"/>
      <c r="FQ6" s="83"/>
      <c r="FR6" s="80" t="s">
        <v>31</v>
      </c>
      <c r="FS6" s="80"/>
      <c r="FT6" s="40"/>
      <c r="FU6" s="81" t="str">
        <f>IF(FP9="","",MAX(FP9:FP46))</f>
        <v/>
      </c>
      <c r="FV6" s="81"/>
      <c r="FW6" s="104"/>
      <c r="FX6" s="104"/>
      <c r="FY6" s="104"/>
      <c r="FZ6" s="18"/>
      <c r="GA6" s="82"/>
      <c r="GB6" s="140" t="str">
        <f>IF(GC9="","",GC9)</f>
        <v/>
      </c>
      <c r="GC6" s="140"/>
      <c r="GD6" s="83"/>
      <c r="GE6" s="80" t="s">
        <v>31</v>
      </c>
      <c r="GF6" s="80"/>
      <c r="GG6" s="40"/>
      <c r="GH6" s="81" t="str">
        <f>IF(GC9="","",MAX(GC9:GC46))</f>
        <v/>
      </c>
      <c r="GI6" s="81"/>
      <c r="GJ6" s="104"/>
      <c r="GK6" s="104"/>
      <c r="GL6" s="104"/>
      <c r="GM6" s="18"/>
      <c r="GN6" s="82"/>
      <c r="GO6" s="140" t="str">
        <f>IF(GP9="","",GP9)</f>
        <v/>
      </c>
      <c r="GP6" s="140"/>
      <c r="GQ6" s="83"/>
      <c r="GR6" s="80" t="s">
        <v>31</v>
      </c>
      <c r="GS6" s="80"/>
      <c r="GT6" s="40"/>
      <c r="GU6" s="81" t="str">
        <f>IF(GP9="","",MAX(GP9:GP46))</f>
        <v/>
      </c>
      <c r="GV6" s="81"/>
      <c r="GW6" s="104"/>
      <c r="GX6" s="104"/>
      <c r="GY6" s="104"/>
      <c r="GZ6" s="18"/>
      <c r="HA6" s="82"/>
      <c r="HB6" s="140" t="str">
        <f>IF(HC9="","",HC9)</f>
        <v/>
      </c>
      <c r="HC6" s="140"/>
      <c r="HD6" s="83"/>
      <c r="HE6" s="80" t="s">
        <v>31</v>
      </c>
      <c r="HF6" s="80"/>
      <c r="HG6" s="40"/>
      <c r="HH6" s="81" t="str">
        <f>IF(HC9="","",MAX(HC9:HC46))</f>
        <v/>
      </c>
      <c r="HI6" s="81"/>
      <c r="HJ6" s="104"/>
      <c r="HK6" s="104"/>
      <c r="HL6" s="104"/>
      <c r="HM6" s="18"/>
      <c r="HN6" s="82"/>
      <c r="HO6" s="140" t="str">
        <f>IF(HP9="","",HP9)</f>
        <v/>
      </c>
      <c r="HP6" s="140"/>
      <c r="HQ6" s="83"/>
      <c r="HR6" s="80" t="s">
        <v>31</v>
      </c>
      <c r="HS6" s="80"/>
      <c r="HT6" s="40"/>
      <c r="HU6" s="81" t="str">
        <f>IF(HP9="","",MAX(HP9:HP46))</f>
        <v/>
      </c>
      <c r="HV6" s="81"/>
      <c r="HW6" s="104"/>
      <c r="HX6" s="104"/>
      <c r="HY6" s="104"/>
      <c r="HZ6" s="18"/>
      <c r="IA6" s="82"/>
      <c r="IB6" s="140" t="str">
        <f>IF(IC9="","",IC9)</f>
        <v/>
      </c>
      <c r="IC6" s="140"/>
      <c r="ID6" s="83"/>
      <c r="IE6" s="80" t="s">
        <v>31</v>
      </c>
      <c r="IF6" s="80"/>
      <c r="IG6" s="40"/>
      <c r="IH6" s="81" t="str">
        <f>IF(IC9="","",MAX(IC9:IC46))</f>
        <v/>
      </c>
      <c r="II6" s="81"/>
      <c r="IJ6" s="104"/>
      <c r="IK6" s="104"/>
      <c r="IL6" s="104"/>
      <c r="IM6" s="18"/>
      <c r="IN6" s="82"/>
      <c r="IO6" s="140" t="str">
        <f>IF(IP9="","",IP9)</f>
        <v/>
      </c>
      <c r="IP6" s="140"/>
      <c r="IQ6" s="83"/>
      <c r="IR6" s="80" t="s">
        <v>31</v>
      </c>
      <c r="IS6" s="80"/>
      <c r="IT6" s="40"/>
      <c r="IU6" s="81" t="str">
        <f>IF(IP9="","",MAX(IP9:IP46))</f>
        <v/>
      </c>
      <c r="IV6" s="81"/>
      <c r="IW6" s="104"/>
      <c r="IX6" s="104"/>
      <c r="IY6" s="104"/>
      <c r="IZ6" s="18"/>
      <c r="JA6" s="82"/>
      <c r="JB6" s="140" t="str">
        <f>IF(JC9="","",JC9)</f>
        <v/>
      </c>
      <c r="JC6" s="140"/>
      <c r="JD6" s="83"/>
      <c r="JE6" s="80" t="s">
        <v>31</v>
      </c>
      <c r="JF6" s="80"/>
      <c r="JG6" s="40"/>
      <c r="JH6" s="81" t="str">
        <f>IF(JC9="","",MAX(JC9:JC46))</f>
        <v/>
      </c>
      <c r="JI6" s="81"/>
      <c r="JJ6" s="104"/>
      <c r="JK6" s="104"/>
      <c r="JL6" s="104"/>
      <c r="JM6" s="18"/>
      <c r="JN6" s="82"/>
      <c r="JO6" s="140" t="str">
        <f>IF(JP9="","",JP9)</f>
        <v/>
      </c>
      <c r="JP6" s="140"/>
      <c r="JQ6" s="83"/>
      <c r="JR6" s="80" t="s">
        <v>31</v>
      </c>
      <c r="JS6" s="80"/>
      <c r="JT6" s="40"/>
      <c r="JU6" s="81" t="str">
        <f>IF(JP9="","",MAX(JP9:JP46))</f>
        <v/>
      </c>
      <c r="JV6" s="81"/>
      <c r="JW6" s="104"/>
      <c r="JX6" s="104"/>
      <c r="JY6" s="104"/>
      <c r="JZ6" s="18"/>
      <c r="KA6" s="82"/>
      <c r="KB6" s="140" t="str">
        <f>IF(KC9="","",KC9)</f>
        <v/>
      </c>
      <c r="KC6" s="140"/>
      <c r="KD6" s="83"/>
      <c r="KE6" s="80" t="s">
        <v>31</v>
      </c>
      <c r="KF6" s="80"/>
      <c r="KG6" s="40"/>
      <c r="KH6" s="81" t="str">
        <f>IF(KC9="","",MAX(KC9:KC46))</f>
        <v/>
      </c>
      <c r="KI6" s="81"/>
      <c r="KJ6" s="104"/>
      <c r="KK6" s="104"/>
      <c r="KL6" s="104"/>
      <c r="KM6" s="18"/>
      <c r="KN6" s="82"/>
      <c r="KO6" s="140" t="str">
        <f>IF(KP9="","",KP9)</f>
        <v/>
      </c>
      <c r="KP6" s="140"/>
      <c r="KQ6" s="83"/>
      <c r="KR6" s="80" t="s">
        <v>31</v>
      </c>
      <c r="KS6" s="80"/>
      <c r="KT6" s="40"/>
      <c r="KU6" s="81" t="str">
        <f>IF(KP9="","",MAX(KP9:KP46))</f>
        <v/>
      </c>
      <c r="KV6" s="81"/>
      <c r="KW6" s="104"/>
      <c r="KX6" s="104"/>
      <c r="KY6" s="104"/>
      <c r="KZ6" s="18"/>
      <c r="LA6" s="82"/>
      <c r="LB6" s="140" t="str">
        <f>IF(LC9="","",LC9)</f>
        <v/>
      </c>
      <c r="LC6" s="140"/>
      <c r="LD6" s="83"/>
      <c r="LE6" s="80" t="s">
        <v>31</v>
      </c>
      <c r="LF6" s="80"/>
      <c r="LG6" s="40"/>
      <c r="LH6" s="81" t="str">
        <f>IF(LC9="","",MAX(LC9:LC46))</f>
        <v/>
      </c>
      <c r="LI6" s="81"/>
      <c r="LJ6" s="104"/>
      <c r="LK6" s="104"/>
      <c r="LL6" s="104"/>
      <c r="LM6" s="18"/>
      <c r="LN6" s="82"/>
      <c r="LO6" s="140" t="str">
        <f>IF(LP9="","",LP9)</f>
        <v/>
      </c>
      <c r="LP6" s="140"/>
      <c r="LQ6" s="83"/>
      <c r="LR6" s="80" t="s">
        <v>31</v>
      </c>
      <c r="LS6" s="80"/>
      <c r="LT6" s="40"/>
      <c r="LU6" s="81" t="str">
        <f>IF(LP9="","",MAX(LP9:LP46))</f>
        <v/>
      </c>
      <c r="LV6" s="81"/>
      <c r="LW6" s="104"/>
      <c r="LX6" s="104"/>
      <c r="LY6" s="104"/>
      <c r="LZ6" s="18"/>
      <c r="MA6" s="82"/>
      <c r="MB6" s="140" t="str">
        <f>IF(MC9="","",MC9)</f>
        <v/>
      </c>
      <c r="MC6" s="140"/>
      <c r="MD6" s="83"/>
      <c r="ME6" s="80" t="s">
        <v>31</v>
      </c>
      <c r="MF6" s="80"/>
      <c r="MG6" s="40"/>
      <c r="MH6" s="81" t="str">
        <f>IF(MC9="","",MAX(MC9:MC46))</f>
        <v/>
      </c>
      <c r="MI6" s="81"/>
      <c r="MJ6" s="104"/>
      <c r="MK6" s="104"/>
      <c r="ML6" s="104"/>
      <c r="MM6" s="18"/>
      <c r="MN6" s="82"/>
      <c r="MO6" s="140" t="str">
        <f>IF(MP9="","",MP9)</f>
        <v/>
      </c>
      <c r="MP6" s="140"/>
      <c r="MQ6" s="83"/>
      <c r="MR6" s="80" t="s">
        <v>31</v>
      </c>
      <c r="MS6" s="80"/>
      <c r="MT6" s="40"/>
      <c r="MU6" s="81" t="str">
        <f>IF(MP9="","",MAX(MP9:MP46))</f>
        <v/>
      </c>
      <c r="MV6" s="81"/>
      <c r="MW6" s="104"/>
      <c r="MX6" s="104"/>
      <c r="MY6" s="104"/>
      <c r="MZ6" s="18"/>
      <c r="NA6" s="82"/>
      <c r="NB6" s="140" t="str">
        <f>IF(NC9="","",NC9)</f>
        <v/>
      </c>
      <c r="NC6" s="140"/>
      <c r="ND6" s="83"/>
      <c r="NE6" s="80" t="s">
        <v>31</v>
      </c>
      <c r="NF6" s="80"/>
      <c r="NG6" s="40"/>
      <c r="NH6" s="81" t="str">
        <f>IF(NC9="","",MAX(NC9:NC46))</f>
        <v/>
      </c>
      <c r="NI6" s="81"/>
      <c r="NJ6" s="104"/>
      <c r="NK6" s="104"/>
      <c r="NL6" s="104"/>
      <c r="NM6" s="18"/>
      <c r="NN6" s="82"/>
      <c r="NO6" s="140" t="str">
        <f>IF(NP9="","",NP9)</f>
        <v/>
      </c>
      <c r="NP6" s="140"/>
      <c r="NQ6" s="83"/>
      <c r="NR6" s="80" t="s">
        <v>31</v>
      </c>
      <c r="NS6" s="80"/>
      <c r="NT6" s="40"/>
      <c r="NU6" s="81" t="str">
        <f>IF(NP9="","",MAX(NP9:NP46))</f>
        <v/>
      </c>
      <c r="NV6" s="81"/>
      <c r="NW6" s="104"/>
      <c r="NX6" s="104"/>
      <c r="NY6" s="104"/>
      <c r="NZ6" s="18"/>
      <c r="OA6" s="82"/>
      <c r="OB6" s="140" t="str">
        <f>IF(OC9="","",OC9)</f>
        <v/>
      </c>
      <c r="OC6" s="140"/>
      <c r="OD6" s="83"/>
      <c r="OE6" s="80" t="s">
        <v>31</v>
      </c>
      <c r="OF6" s="80"/>
      <c r="OG6" s="40"/>
      <c r="OH6" s="81" t="str">
        <f>IF(OC9="","",MAX(OC9:OC46))</f>
        <v/>
      </c>
      <c r="OI6" s="81"/>
      <c r="OJ6" s="104"/>
      <c r="OK6" s="104"/>
      <c r="OL6" s="104"/>
      <c r="OM6" s="18"/>
      <c r="ON6" s="82"/>
      <c r="OO6" s="140" t="str">
        <f>IF(OP9="","",OP9)</f>
        <v/>
      </c>
      <c r="OP6" s="140"/>
      <c r="OQ6" s="83"/>
      <c r="OR6" s="80" t="s">
        <v>31</v>
      </c>
      <c r="OS6" s="80"/>
      <c r="OT6" s="40"/>
      <c r="OU6" s="81" t="str">
        <f>IF(OP9="","",MAX(OP9:OP46))</f>
        <v/>
      </c>
      <c r="OV6" s="81"/>
      <c r="OW6" s="104"/>
      <c r="OX6" s="104"/>
      <c r="OY6" s="104"/>
      <c r="OZ6" s="18"/>
      <c r="PA6" s="82"/>
      <c r="PB6" s="140" t="str">
        <f>IF(PC9="","",PC9)</f>
        <v/>
      </c>
      <c r="PC6" s="140"/>
      <c r="PD6" s="83"/>
      <c r="PE6" s="80" t="s">
        <v>31</v>
      </c>
      <c r="PF6" s="80"/>
      <c r="PG6" s="40"/>
      <c r="PH6" s="81" t="str">
        <f>IF(PC9="","",MAX(PC9:PC46))</f>
        <v/>
      </c>
      <c r="PI6" s="81"/>
      <c r="PJ6" s="104"/>
      <c r="PK6" s="104"/>
      <c r="PL6" s="104"/>
      <c r="PM6" s="18"/>
      <c r="PN6" s="82"/>
      <c r="PO6" s="140" t="str">
        <f>IF(PP9="","",PP9)</f>
        <v/>
      </c>
      <c r="PP6" s="140"/>
      <c r="PQ6" s="83"/>
      <c r="PR6" s="80" t="s">
        <v>31</v>
      </c>
      <c r="PS6" s="80"/>
      <c r="PT6" s="40"/>
      <c r="PU6" s="81" t="str">
        <f>IF(PP9="","",MAX(PP9:PP46))</f>
        <v/>
      </c>
      <c r="PV6" s="81"/>
      <c r="PW6" s="104"/>
      <c r="PX6" s="104"/>
      <c r="PY6" s="104"/>
      <c r="PZ6" s="18"/>
      <c r="QA6" s="82"/>
      <c r="QB6" s="140" t="str">
        <f>IF(QC9="","",QC9)</f>
        <v/>
      </c>
      <c r="QC6" s="140"/>
      <c r="QD6" s="83"/>
      <c r="QE6" s="80" t="s">
        <v>31</v>
      </c>
      <c r="QF6" s="80"/>
      <c r="QG6" s="40"/>
      <c r="QH6" s="81" t="str">
        <f>IF(QC9="","",MAX(QC9:QC46))</f>
        <v/>
      </c>
      <c r="QI6" s="81"/>
      <c r="QJ6" s="104"/>
      <c r="QK6" s="104"/>
      <c r="QL6" s="104"/>
      <c r="QM6" s="18"/>
      <c r="QN6" s="82"/>
      <c r="QO6" s="140" t="str">
        <f>IF(QP9="","",QP9)</f>
        <v/>
      </c>
      <c r="QP6" s="140"/>
      <c r="QQ6" s="83"/>
      <c r="QR6" s="80" t="s">
        <v>31</v>
      </c>
      <c r="QS6" s="80"/>
      <c r="QT6" s="40"/>
      <c r="QU6" s="81" t="str">
        <f>IF(QP9="","",MAX(QP9:QP46))</f>
        <v/>
      </c>
      <c r="QV6" s="81"/>
      <c r="QW6" s="104"/>
      <c r="QX6" s="104"/>
      <c r="QY6" s="104"/>
      <c r="QZ6" s="18"/>
      <c r="RA6" s="82"/>
      <c r="RB6" s="140" t="str">
        <f>IF(RC9="","",RC9)</f>
        <v/>
      </c>
      <c r="RC6" s="140"/>
      <c r="RD6" s="83"/>
      <c r="RE6" s="80" t="s">
        <v>31</v>
      </c>
      <c r="RF6" s="80"/>
      <c r="RG6" s="40"/>
      <c r="RH6" s="81" t="str">
        <f>IF(RC9="","",MAX(RC9:RC46))</f>
        <v/>
      </c>
      <c r="RI6" s="81"/>
      <c r="RJ6" s="104"/>
      <c r="RK6" s="104"/>
      <c r="RL6" s="104"/>
      <c r="RM6" s="18"/>
      <c r="RN6" s="82"/>
      <c r="RO6" s="140" t="str">
        <f>IF(RP9="","",RP9)</f>
        <v/>
      </c>
      <c r="RP6" s="140"/>
      <c r="RQ6" s="83"/>
      <c r="RR6" s="80" t="s">
        <v>31</v>
      </c>
      <c r="RS6" s="80"/>
      <c r="RT6" s="40"/>
      <c r="RU6" s="81" t="str">
        <f>IF(RP9="","",MAX(RP9:RP46))</f>
        <v/>
      </c>
      <c r="RV6" s="81"/>
      <c r="RW6" s="104"/>
      <c r="RX6" s="104"/>
      <c r="RY6" s="104"/>
      <c r="RZ6" s="18"/>
      <c r="SA6" s="82"/>
      <c r="SB6" s="140" t="str">
        <f>IF(SC9="","",SC9)</f>
        <v/>
      </c>
      <c r="SC6" s="140"/>
      <c r="SD6" s="83"/>
      <c r="SE6" s="80" t="s">
        <v>31</v>
      </c>
      <c r="SF6" s="80"/>
      <c r="SG6" s="40"/>
      <c r="SH6" s="81" t="str">
        <f>IF(SC9="","",MAX(SC9:SC46))</f>
        <v/>
      </c>
      <c r="SI6" s="81"/>
      <c r="SJ6" s="104"/>
      <c r="SK6" s="104"/>
      <c r="SL6" s="104"/>
      <c r="SM6" s="18"/>
    </row>
    <row r="7" spans="1:507" ht="21.9" customHeight="1">
      <c r="A7" s="103"/>
      <c r="B7" s="141" t="s">
        <v>25</v>
      </c>
      <c r="C7" s="142" t="s">
        <v>24</v>
      </c>
      <c r="D7" s="143" t="s">
        <v>62</v>
      </c>
      <c r="E7" s="143" t="s">
        <v>61</v>
      </c>
      <c r="F7" s="144" t="s">
        <v>58</v>
      </c>
      <c r="G7" s="146" t="s">
        <v>74</v>
      </c>
      <c r="H7" s="148" t="s">
        <v>52</v>
      </c>
      <c r="I7" s="149"/>
      <c r="J7" s="44"/>
      <c r="K7" s="152" t="s">
        <v>30</v>
      </c>
      <c r="L7" s="149"/>
      <c r="M7" s="18"/>
      <c r="N7" s="103"/>
      <c r="O7" s="141" t="s">
        <v>25</v>
      </c>
      <c r="P7" s="142" t="s">
        <v>24</v>
      </c>
      <c r="Q7" s="143" t="s">
        <v>62</v>
      </c>
      <c r="R7" s="143" t="s">
        <v>61</v>
      </c>
      <c r="S7" s="144" t="s">
        <v>53</v>
      </c>
      <c r="T7" s="146" t="s">
        <v>74</v>
      </c>
      <c r="U7" s="148" t="s">
        <v>52</v>
      </c>
      <c r="V7" s="149"/>
      <c r="W7" s="104"/>
      <c r="X7" s="152" t="s">
        <v>30</v>
      </c>
      <c r="Y7" s="149"/>
      <c r="Z7" s="18"/>
      <c r="AA7" s="103"/>
      <c r="AB7" s="154" t="s">
        <v>25</v>
      </c>
      <c r="AC7" s="156" t="s">
        <v>24</v>
      </c>
      <c r="AD7" s="146" t="s">
        <v>62</v>
      </c>
      <c r="AE7" s="146" t="s">
        <v>61</v>
      </c>
      <c r="AF7" s="146" t="s">
        <v>53</v>
      </c>
      <c r="AG7" s="146" t="s">
        <v>74</v>
      </c>
      <c r="AH7" s="148" t="s">
        <v>52</v>
      </c>
      <c r="AI7" s="149"/>
      <c r="AJ7" s="104"/>
      <c r="AK7" s="152" t="s">
        <v>30</v>
      </c>
      <c r="AL7" s="149"/>
      <c r="AM7" s="18"/>
      <c r="AN7" s="103"/>
      <c r="AO7" s="154" t="s">
        <v>25</v>
      </c>
      <c r="AP7" s="156" t="s">
        <v>60</v>
      </c>
      <c r="AQ7" s="146" t="s">
        <v>62</v>
      </c>
      <c r="AR7" s="146" t="s">
        <v>61</v>
      </c>
      <c r="AS7" s="146" t="s">
        <v>53</v>
      </c>
      <c r="AT7" s="146" t="s">
        <v>74</v>
      </c>
      <c r="AU7" s="148" t="s">
        <v>52</v>
      </c>
      <c r="AV7" s="149"/>
      <c r="AW7" s="104"/>
      <c r="AX7" s="152" t="s">
        <v>30</v>
      </c>
      <c r="AY7" s="149"/>
      <c r="AZ7" s="18"/>
      <c r="BA7" s="103"/>
      <c r="BB7" s="154" t="s">
        <v>25</v>
      </c>
      <c r="BC7" s="156" t="s">
        <v>60</v>
      </c>
      <c r="BD7" s="146" t="s">
        <v>62</v>
      </c>
      <c r="BE7" s="146" t="s">
        <v>61</v>
      </c>
      <c r="BF7" s="146" t="s">
        <v>53</v>
      </c>
      <c r="BG7" s="146" t="s">
        <v>74</v>
      </c>
      <c r="BH7" s="148" t="s">
        <v>52</v>
      </c>
      <c r="BI7" s="149"/>
      <c r="BJ7" s="104"/>
      <c r="BK7" s="152" t="s">
        <v>30</v>
      </c>
      <c r="BL7" s="149"/>
      <c r="BM7" s="18"/>
      <c r="BN7" s="103"/>
      <c r="BO7" s="154" t="s">
        <v>25</v>
      </c>
      <c r="BP7" s="142" t="s">
        <v>60</v>
      </c>
      <c r="BQ7" s="143" t="s">
        <v>62</v>
      </c>
      <c r="BR7" s="143" t="s">
        <v>61</v>
      </c>
      <c r="BS7" s="144" t="s">
        <v>53</v>
      </c>
      <c r="BT7" s="146" t="s">
        <v>74</v>
      </c>
      <c r="BU7" s="148" t="s">
        <v>52</v>
      </c>
      <c r="BV7" s="149"/>
      <c r="BW7" s="104"/>
      <c r="BX7" s="152" t="s">
        <v>30</v>
      </c>
      <c r="BY7" s="149"/>
      <c r="BZ7" s="18"/>
      <c r="CA7" s="103"/>
      <c r="CB7" s="141" t="s">
        <v>25</v>
      </c>
      <c r="CC7" s="142" t="s">
        <v>60</v>
      </c>
      <c r="CD7" s="143" t="s">
        <v>62</v>
      </c>
      <c r="CE7" s="143" t="s">
        <v>61</v>
      </c>
      <c r="CF7" s="144" t="s">
        <v>53</v>
      </c>
      <c r="CG7" s="146" t="s">
        <v>74</v>
      </c>
      <c r="CH7" s="148" t="s">
        <v>52</v>
      </c>
      <c r="CI7" s="149"/>
      <c r="CJ7" s="104"/>
      <c r="CK7" s="152" t="s">
        <v>30</v>
      </c>
      <c r="CL7" s="149"/>
      <c r="CM7" s="18"/>
      <c r="CN7" s="103"/>
      <c r="CO7" s="141" t="s">
        <v>25</v>
      </c>
      <c r="CP7" s="142" t="s">
        <v>60</v>
      </c>
      <c r="CQ7" s="143" t="s">
        <v>62</v>
      </c>
      <c r="CR7" s="143" t="s">
        <v>61</v>
      </c>
      <c r="CS7" s="144" t="s">
        <v>53</v>
      </c>
      <c r="CT7" s="146" t="s">
        <v>74</v>
      </c>
      <c r="CU7" s="148" t="s">
        <v>52</v>
      </c>
      <c r="CV7" s="149"/>
      <c r="CW7" s="104"/>
      <c r="CX7" s="152" t="s">
        <v>30</v>
      </c>
      <c r="CY7" s="149"/>
      <c r="CZ7" s="18"/>
      <c r="DA7" s="103"/>
      <c r="DB7" s="141" t="s">
        <v>25</v>
      </c>
      <c r="DC7" s="156" t="s">
        <v>60</v>
      </c>
      <c r="DD7" s="143" t="s">
        <v>62</v>
      </c>
      <c r="DE7" s="143" t="s">
        <v>61</v>
      </c>
      <c r="DF7" s="144" t="s">
        <v>53</v>
      </c>
      <c r="DG7" s="146" t="s">
        <v>74</v>
      </c>
      <c r="DH7" s="148" t="s">
        <v>52</v>
      </c>
      <c r="DI7" s="149"/>
      <c r="DJ7" s="104"/>
      <c r="DK7" s="152" t="s">
        <v>30</v>
      </c>
      <c r="DL7" s="149"/>
      <c r="DM7" s="18"/>
      <c r="DN7" s="103"/>
      <c r="DO7" s="141" t="s">
        <v>25</v>
      </c>
      <c r="DP7" s="142" t="s">
        <v>60</v>
      </c>
      <c r="DQ7" s="143" t="s">
        <v>62</v>
      </c>
      <c r="DR7" s="143" t="s">
        <v>61</v>
      </c>
      <c r="DS7" s="146" t="s">
        <v>53</v>
      </c>
      <c r="DT7" s="146" t="s">
        <v>74</v>
      </c>
      <c r="DU7" s="148" t="s">
        <v>52</v>
      </c>
      <c r="DV7" s="149"/>
      <c r="DW7" s="104"/>
      <c r="DX7" s="152" t="s">
        <v>30</v>
      </c>
      <c r="DY7" s="149"/>
      <c r="DZ7" s="18"/>
      <c r="EA7" s="103"/>
      <c r="EB7" s="141" t="s">
        <v>25</v>
      </c>
      <c r="EC7" s="142" t="s">
        <v>60</v>
      </c>
      <c r="ED7" s="143" t="s">
        <v>62</v>
      </c>
      <c r="EE7" s="143" t="s">
        <v>61</v>
      </c>
      <c r="EF7" s="144" t="s">
        <v>53</v>
      </c>
      <c r="EG7" s="146" t="s">
        <v>74</v>
      </c>
      <c r="EH7" s="148" t="s">
        <v>52</v>
      </c>
      <c r="EI7" s="149"/>
      <c r="EJ7" s="104"/>
      <c r="EK7" s="152" t="s">
        <v>30</v>
      </c>
      <c r="EL7" s="149"/>
      <c r="EM7" s="18"/>
      <c r="EN7" s="103"/>
      <c r="EO7" s="141" t="s">
        <v>25</v>
      </c>
      <c r="EP7" s="142" t="s">
        <v>60</v>
      </c>
      <c r="EQ7" s="143" t="s">
        <v>62</v>
      </c>
      <c r="ER7" s="143" t="s">
        <v>61</v>
      </c>
      <c r="ES7" s="144" t="s">
        <v>53</v>
      </c>
      <c r="ET7" s="146" t="s">
        <v>74</v>
      </c>
      <c r="EU7" s="148" t="s">
        <v>52</v>
      </c>
      <c r="EV7" s="149"/>
      <c r="EW7" s="104"/>
      <c r="EX7" s="152" t="s">
        <v>30</v>
      </c>
      <c r="EY7" s="149"/>
      <c r="EZ7" s="18"/>
      <c r="FA7" s="103"/>
      <c r="FB7" s="141" t="s">
        <v>25</v>
      </c>
      <c r="FC7" s="156" t="s">
        <v>60</v>
      </c>
      <c r="FD7" s="143" t="s">
        <v>62</v>
      </c>
      <c r="FE7" s="143" t="s">
        <v>61</v>
      </c>
      <c r="FF7" s="144" t="s">
        <v>53</v>
      </c>
      <c r="FG7" s="146" t="s">
        <v>74</v>
      </c>
      <c r="FH7" s="148" t="s">
        <v>52</v>
      </c>
      <c r="FI7" s="149"/>
      <c r="FJ7" s="104"/>
      <c r="FK7" s="152" t="s">
        <v>30</v>
      </c>
      <c r="FL7" s="149"/>
      <c r="FM7" s="18"/>
      <c r="FN7" s="103"/>
      <c r="FO7" s="141" t="s">
        <v>25</v>
      </c>
      <c r="FP7" s="156" t="s">
        <v>60</v>
      </c>
      <c r="FQ7" s="143" t="s">
        <v>62</v>
      </c>
      <c r="FR7" s="143" t="s">
        <v>61</v>
      </c>
      <c r="FS7" s="144" t="s">
        <v>53</v>
      </c>
      <c r="FT7" s="146" t="s">
        <v>74</v>
      </c>
      <c r="FU7" s="148" t="s">
        <v>52</v>
      </c>
      <c r="FV7" s="149"/>
      <c r="FW7" s="104"/>
      <c r="FX7" s="152" t="s">
        <v>30</v>
      </c>
      <c r="FY7" s="149"/>
      <c r="FZ7" s="18"/>
      <c r="GA7" s="103"/>
      <c r="GB7" s="141" t="s">
        <v>25</v>
      </c>
      <c r="GC7" s="156" t="s">
        <v>60</v>
      </c>
      <c r="GD7" s="143" t="s">
        <v>62</v>
      </c>
      <c r="GE7" s="143" t="s">
        <v>61</v>
      </c>
      <c r="GF7" s="144" t="s">
        <v>53</v>
      </c>
      <c r="GG7" s="146" t="s">
        <v>74</v>
      </c>
      <c r="GH7" s="148" t="s">
        <v>52</v>
      </c>
      <c r="GI7" s="149"/>
      <c r="GJ7" s="104"/>
      <c r="GK7" s="152" t="s">
        <v>30</v>
      </c>
      <c r="GL7" s="149"/>
      <c r="GM7" s="18"/>
      <c r="GN7" s="103"/>
      <c r="GO7" s="141" t="s">
        <v>25</v>
      </c>
      <c r="GP7" s="156" t="s">
        <v>60</v>
      </c>
      <c r="GQ7" s="143" t="s">
        <v>62</v>
      </c>
      <c r="GR7" s="143" t="s">
        <v>61</v>
      </c>
      <c r="GS7" s="144" t="s">
        <v>53</v>
      </c>
      <c r="GT7" s="146" t="s">
        <v>74</v>
      </c>
      <c r="GU7" s="148" t="s">
        <v>52</v>
      </c>
      <c r="GV7" s="149"/>
      <c r="GW7" s="104"/>
      <c r="GX7" s="152" t="s">
        <v>30</v>
      </c>
      <c r="GY7" s="149"/>
      <c r="GZ7" s="18"/>
      <c r="HA7" s="103"/>
      <c r="HB7" s="141" t="s">
        <v>25</v>
      </c>
      <c r="HC7" s="156" t="s">
        <v>60</v>
      </c>
      <c r="HD7" s="143" t="s">
        <v>62</v>
      </c>
      <c r="HE7" s="143" t="s">
        <v>61</v>
      </c>
      <c r="HF7" s="144" t="s">
        <v>53</v>
      </c>
      <c r="HG7" s="146" t="s">
        <v>74</v>
      </c>
      <c r="HH7" s="148" t="s">
        <v>52</v>
      </c>
      <c r="HI7" s="149"/>
      <c r="HJ7" s="104"/>
      <c r="HK7" s="152" t="s">
        <v>30</v>
      </c>
      <c r="HL7" s="149"/>
      <c r="HM7" s="18"/>
      <c r="HN7" s="103"/>
      <c r="HO7" s="141" t="s">
        <v>25</v>
      </c>
      <c r="HP7" s="156" t="s">
        <v>60</v>
      </c>
      <c r="HQ7" s="143" t="s">
        <v>62</v>
      </c>
      <c r="HR7" s="143" t="s">
        <v>61</v>
      </c>
      <c r="HS7" s="144" t="s">
        <v>53</v>
      </c>
      <c r="HT7" s="146" t="s">
        <v>74</v>
      </c>
      <c r="HU7" s="148" t="s">
        <v>52</v>
      </c>
      <c r="HV7" s="149"/>
      <c r="HW7" s="104"/>
      <c r="HX7" s="152" t="s">
        <v>30</v>
      </c>
      <c r="HY7" s="149"/>
      <c r="HZ7" s="18"/>
      <c r="IA7" s="103"/>
      <c r="IB7" s="141" t="s">
        <v>25</v>
      </c>
      <c r="IC7" s="156" t="s">
        <v>60</v>
      </c>
      <c r="ID7" s="143" t="s">
        <v>62</v>
      </c>
      <c r="IE7" s="143" t="s">
        <v>61</v>
      </c>
      <c r="IF7" s="144" t="s">
        <v>53</v>
      </c>
      <c r="IG7" s="146" t="s">
        <v>74</v>
      </c>
      <c r="IH7" s="148" t="s">
        <v>52</v>
      </c>
      <c r="II7" s="149"/>
      <c r="IJ7" s="104"/>
      <c r="IK7" s="152" t="s">
        <v>30</v>
      </c>
      <c r="IL7" s="149"/>
      <c r="IM7" s="18"/>
      <c r="IN7" s="103"/>
      <c r="IO7" s="141" t="s">
        <v>25</v>
      </c>
      <c r="IP7" s="156" t="s">
        <v>60</v>
      </c>
      <c r="IQ7" s="143" t="s">
        <v>62</v>
      </c>
      <c r="IR7" s="143" t="s">
        <v>61</v>
      </c>
      <c r="IS7" s="144" t="s">
        <v>53</v>
      </c>
      <c r="IT7" s="146" t="s">
        <v>74</v>
      </c>
      <c r="IU7" s="148" t="s">
        <v>52</v>
      </c>
      <c r="IV7" s="149"/>
      <c r="IW7" s="104"/>
      <c r="IX7" s="152" t="s">
        <v>30</v>
      </c>
      <c r="IY7" s="149"/>
      <c r="IZ7" s="18"/>
      <c r="JA7" s="103"/>
      <c r="JB7" s="141" t="s">
        <v>25</v>
      </c>
      <c r="JC7" s="156" t="s">
        <v>60</v>
      </c>
      <c r="JD7" s="143" t="s">
        <v>62</v>
      </c>
      <c r="JE7" s="143" t="s">
        <v>61</v>
      </c>
      <c r="JF7" s="144" t="s">
        <v>53</v>
      </c>
      <c r="JG7" s="146" t="s">
        <v>74</v>
      </c>
      <c r="JH7" s="148" t="s">
        <v>52</v>
      </c>
      <c r="JI7" s="149"/>
      <c r="JJ7" s="104"/>
      <c r="JK7" s="152" t="s">
        <v>30</v>
      </c>
      <c r="JL7" s="149"/>
      <c r="JM7" s="18"/>
      <c r="JN7" s="103"/>
      <c r="JO7" s="141" t="s">
        <v>25</v>
      </c>
      <c r="JP7" s="156" t="s">
        <v>60</v>
      </c>
      <c r="JQ7" s="143" t="s">
        <v>62</v>
      </c>
      <c r="JR7" s="143" t="s">
        <v>61</v>
      </c>
      <c r="JS7" s="144" t="s">
        <v>53</v>
      </c>
      <c r="JT7" s="146" t="s">
        <v>74</v>
      </c>
      <c r="JU7" s="148" t="s">
        <v>52</v>
      </c>
      <c r="JV7" s="149"/>
      <c r="JW7" s="104"/>
      <c r="JX7" s="152" t="s">
        <v>30</v>
      </c>
      <c r="JY7" s="149"/>
      <c r="JZ7" s="18"/>
      <c r="KA7" s="103"/>
      <c r="KB7" s="141" t="s">
        <v>25</v>
      </c>
      <c r="KC7" s="156" t="s">
        <v>60</v>
      </c>
      <c r="KD7" s="143" t="s">
        <v>62</v>
      </c>
      <c r="KE7" s="143" t="s">
        <v>61</v>
      </c>
      <c r="KF7" s="144" t="s">
        <v>53</v>
      </c>
      <c r="KG7" s="146" t="s">
        <v>74</v>
      </c>
      <c r="KH7" s="148" t="s">
        <v>52</v>
      </c>
      <c r="KI7" s="149"/>
      <c r="KJ7" s="104"/>
      <c r="KK7" s="152" t="s">
        <v>30</v>
      </c>
      <c r="KL7" s="149"/>
      <c r="KM7" s="18"/>
      <c r="KN7" s="103"/>
      <c r="KO7" s="141" t="s">
        <v>25</v>
      </c>
      <c r="KP7" s="156" t="s">
        <v>60</v>
      </c>
      <c r="KQ7" s="143" t="s">
        <v>62</v>
      </c>
      <c r="KR7" s="143" t="s">
        <v>61</v>
      </c>
      <c r="KS7" s="144" t="s">
        <v>53</v>
      </c>
      <c r="KT7" s="146" t="s">
        <v>74</v>
      </c>
      <c r="KU7" s="148" t="s">
        <v>52</v>
      </c>
      <c r="KV7" s="149"/>
      <c r="KW7" s="104"/>
      <c r="KX7" s="152" t="s">
        <v>30</v>
      </c>
      <c r="KY7" s="149"/>
      <c r="KZ7" s="18"/>
      <c r="LA7" s="103"/>
      <c r="LB7" s="141" t="s">
        <v>25</v>
      </c>
      <c r="LC7" s="156" t="s">
        <v>60</v>
      </c>
      <c r="LD7" s="143" t="s">
        <v>62</v>
      </c>
      <c r="LE7" s="143" t="s">
        <v>61</v>
      </c>
      <c r="LF7" s="144" t="s">
        <v>53</v>
      </c>
      <c r="LG7" s="146" t="s">
        <v>74</v>
      </c>
      <c r="LH7" s="148" t="s">
        <v>52</v>
      </c>
      <c r="LI7" s="149"/>
      <c r="LJ7" s="104"/>
      <c r="LK7" s="152" t="s">
        <v>30</v>
      </c>
      <c r="LL7" s="149"/>
      <c r="LM7" s="18"/>
      <c r="LN7" s="103"/>
      <c r="LO7" s="141" t="s">
        <v>25</v>
      </c>
      <c r="LP7" s="156" t="s">
        <v>60</v>
      </c>
      <c r="LQ7" s="143" t="s">
        <v>62</v>
      </c>
      <c r="LR7" s="143" t="s">
        <v>61</v>
      </c>
      <c r="LS7" s="144" t="s">
        <v>53</v>
      </c>
      <c r="LT7" s="146" t="s">
        <v>74</v>
      </c>
      <c r="LU7" s="148" t="s">
        <v>52</v>
      </c>
      <c r="LV7" s="149"/>
      <c r="LW7" s="104"/>
      <c r="LX7" s="152" t="s">
        <v>30</v>
      </c>
      <c r="LY7" s="149"/>
      <c r="LZ7" s="18"/>
      <c r="MA7" s="103"/>
      <c r="MB7" s="141" t="s">
        <v>25</v>
      </c>
      <c r="MC7" s="156" t="s">
        <v>60</v>
      </c>
      <c r="MD7" s="143" t="s">
        <v>62</v>
      </c>
      <c r="ME7" s="143" t="s">
        <v>61</v>
      </c>
      <c r="MF7" s="144" t="s">
        <v>53</v>
      </c>
      <c r="MG7" s="146" t="s">
        <v>74</v>
      </c>
      <c r="MH7" s="148" t="s">
        <v>52</v>
      </c>
      <c r="MI7" s="149"/>
      <c r="MJ7" s="104"/>
      <c r="MK7" s="152" t="s">
        <v>30</v>
      </c>
      <c r="ML7" s="149"/>
      <c r="MM7" s="18"/>
      <c r="MN7" s="103"/>
      <c r="MO7" s="141" t="s">
        <v>25</v>
      </c>
      <c r="MP7" s="156" t="s">
        <v>60</v>
      </c>
      <c r="MQ7" s="143" t="s">
        <v>62</v>
      </c>
      <c r="MR7" s="143" t="s">
        <v>61</v>
      </c>
      <c r="MS7" s="144" t="s">
        <v>53</v>
      </c>
      <c r="MT7" s="146" t="s">
        <v>74</v>
      </c>
      <c r="MU7" s="148" t="s">
        <v>52</v>
      </c>
      <c r="MV7" s="149"/>
      <c r="MW7" s="104"/>
      <c r="MX7" s="152" t="s">
        <v>30</v>
      </c>
      <c r="MY7" s="149"/>
      <c r="MZ7" s="18"/>
      <c r="NA7" s="103"/>
      <c r="NB7" s="141" t="s">
        <v>25</v>
      </c>
      <c r="NC7" s="156" t="s">
        <v>60</v>
      </c>
      <c r="ND7" s="143" t="s">
        <v>62</v>
      </c>
      <c r="NE7" s="143" t="s">
        <v>61</v>
      </c>
      <c r="NF7" s="144" t="s">
        <v>53</v>
      </c>
      <c r="NG7" s="146" t="s">
        <v>74</v>
      </c>
      <c r="NH7" s="148" t="s">
        <v>52</v>
      </c>
      <c r="NI7" s="149"/>
      <c r="NJ7" s="104"/>
      <c r="NK7" s="152" t="s">
        <v>30</v>
      </c>
      <c r="NL7" s="149"/>
      <c r="NM7" s="18"/>
      <c r="NN7" s="103"/>
      <c r="NO7" s="141" t="s">
        <v>25</v>
      </c>
      <c r="NP7" s="156" t="s">
        <v>60</v>
      </c>
      <c r="NQ7" s="143" t="s">
        <v>62</v>
      </c>
      <c r="NR7" s="143" t="s">
        <v>61</v>
      </c>
      <c r="NS7" s="144" t="s">
        <v>53</v>
      </c>
      <c r="NT7" s="146" t="s">
        <v>74</v>
      </c>
      <c r="NU7" s="148" t="s">
        <v>52</v>
      </c>
      <c r="NV7" s="149"/>
      <c r="NW7" s="104"/>
      <c r="NX7" s="152" t="s">
        <v>30</v>
      </c>
      <c r="NY7" s="149"/>
      <c r="NZ7" s="18"/>
      <c r="OA7" s="103"/>
      <c r="OB7" s="141" t="s">
        <v>25</v>
      </c>
      <c r="OC7" s="156" t="s">
        <v>60</v>
      </c>
      <c r="OD7" s="143" t="s">
        <v>62</v>
      </c>
      <c r="OE7" s="143" t="s">
        <v>61</v>
      </c>
      <c r="OF7" s="144" t="s">
        <v>53</v>
      </c>
      <c r="OG7" s="146" t="s">
        <v>74</v>
      </c>
      <c r="OH7" s="148" t="s">
        <v>52</v>
      </c>
      <c r="OI7" s="149"/>
      <c r="OJ7" s="104"/>
      <c r="OK7" s="152" t="s">
        <v>30</v>
      </c>
      <c r="OL7" s="149"/>
      <c r="OM7" s="18"/>
      <c r="ON7" s="103"/>
      <c r="OO7" s="141" t="s">
        <v>25</v>
      </c>
      <c r="OP7" s="156" t="s">
        <v>60</v>
      </c>
      <c r="OQ7" s="143" t="s">
        <v>62</v>
      </c>
      <c r="OR7" s="143" t="s">
        <v>61</v>
      </c>
      <c r="OS7" s="144" t="s">
        <v>53</v>
      </c>
      <c r="OT7" s="146" t="s">
        <v>74</v>
      </c>
      <c r="OU7" s="148" t="s">
        <v>52</v>
      </c>
      <c r="OV7" s="149"/>
      <c r="OW7" s="104"/>
      <c r="OX7" s="152" t="s">
        <v>30</v>
      </c>
      <c r="OY7" s="149"/>
      <c r="OZ7" s="18"/>
      <c r="PA7" s="103"/>
      <c r="PB7" s="141" t="s">
        <v>25</v>
      </c>
      <c r="PC7" s="156" t="s">
        <v>60</v>
      </c>
      <c r="PD7" s="143" t="s">
        <v>62</v>
      </c>
      <c r="PE7" s="143" t="s">
        <v>61</v>
      </c>
      <c r="PF7" s="144" t="s">
        <v>53</v>
      </c>
      <c r="PG7" s="146" t="s">
        <v>74</v>
      </c>
      <c r="PH7" s="148" t="s">
        <v>52</v>
      </c>
      <c r="PI7" s="149"/>
      <c r="PJ7" s="104"/>
      <c r="PK7" s="152" t="s">
        <v>30</v>
      </c>
      <c r="PL7" s="149"/>
      <c r="PM7" s="18"/>
      <c r="PN7" s="103"/>
      <c r="PO7" s="141" t="s">
        <v>25</v>
      </c>
      <c r="PP7" s="156" t="s">
        <v>60</v>
      </c>
      <c r="PQ7" s="143" t="s">
        <v>62</v>
      </c>
      <c r="PR7" s="143" t="s">
        <v>61</v>
      </c>
      <c r="PS7" s="144" t="s">
        <v>53</v>
      </c>
      <c r="PT7" s="146" t="s">
        <v>74</v>
      </c>
      <c r="PU7" s="148" t="s">
        <v>52</v>
      </c>
      <c r="PV7" s="149"/>
      <c r="PW7" s="104"/>
      <c r="PX7" s="152" t="s">
        <v>30</v>
      </c>
      <c r="PY7" s="149"/>
      <c r="PZ7" s="18"/>
      <c r="QA7" s="103"/>
      <c r="QB7" s="141" t="s">
        <v>25</v>
      </c>
      <c r="QC7" s="156" t="s">
        <v>60</v>
      </c>
      <c r="QD7" s="143" t="s">
        <v>62</v>
      </c>
      <c r="QE7" s="143" t="s">
        <v>61</v>
      </c>
      <c r="QF7" s="144" t="s">
        <v>53</v>
      </c>
      <c r="QG7" s="146" t="s">
        <v>74</v>
      </c>
      <c r="QH7" s="148" t="s">
        <v>52</v>
      </c>
      <c r="QI7" s="149"/>
      <c r="QJ7" s="104"/>
      <c r="QK7" s="152" t="s">
        <v>30</v>
      </c>
      <c r="QL7" s="149"/>
      <c r="QM7" s="18"/>
      <c r="QN7" s="103"/>
      <c r="QO7" s="141" t="s">
        <v>25</v>
      </c>
      <c r="QP7" s="156" t="s">
        <v>60</v>
      </c>
      <c r="QQ7" s="143" t="s">
        <v>62</v>
      </c>
      <c r="QR7" s="143" t="s">
        <v>61</v>
      </c>
      <c r="QS7" s="144" t="s">
        <v>53</v>
      </c>
      <c r="QT7" s="146" t="s">
        <v>74</v>
      </c>
      <c r="QU7" s="148" t="s">
        <v>52</v>
      </c>
      <c r="QV7" s="149"/>
      <c r="QW7" s="104"/>
      <c r="QX7" s="152" t="s">
        <v>30</v>
      </c>
      <c r="QY7" s="149"/>
      <c r="QZ7" s="18"/>
      <c r="RA7" s="103"/>
      <c r="RB7" s="141" t="s">
        <v>25</v>
      </c>
      <c r="RC7" s="156" t="s">
        <v>60</v>
      </c>
      <c r="RD7" s="143" t="s">
        <v>62</v>
      </c>
      <c r="RE7" s="143" t="s">
        <v>61</v>
      </c>
      <c r="RF7" s="144" t="s">
        <v>53</v>
      </c>
      <c r="RG7" s="146" t="s">
        <v>74</v>
      </c>
      <c r="RH7" s="148" t="s">
        <v>52</v>
      </c>
      <c r="RI7" s="149"/>
      <c r="RJ7" s="104"/>
      <c r="RK7" s="152" t="s">
        <v>30</v>
      </c>
      <c r="RL7" s="149"/>
      <c r="RM7" s="18"/>
      <c r="RN7" s="103"/>
      <c r="RO7" s="141" t="s">
        <v>25</v>
      </c>
      <c r="RP7" s="156" t="s">
        <v>60</v>
      </c>
      <c r="RQ7" s="143" t="s">
        <v>62</v>
      </c>
      <c r="RR7" s="143" t="s">
        <v>61</v>
      </c>
      <c r="RS7" s="144" t="s">
        <v>53</v>
      </c>
      <c r="RT7" s="146" t="s">
        <v>74</v>
      </c>
      <c r="RU7" s="148" t="s">
        <v>52</v>
      </c>
      <c r="RV7" s="149"/>
      <c r="RW7" s="104"/>
      <c r="RX7" s="152" t="s">
        <v>30</v>
      </c>
      <c r="RY7" s="149"/>
      <c r="RZ7" s="18"/>
      <c r="SA7" s="103"/>
      <c r="SB7" s="141" t="s">
        <v>25</v>
      </c>
      <c r="SC7" s="156" t="s">
        <v>60</v>
      </c>
      <c r="SD7" s="143" t="s">
        <v>62</v>
      </c>
      <c r="SE7" s="143" t="s">
        <v>61</v>
      </c>
      <c r="SF7" s="144" t="s">
        <v>53</v>
      </c>
      <c r="SG7" s="146" t="s">
        <v>74</v>
      </c>
      <c r="SH7" s="148" t="s">
        <v>52</v>
      </c>
      <c r="SI7" s="149"/>
      <c r="SJ7" s="104"/>
      <c r="SK7" s="152" t="s">
        <v>30</v>
      </c>
      <c r="SL7" s="149"/>
      <c r="SM7" s="18"/>
    </row>
    <row r="8" spans="1:507" ht="21.9" customHeight="1">
      <c r="A8" s="23"/>
      <c r="B8" s="141"/>
      <c r="C8" s="142"/>
      <c r="D8" s="143"/>
      <c r="E8" s="143"/>
      <c r="F8" s="145"/>
      <c r="G8" s="147"/>
      <c r="H8" s="150"/>
      <c r="I8" s="151"/>
      <c r="J8" s="42"/>
      <c r="K8" s="153"/>
      <c r="L8" s="151"/>
      <c r="M8" s="9"/>
      <c r="N8" s="23"/>
      <c r="O8" s="141"/>
      <c r="P8" s="142"/>
      <c r="Q8" s="143"/>
      <c r="R8" s="143"/>
      <c r="S8" s="145"/>
      <c r="T8" s="147"/>
      <c r="U8" s="150"/>
      <c r="V8" s="151"/>
      <c r="W8" s="9"/>
      <c r="X8" s="153"/>
      <c r="Y8" s="151"/>
      <c r="Z8" s="9"/>
      <c r="AA8" s="23"/>
      <c r="AB8" s="155"/>
      <c r="AC8" s="157"/>
      <c r="AD8" s="147"/>
      <c r="AE8" s="147"/>
      <c r="AF8" s="147"/>
      <c r="AG8" s="147"/>
      <c r="AH8" s="150"/>
      <c r="AI8" s="151"/>
      <c r="AJ8" s="9"/>
      <c r="AK8" s="153"/>
      <c r="AL8" s="151"/>
      <c r="AM8" s="9"/>
      <c r="AN8" s="23"/>
      <c r="AO8" s="155"/>
      <c r="AP8" s="157"/>
      <c r="AQ8" s="147"/>
      <c r="AR8" s="147"/>
      <c r="AS8" s="147"/>
      <c r="AT8" s="147"/>
      <c r="AU8" s="150"/>
      <c r="AV8" s="151"/>
      <c r="AW8" s="9"/>
      <c r="AX8" s="153"/>
      <c r="AY8" s="151"/>
      <c r="AZ8" s="9"/>
      <c r="BA8" s="23"/>
      <c r="BB8" s="155"/>
      <c r="BC8" s="157"/>
      <c r="BD8" s="147"/>
      <c r="BE8" s="147"/>
      <c r="BF8" s="147"/>
      <c r="BG8" s="147"/>
      <c r="BH8" s="150"/>
      <c r="BI8" s="151"/>
      <c r="BJ8" s="9"/>
      <c r="BK8" s="153"/>
      <c r="BL8" s="151"/>
      <c r="BM8" s="9"/>
      <c r="BN8" s="23"/>
      <c r="BO8" s="155"/>
      <c r="BP8" s="142"/>
      <c r="BQ8" s="143"/>
      <c r="BR8" s="143"/>
      <c r="BS8" s="145"/>
      <c r="BT8" s="147"/>
      <c r="BU8" s="150"/>
      <c r="BV8" s="151"/>
      <c r="BW8" s="9"/>
      <c r="BX8" s="153"/>
      <c r="BY8" s="151"/>
      <c r="BZ8" s="9"/>
      <c r="CA8" s="23"/>
      <c r="CB8" s="141"/>
      <c r="CC8" s="142"/>
      <c r="CD8" s="143"/>
      <c r="CE8" s="143"/>
      <c r="CF8" s="145"/>
      <c r="CG8" s="147"/>
      <c r="CH8" s="150"/>
      <c r="CI8" s="151"/>
      <c r="CJ8" s="9"/>
      <c r="CK8" s="153"/>
      <c r="CL8" s="151"/>
      <c r="CM8" s="9"/>
      <c r="CN8" s="23"/>
      <c r="CO8" s="141"/>
      <c r="CP8" s="142"/>
      <c r="CQ8" s="143"/>
      <c r="CR8" s="143"/>
      <c r="CS8" s="145"/>
      <c r="CT8" s="147"/>
      <c r="CU8" s="150"/>
      <c r="CV8" s="151"/>
      <c r="CW8" s="9"/>
      <c r="CX8" s="153"/>
      <c r="CY8" s="151"/>
      <c r="CZ8" s="9"/>
      <c r="DA8" s="23"/>
      <c r="DB8" s="141"/>
      <c r="DC8" s="157"/>
      <c r="DD8" s="143"/>
      <c r="DE8" s="143"/>
      <c r="DF8" s="145"/>
      <c r="DG8" s="147"/>
      <c r="DH8" s="150"/>
      <c r="DI8" s="151"/>
      <c r="DJ8" s="9"/>
      <c r="DK8" s="153"/>
      <c r="DL8" s="151"/>
      <c r="DM8" s="9"/>
      <c r="DN8" s="23"/>
      <c r="DO8" s="141"/>
      <c r="DP8" s="142"/>
      <c r="DQ8" s="143"/>
      <c r="DR8" s="143"/>
      <c r="DS8" s="147"/>
      <c r="DT8" s="147"/>
      <c r="DU8" s="150"/>
      <c r="DV8" s="151"/>
      <c r="DW8" s="9"/>
      <c r="DX8" s="153"/>
      <c r="DY8" s="151"/>
      <c r="DZ8" s="9"/>
      <c r="EA8" s="23"/>
      <c r="EB8" s="141"/>
      <c r="EC8" s="142"/>
      <c r="ED8" s="143"/>
      <c r="EE8" s="143"/>
      <c r="EF8" s="145"/>
      <c r="EG8" s="147"/>
      <c r="EH8" s="150"/>
      <c r="EI8" s="151"/>
      <c r="EJ8" s="9"/>
      <c r="EK8" s="153"/>
      <c r="EL8" s="151"/>
      <c r="EM8" s="9"/>
      <c r="EN8" s="23"/>
      <c r="EO8" s="141"/>
      <c r="EP8" s="142"/>
      <c r="EQ8" s="143"/>
      <c r="ER8" s="143"/>
      <c r="ES8" s="145"/>
      <c r="ET8" s="147"/>
      <c r="EU8" s="150"/>
      <c r="EV8" s="151"/>
      <c r="EW8" s="9"/>
      <c r="EX8" s="153"/>
      <c r="EY8" s="151"/>
      <c r="EZ8" s="9"/>
      <c r="FA8" s="23"/>
      <c r="FB8" s="141"/>
      <c r="FC8" s="157"/>
      <c r="FD8" s="143"/>
      <c r="FE8" s="143"/>
      <c r="FF8" s="145"/>
      <c r="FG8" s="147"/>
      <c r="FH8" s="150"/>
      <c r="FI8" s="151"/>
      <c r="FJ8" s="9"/>
      <c r="FK8" s="153"/>
      <c r="FL8" s="151"/>
      <c r="FM8" s="9"/>
      <c r="FN8" s="23"/>
      <c r="FO8" s="141"/>
      <c r="FP8" s="157"/>
      <c r="FQ8" s="143"/>
      <c r="FR8" s="143"/>
      <c r="FS8" s="145"/>
      <c r="FT8" s="147"/>
      <c r="FU8" s="150"/>
      <c r="FV8" s="151"/>
      <c r="FW8" s="9"/>
      <c r="FX8" s="153"/>
      <c r="FY8" s="151"/>
      <c r="FZ8" s="9"/>
      <c r="GA8" s="23"/>
      <c r="GB8" s="141"/>
      <c r="GC8" s="157"/>
      <c r="GD8" s="143"/>
      <c r="GE8" s="143"/>
      <c r="GF8" s="145"/>
      <c r="GG8" s="147"/>
      <c r="GH8" s="150"/>
      <c r="GI8" s="151"/>
      <c r="GJ8" s="9"/>
      <c r="GK8" s="153"/>
      <c r="GL8" s="151"/>
      <c r="GM8" s="9"/>
      <c r="GN8" s="23"/>
      <c r="GO8" s="141"/>
      <c r="GP8" s="157"/>
      <c r="GQ8" s="143"/>
      <c r="GR8" s="143"/>
      <c r="GS8" s="145"/>
      <c r="GT8" s="147"/>
      <c r="GU8" s="150"/>
      <c r="GV8" s="151"/>
      <c r="GW8" s="9"/>
      <c r="GX8" s="153"/>
      <c r="GY8" s="151"/>
      <c r="GZ8" s="9"/>
      <c r="HA8" s="23"/>
      <c r="HB8" s="141"/>
      <c r="HC8" s="157"/>
      <c r="HD8" s="143"/>
      <c r="HE8" s="143"/>
      <c r="HF8" s="145"/>
      <c r="HG8" s="147"/>
      <c r="HH8" s="150"/>
      <c r="HI8" s="151"/>
      <c r="HJ8" s="9"/>
      <c r="HK8" s="153"/>
      <c r="HL8" s="151"/>
      <c r="HM8" s="9"/>
      <c r="HN8" s="23"/>
      <c r="HO8" s="141"/>
      <c r="HP8" s="157"/>
      <c r="HQ8" s="143"/>
      <c r="HR8" s="143"/>
      <c r="HS8" s="145"/>
      <c r="HT8" s="147"/>
      <c r="HU8" s="150"/>
      <c r="HV8" s="151"/>
      <c r="HW8" s="9"/>
      <c r="HX8" s="153"/>
      <c r="HY8" s="151"/>
      <c r="HZ8" s="9"/>
      <c r="IA8" s="23"/>
      <c r="IB8" s="141"/>
      <c r="IC8" s="157"/>
      <c r="ID8" s="143"/>
      <c r="IE8" s="143"/>
      <c r="IF8" s="145"/>
      <c r="IG8" s="147"/>
      <c r="IH8" s="150"/>
      <c r="II8" s="151"/>
      <c r="IJ8" s="9"/>
      <c r="IK8" s="153"/>
      <c r="IL8" s="151"/>
      <c r="IM8" s="9"/>
      <c r="IN8" s="23"/>
      <c r="IO8" s="141"/>
      <c r="IP8" s="157"/>
      <c r="IQ8" s="143"/>
      <c r="IR8" s="143"/>
      <c r="IS8" s="145"/>
      <c r="IT8" s="147"/>
      <c r="IU8" s="150"/>
      <c r="IV8" s="151"/>
      <c r="IW8" s="9"/>
      <c r="IX8" s="153"/>
      <c r="IY8" s="151"/>
      <c r="IZ8" s="9"/>
      <c r="JA8" s="23"/>
      <c r="JB8" s="141"/>
      <c r="JC8" s="157"/>
      <c r="JD8" s="143"/>
      <c r="JE8" s="143"/>
      <c r="JF8" s="145"/>
      <c r="JG8" s="147"/>
      <c r="JH8" s="150"/>
      <c r="JI8" s="151"/>
      <c r="JJ8" s="9"/>
      <c r="JK8" s="153"/>
      <c r="JL8" s="151"/>
      <c r="JM8" s="9"/>
      <c r="JN8" s="23"/>
      <c r="JO8" s="141"/>
      <c r="JP8" s="157"/>
      <c r="JQ8" s="143"/>
      <c r="JR8" s="143"/>
      <c r="JS8" s="145"/>
      <c r="JT8" s="147"/>
      <c r="JU8" s="150"/>
      <c r="JV8" s="151"/>
      <c r="JW8" s="9"/>
      <c r="JX8" s="153"/>
      <c r="JY8" s="151"/>
      <c r="JZ8" s="9"/>
      <c r="KA8" s="23"/>
      <c r="KB8" s="141"/>
      <c r="KC8" s="157"/>
      <c r="KD8" s="143"/>
      <c r="KE8" s="143"/>
      <c r="KF8" s="145"/>
      <c r="KG8" s="147"/>
      <c r="KH8" s="150"/>
      <c r="KI8" s="151"/>
      <c r="KJ8" s="9"/>
      <c r="KK8" s="153"/>
      <c r="KL8" s="151"/>
      <c r="KM8" s="9"/>
      <c r="KN8" s="23"/>
      <c r="KO8" s="141"/>
      <c r="KP8" s="157"/>
      <c r="KQ8" s="143"/>
      <c r="KR8" s="143"/>
      <c r="KS8" s="145"/>
      <c r="KT8" s="147"/>
      <c r="KU8" s="150"/>
      <c r="KV8" s="151"/>
      <c r="KW8" s="9"/>
      <c r="KX8" s="153"/>
      <c r="KY8" s="151"/>
      <c r="KZ8" s="9"/>
      <c r="LA8" s="23"/>
      <c r="LB8" s="141"/>
      <c r="LC8" s="157"/>
      <c r="LD8" s="143"/>
      <c r="LE8" s="143"/>
      <c r="LF8" s="145"/>
      <c r="LG8" s="147"/>
      <c r="LH8" s="150"/>
      <c r="LI8" s="151"/>
      <c r="LJ8" s="9"/>
      <c r="LK8" s="153"/>
      <c r="LL8" s="151"/>
      <c r="LM8" s="9"/>
      <c r="LN8" s="23"/>
      <c r="LO8" s="141"/>
      <c r="LP8" s="157"/>
      <c r="LQ8" s="143"/>
      <c r="LR8" s="143"/>
      <c r="LS8" s="145"/>
      <c r="LT8" s="147"/>
      <c r="LU8" s="150"/>
      <c r="LV8" s="151"/>
      <c r="LW8" s="9"/>
      <c r="LX8" s="153"/>
      <c r="LY8" s="151"/>
      <c r="LZ8" s="9"/>
      <c r="MA8" s="23"/>
      <c r="MB8" s="141"/>
      <c r="MC8" s="157"/>
      <c r="MD8" s="143"/>
      <c r="ME8" s="143"/>
      <c r="MF8" s="145"/>
      <c r="MG8" s="147"/>
      <c r="MH8" s="150"/>
      <c r="MI8" s="151"/>
      <c r="MJ8" s="9"/>
      <c r="MK8" s="153"/>
      <c r="ML8" s="151"/>
      <c r="MM8" s="9"/>
      <c r="MN8" s="23"/>
      <c r="MO8" s="141"/>
      <c r="MP8" s="157"/>
      <c r="MQ8" s="143"/>
      <c r="MR8" s="143"/>
      <c r="MS8" s="145"/>
      <c r="MT8" s="147"/>
      <c r="MU8" s="150"/>
      <c r="MV8" s="151"/>
      <c r="MW8" s="9"/>
      <c r="MX8" s="153"/>
      <c r="MY8" s="151"/>
      <c r="MZ8" s="9"/>
      <c r="NA8" s="23"/>
      <c r="NB8" s="141"/>
      <c r="NC8" s="157"/>
      <c r="ND8" s="143"/>
      <c r="NE8" s="143"/>
      <c r="NF8" s="145"/>
      <c r="NG8" s="147"/>
      <c r="NH8" s="150"/>
      <c r="NI8" s="151"/>
      <c r="NJ8" s="9"/>
      <c r="NK8" s="153"/>
      <c r="NL8" s="151"/>
      <c r="NM8" s="9"/>
      <c r="NN8" s="23"/>
      <c r="NO8" s="141"/>
      <c r="NP8" s="157"/>
      <c r="NQ8" s="143"/>
      <c r="NR8" s="143"/>
      <c r="NS8" s="145"/>
      <c r="NT8" s="147"/>
      <c r="NU8" s="150"/>
      <c r="NV8" s="151"/>
      <c r="NW8" s="9"/>
      <c r="NX8" s="153"/>
      <c r="NY8" s="151"/>
      <c r="NZ8" s="9"/>
      <c r="OA8" s="23"/>
      <c r="OB8" s="141"/>
      <c r="OC8" s="157"/>
      <c r="OD8" s="143"/>
      <c r="OE8" s="143"/>
      <c r="OF8" s="145"/>
      <c r="OG8" s="147"/>
      <c r="OH8" s="150"/>
      <c r="OI8" s="151"/>
      <c r="OJ8" s="9"/>
      <c r="OK8" s="153"/>
      <c r="OL8" s="151"/>
      <c r="OM8" s="9"/>
      <c r="ON8" s="23"/>
      <c r="OO8" s="141"/>
      <c r="OP8" s="157"/>
      <c r="OQ8" s="143"/>
      <c r="OR8" s="143"/>
      <c r="OS8" s="145"/>
      <c r="OT8" s="147"/>
      <c r="OU8" s="150"/>
      <c r="OV8" s="151"/>
      <c r="OW8" s="9"/>
      <c r="OX8" s="153"/>
      <c r="OY8" s="151"/>
      <c r="OZ8" s="9"/>
      <c r="PA8" s="23"/>
      <c r="PB8" s="141"/>
      <c r="PC8" s="157"/>
      <c r="PD8" s="143"/>
      <c r="PE8" s="143"/>
      <c r="PF8" s="145"/>
      <c r="PG8" s="147"/>
      <c r="PH8" s="150"/>
      <c r="PI8" s="151"/>
      <c r="PJ8" s="9"/>
      <c r="PK8" s="153"/>
      <c r="PL8" s="151"/>
      <c r="PM8" s="9"/>
      <c r="PN8" s="23"/>
      <c r="PO8" s="141"/>
      <c r="PP8" s="157"/>
      <c r="PQ8" s="143"/>
      <c r="PR8" s="143"/>
      <c r="PS8" s="145"/>
      <c r="PT8" s="147"/>
      <c r="PU8" s="150"/>
      <c r="PV8" s="151"/>
      <c r="PW8" s="9"/>
      <c r="PX8" s="153"/>
      <c r="PY8" s="151"/>
      <c r="PZ8" s="9"/>
      <c r="QA8" s="23"/>
      <c r="QB8" s="141"/>
      <c r="QC8" s="157"/>
      <c r="QD8" s="143"/>
      <c r="QE8" s="143"/>
      <c r="QF8" s="145"/>
      <c r="QG8" s="147"/>
      <c r="QH8" s="150"/>
      <c r="QI8" s="151"/>
      <c r="QJ8" s="9"/>
      <c r="QK8" s="153"/>
      <c r="QL8" s="151"/>
      <c r="QM8" s="9"/>
      <c r="QN8" s="23"/>
      <c r="QO8" s="141"/>
      <c r="QP8" s="157"/>
      <c r="QQ8" s="143"/>
      <c r="QR8" s="143"/>
      <c r="QS8" s="145"/>
      <c r="QT8" s="147"/>
      <c r="QU8" s="150"/>
      <c r="QV8" s="151"/>
      <c r="QW8" s="9"/>
      <c r="QX8" s="153"/>
      <c r="QY8" s="151"/>
      <c r="QZ8" s="9"/>
      <c r="RA8" s="23"/>
      <c r="RB8" s="141"/>
      <c r="RC8" s="157"/>
      <c r="RD8" s="143"/>
      <c r="RE8" s="143"/>
      <c r="RF8" s="145"/>
      <c r="RG8" s="147"/>
      <c r="RH8" s="150"/>
      <c r="RI8" s="151"/>
      <c r="RJ8" s="9"/>
      <c r="RK8" s="153"/>
      <c r="RL8" s="151"/>
      <c r="RM8" s="9"/>
      <c r="RN8" s="23"/>
      <c r="RO8" s="141"/>
      <c r="RP8" s="157"/>
      <c r="RQ8" s="143"/>
      <c r="RR8" s="143"/>
      <c r="RS8" s="145"/>
      <c r="RT8" s="147"/>
      <c r="RU8" s="150"/>
      <c r="RV8" s="151"/>
      <c r="RW8" s="9"/>
      <c r="RX8" s="153"/>
      <c r="RY8" s="151"/>
      <c r="RZ8" s="9"/>
      <c r="SA8" s="23"/>
      <c r="SB8" s="141"/>
      <c r="SC8" s="157"/>
      <c r="SD8" s="143"/>
      <c r="SE8" s="143"/>
      <c r="SF8" s="145"/>
      <c r="SG8" s="147"/>
      <c r="SH8" s="150"/>
      <c r="SI8" s="151"/>
      <c r="SJ8" s="9"/>
      <c r="SK8" s="153"/>
      <c r="SL8" s="151"/>
      <c r="SM8" s="9"/>
    </row>
    <row r="9" spans="1:507" ht="15.6" customHeight="1">
      <c r="A9" s="9"/>
      <c r="B9" s="21" t="str">
        <f t="shared" ref="B9:B46" si="0">TEXT(C9,"aaa")</f>
        <v>火</v>
      </c>
      <c r="C9" s="12">
        <f>'（参考）【別紙２】'!B35</f>
        <v>45748</v>
      </c>
      <c r="D9" s="13" t="str">
        <f>IF(COUNTIF(祝日一覧!$E$2:$E$142,C9),"○",IF(G9&lt;&gt;"","○",""))</f>
        <v/>
      </c>
      <c r="E9" s="25"/>
      <c r="F9" s="45" t="str">
        <f>IF(OR(B9="土",B9="日"),IF(D9="○","","○"),"")</f>
        <v/>
      </c>
      <c r="G9" s="45"/>
      <c r="H9" s="158"/>
      <c r="I9" s="159"/>
      <c r="J9" s="42"/>
      <c r="K9" s="164" t="s">
        <v>23</v>
      </c>
      <c r="L9" s="162">
        <f>L57-L59</f>
        <v>30</v>
      </c>
      <c r="M9" s="9"/>
      <c r="N9" s="9"/>
      <c r="O9" s="21" t="str">
        <f t="shared" ref="O9:O46" si="1">TEXT(P9,"aaa")</f>
        <v>木</v>
      </c>
      <c r="P9" s="12">
        <f>IF(MAX(C9:C46)=0,"",IF(MAX(C9:C46)=DATE('（参考）入力シート'!$K$20,'（参考）入力シート'!$M$20,'（参考）入力シート'!$O$20),"",MAX(C9:C46)+1))</f>
        <v>45778</v>
      </c>
      <c r="Q9" s="13" t="str">
        <f>IF(COUNTIF(祝日一覧!$E$2:$E$142,P9),"○",IF(T9&lt;&gt;"","○",""))</f>
        <v/>
      </c>
      <c r="R9" s="25"/>
      <c r="S9" s="45" t="str">
        <f>IF(OR(O9="土",O9="日"),IF(Q9="○","","○"),"")</f>
        <v/>
      </c>
      <c r="T9" s="45"/>
      <c r="U9" s="158"/>
      <c r="V9" s="159"/>
      <c r="W9" s="9"/>
      <c r="X9" s="154" t="s">
        <v>23</v>
      </c>
      <c r="Y9" s="166">
        <f>Y57-Y59</f>
        <v>31</v>
      </c>
      <c r="Z9" s="9"/>
      <c r="AA9" s="9"/>
      <c r="AB9" s="21" t="str">
        <f t="shared" ref="AB9:AB46" si="2">TEXT(AC9,"aaa")</f>
        <v>日</v>
      </c>
      <c r="AC9" s="12">
        <f>IF(MAX(P9:P46)=0,"",IF(MAX(P9:P46)=DATE('（参考）入力シート'!$K$20,'（参考）入力シート'!$M$20,'（参考）入力シート'!$O$20),"",MAX(P9:P46)+1))</f>
        <v>45809</v>
      </c>
      <c r="AD9" s="13" t="str">
        <f>IF(COUNTIF(祝日一覧!$E$2:$E$142,AC9),"○",IF(AG9&lt;&gt;"","○",""))</f>
        <v/>
      </c>
      <c r="AE9" s="25"/>
      <c r="AF9" s="45" t="str">
        <f>IF(OR(AB9="土",AB9="日"),IF(AD9="○","","○"),"")</f>
        <v>○</v>
      </c>
      <c r="AG9" s="45"/>
      <c r="AH9" s="158"/>
      <c r="AI9" s="159"/>
      <c r="AJ9" s="9"/>
      <c r="AK9" s="160" t="s">
        <v>23</v>
      </c>
      <c r="AL9" s="162">
        <f>AL57-AL59</f>
        <v>30</v>
      </c>
      <c r="AM9" s="9"/>
      <c r="AN9" s="9"/>
      <c r="AO9" s="21" t="str">
        <f t="shared" ref="AO9:AO46" si="3">TEXT(AP9,"aaa")</f>
        <v>火</v>
      </c>
      <c r="AP9" s="12">
        <f>IF(MAX(AC9:AC46)=0,"",IF(MAX(AC9:AC46)=DATE('（参考）入力シート'!$K$20,'（参考）入力シート'!$M$20,'（参考）入力シート'!$O$20),"",MAX(AC9:AC46)+1))</f>
        <v>45839</v>
      </c>
      <c r="AQ9" s="13" t="str">
        <f>IF(COUNTIF(祝日一覧!$E$2:$E$142,AP9),"○",IF(AT9&lt;&gt;"","○",""))</f>
        <v/>
      </c>
      <c r="AR9" s="25"/>
      <c r="AS9" s="45" t="str">
        <f>IF(OR(AO9="土",AO9="日"),IF(AQ9="○","","○"),"")</f>
        <v/>
      </c>
      <c r="AT9" s="45"/>
      <c r="AU9" s="158"/>
      <c r="AV9" s="159"/>
      <c r="AW9" s="9"/>
      <c r="AX9" s="160" t="s">
        <v>23</v>
      </c>
      <c r="AY9" s="162">
        <f>AY57-AY59</f>
        <v>31</v>
      </c>
      <c r="AZ9" s="9"/>
      <c r="BA9" s="9"/>
      <c r="BB9" s="21" t="str">
        <f t="shared" ref="BB9:BB46" si="4">TEXT(BC9,"aaa")</f>
        <v>金</v>
      </c>
      <c r="BC9" s="12">
        <f>IF(MAX(AP9:AP46)=0,"",IF(MAX(AP9:AP46)=DATE('（参考）入力シート'!$K$20,'（参考）入力シート'!$M$20,'（参考）入力シート'!$O$20),"",MAX(AP9:AP46)+1))</f>
        <v>45870</v>
      </c>
      <c r="BD9" s="13" t="str">
        <f>IF(COUNTIF(祝日一覧!$E$2:$E$142,BC9),"○",IF(BG9&lt;&gt;"","○",""))</f>
        <v/>
      </c>
      <c r="BE9" s="25"/>
      <c r="BF9" s="45" t="str">
        <f>IF(OR(BB9="土",BB9="日"),IF(BD9="○","","○"),"")</f>
        <v/>
      </c>
      <c r="BG9" s="45"/>
      <c r="BH9" s="158"/>
      <c r="BI9" s="159"/>
      <c r="BJ9" s="9"/>
      <c r="BK9" s="160" t="s">
        <v>23</v>
      </c>
      <c r="BL9" s="162">
        <f>BL57-BL59</f>
        <v>31</v>
      </c>
      <c r="BM9" s="9"/>
      <c r="BN9" s="9"/>
      <c r="BO9" s="21" t="str">
        <f t="shared" ref="BO9:BO46" si="5">TEXT(BP9,"aaa")</f>
        <v/>
      </c>
      <c r="BP9" s="12" t="str">
        <f>IF(MAX(BC9:BC46)=0,"",IF(MAX(BC9:BC46)=DATE('（参考）入力シート'!$K$20,'（参考）入力シート'!$M$20,'（参考）入力シート'!$O$20),"",MAX(BC9:BC46)+1))</f>
        <v/>
      </c>
      <c r="BQ9" s="13" t="str">
        <f>IF(COUNTIF(祝日一覧!$E$2:$E$142,BP9),"○",IF(BT9&lt;&gt;"","○",""))</f>
        <v/>
      </c>
      <c r="BR9" s="25"/>
      <c r="BS9" s="45" t="str">
        <f>IF(OR(BO9="土",BO9="日"),IF(BQ9="○","","○"),"")</f>
        <v/>
      </c>
      <c r="BT9" s="45"/>
      <c r="BU9" s="158"/>
      <c r="BV9" s="159"/>
      <c r="BW9" s="9"/>
      <c r="BX9" s="160" t="s">
        <v>23</v>
      </c>
      <c r="BY9" s="162">
        <f>BY57-BY59</f>
        <v>0</v>
      </c>
      <c r="BZ9" s="9"/>
      <c r="CA9" s="9"/>
      <c r="CB9" s="21" t="str">
        <f t="shared" ref="CB9:CB46" si="6">TEXT(CC9,"aaa")</f>
        <v/>
      </c>
      <c r="CC9" s="12" t="str">
        <f>IF(MAX(BP9:BP46)=0,"",IF(MAX(BP9:BP46)=DATE('（参考）入力シート'!$K$20,'（参考）入力シート'!$M$20,'（参考）入力シート'!$O$20),"",MAX(BP9:BP46)+1))</f>
        <v/>
      </c>
      <c r="CD9" s="13" t="str">
        <f>IF(COUNTIF(祝日一覧!$E$2:$E$142,CC9),"○",IF(CG9&lt;&gt;"","○",""))</f>
        <v/>
      </c>
      <c r="CE9" s="25"/>
      <c r="CF9" s="45" t="str">
        <f>IF(OR(CB9="土",CB9="日"),IF(CD9="○","","○"),"")</f>
        <v/>
      </c>
      <c r="CG9" s="45"/>
      <c r="CH9" s="158"/>
      <c r="CI9" s="159"/>
      <c r="CJ9" s="9"/>
      <c r="CK9" s="160" t="s">
        <v>23</v>
      </c>
      <c r="CL9" s="162">
        <f>CL57-CL59</f>
        <v>0</v>
      </c>
      <c r="CM9" s="9"/>
      <c r="CN9" s="9"/>
      <c r="CO9" s="21" t="str">
        <f t="shared" ref="CO9:CO46" si="7">TEXT(CP9,"aaa")</f>
        <v/>
      </c>
      <c r="CP9" s="12" t="str">
        <f>IF(MAX(CC9:CC46)=0,"",IF(MAX(CC9:CC46)=DATE('（参考）入力シート'!$K$20,'（参考）入力シート'!$M$20,'（参考）入力シート'!$O$20),"",MAX(CC9:CC46)+1))</f>
        <v/>
      </c>
      <c r="CQ9" s="13" t="str">
        <f>IF(COUNTIF(祝日一覧!$E$2:$E$142,CP9),"○",IF(CT9&lt;&gt;"","○",""))</f>
        <v/>
      </c>
      <c r="CR9" s="25"/>
      <c r="CS9" s="45" t="str">
        <f>IF(OR(CO9="土",CO9="日"),IF(CQ9="○","","○"),"")</f>
        <v/>
      </c>
      <c r="CT9" s="45"/>
      <c r="CU9" s="158"/>
      <c r="CV9" s="159"/>
      <c r="CW9" s="9"/>
      <c r="CX9" s="160" t="s">
        <v>23</v>
      </c>
      <c r="CY9" s="162">
        <f>CY57-CY59</f>
        <v>0</v>
      </c>
      <c r="CZ9" s="9"/>
      <c r="DA9" s="9"/>
      <c r="DB9" s="21" t="str">
        <f t="shared" ref="DB9:DB46" si="8">TEXT(DC9,"aaa")</f>
        <v/>
      </c>
      <c r="DC9" s="12" t="str">
        <f>IF(MAX(CP9:CP46)=0,"",IF(MAX(CP9:CP46)=DATE('（参考）入力シート'!$K$20,'（参考）入力シート'!$M$20,'（参考）入力シート'!$O$20),"",MAX(CP9:CP46)+1))</f>
        <v/>
      </c>
      <c r="DD9" s="13" t="str">
        <f>IF(COUNTIF(祝日一覧!$E$2:$E$142,DC9),"○",IF(DG9&lt;&gt;"","○",""))</f>
        <v/>
      </c>
      <c r="DE9" s="25"/>
      <c r="DF9" s="45" t="str">
        <f>IF(OR(DB9="土",DB9="日"),IF(DD9="○","","○"),"")</f>
        <v/>
      </c>
      <c r="DG9" s="45"/>
      <c r="DH9" s="158"/>
      <c r="DI9" s="159"/>
      <c r="DJ9" s="9"/>
      <c r="DK9" s="160" t="s">
        <v>23</v>
      </c>
      <c r="DL9" s="162">
        <f>DL57-DL59</f>
        <v>0</v>
      </c>
      <c r="DM9" s="9"/>
      <c r="DN9" s="9"/>
      <c r="DO9" s="21" t="str">
        <f t="shared" ref="DO9:DO46" si="9">TEXT(DP9,"aaa")</f>
        <v/>
      </c>
      <c r="DP9" s="12" t="str">
        <f>IF(MAX(DC9:DC46)=0,"",IF(MAX(DC9:DC46)=DATE('（参考）入力シート'!$K$20,'（参考）入力シート'!$M$20,'（参考）入力シート'!$O$20),"",MAX(DC9:DC46)+1))</f>
        <v/>
      </c>
      <c r="DQ9" s="13" t="str">
        <f>IF(COUNTIF(祝日一覧!$E$2:$E$142,DP9),"○",IF(DT9&lt;&gt;"","○",""))</f>
        <v/>
      </c>
      <c r="DR9" s="25"/>
      <c r="DS9" s="45" t="str">
        <f>IF(OR(DO9="土",DO9="日"),IF(DQ9="○","","○"),"")</f>
        <v/>
      </c>
      <c r="DT9" s="45"/>
      <c r="DU9" s="158"/>
      <c r="DV9" s="159"/>
      <c r="DW9" s="9"/>
      <c r="DX9" s="160" t="s">
        <v>23</v>
      </c>
      <c r="DY9" s="162">
        <f>DY57-DY59</f>
        <v>0</v>
      </c>
      <c r="DZ9" s="9"/>
      <c r="EA9" s="9"/>
      <c r="EB9" s="21" t="str">
        <f t="shared" ref="EB9:EB46" si="10">TEXT(EC9,"aaa")</f>
        <v/>
      </c>
      <c r="EC9" s="12" t="str">
        <f>IF(MAX(DP9:DP46)=0,"",IF(MAX(DP9:DP46)=DATE('（参考）入力シート'!$K$20,'（参考）入力シート'!$M$20,'（参考）入力シート'!$O$20),"",MAX(DP9:DP46)+1))</f>
        <v/>
      </c>
      <c r="ED9" s="13" t="str">
        <f>IF(COUNTIF(祝日一覧!$E$2:$E$142,EC9),"○",IF(EG9&lt;&gt;"","○",""))</f>
        <v/>
      </c>
      <c r="EE9" s="25"/>
      <c r="EF9" s="45" t="str">
        <f>IF(OR(EB9="土",EB9="日"),IF(ED9="○","","○"),"")</f>
        <v/>
      </c>
      <c r="EG9" s="45"/>
      <c r="EH9" s="158"/>
      <c r="EI9" s="159"/>
      <c r="EJ9" s="9"/>
      <c r="EK9" s="160" t="s">
        <v>23</v>
      </c>
      <c r="EL9" s="162">
        <f>EL57-EL59</f>
        <v>0</v>
      </c>
      <c r="EM9" s="9"/>
      <c r="EN9" s="9"/>
      <c r="EO9" s="21" t="str">
        <f t="shared" ref="EO9:EO46" si="11">TEXT(EP9,"aaa")</f>
        <v/>
      </c>
      <c r="EP9" s="12" t="str">
        <f>IF(MAX(EC9:EC46)=0,"",IF(MAX(EC9:EC46)=DATE('（参考）入力シート'!$K$20,'（参考）入力シート'!$M$20,'（参考）入力シート'!$O$20),"",MAX(EC9:EC46)+1))</f>
        <v/>
      </c>
      <c r="EQ9" s="13" t="str">
        <f>IF(COUNTIF(祝日一覧!$E$2:$E$142,EP9),"○",IF(ET9&lt;&gt;"","○",""))</f>
        <v/>
      </c>
      <c r="ER9" s="25"/>
      <c r="ES9" s="45" t="str">
        <f>IF(OR(EO9="土",EO9="日"),IF(EQ9="○","","○"),"")</f>
        <v/>
      </c>
      <c r="ET9" s="45"/>
      <c r="EU9" s="158"/>
      <c r="EV9" s="159"/>
      <c r="EW9" s="9"/>
      <c r="EX9" s="160" t="s">
        <v>23</v>
      </c>
      <c r="EY9" s="162">
        <f>EY57-EY59</f>
        <v>0</v>
      </c>
      <c r="EZ9" s="9"/>
      <c r="FA9" s="9"/>
      <c r="FB9" s="21" t="str">
        <f t="shared" ref="FB9:FB46" si="12">TEXT(FC9,"aaa")</f>
        <v/>
      </c>
      <c r="FC9" s="12" t="str">
        <f>IF(MAX(EP9:EP46)=0,"",IF(MAX(EP9:EP46)=DATE('（参考）入力シート'!$K$20,'（参考）入力シート'!$M$20,'（参考）入力シート'!$O$20),"",MAX(EP9:EP46)+1))</f>
        <v/>
      </c>
      <c r="FD9" s="13" t="str">
        <f>IF(COUNTIF(祝日一覧!$E$2:$E$142,FC9),"○",IF(FG9&lt;&gt;"","○",""))</f>
        <v/>
      </c>
      <c r="FE9" s="25"/>
      <c r="FF9" s="45" t="str">
        <f>IF(OR(FB9="土",FB9="日"),IF(FD9="○","","○"),"")</f>
        <v/>
      </c>
      <c r="FG9" s="45"/>
      <c r="FH9" s="158"/>
      <c r="FI9" s="159"/>
      <c r="FJ9" s="9"/>
      <c r="FK9" s="160" t="s">
        <v>23</v>
      </c>
      <c r="FL9" s="162">
        <f>FL57-FL59</f>
        <v>0</v>
      </c>
      <c r="FM9" s="9"/>
      <c r="FN9" s="9"/>
      <c r="FO9" s="21" t="str">
        <f t="shared" ref="FO9:FO46" si="13">TEXT(FP9,"aaa")</f>
        <v/>
      </c>
      <c r="FP9" s="12" t="str">
        <f>IF(MAX(FC9:FC46)=0,"",IF(MAX(FC9:FC46)=DATE('（参考）入力シート'!$K$20,'（参考）入力シート'!$M$20,'（参考）入力シート'!$O$20),"",MAX(FC9:FC46)+1))</f>
        <v/>
      </c>
      <c r="FQ9" s="13" t="str">
        <f>IF(COUNTIF(祝日一覧!$E$2:$E$142,FP9),"○",IF(FT9&lt;&gt;"","○",""))</f>
        <v/>
      </c>
      <c r="FR9" s="25"/>
      <c r="FS9" s="45" t="str">
        <f>IF(OR(FO9="土",FO9="日"),IF(FQ9="○","","○"),"")</f>
        <v/>
      </c>
      <c r="FT9" s="45"/>
      <c r="FU9" s="158"/>
      <c r="FV9" s="159"/>
      <c r="FW9" s="9"/>
      <c r="FX9" s="160" t="s">
        <v>23</v>
      </c>
      <c r="FY9" s="162">
        <f>FY57-FY59</f>
        <v>0</v>
      </c>
      <c r="FZ9" s="9"/>
      <c r="GA9" s="9"/>
      <c r="GB9" s="21" t="str">
        <f t="shared" ref="GB9:GB46" si="14">TEXT(GC9,"aaa")</f>
        <v/>
      </c>
      <c r="GC9" s="12" t="str">
        <f>IF(MAX(FP9:FP46)=0,"",IF(MAX(FP9:FP46)=DATE('（参考）入力シート'!$K$20,'（参考）入力シート'!$M$20,'（参考）入力シート'!$O$20),"",MAX(FP9:FP46)+1))</f>
        <v/>
      </c>
      <c r="GD9" s="13" t="str">
        <f>IF(COUNTIF(祝日一覧!$E$2:$E$142,GC9),"○",IF(GG9&lt;&gt;"","○",""))</f>
        <v/>
      </c>
      <c r="GE9" s="25"/>
      <c r="GF9" s="45" t="str">
        <f>IF(OR(GB9="土",GB9="日"),IF(GD9="○","","○"),"")</f>
        <v/>
      </c>
      <c r="GG9" s="45"/>
      <c r="GH9" s="158"/>
      <c r="GI9" s="159"/>
      <c r="GJ9" s="9"/>
      <c r="GK9" s="160" t="s">
        <v>23</v>
      </c>
      <c r="GL9" s="162">
        <f>GL57-GL59</f>
        <v>0</v>
      </c>
      <c r="GM9" s="9"/>
      <c r="GN9" s="9"/>
      <c r="GO9" s="21" t="str">
        <f t="shared" ref="GO9:GO46" si="15">TEXT(GP9,"aaa")</f>
        <v/>
      </c>
      <c r="GP9" s="12" t="str">
        <f>IF(MAX(GC9:GC46)=0,"",IF(MAX(GC9:GC46)=DATE('（参考）入力シート'!$K$20,'（参考）入力シート'!$M$20,'（参考）入力シート'!$O$20),"",MAX(GC9:GC46)+1))</f>
        <v/>
      </c>
      <c r="GQ9" s="13" t="str">
        <f>IF(COUNTIF(祝日一覧!$E$2:$E$142,GP9),"○",IF(GT9&lt;&gt;"","○",""))</f>
        <v/>
      </c>
      <c r="GR9" s="25"/>
      <c r="GS9" s="45" t="str">
        <f>IF(OR(GO9="土",GO9="日"),IF(GQ9="○","","○"),"")</f>
        <v/>
      </c>
      <c r="GT9" s="45"/>
      <c r="GU9" s="158"/>
      <c r="GV9" s="159"/>
      <c r="GW9" s="9"/>
      <c r="GX9" s="160" t="s">
        <v>23</v>
      </c>
      <c r="GY9" s="162">
        <f>GY57-GY59</f>
        <v>0</v>
      </c>
      <c r="GZ9" s="9"/>
      <c r="HA9" s="9"/>
      <c r="HB9" s="21" t="str">
        <f t="shared" ref="HB9:HB46" si="16">TEXT(HC9,"aaa")</f>
        <v/>
      </c>
      <c r="HC9" s="12" t="str">
        <f>IF(MAX(GP9:GP46)=0,"",IF(MAX(GP9:GP46)=DATE('（参考）入力シート'!$K$20,'（参考）入力シート'!$M$20,'（参考）入力シート'!$O$20),"",MAX(GP9:GP46)+1))</f>
        <v/>
      </c>
      <c r="HD9" s="13" t="str">
        <f>IF(COUNTIF(祝日一覧!$E$2:$E$142,HC9),"○",IF(HG9&lt;&gt;"","○",""))</f>
        <v/>
      </c>
      <c r="HE9" s="25"/>
      <c r="HF9" s="45" t="str">
        <f>IF(OR(HB9="土",HB9="日"),IF(HD9="○","","○"),"")</f>
        <v/>
      </c>
      <c r="HG9" s="45"/>
      <c r="HH9" s="158"/>
      <c r="HI9" s="159"/>
      <c r="HJ9" s="9"/>
      <c r="HK9" s="160" t="s">
        <v>23</v>
      </c>
      <c r="HL9" s="162">
        <f>HL57-HL59</f>
        <v>0</v>
      </c>
      <c r="HM9" s="9"/>
      <c r="HN9" s="9"/>
      <c r="HO9" s="21" t="str">
        <f t="shared" ref="HO9:HO46" si="17">TEXT(HP9,"aaa")</f>
        <v/>
      </c>
      <c r="HP9" s="12" t="str">
        <f>IF(MAX(HC9:HC46)=0,"",IF(MAX(HC9:HC46)=DATE('（参考）入力シート'!$K$20,'（参考）入力シート'!$M$20,'（参考）入力シート'!$O$20),"",MAX(HC9:HC46)+1))</f>
        <v/>
      </c>
      <c r="HQ9" s="13" t="str">
        <f>IF(COUNTIF(祝日一覧!$E$2:$E$142,HP9),"○",IF(HT9&lt;&gt;"","○",""))</f>
        <v/>
      </c>
      <c r="HR9" s="25"/>
      <c r="HS9" s="45" t="str">
        <f>IF(OR(HO9="土",HO9="日"),IF(HQ9="○","","○"),"")</f>
        <v/>
      </c>
      <c r="HT9" s="45"/>
      <c r="HU9" s="158"/>
      <c r="HV9" s="159"/>
      <c r="HW9" s="9"/>
      <c r="HX9" s="160" t="s">
        <v>23</v>
      </c>
      <c r="HY9" s="162">
        <f>HY57-HY59</f>
        <v>0</v>
      </c>
      <c r="HZ9" s="9"/>
      <c r="IA9" s="9"/>
      <c r="IB9" s="21" t="str">
        <f t="shared" ref="IB9:IB46" si="18">TEXT(IC9,"aaa")</f>
        <v/>
      </c>
      <c r="IC9" s="12" t="str">
        <f>IF(MAX(HP9:HP46)=0,"",IF(MAX(HP9:HP46)=DATE('（参考）入力シート'!$K$20,'（参考）入力シート'!$M$20,'（参考）入力シート'!$O$20),"",MAX(HP9:HP46)+1))</f>
        <v/>
      </c>
      <c r="ID9" s="13" t="str">
        <f>IF(COUNTIF(祝日一覧!$E$2:$E$142,IC9),"○",IF(IG9&lt;&gt;"","○",""))</f>
        <v/>
      </c>
      <c r="IE9" s="25"/>
      <c r="IF9" s="45" t="str">
        <f>IF(OR(IB9="土",IB9="日"),IF(ID9="○","","○"),"")</f>
        <v/>
      </c>
      <c r="IG9" s="45"/>
      <c r="IH9" s="158"/>
      <c r="II9" s="159"/>
      <c r="IJ9" s="9"/>
      <c r="IK9" s="160" t="s">
        <v>23</v>
      </c>
      <c r="IL9" s="162">
        <f>IL57-IL59</f>
        <v>0</v>
      </c>
      <c r="IM9" s="9"/>
      <c r="IN9" s="9"/>
      <c r="IO9" s="21" t="str">
        <f t="shared" ref="IO9:IO46" si="19">TEXT(IP9,"aaa")</f>
        <v/>
      </c>
      <c r="IP9" s="12" t="str">
        <f>IF(MAX(IC9:IC46)=0,"",IF(MAX(IC9:IC46)=DATE('（参考）入力シート'!$K$20,'（参考）入力シート'!$M$20,'（参考）入力シート'!$O$20),"",MAX(IC9:IC46)+1))</f>
        <v/>
      </c>
      <c r="IQ9" s="13" t="str">
        <f>IF(COUNTIF(祝日一覧!$E$2:$E$142,IP9),"○",IF(IT9&lt;&gt;"","○",""))</f>
        <v/>
      </c>
      <c r="IR9" s="25"/>
      <c r="IS9" s="45" t="str">
        <f>IF(OR(IO9="土",IO9="日"),IF(IQ9="○","","○"),"")</f>
        <v/>
      </c>
      <c r="IT9" s="45"/>
      <c r="IU9" s="158"/>
      <c r="IV9" s="159"/>
      <c r="IW9" s="9"/>
      <c r="IX9" s="160" t="s">
        <v>23</v>
      </c>
      <c r="IY9" s="162">
        <f>IY57-IY59</f>
        <v>0</v>
      </c>
      <c r="IZ9" s="9"/>
      <c r="JA9" s="9"/>
      <c r="JB9" s="21" t="str">
        <f t="shared" ref="JB9:JB46" si="20">TEXT(JC9,"aaa")</f>
        <v/>
      </c>
      <c r="JC9" s="12" t="str">
        <f>IF(MAX(IP9:IP46)=0,"",IF(MAX(IP9:IP46)=DATE('（参考）入力シート'!$K$20,'（参考）入力シート'!$M$20,'（参考）入力シート'!$O$20),"",MAX(IP9:IP46)+1))</f>
        <v/>
      </c>
      <c r="JD9" s="13" t="str">
        <f>IF(COUNTIF(祝日一覧!$E$2:$E$142,JC9),"○",IF(JG9&lt;&gt;"","○",""))</f>
        <v/>
      </c>
      <c r="JE9" s="25"/>
      <c r="JF9" s="45" t="str">
        <f>IF(OR(JB9="土",JB9="日"),IF(JD9="○","","○"),"")</f>
        <v/>
      </c>
      <c r="JG9" s="45"/>
      <c r="JH9" s="158"/>
      <c r="JI9" s="159"/>
      <c r="JJ9" s="9"/>
      <c r="JK9" s="160" t="s">
        <v>23</v>
      </c>
      <c r="JL9" s="162">
        <f>JL57-JL59</f>
        <v>0</v>
      </c>
      <c r="JM9" s="9"/>
      <c r="JN9" s="9"/>
      <c r="JO9" s="21" t="str">
        <f t="shared" ref="JO9:JO46" si="21">TEXT(JP9,"aaa")</f>
        <v/>
      </c>
      <c r="JP9" s="12" t="str">
        <f>IF(MAX(JC9:JC46)=0,"",IF(MAX(JC9:JC46)=DATE('（参考）入力シート'!$K$20,'（参考）入力シート'!$M$20,'（参考）入力シート'!$O$20),"",MAX(JC9:JC46)+1))</f>
        <v/>
      </c>
      <c r="JQ9" s="13" t="str">
        <f>IF(COUNTIF(祝日一覧!$E$2:$E$142,JP9),"○",IF(JT9&lt;&gt;"","○",""))</f>
        <v/>
      </c>
      <c r="JR9" s="25"/>
      <c r="JS9" s="45" t="str">
        <f>IF(OR(JO9="土",JO9="日"),IF(JQ9="○","","○"),"")</f>
        <v/>
      </c>
      <c r="JT9" s="45"/>
      <c r="JU9" s="158"/>
      <c r="JV9" s="159"/>
      <c r="JW9" s="9"/>
      <c r="JX9" s="160" t="s">
        <v>23</v>
      </c>
      <c r="JY9" s="162">
        <f>JY57-JY59</f>
        <v>0</v>
      </c>
      <c r="JZ9" s="9"/>
      <c r="KA9" s="9"/>
      <c r="KB9" s="21" t="str">
        <f t="shared" ref="KB9:KB46" si="22">TEXT(KC9,"aaa")</f>
        <v/>
      </c>
      <c r="KC9" s="12" t="str">
        <f>IF(MAX(JP9:JP46)=0,"",IF(MAX(JP9:JP46)=DATE('（参考）入力シート'!$K$20,'（参考）入力シート'!$M$20,'（参考）入力シート'!$O$20),"",MAX(JP9:JP46)+1))</f>
        <v/>
      </c>
      <c r="KD9" s="13" t="str">
        <f>IF(COUNTIF(祝日一覧!$E$2:$E$142,KC9),"○",IF(KG9&lt;&gt;"","○",""))</f>
        <v/>
      </c>
      <c r="KE9" s="25"/>
      <c r="KF9" s="45" t="str">
        <f>IF(OR(KB9="土",KB9="日"),IF(KD9="○","","○"),"")</f>
        <v/>
      </c>
      <c r="KG9" s="45"/>
      <c r="KH9" s="158"/>
      <c r="KI9" s="159"/>
      <c r="KJ9" s="9"/>
      <c r="KK9" s="160" t="s">
        <v>23</v>
      </c>
      <c r="KL9" s="162">
        <f>KL57-KL59</f>
        <v>0</v>
      </c>
      <c r="KM9" s="9"/>
      <c r="KN9" s="9"/>
      <c r="KO9" s="21" t="str">
        <f t="shared" ref="KO9:KO46" si="23">TEXT(KP9,"aaa")</f>
        <v/>
      </c>
      <c r="KP9" s="12" t="str">
        <f>IF(MAX(KC9:KC46)=0,"",IF(MAX(KC9:KC46)=DATE('（参考）入力シート'!$K$20,'（参考）入力シート'!$M$20,'（参考）入力シート'!$O$20),"",MAX(KC9:KC46)+1))</f>
        <v/>
      </c>
      <c r="KQ9" s="13" t="str">
        <f>IF(COUNTIF(祝日一覧!$E$2:$E$142,KP9),"○",IF(KT9&lt;&gt;"","○",""))</f>
        <v/>
      </c>
      <c r="KR9" s="25"/>
      <c r="KS9" s="45" t="str">
        <f>IF(OR(KO9="土",KO9="日"),IF(KQ9="○","","○"),"")</f>
        <v/>
      </c>
      <c r="KT9" s="45"/>
      <c r="KU9" s="158"/>
      <c r="KV9" s="159"/>
      <c r="KW9" s="9"/>
      <c r="KX9" s="160" t="s">
        <v>23</v>
      </c>
      <c r="KY9" s="162">
        <f>KY57-KY59</f>
        <v>0</v>
      </c>
      <c r="KZ9" s="9"/>
      <c r="LA9" s="9"/>
      <c r="LB9" s="21" t="str">
        <f t="shared" ref="LB9:LB46" si="24">TEXT(LC9,"aaa")</f>
        <v/>
      </c>
      <c r="LC9" s="12" t="str">
        <f>IF(MAX(KP9:KP46)=0,"",IF(MAX(KP9:KP46)=DATE('（参考）入力シート'!$K$20,'（参考）入力シート'!$M$20,'（参考）入力シート'!$O$20),"",MAX(KP9:KP46)+1))</f>
        <v/>
      </c>
      <c r="LD9" s="13" t="str">
        <f>IF(COUNTIF(祝日一覧!$E$2:$E$142,LC9),"○",IF(LG9&lt;&gt;"","○",""))</f>
        <v/>
      </c>
      <c r="LE9" s="25"/>
      <c r="LF9" s="45" t="str">
        <f>IF(OR(LB9="土",LB9="日"),IF(LD9="○","","○"),"")</f>
        <v/>
      </c>
      <c r="LG9" s="45"/>
      <c r="LH9" s="158"/>
      <c r="LI9" s="159"/>
      <c r="LJ9" s="9"/>
      <c r="LK9" s="160" t="s">
        <v>23</v>
      </c>
      <c r="LL9" s="162">
        <f>LL57-LL59</f>
        <v>0</v>
      </c>
      <c r="LM9" s="9"/>
      <c r="LN9" s="9"/>
      <c r="LO9" s="21" t="str">
        <f t="shared" ref="LO9:LO46" si="25">TEXT(LP9,"aaa")</f>
        <v/>
      </c>
      <c r="LP9" s="12" t="str">
        <f>IF(MAX(LC9:LC46)=0,"",IF(MAX(LC9:LC46)=DATE('（参考）入力シート'!$K$20,'（参考）入力シート'!$M$20,'（参考）入力シート'!$O$20),"",MAX(LC9:LC46)+1))</f>
        <v/>
      </c>
      <c r="LQ9" s="13" t="str">
        <f>IF(COUNTIF(祝日一覧!$E$2:$E$142,LP9),"○",IF(LT9&lt;&gt;"","○",""))</f>
        <v/>
      </c>
      <c r="LR9" s="25"/>
      <c r="LS9" s="45" t="str">
        <f>IF(OR(LO9="土",LO9="日"),IF(LQ9="○","","○"),"")</f>
        <v/>
      </c>
      <c r="LT9" s="45"/>
      <c r="LU9" s="158"/>
      <c r="LV9" s="159"/>
      <c r="LW9" s="9"/>
      <c r="LX9" s="160" t="s">
        <v>23</v>
      </c>
      <c r="LY9" s="162">
        <f>LY57-LY59</f>
        <v>0</v>
      </c>
      <c r="LZ9" s="9"/>
      <c r="MA9" s="9"/>
      <c r="MB9" s="21" t="str">
        <f t="shared" ref="MB9:MB46" si="26">TEXT(MC9,"aaa")</f>
        <v/>
      </c>
      <c r="MC9" s="12" t="str">
        <f>IF(MAX(LP9:LP46)=0,"",IF(MAX(LP9:LP46)=DATE('（参考）入力シート'!$K$20,'（参考）入力シート'!$M$20,'（参考）入力シート'!$O$20),"",MAX(LP9:LP46)+1))</f>
        <v/>
      </c>
      <c r="MD9" s="13" t="str">
        <f>IF(COUNTIF(祝日一覧!$E$2:$E$142,MC9),"○",IF(MG9&lt;&gt;"","○",""))</f>
        <v/>
      </c>
      <c r="ME9" s="25"/>
      <c r="MF9" s="45" t="str">
        <f>IF(OR(MB9="土",MB9="日"),IF(MD9="○","","○"),"")</f>
        <v/>
      </c>
      <c r="MG9" s="45"/>
      <c r="MH9" s="158"/>
      <c r="MI9" s="159"/>
      <c r="MJ9" s="9"/>
      <c r="MK9" s="160" t="s">
        <v>23</v>
      </c>
      <c r="ML9" s="162">
        <f>ML57-ML59</f>
        <v>0</v>
      </c>
      <c r="MM9" s="9"/>
      <c r="MN9" s="9"/>
      <c r="MO9" s="21" t="str">
        <f t="shared" ref="MO9:MO46" si="27">TEXT(MP9,"aaa")</f>
        <v/>
      </c>
      <c r="MP9" s="12" t="str">
        <f>IF(MAX(MC9:MC46)=0,"",IF(MAX(MC9:MC46)=DATE('（参考）入力シート'!$K$20,'（参考）入力シート'!$M$20,'（参考）入力シート'!$O$20),"",MAX(MC9:MC46)+1))</f>
        <v/>
      </c>
      <c r="MQ9" s="13" t="str">
        <f>IF(COUNTIF(祝日一覧!$E$2:$E$142,MP9),"○",IF(MT9&lt;&gt;"","○",""))</f>
        <v/>
      </c>
      <c r="MR9" s="25"/>
      <c r="MS9" s="45" t="str">
        <f>IF(OR(MO9="土",MO9="日"),IF(MQ9="○","","○"),"")</f>
        <v/>
      </c>
      <c r="MT9" s="45"/>
      <c r="MU9" s="158"/>
      <c r="MV9" s="159"/>
      <c r="MW9" s="9"/>
      <c r="MX9" s="160" t="s">
        <v>23</v>
      </c>
      <c r="MY9" s="162">
        <f>MY57-MY59</f>
        <v>0</v>
      </c>
      <c r="MZ9" s="9"/>
      <c r="NA9" s="9"/>
      <c r="NB9" s="21" t="str">
        <f t="shared" ref="NB9:NB46" si="28">TEXT(NC9,"aaa")</f>
        <v/>
      </c>
      <c r="NC9" s="12" t="str">
        <f>IF(MAX(MP9:MP46)=0,"",IF(MAX(MP9:MP46)=DATE('（参考）入力シート'!$K$20,'（参考）入力シート'!$M$20,'（参考）入力シート'!$O$20),"",MAX(MP9:MP46)+1))</f>
        <v/>
      </c>
      <c r="ND9" s="13" t="str">
        <f>IF(COUNTIF(祝日一覧!$E$2:$E$142,NC9),"○",IF(NG9&lt;&gt;"","○",""))</f>
        <v/>
      </c>
      <c r="NE9" s="25"/>
      <c r="NF9" s="45" t="str">
        <f>IF(OR(NB9="土",NB9="日"),IF(ND9="○","","○"),"")</f>
        <v/>
      </c>
      <c r="NG9" s="45"/>
      <c r="NH9" s="158"/>
      <c r="NI9" s="159"/>
      <c r="NJ9" s="9"/>
      <c r="NK9" s="160" t="s">
        <v>23</v>
      </c>
      <c r="NL9" s="162">
        <f>NL57-NL59</f>
        <v>0</v>
      </c>
      <c r="NM9" s="9"/>
      <c r="NN9" s="9"/>
      <c r="NO9" s="21" t="str">
        <f t="shared" ref="NO9:NO46" si="29">TEXT(NP9,"aaa")</f>
        <v/>
      </c>
      <c r="NP9" s="12" t="str">
        <f>IF(MAX(NC9:NC46)=0,"",IF(MAX(NC9:NC46)=DATE('（参考）入力シート'!$K$20,'（参考）入力シート'!$M$20,'（参考）入力シート'!$O$20),"",MAX(NC9:NC46)+1))</f>
        <v/>
      </c>
      <c r="NQ9" s="13" t="str">
        <f>IF(COUNTIF(祝日一覧!$E$2:$E$142,NP9),"○",IF(NT9&lt;&gt;"","○",""))</f>
        <v/>
      </c>
      <c r="NR9" s="25"/>
      <c r="NS9" s="45" t="str">
        <f>IF(OR(NO9="土",NO9="日"),IF(NQ9="○","","○"),"")</f>
        <v/>
      </c>
      <c r="NT9" s="45"/>
      <c r="NU9" s="158"/>
      <c r="NV9" s="159"/>
      <c r="NW9" s="9"/>
      <c r="NX9" s="160" t="s">
        <v>23</v>
      </c>
      <c r="NY9" s="162">
        <f>NY57-NY59</f>
        <v>0</v>
      </c>
      <c r="NZ9" s="9"/>
      <c r="OA9" s="9"/>
      <c r="OB9" s="21" t="str">
        <f t="shared" ref="OB9:OB46" si="30">TEXT(OC9,"aaa")</f>
        <v/>
      </c>
      <c r="OC9" s="12" t="str">
        <f>IF(MAX(NP9:NP46)=0,"",IF(MAX(NP9:NP46)=DATE('（参考）入力シート'!$K$20,'（参考）入力シート'!$M$20,'（参考）入力シート'!$O$20),"",MAX(NP9:NP46)+1))</f>
        <v/>
      </c>
      <c r="OD9" s="13" t="str">
        <f>IF(COUNTIF(祝日一覧!$E$2:$E$142,OC9),"○",IF(OG9&lt;&gt;"","○",""))</f>
        <v/>
      </c>
      <c r="OE9" s="25"/>
      <c r="OF9" s="45" t="str">
        <f>IF(OR(OB9="土",OB9="日"),IF(OD9="○","","○"),"")</f>
        <v/>
      </c>
      <c r="OG9" s="45"/>
      <c r="OH9" s="158"/>
      <c r="OI9" s="159"/>
      <c r="OJ9" s="9"/>
      <c r="OK9" s="160" t="s">
        <v>23</v>
      </c>
      <c r="OL9" s="162">
        <f>OL57-OL59</f>
        <v>0</v>
      </c>
      <c r="OM9" s="9"/>
      <c r="ON9" s="9"/>
      <c r="OO9" s="21" t="str">
        <f t="shared" ref="OO9:OO46" si="31">TEXT(OP9,"aaa")</f>
        <v/>
      </c>
      <c r="OP9" s="12" t="str">
        <f>IF(MAX(OC9:OC46)=0,"",IF(MAX(OC9:OC46)=DATE('（参考）入力シート'!$K$20,'（参考）入力シート'!$M$20,'（参考）入力シート'!$O$20),"",MAX(OC9:OC46)+1))</f>
        <v/>
      </c>
      <c r="OQ9" s="13" t="str">
        <f>IF(COUNTIF(祝日一覧!$E$2:$E$142,OP9),"○",IF(OT9&lt;&gt;"","○",""))</f>
        <v/>
      </c>
      <c r="OR9" s="25"/>
      <c r="OS9" s="45" t="str">
        <f>IF(OR(OO9="土",OO9="日"),IF(OQ9="○","","○"),"")</f>
        <v/>
      </c>
      <c r="OT9" s="45"/>
      <c r="OU9" s="158"/>
      <c r="OV9" s="159"/>
      <c r="OW9" s="9"/>
      <c r="OX9" s="160" t="s">
        <v>23</v>
      </c>
      <c r="OY9" s="162">
        <f>OY57-OY59</f>
        <v>0</v>
      </c>
      <c r="OZ9" s="9"/>
      <c r="PA9" s="9"/>
      <c r="PB9" s="21" t="str">
        <f t="shared" ref="PB9:PB46" si="32">TEXT(PC9,"aaa")</f>
        <v/>
      </c>
      <c r="PC9" s="12" t="str">
        <f>IF(MAX(OP9:OP46)=0,"",IF(MAX(OP9:OP46)=DATE('（参考）入力シート'!$K$20,'（参考）入力シート'!$M$20,'（参考）入力シート'!$O$20),"",MAX(OP9:OP46)+1))</f>
        <v/>
      </c>
      <c r="PD9" s="13" t="str">
        <f>IF(COUNTIF(祝日一覧!$E$2:$E$142,PC9),"○",IF(PG9&lt;&gt;"","○",""))</f>
        <v/>
      </c>
      <c r="PE9" s="25"/>
      <c r="PF9" s="45" t="str">
        <f>IF(OR(PB9="土",PB9="日"),IF(PD9="○","","○"),"")</f>
        <v/>
      </c>
      <c r="PG9" s="45"/>
      <c r="PH9" s="158"/>
      <c r="PI9" s="159"/>
      <c r="PJ9" s="9"/>
      <c r="PK9" s="160" t="s">
        <v>23</v>
      </c>
      <c r="PL9" s="162">
        <f>PL57-PL59</f>
        <v>0</v>
      </c>
      <c r="PM9" s="9"/>
      <c r="PN9" s="9"/>
      <c r="PO9" s="21" t="str">
        <f t="shared" ref="PO9:PO46" si="33">TEXT(PP9,"aaa")</f>
        <v/>
      </c>
      <c r="PP9" s="12" t="str">
        <f>IF(MAX(PC9:PC46)=0,"",IF(MAX(PC9:PC46)=DATE('（参考）入力シート'!$K$20,'（参考）入力シート'!$M$20,'（参考）入力シート'!$O$20),"",MAX(PC9:PC46)+1))</f>
        <v/>
      </c>
      <c r="PQ9" s="13" t="str">
        <f>IF(COUNTIF(祝日一覧!$E$2:$E$142,PP9),"○",IF(PT9&lt;&gt;"","○",""))</f>
        <v/>
      </c>
      <c r="PR9" s="25"/>
      <c r="PS9" s="45" t="str">
        <f>IF(OR(PO9="土",PO9="日"),IF(PQ9="○","","○"),"")</f>
        <v/>
      </c>
      <c r="PT9" s="45"/>
      <c r="PU9" s="158"/>
      <c r="PV9" s="159"/>
      <c r="PW9" s="9"/>
      <c r="PX9" s="160" t="s">
        <v>23</v>
      </c>
      <c r="PY9" s="162">
        <f>PY57-PY59</f>
        <v>0</v>
      </c>
      <c r="PZ9" s="9"/>
      <c r="QA9" s="9"/>
      <c r="QB9" s="21" t="str">
        <f t="shared" ref="QB9:QB46" si="34">TEXT(QC9,"aaa")</f>
        <v/>
      </c>
      <c r="QC9" s="12" t="str">
        <f>IF(MAX(PP9:PP46)=0,"",IF(MAX(PP9:PP46)=DATE('（参考）入力シート'!$K$20,'（参考）入力シート'!$M$20,'（参考）入力シート'!$O$20),"",MAX(PP9:PP46)+1))</f>
        <v/>
      </c>
      <c r="QD9" s="13" t="str">
        <f>IF(COUNTIF(祝日一覧!$E$2:$E$142,QC9),"○",IF(QG9&lt;&gt;"","○",""))</f>
        <v/>
      </c>
      <c r="QE9" s="25"/>
      <c r="QF9" s="45" t="str">
        <f>IF(OR(QB9="土",QB9="日"),IF(QD9="○","","○"),"")</f>
        <v/>
      </c>
      <c r="QG9" s="45"/>
      <c r="QH9" s="158"/>
      <c r="QI9" s="159"/>
      <c r="QJ9" s="9"/>
      <c r="QK9" s="160" t="s">
        <v>23</v>
      </c>
      <c r="QL9" s="162">
        <f>QL57-QL59</f>
        <v>0</v>
      </c>
      <c r="QM9" s="9"/>
      <c r="QN9" s="9"/>
      <c r="QO9" s="21" t="str">
        <f t="shared" ref="QO9:QO46" si="35">TEXT(QP9,"aaa")</f>
        <v/>
      </c>
      <c r="QP9" s="12" t="str">
        <f>IF(MAX(QC9:QC46)=0,"",IF(MAX(QC9:QC46)=DATE('（参考）入力シート'!$K$20,'（参考）入力シート'!$M$20,'（参考）入力シート'!$O$20),"",MAX(QC9:QC46)+1))</f>
        <v/>
      </c>
      <c r="QQ9" s="13" t="str">
        <f>IF(COUNTIF(祝日一覧!$E$2:$E$142,QP9),"○",IF(QT9&lt;&gt;"","○",""))</f>
        <v/>
      </c>
      <c r="QR9" s="25"/>
      <c r="QS9" s="45" t="str">
        <f>IF(OR(QO9="土",QO9="日"),IF(QQ9="○","","○"),"")</f>
        <v/>
      </c>
      <c r="QT9" s="45"/>
      <c r="QU9" s="158"/>
      <c r="QV9" s="159"/>
      <c r="QW9" s="9"/>
      <c r="QX9" s="160" t="s">
        <v>23</v>
      </c>
      <c r="QY9" s="162">
        <f>QY57-QY59</f>
        <v>0</v>
      </c>
      <c r="QZ9" s="9"/>
      <c r="RA9" s="9"/>
      <c r="RB9" s="21" t="str">
        <f t="shared" ref="RB9:RB46" si="36">TEXT(RC9,"aaa")</f>
        <v/>
      </c>
      <c r="RC9" s="12" t="str">
        <f>IF(MAX(QP9:QP46)=0,"",IF(MAX(QP9:QP46)=DATE('（参考）入力シート'!$K$20,'（参考）入力シート'!$M$20,'（参考）入力シート'!$O$20),"",MAX(QP9:QP46)+1))</f>
        <v/>
      </c>
      <c r="RD9" s="13" t="str">
        <f>IF(COUNTIF(祝日一覧!$E$2:$E$142,RC9),"○",IF(RG9&lt;&gt;"","○",""))</f>
        <v/>
      </c>
      <c r="RE9" s="25"/>
      <c r="RF9" s="45" t="str">
        <f>IF(OR(RB9="土",RB9="日"),IF(RD9="○","","○"),"")</f>
        <v/>
      </c>
      <c r="RG9" s="45"/>
      <c r="RH9" s="158"/>
      <c r="RI9" s="159"/>
      <c r="RJ9" s="9"/>
      <c r="RK9" s="160" t="s">
        <v>23</v>
      </c>
      <c r="RL9" s="162">
        <f>RL57-RL59</f>
        <v>0</v>
      </c>
      <c r="RM9" s="9"/>
      <c r="RN9" s="9"/>
      <c r="RO9" s="21" t="str">
        <f t="shared" ref="RO9:RO46" si="37">TEXT(RP9,"aaa")</f>
        <v/>
      </c>
      <c r="RP9" s="12" t="str">
        <f>IF(MAX(RC9:RC46)=0,"",IF(MAX(RC9:RC46)=DATE('（参考）入力シート'!$K$20,'（参考）入力シート'!$M$20,'（参考）入力シート'!$O$20),"",MAX(RC9:RC46)+1))</f>
        <v/>
      </c>
      <c r="RQ9" s="13" t="str">
        <f>IF(COUNTIF(祝日一覧!$E$2:$E$142,RP9),"○",IF(RT9&lt;&gt;"","○",""))</f>
        <v/>
      </c>
      <c r="RR9" s="25"/>
      <c r="RS9" s="45" t="str">
        <f>IF(OR(RO9="土",RO9="日"),IF(RQ9="○","","○"),"")</f>
        <v/>
      </c>
      <c r="RT9" s="45"/>
      <c r="RU9" s="158"/>
      <c r="RV9" s="159"/>
      <c r="RW9" s="9"/>
      <c r="RX9" s="160" t="s">
        <v>23</v>
      </c>
      <c r="RY9" s="162">
        <f>RY57-RY59</f>
        <v>0</v>
      </c>
      <c r="RZ9" s="9"/>
      <c r="SA9" s="9"/>
      <c r="SB9" s="21" t="str">
        <f t="shared" ref="SB9:SB46" si="38">TEXT(SC9,"aaa")</f>
        <v/>
      </c>
      <c r="SC9" s="12" t="str">
        <f>IF(MAX(RP9:RP46)=0,"",IF(MAX(RP9:RP46)=DATE('（参考）入力シート'!$K$20,'（参考）入力シート'!$M$20,'（参考）入力シート'!$O$20),"",MAX(RP9:RP46)+1))</f>
        <v/>
      </c>
      <c r="SD9" s="13" t="str">
        <f>IF(COUNTIF(祝日一覧!$E$2:$E$142,SC9),"○",IF(SG9&lt;&gt;"","○",""))</f>
        <v/>
      </c>
      <c r="SE9" s="25"/>
      <c r="SF9" s="45" t="str">
        <f>IF(OR(SB9="土",SB9="日"),IF(SD9="○","","○"),"")</f>
        <v/>
      </c>
      <c r="SG9" s="45"/>
      <c r="SH9" s="158"/>
      <c r="SI9" s="159"/>
      <c r="SJ9" s="9"/>
      <c r="SK9" s="160" t="s">
        <v>23</v>
      </c>
      <c r="SL9" s="162">
        <f>SL57-SL59</f>
        <v>0</v>
      </c>
      <c r="SM9" s="9"/>
    </row>
    <row r="10" spans="1:507" ht="15.6" customHeight="1">
      <c r="A10" s="9"/>
      <c r="B10" s="102" t="str">
        <f t="shared" si="0"/>
        <v>水</v>
      </c>
      <c r="C10" s="15">
        <f>IF(C9="","",IF(C9='（参考）【別紙２】'!$E$35,"",IF(MONTH(C9)=MONTH(C9+1),C9+1,"")))</f>
        <v>45749</v>
      </c>
      <c r="D10" s="13" t="str">
        <f>IF(COUNTIF(祝日一覧!$E$2:$E$142,C10),"○",IF(G10&lt;&gt;"","○",""))</f>
        <v/>
      </c>
      <c r="E10" s="26"/>
      <c r="F10" s="45" t="str">
        <f t="shared" ref="F10:F46" si="39">IF(OR(B10="土",B10="日"),IF(D10="○","","○"),"")</f>
        <v/>
      </c>
      <c r="G10" s="45"/>
      <c r="H10" s="167"/>
      <c r="I10" s="168"/>
      <c r="J10" s="42"/>
      <c r="K10" s="165"/>
      <c r="L10" s="163"/>
      <c r="M10" s="9"/>
      <c r="N10" s="9"/>
      <c r="O10" s="102" t="str">
        <f t="shared" si="1"/>
        <v>金</v>
      </c>
      <c r="P10" s="15">
        <f>IF(P9="","",IF(P9='（参考）【別紙２】'!$E$35,"",IF(MONTH(P9)=MONTH(P9+1),P9+1,"")))</f>
        <v>45779</v>
      </c>
      <c r="Q10" s="13" t="str">
        <f>IF(COUNTIF(祝日一覧!$E$2:$E$142,P10),"○",IF(T10&lt;&gt;"","○",""))</f>
        <v/>
      </c>
      <c r="R10" s="26"/>
      <c r="S10" s="45" t="str">
        <f t="shared" ref="S10:S14" si="40">IF(OR(O10="土",O10="日"),IF(Q10="○","","○"),"")</f>
        <v/>
      </c>
      <c r="T10" s="45"/>
      <c r="U10" s="167"/>
      <c r="V10" s="168"/>
      <c r="W10" s="9"/>
      <c r="X10" s="161"/>
      <c r="Y10" s="163"/>
      <c r="Z10" s="9"/>
      <c r="AA10" s="9"/>
      <c r="AB10" s="102" t="str">
        <f t="shared" si="2"/>
        <v>月</v>
      </c>
      <c r="AC10" s="15">
        <f>IF(AC9="","",IF(AC9='（参考）【別紙２】'!$E$35,"",IF(MONTH(AC9)=MONTH(AC9+1),AC9+1,"")))</f>
        <v>45810</v>
      </c>
      <c r="AD10" s="13" t="str">
        <f>IF(COUNTIF(祝日一覧!$E$2:$E$142,AC10),"○",IF(AG10&lt;&gt;"","○",""))</f>
        <v/>
      </c>
      <c r="AE10" s="26"/>
      <c r="AF10" s="45" t="str">
        <f t="shared" ref="AF10:AF14" si="41">IF(OR(AB10="土",AB10="日"),IF(AD10="○","","○"),"")</f>
        <v/>
      </c>
      <c r="AG10" s="45"/>
      <c r="AH10" s="167"/>
      <c r="AI10" s="168"/>
      <c r="AJ10" s="9"/>
      <c r="AK10" s="161"/>
      <c r="AL10" s="163"/>
      <c r="AM10" s="9"/>
      <c r="AN10" s="9"/>
      <c r="AO10" s="102" t="str">
        <f t="shared" si="3"/>
        <v>水</v>
      </c>
      <c r="AP10" s="15">
        <f>IF(AP9="","",IF(AP9='（参考）【別紙２】'!$E$35,"",IF(MONTH(AP9)=MONTH(AP9+1),AP9+1,"")))</f>
        <v>45840</v>
      </c>
      <c r="AQ10" s="13" t="str">
        <f>IF(COUNTIF(祝日一覧!$E$2:$E$142,AP10),"○",IF(AT10&lt;&gt;"","○",""))</f>
        <v/>
      </c>
      <c r="AR10" s="26"/>
      <c r="AS10" s="45" t="str">
        <f t="shared" ref="AS10:AS14" si="42">IF(OR(AO10="土",AO10="日"),IF(AQ10="○","","○"),"")</f>
        <v/>
      </c>
      <c r="AT10" s="45"/>
      <c r="AU10" s="167"/>
      <c r="AV10" s="168"/>
      <c r="AW10" s="9"/>
      <c r="AX10" s="161"/>
      <c r="AY10" s="163"/>
      <c r="AZ10" s="9"/>
      <c r="BA10" s="9"/>
      <c r="BB10" s="102" t="str">
        <f t="shared" si="4"/>
        <v>土</v>
      </c>
      <c r="BC10" s="15">
        <f>IF(BC9="","",IF(BC9='（参考）【別紙２】'!$E$35,"",IF(MONTH(BC9)=MONTH(BC9+1),BC9+1,"")))</f>
        <v>45871</v>
      </c>
      <c r="BD10" s="13" t="str">
        <f>IF(COUNTIF(祝日一覧!$E$2:$E$142,BC10),"○",IF(BG10&lt;&gt;"","○",""))</f>
        <v/>
      </c>
      <c r="BE10" s="26"/>
      <c r="BF10" s="45" t="str">
        <f t="shared" ref="BF10:BF14" si="43">IF(OR(BB10="土",BB10="日"),IF(BD10="○","","○"),"")</f>
        <v>○</v>
      </c>
      <c r="BG10" s="45"/>
      <c r="BH10" s="167"/>
      <c r="BI10" s="168"/>
      <c r="BJ10" s="9"/>
      <c r="BK10" s="161"/>
      <c r="BL10" s="163"/>
      <c r="BM10" s="9"/>
      <c r="BN10" s="9"/>
      <c r="BO10" s="102" t="str">
        <f t="shared" si="5"/>
        <v/>
      </c>
      <c r="BP10" s="15" t="str">
        <f>IF(BP9="","",IF(BP9='（参考）【別紙２】'!$E$35,"",IF(MONTH(BP9)=MONTH(BP9+1),BP9+1,"")))</f>
        <v/>
      </c>
      <c r="BQ10" s="13" t="str">
        <f>IF(COUNTIF(祝日一覧!$E$2:$E$142,BP10),"○",IF(BT10&lt;&gt;"","○",""))</f>
        <v/>
      </c>
      <c r="BR10" s="26"/>
      <c r="BS10" s="45" t="str">
        <f t="shared" ref="BS10:BS14" si="44">IF(OR(BO10="土",BO10="日"),IF(BQ10="○","","○"),"")</f>
        <v/>
      </c>
      <c r="BT10" s="45"/>
      <c r="BU10" s="167"/>
      <c r="BV10" s="168"/>
      <c r="BW10" s="9"/>
      <c r="BX10" s="161"/>
      <c r="BY10" s="163"/>
      <c r="BZ10" s="9"/>
      <c r="CA10" s="9"/>
      <c r="CB10" s="102" t="str">
        <f t="shared" si="6"/>
        <v/>
      </c>
      <c r="CC10" s="15" t="str">
        <f>IF(CC9="","",IF(CC9='（参考）【別紙２】'!$E$35,"",IF(MONTH(CC9)=MONTH(CC9+1),CC9+1,"")))</f>
        <v/>
      </c>
      <c r="CD10" s="13" t="str">
        <f>IF(COUNTIF(祝日一覧!$E$2:$E$142,CC10),"○",IF(CG10&lt;&gt;"","○",""))</f>
        <v/>
      </c>
      <c r="CE10" s="26"/>
      <c r="CF10" s="45" t="str">
        <f t="shared" ref="CF10:CF14" si="45">IF(OR(CB10="土",CB10="日"),IF(CD10="○","","○"),"")</f>
        <v/>
      </c>
      <c r="CG10" s="45"/>
      <c r="CH10" s="167"/>
      <c r="CI10" s="168"/>
      <c r="CJ10" s="9"/>
      <c r="CK10" s="161"/>
      <c r="CL10" s="163"/>
      <c r="CM10" s="9"/>
      <c r="CN10" s="9"/>
      <c r="CO10" s="102" t="str">
        <f t="shared" si="7"/>
        <v/>
      </c>
      <c r="CP10" s="15" t="str">
        <f>IF(CP9="","",IF(CP9='（参考）【別紙２】'!$E$35,"",IF(MONTH(CP9)=MONTH(CP9+1),CP9+1,"")))</f>
        <v/>
      </c>
      <c r="CQ10" s="13" t="str">
        <f>IF(COUNTIF(祝日一覧!$E$2:$E$142,CP10),"○",IF(CT10&lt;&gt;"","○",""))</f>
        <v/>
      </c>
      <c r="CR10" s="26"/>
      <c r="CS10" s="45" t="str">
        <f t="shared" ref="CS10:CS14" si="46">IF(OR(CO10="土",CO10="日"),IF(CQ10="○","","○"),"")</f>
        <v/>
      </c>
      <c r="CT10" s="45"/>
      <c r="CU10" s="167"/>
      <c r="CV10" s="168"/>
      <c r="CW10" s="9"/>
      <c r="CX10" s="161"/>
      <c r="CY10" s="163"/>
      <c r="CZ10" s="9"/>
      <c r="DA10" s="9"/>
      <c r="DB10" s="102" t="str">
        <f t="shared" si="8"/>
        <v/>
      </c>
      <c r="DC10" s="15" t="str">
        <f>IF(DC9="","",IF(DC9='（参考）【別紙２】'!$E$35,"",IF(MONTH(DC9)=MONTH(DC9+1),DC9+1,"")))</f>
        <v/>
      </c>
      <c r="DD10" s="13" t="str">
        <f>IF(COUNTIF(祝日一覧!$E$2:$E$142,DC10),"○",IF(DG10&lt;&gt;"","○",""))</f>
        <v/>
      </c>
      <c r="DE10" s="26"/>
      <c r="DF10" s="45" t="str">
        <f t="shared" ref="DF10:DF14" si="47">IF(OR(DB10="土",DB10="日"),IF(DD10="○","","○"),"")</f>
        <v/>
      </c>
      <c r="DG10" s="45"/>
      <c r="DH10" s="167"/>
      <c r="DI10" s="168"/>
      <c r="DJ10" s="9"/>
      <c r="DK10" s="161"/>
      <c r="DL10" s="163"/>
      <c r="DM10" s="9"/>
      <c r="DN10" s="9"/>
      <c r="DO10" s="102" t="str">
        <f t="shared" si="9"/>
        <v/>
      </c>
      <c r="DP10" s="15" t="str">
        <f>IF(DP9="","",IF(DP9='（参考）【別紙２】'!$E$35,"",IF(MONTH(DP9)=MONTH(DP9+1),DP9+1,"")))</f>
        <v/>
      </c>
      <c r="DQ10" s="13" t="str">
        <f>IF(COUNTIF(祝日一覧!$E$2:$E$142,DP10),"○",IF(DT10&lt;&gt;"","○",""))</f>
        <v/>
      </c>
      <c r="DR10" s="26"/>
      <c r="DS10" s="45" t="str">
        <f t="shared" ref="DS10:DS14" si="48">IF(OR(DO10="土",DO10="日"),IF(DQ10="○","","○"),"")</f>
        <v/>
      </c>
      <c r="DT10" s="45"/>
      <c r="DU10" s="167"/>
      <c r="DV10" s="168"/>
      <c r="DW10" s="9"/>
      <c r="DX10" s="161"/>
      <c r="DY10" s="163"/>
      <c r="DZ10" s="9"/>
      <c r="EA10" s="9"/>
      <c r="EB10" s="102" t="str">
        <f t="shared" si="10"/>
        <v/>
      </c>
      <c r="EC10" s="15" t="str">
        <f>IF(EC9="","",IF(EC9='（参考）【別紙２】'!$E$35,"",IF(MONTH(EC9)=MONTH(EC9+1),EC9+1,"")))</f>
        <v/>
      </c>
      <c r="ED10" s="13" t="str">
        <f>IF(COUNTIF(祝日一覧!$E$2:$E$142,EC10),"○",IF(EG10&lt;&gt;"","○",""))</f>
        <v/>
      </c>
      <c r="EE10" s="26"/>
      <c r="EF10" s="45" t="str">
        <f t="shared" ref="EF10:EF14" si="49">IF(OR(EB10="土",EB10="日"),IF(ED10="○","","○"),"")</f>
        <v/>
      </c>
      <c r="EG10" s="45"/>
      <c r="EH10" s="167"/>
      <c r="EI10" s="168"/>
      <c r="EJ10" s="9"/>
      <c r="EK10" s="161"/>
      <c r="EL10" s="163"/>
      <c r="EM10" s="9"/>
      <c r="EN10" s="9"/>
      <c r="EO10" s="102" t="str">
        <f t="shared" si="11"/>
        <v/>
      </c>
      <c r="EP10" s="15" t="str">
        <f>IF(EP9="","",IF(EP9='（参考）【別紙２】'!$E$35,"",IF(MONTH(EP9)=MONTH(EP9+1),EP9+1,"")))</f>
        <v/>
      </c>
      <c r="EQ10" s="13" t="str">
        <f>IF(COUNTIF(祝日一覧!$E$2:$E$142,EP10),"○",IF(ET10&lt;&gt;"","○",""))</f>
        <v/>
      </c>
      <c r="ER10" s="26"/>
      <c r="ES10" s="45" t="str">
        <f t="shared" ref="ES10:ES14" si="50">IF(OR(EO10="土",EO10="日"),IF(EQ10="○","","○"),"")</f>
        <v/>
      </c>
      <c r="ET10" s="45"/>
      <c r="EU10" s="167"/>
      <c r="EV10" s="168"/>
      <c r="EW10" s="9"/>
      <c r="EX10" s="161"/>
      <c r="EY10" s="163"/>
      <c r="EZ10" s="9"/>
      <c r="FA10" s="9"/>
      <c r="FB10" s="102" t="str">
        <f t="shared" si="12"/>
        <v/>
      </c>
      <c r="FC10" s="15" t="str">
        <f>IF(FC9="","",IF(FC9='（参考）【別紙２】'!$E$35,"",IF(MONTH(FC9)=MONTH(FC9+1),FC9+1,"")))</f>
        <v/>
      </c>
      <c r="FD10" s="13" t="str">
        <f>IF(COUNTIF(祝日一覧!$E$2:$E$142,FC10),"○",IF(FG10&lt;&gt;"","○",""))</f>
        <v/>
      </c>
      <c r="FE10" s="26"/>
      <c r="FF10" s="45" t="str">
        <f t="shared" ref="FF10:FF14" si="51">IF(OR(FB10="土",FB10="日"),IF(FD10="○","","○"),"")</f>
        <v/>
      </c>
      <c r="FG10" s="45"/>
      <c r="FH10" s="167"/>
      <c r="FI10" s="168"/>
      <c r="FJ10" s="9"/>
      <c r="FK10" s="161"/>
      <c r="FL10" s="163"/>
      <c r="FM10" s="9"/>
      <c r="FN10" s="9"/>
      <c r="FO10" s="102" t="str">
        <f t="shared" si="13"/>
        <v/>
      </c>
      <c r="FP10" s="15" t="str">
        <f>IF(FP9="","",IF(FP9='（参考）【別紙２】'!$E$35,"",IF(MONTH(FP9)=MONTH(FP9+1),FP9+1,"")))</f>
        <v/>
      </c>
      <c r="FQ10" s="13" t="str">
        <f>IF(COUNTIF(祝日一覧!$E$2:$E$142,FP10),"○",IF(FT10&lt;&gt;"","○",""))</f>
        <v/>
      </c>
      <c r="FR10" s="26"/>
      <c r="FS10" s="45" t="str">
        <f t="shared" ref="FS10:FS14" si="52">IF(OR(FO10="土",FO10="日"),IF(FQ10="○","","○"),"")</f>
        <v/>
      </c>
      <c r="FT10" s="45"/>
      <c r="FU10" s="167"/>
      <c r="FV10" s="168"/>
      <c r="FW10" s="9"/>
      <c r="FX10" s="161"/>
      <c r="FY10" s="163"/>
      <c r="FZ10" s="9"/>
      <c r="GA10" s="9"/>
      <c r="GB10" s="102" t="str">
        <f t="shared" si="14"/>
        <v/>
      </c>
      <c r="GC10" s="15" t="str">
        <f>IF(GC9="","",IF(GC9='（参考）【別紙２】'!$E$35,"",IF(MONTH(GC9)=MONTH(GC9+1),GC9+1,"")))</f>
        <v/>
      </c>
      <c r="GD10" s="13" t="str">
        <f>IF(COUNTIF(祝日一覧!$E$2:$E$142,GC10),"○",IF(GG10&lt;&gt;"","○",""))</f>
        <v/>
      </c>
      <c r="GE10" s="25"/>
      <c r="GF10" s="45" t="str">
        <f t="shared" ref="GF10:GF14" si="53">IF(OR(GB10="土",GB10="日"),IF(GD10="○","","○"),"")</f>
        <v/>
      </c>
      <c r="GG10" s="45"/>
      <c r="GH10" s="167"/>
      <c r="GI10" s="168"/>
      <c r="GJ10" s="9"/>
      <c r="GK10" s="161"/>
      <c r="GL10" s="163"/>
      <c r="GM10" s="9"/>
      <c r="GN10" s="9"/>
      <c r="GO10" s="102" t="str">
        <f t="shared" si="15"/>
        <v/>
      </c>
      <c r="GP10" s="15" t="str">
        <f>IF(GP9="","",IF(GP9='（参考）【別紙２】'!$E$35,"",IF(MONTH(GP9)=MONTH(GP9+1),GP9+1,"")))</f>
        <v/>
      </c>
      <c r="GQ10" s="13" t="str">
        <f>IF(COUNTIF(祝日一覧!$E$2:$E$142,GP10),"○",IF(GT10&lt;&gt;"","○",""))</f>
        <v/>
      </c>
      <c r="GR10" s="25"/>
      <c r="GS10" s="45" t="str">
        <f t="shared" ref="GS10:GS14" si="54">IF(OR(GO10="土",GO10="日"),IF(GQ10="○","","○"),"")</f>
        <v/>
      </c>
      <c r="GT10" s="45"/>
      <c r="GU10" s="167"/>
      <c r="GV10" s="168"/>
      <c r="GW10" s="9"/>
      <c r="GX10" s="161"/>
      <c r="GY10" s="163"/>
      <c r="GZ10" s="9"/>
      <c r="HA10" s="9"/>
      <c r="HB10" s="102" t="str">
        <f t="shared" si="16"/>
        <v/>
      </c>
      <c r="HC10" s="15" t="str">
        <f>IF(HC9="","",IF(HC9='（参考）【別紙２】'!$E$35,"",IF(MONTH(HC9)=MONTH(HC9+1),HC9+1,"")))</f>
        <v/>
      </c>
      <c r="HD10" s="13" t="str">
        <f>IF(COUNTIF(祝日一覧!$E$2:$E$142,HC10),"○",IF(HG10&lt;&gt;"","○",""))</f>
        <v/>
      </c>
      <c r="HE10" s="26"/>
      <c r="HF10" s="45" t="str">
        <f t="shared" ref="HF10:HF14" si="55">IF(OR(HB10="土",HB10="日"),IF(HD10="○","","○"),"")</f>
        <v/>
      </c>
      <c r="HG10" s="45"/>
      <c r="HH10" s="167"/>
      <c r="HI10" s="168"/>
      <c r="HJ10" s="9"/>
      <c r="HK10" s="161"/>
      <c r="HL10" s="163"/>
      <c r="HM10" s="9"/>
      <c r="HN10" s="9"/>
      <c r="HO10" s="102" t="str">
        <f t="shared" si="17"/>
        <v/>
      </c>
      <c r="HP10" s="15" t="str">
        <f>IF(HP9="","",IF(HP9='（参考）【別紙２】'!$E$35,"",IF(MONTH(HP9)=MONTH(HP9+1),HP9+1,"")))</f>
        <v/>
      </c>
      <c r="HQ10" s="13" t="str">
        <f>IF(COUNTIF(祝日一覧!$E$2:$E$142,HP10),"○",IF(HT10&lt;&gt;"","○",""))</f>
        <v/>
      </c>
      <c r="HR10" s="25"/>
      <c r="HS10" s="45" t="str">
        <f t="shared" ref="HS10:HS14" si="56">IF(OR(HO10="土",HO10="日"),IF(HQ10="○","","○"),"")</f>
        <v/>
      </c>
      <c r="HT10" s="45"/>
      <c r="HU10" s="167"/>
      <c r="HV10" s="168"/>
      <c r="HW10" s="9"/>
      <c r="HX10" s="161"/>
      <c r="HY10" s="163"/>
      <c r="HZ10" s="9"/>
      <c r="IA10" s="9"/>
      <c r="IB10" s="102" t="str">
        <f t="shared" si="18"/>
        <v/>
      </c>
      <c r="IC10" s="15" t="str">
        <f>IF(IC9="","",IF(IC9='（参考）【別紙２】'!$E$35,"",IF(MONTH(IC9)=MONTH(IC9+1),IC9+1,"")))</f>
        <v/>
      </c>
      <c r="ID10" s="13" t="str">
        <f>IF(COUNTIF(祝日一覧!$E$2:$E$142,IC10),"○",IF(IG10&lt;&gt;"","○",""))</f>
        <v/>
      </c>
      <c r="IE10" s="25"/>
      <c r="IF10" s="45" t="str">
        <f t="shared" ref="IF10:IF14" si="57">IF(OR(IB10="土",IB10="日"),IF(ID10="○","","○"),"")</f>
        <v/>
      </c>
      <c r="IG10" s="45"/>
      <c r="IH10" s="167"/>
      <c r="II10" s="168"/>
      <c r="IJ10" s="9"/>
      <c r="IK10" s="161"/>
      <c r="IL10" s="163"/>
      <c r="IM10" s="9"/>
      <c r="IN10" s="9"/>
      <c r="IO10" s="102" t="str">
        <f t="shared" si="19"/>
        <v/>
      </c>
      <c r="IP10" s="15" t="str">
        <f>IF(IP9="","",IF(IP9='（参考）【別紙２】'!$E$35,"",IF(MONTH(IP9)=MONTH(IP9+1),IP9+1,"")))</f>
        <v/>
      </c>
      <c r="IQ10" s="13" t="str">
        <f>IF(COUNTIF(祝日一覧!$E$2:$E$142,IP10),"○",IF(IT10&lt;&gt;"","○",""))</f>
        <v/>
      </c>
      <c r="IR10" s="25"/>
      <c r="IS10" s="45" t="str">
        <f t="shared" ref="IS10:IS14" si="58">IF(OR(IO10="土",IO10="日"),IF(IQ10="○","","○"),"")</f>
        <v/>
      </c>
      <c r="IT10" s="45"/>
      <c r="IU10" s="167"/>
      <c r="IV10" s="168"/>
      <c r="IW10" s="9"/>
      <c r="IX10" s="161"/>
      <c r="IY10" s="163"/>
      <c r="IZ10" s="9"/>
      <c r="JA10" s="9"/>
      <c r="JB10" s="102" t="str">
        <f t="shared" si="20"/>
        <v/>
      </c>
      <c r="JC10" s="15" t="str">
        <f>IF(JC9="","",IF(JC9='（参考）【別紙２】'!$E$35,"",IF(MONTH(JC9)=MONTH(JC9+1),JC9+1,"")))</f>
        <v/>
      </c>
      <c r="JD10" s="13" t="str">
        <f>IF(COUNTIF(祝日一覧!$E$2:$E$142,JC10),"○",IF(JG10&lt;&gt;"","○",""))</f>
        <v/>
      </c>
      <c r="JE10" s="25"/>
      <c r="JF10" s="45" t="str">
        <f t="shared" ref="JF10:JF14" si="59">IF(OR(JB10="土",JB10="日"),IF(JD10="○","","○"),"")</f>
        <v/>
      </c>
      <c r="JG10" s="45"/>
      <c r="JH10" s="167"/>
      <c r="JI10" s="168"/>
      <c r="JJ10" s="9"/>
      <c r="JK10" s="161"/>
      <c r="JL10" s="163"/>
      <c r="JM10" s="9"/>
      <c r="JN10" s="9"/>
      <c r="JO10" s="102" t="str">
        <f t="shared" si="21"/>
        <v/>
      </c>
      <c r="JP10" s="15" t="str">
        <f>IF(JP9="","",IF(JP9='（参考）【別紙２】'!$E$35,"",IF(MONTH(JP9)=MONTH(JP9+1),JP9+1,"")))</f>
        <v/>
      </c>
      <c r="JQ10" s="13" t="str">
        <f>IF(COUNTIF(祝日一覧!$E$2:$E$142,JP10),"○",IF(JT10&lt;&gt;"","○",""))</f>
        <v/>
      </c>
      <c r="JR10" s="25"/>
      <c r="JS10" s="45" t="str">
        <f t="shared" ref="JS10:JS14" si="60">IF(OR(JO10="土",JO10="日"),IF(JQ10="○","","○"),"")</f>
        <v/>
      </c>
      <c r="JT10" s="45"/>
      <c r="JU10" s="167"/>
      <c r="JV10" s="168"/>
      <c r="JW10" s="9"/>
      <c r="JX10" s="161"/>
      <c r="JY10" s="163"/>
      <c r="JZ10" s="9"/>
      <c r="KA10" s="9"/>
      <c r="KB10" s="102" t="str">
        <f t="shared" si="22"/>
        <v/>
      </c>
      <c r="KC10" s="15" t="str">
        <f>IF(KC9="","",IF(KC9='（参考）【別紙２】'!$E$35,"",IF(MONTH(KC9)=MONTH(KC9+1),KC9+1,"")))</f>
        <v/>
      </c>
      <c r="KD10" s="13" t="str">
        <f>IF(COUNTIF(祝日一覧!$E$2:$E$142,KC10),"○",IF(KG10&lt;&gt;"","○",""))</f>
        <v/>
      </c>
      <c r="KE10" s="25"/>
      <c r="KF10" s="45" t="str">
        <f t="shared" ref="KF10:KF14" si="61">IF(OR(KB10="土",KB10="日"),IF(KD10="○","","○"),"")</f>
        <v/>
      </c>
      <c r="KG10" s="45"/>
      <c r="KH10" s="167"/>
      <c r="KI10" s="168"/>
      <c r="KJ10" s="9"/>
      <c r="KK10" s="161"/>
      <c r="KL10" s="163"/>
      <c r="KM10" s="9"/>
      <c r="KN10" s="9"/>
      <c r="KO10" s="102" t="str">
        <f t="shared" si="23"/>
        <v/>
      </c>
      <c r="KP10" s="15" t="str">
        <f>IF(KP9="","",IF(KP9='（参考）【別紙２】'!$E$35,"",IF(MONTH(KP9)=MONTH(KP9+1),KP9+1,"")))</f>
        <v/>
      </c>
      <c r="KQ10" s="13" t="str">
        <f>IF(COUNTIF(祝日一覧!$E$2:$E$142,KP10),"○",IF(KT10&lt;&gt;"","○",""))</f>
        <v/>
      </c>
      <c r="KR10" s="25"/>
      <c r="KS10" s="45" t="str">
        <f t="shared" ref="KS10:KS14" si="62">IF(OR(KO10="土",KO10="日"),IF(KQ10="○","","○"),"")</f>
        <v/>
      </c>
      <c r="KT10" s="45"/>
      <c r="KU10" s="167"/>
      <c r="KV10" s="168"/>
      <c r="KW10" s="9"/>
      <c r="KX10" s="161"/>
      <c r="KY10" s="163"/>
      <c r="KZ10" s="9"/>
      <c r="LA10" s="9"/>
      <c r="LB10" s="102" t="str">
        <f t="shared" si="24"/>
        <v/>
      </c>
      <c r="LC10" s="15" t="str">
        <f>IF(LC9="","",IF(LC9='（参考）【別紙２】'!$E$35,"",IF(MONTH(LC9)=MONTH(LC9+1),LC9+1,"")))</f>
        <v/>
      </c>
      <c r="LD10" s="13" t="str">
        <f>IF(COUNTIF(祝日一覧!$E$2:$E$142,LC10),"○",IF(LG10&lt;&gt;"","○",""))</f>
        <v/>
      </c>
      <c r="LE10" s="25"/>
      <c r="LF10" s="45" t="str">
        <f t="shared" ref="LF10:LF14" si="63">IF(OR(LB10="土",LB10="日"),IF(LD10="○","","○"),"")</f>
        <v/>
      </c>
      <c r="LG10" s="45"/>
      <c r="LH10" s="167"/>
      <c r="LI10" s="168"/>
      <c r="LJ10" s="9"/>
      <c r="LK10" s="161"/>
      <c r="LL10" s="163"/>
      <c r="LM10" s="9"/>
      <c r="LN10" s="9"/>
      <c r="LO10" s="102" t="str">
        <f t="shared" si="25"/>
        <v/>
      </c>
      <c r="LP10" s="15" t="str">
        <f>IF(LP9="","",IF(LP9='（参考）【別紙２】'!$E$35,"",IF(MONTH(LP9)=MONTH(LP9+1),LP9+1,"")))</f>
        <v/>
      </c>
      <c r="LQ10" s="13" t="str">
        <f>IF(COUNTIF(祝日一覧!$E$2:$E$142,LP10),"○",IF(LT10&lt;&gt;"","○",""))</f>
        <v/>
      </c>
      <c r="LR10" s="25"/>
      <c r="LS10" s="45" t="str">
        <f t="shared" ref="LS10:LS14" si="64">IF(OR(LO10="土",LO10="日"),IF(LQ10="○","","○"),"")</f>
        <v/>
      </c>
      <c r="LT10" s="45"/>
      <c r="LU10" s="167"/>
      <c r="LV10" s="168"/>
      <c r="LW10" s="9"/>
      <c r="LX10" s="161"/>
      <c r="LY10" s="163"/>
      <c r="LZ10" s="9"/>
      <c r="MA10" s="9"/>
      <c r="MB10" s="102" t="str">
        <f t="shared" si="26"/>
        <v/>
      </c>
      <c r="MC10" s="15" t="str">
        <f>IF(MC9="","",IF(MC9='（参考）【別紙２】'!$E$35,"",IF(MONTH(MC9)=MONTH(MC9+1),MC9+1,"")))</f>
        <v/>
      </c>
      <c r="MD10" s="13" t="str">
        <f>IF(COUNTIF(祝日一覧!$E$2:$E$142,MC10),"○",IF(MG10&lt;&gt;"","○",""))</f>
        <v/>
      </c>
      <c r="ME10" s="25"/>
      <c r="MF10" s="45" t="str">
        <f t="shared" ref="MF10:MF14" si="65">IF(OR(MB10="土",MB10="日"),IF(MD10="○","","○"),"")</f>
        <v/>
      </c>
      <c r="MG10" s="45"/>
      <c r="MH10" s="167"/>
      <c r="MI10" s="168"/>
      <c r="MJ10" s="9"/>
      <c r="MK10" s="161"/>
      <c r="ML10" s="163"/>
      <c r="MM10" s="9"/>
      <c r="MN10" s="9"/>
      <c r="MO10" s="102" t="str">
        <f t="shared" si="27"/>
        <v/>
      </c>
      <c r="MP10" s="15" t="str">
        <f>IF(MP9="","",IF(MP9='（参考）【別紙２】'!$E$35,"",IF(MONTH(MP9)=MONTH(MP9+1),MP9+1,"")))</f>
        <v/>
      </c>
      <c r="MQ10" s="13" t="str">
        <f>IF(COUNTIF(祝日一覧!$E$2:$E$142,MP10),"○",IF(MT10&lt;&gt;"","○",""))</f>
        <v/>
      </c>
      <c r="MR10" s="25"/>
      <c r="MS10" s="45" t="str">
        <f t="shared" ref="MS10:MS14" si="66">IF(OR(MO10="土",MO10="日"),IF(MQ10="○","","○"),"")</f>
        <v/>
      </c>
      <c r="MT10" s="45"/>
      <c r="MU10" s="167"/>
      <c r="MV10" s="168"/>
      <c r="MW10" s="9"/>
      <c r="MX10" s="161"/>
      <c r="MY10" s="163"/>
      <c r="MZ10" s="9"/>
      <c r="NA10" s="9"/>
      <c r="NB10" s="102" t="str">
        <f t="shared" si="28"/>
        <v/>
      </c>
      <c r="NC10" s="15" t="str">
        <f>IF(NC9="","",IF(NC9='（参考）【別紙２】'!$E$35,"",IF(MONTH(NC9)=MONTH(NC9+1),NC9+1,"")))</f>
        <v/>
      </c>
      <c r="ND10" s="13" t="str">
        <f>IF(COUNTIF(祝日一覧!$E$2:$E$142,NC10),"○",IF(NG10&lt;&gt;"","○",""))</f>
        <v/>
      </c>
      <c r="NE10" s="25"/>
      <c r="NF10" s="45" t="str">
        <f t="shared" ref="NF10:NF14" si="67">IF(OR(NB10="土",NB10="日"),IF(ND10="○","","○"),"")</f>
        <v/>
      </c>
      <c r="NG10" s="45"/>
      <c r="NH10" s="167"/>
      <c r="NI10" s="168"/>
      <c r="NJ10" s="9"/>
      <c r="NK10" s="161"/>
      <c r="NL10" s="163"/>
      <c r="NM10" s="9"/>
      <c r="NN10" s="9"/>
      <c r="NO10" s="102" t="str">
        <f t="shared" si="29"/>
        <v/>
      </c>
      <c r="NP10" s="15" t="str">
        <f>IF(NP9="","",IF(NP9='（参考）【別紙２】'!$E$35,"",IF(MONTH(NP9)=MONTH(NP9+1),NP9+1,"")))</f>
        <v/>
      </c>
      <c r="NQ10" s="13" t="str">
        <f>IF(COUNTIF(祝日一覧!$E$2:$E$142,NP10),"○",IF(NT10&lt;&gt;"","○",""))</f>
        <v/>
      </c>
      <c r="NR10" s="25"/>
      <c r="NS10" s="45" t="str">
        <f t="shared" ref="NS10:NS14" si="68">IF(OR(NO10="土",NO10="日"),IF(NQ10="○","","○"),"")</f>
        <v/>
      </c>
      <c r="NT10" s="45"/>
      <c r="NU10" s="167"/>
      <c r="NV10" s="168"/>
      <c r="NW10" s="9"/>
      <c r="NX10" s="161"/>
      <c r="NY10" s="163"/>
      <c r="NZ10" s="9"/>
      <c r="OA10" s="9"/>
      <c r="OB10" s="102" t="str">
        <f t="shared" si="30"/>
        <v/>
      </c>
      <c r="OC10" s="15" t="str">
        <f>IF(OC9="","",IF(OC9='（参考）【別紙２】'!$E$35,"",IF(MONTH(OC9)=MONTH(OC9+1),OC9+1,"")))</f>
        <v/>
      </c>
      <c r="OD10" s="13" t="str">
        <f>IF(COUNTIF(祝日一覧!$E$2:$E$142,OC10),"○",IF(OG10&lt;&gt;"","○",""))</f>
        <v/>
      </c>
      <c r="OE10" s="25"/>
      <c r="OF10" s="45" t="str">
        <f t="shared" ref="OF10:OF14" si="69">IF(OR(OB10="土",OB10="日"),IF(OD10="○","","○"),"")</f>
        <v/>
      </c>
      <c r="OG10" s="45"/>
      <c r="OH10" s="167"/>
      <c r="OI10" s="168"/>
      <c r="OJ10" s="9"/>
      <c r="OK10" s="161"/>
      <c r="OL10" s="163"/>
      <c r="OM10" s="9"/>
      <c r="ON10" s="9"/>
      <c r="OO10" s="102" t="str">
        <f t="shared" si="31"/>
        <v/>
      </c>
      <c r="OP10" s="15" t="str">
        <f>IF(OP9="","",IF(OP9='（参考）【別紙２】'!$E$35,"",IF(MONTH(OP9)=MONTH(OP9+1),OP9+1,"")))</f>
        <v/>
      </c>
      <c r="OQ10" s="13" t="str">
        <f>IF(COUNTIF(祝日一覧!$E$2:$E$142,OP10),"○",IF(OT10&lt;&gt;"","○",""))</f>
        <v/>
      </c>
      <c r="OR10" s="25"/>
      <c r="OS10" s="45" t="str">
        <f t="shared" ref="OS10:OS14" si="70">IF(OR(OO10="土",OO10="日"),IF(OQ10="○","","○"),"")</f>
        <v/>
      </c>
      <c r="OT10" s="45"/>
      <c r="OU10" s="167"/>
      <c r="OV10" s="168"/>
      <c r="OW10" s="9"/>
      <c r="OX10" s="161"/>
      <c r="OY10" s="163"/>
      <c r="OZ10" s="9"/>
      <c r="PA10" s="9"/>
      <c r="PB10" s="102" t="str">
        <f t="shared" si="32"/>
        <v/>
      </c>
      <c r="PC10" s="15" t="str">
        <f>IF(PC9="","",IF(PC9='（参考）【別紙２】'!$E$35,"",IF(MONTH(PC9)=MONTH(PC9+1),PC9+1,"")))</f>
        <v/>
      </c>
      <c r="PD10" s="13" t="str">
        <f>IF(COUNTIF(祝日一覧!$E$2:$E$142,PC10),"○",IF(PG10&lt;&gt;"","○",""))</f>
        <v/>
      </c>
      <c r="PE10" s="25"/>
      <c r="PF10" s="45" t="str">
        <f t="shared" ref="PF10:PF14" si="71">IF(OR(PB10="土",PB10="日"),IF(PD10="○","","○"),"")</f>
        <v/>
      </c>
      <c r="PG10" s="45"/>
      <c r="PH10" s="167"/>
      <c r="PI10" s="168"/>
      <c r="PJ10" s="9"/>
      <c r="PK10" s="161"/>
      <c r="PL10" s="163"/>
      <c r="PM10" s="9"/>
      <c r="PN10" s="9"/>
      <c r="PO10" s="102" t="str">
        <f t="shared" si="33"/>
        <v/>
      </c>
      <c r="PP10" s="15" t="str">
        <f>IF(PP9="","",IF(PP9='（参考）【別紙２】'!$E$35,"",IF(MONTH(PP9)=MONTH(PP9+1),PP9+1,"")))</f>
        <v/>
      </c>
      <c r="PQ10" s="13" t="str">
        <f>IF(COUNTIF(祝日一覧!$E$2:$E$142,PP10),"○",IF(PT10&lt;&gt;"","○",""))</f>
        <v/>
      </c>
      <c r="PR10" s="25"/>
      <c r="PS10" s="45" t="str">
        <f t="shared" ref="PS10:PS14" si="72">IF(OR(PO10="土",PO10="日"),IF(PQ10="○","","○"),"")</f>
        <v/>
      </c>
      <c r="PT10" s="45"/>
      <c r="PU10" s="167"/>
      <c r="PV10" s="168"/>
      <c r="PW10" s="9"/>
      <c r="PX10" s="161"/>
      <c r="PY10" s="163"/>
      <c r="PZ10" s="9"/>
      <c r="QA10" s="9"/>
      <c r="QB10" s="102" t="str">
        <f t="shared" si="34"/>
        <v/>
      </c>
      <c r="QC10" s="15" t="str">
        <f>IF(QC9="","",IF(QC9='（参考）【別紙２】'!$E$35,"",IF(MONTH(QC9)=MONTH(QC9+1),QC9+1,"")))</f>
        <v/>
      </c>
      <c r="QD10" s="13" t="str">
        <f>IF(COUNTIF(祝日一覧!$E$2:$E$142,QC10),"○",IF(QG10&lt;&gt;"","○",""))</f>
        <v/>
      </c>
      <c r="QE10" s="25"/>
      <c r="QF10" s="45" t="str">
        <f t="shared" ref="QF10:QF14" si="73">IF(OR(QB10="土",QB10="日"),IF(QD10="○","","○"),"")</f>
        <v/>
      </c>
      <c r="QG10" s="45"/>
      <c r="QH10" s="167"/>
      <c r="QI10" s="168"/>
      <c r="QJ10" s="9"/>
      <c r="QK10" s="161"/>
      <c r="QL10" s="163"/>
      <c r="QM10" s="9"/>
      <c r="QN10" s="9"/>
      <c r="QO10" s="102" t="str">
        <f t="shared" si="35"/>
        <v/>
      </c>
      <c r="QP10" s="15" t="str">
        <f>IF(QP9="","",IF(QP9='（参考）【別紙２】'!$E$35,"",IF(MONTH(QP9)=MONTH(QP9+1),QP9+1,"")))</f>
        <v/>
      </c>
      <c r="QQ10" s="13" t="str">
        <f>IF(COUNTIF(祝日一覧!$E$2:$E$142,QP10),"○",IF(QT10&lt;&gt;"","○",""))</f>
        <v/>
      </c>
      <c r="QR10" s="25"/>
      <c r="QS10" s="45" t="str">
        <f t="shared" ref="QS10:QS14" si="74">IF(OR(QO10="土",QO10="日"),IF(QQ10="○","","○"),"")</f>
        <v/>
      </c>
      <c r="QT10" s="45"/>
      <c r="QU10" s="167"/>
      <c r="QV10" s="168"/>
      <c r="QW10" s="9"/>
      <c r="QX10" s="161"/>
      <c r="QY10" s="163"/>
      <c r="QZ10" s="9"/>
      <c r="RA10" s="9"/>
      <c r="RB10" s="102" t="str">
        <f t="shared" si="36"/>
        <v/>
      </c>
      <c r="RC10" s="15" t="str">
        <f>IF(RC9="","",IF(RC9='（参考）【別紙２】'!$E$35,"",IF(MONTH(RC9)=MONTH(RC9+1),RC9+1,"")))</f>
        <v/>
      </c>
      <c r="RD10" s="13" t="str">
        <f>IF(COUNTIF(祝日一覧!$E$2:$E$142,RC10),"○",IF(RG10&lt;&gt;"","○",""))</f>
        <v/>
      </c>
      <c r="RE10" s="25"/>
      <c r="RF10" s="45" t="str">
        <f t="shared" ref="RF10:RF14" si="75">IF(OR(RB10="土",RB10="日"),IF(RD10="○","","○"),"")</f>
        <v/>
      </c>
      <c r="RG10" s="45"/>
      <c r="RH10" s="167"/>
      <c r="RI10" s="168"/>
      <c r="RJ10" s="9"/>
      <c r="RK10" s="161"/>
      <c r="RL10" s="163"/>
      <c r="RM10" s="9"/>
      <c r="RN10" s="9"/>
      <c r="RO10" s="102" t="str">
        <f t="shared" si="37"/>
        <v/>
      </c>
      <c r="RP10" s="15" t="str">
        <f>IF(RP9="","",IF(RP9='（参考）【別紙２】'!$E$35,"",IF(MONTH(RP9)=MONTH(RP9+1),RP9+1,"")))</f>
        <v/>
      </c>
      <c r="RQ10" s="13" t="str">
        <f>IF(COUNTIF(祝日一覧!$E$2:$E$142,RP10),"○",IF(RT10&lt;&gt;"","○",""))</f>
        <v/>
      </c>
      <c r="RR10" s="25"/>
      <c r="RS10" s="45" t="str">
        <f t="shared" ref="RS10:RS14" si="76">IF(OR(RO10="土",RO10="日"),IF(RQ10="○","","○"),"")</f>
        <v/>
      </c>
      <c r="RT10" s="45"/>
      <c r="RU10" s="167"/>
      <c r="RV10" s="168"/>
      <c r="RW10" s="9"/>
      <c r="RX10" s="161"/>
      <c r="RY10" s="163"/>
      <c r="RZ10" s="9"/>
      <c r="SA10" s="9"/>
      <c r="SB10" s="102" t="str">
        <f t="shared" si="38"/>
        <v/>
      </c>
      <c r="SC10" s="15" t="str">
        <f>IF(SC9="","",IF(SC9='（参考）【別紙２】'!$E$35,"",IF(MONTH(SC9)=MONTH(SC9+1),SC9+1,"")))</f>
        <v/>
      </c>
      <c r="SD10" s="13" t="str">
        <f>IF(COUNTIF(祝日一覧!$E$2:$E$142,SC10),"○",IF(SG10&lt;&gt;"","○",""))</f>
        <v/>
      </c>
      <c r="SE10" s="25"/>
      <c r="SF10" s="45" t="str">
        <f t="shared" ref="SF10:SF14" si="77">IF(OR(SB10="土",SB10="日"),IF(SD10="○","","○"),"")</f>
        <v/>
      </c>
      <c r="SG10" s="45"/>
      <c r="SH10" s="167"/>
      <c r="SI10" s="168"/>
      <c r="SJ10" s="9"/>
      <c r="SK10" s="161"/>
      <c r="SL10" s="163"/>
      <c r="SM10" s="9"/>
    </row>
    <row r="11" spans="1:507" ht="15.6" customHeight="1">
      <c r="A11" s="9"/>
      <c r="B11" s="102" t="str">
        <f t="shared" si="0"/>
        <v>木</v>
      </c>
      <c r="C11" s="15">
        <f>IF(C10="","",IF(C10='（参考）【別紙２】'!$E$35,"",IF(MONTH(C10)=MONTH(C10+1),C10+1,"")))</f>
        <v>45750</v>
      </c>
      <c r="D11" s="13" t="str">
        <f>IF(COUNTIF(祝日一覧!$E$2:$E$142,C11),"○",IF(G11&lt;&gt;"","○",""))</f>
        <v/>
      </c>
      <c r="E11" s="26"/>
      <c r="F11" s="45" t="str">
        <f>IF(OR(B11="土",B11="日"),IF(D11="○","","○"),"")</f>
        <v/>
      </c>
      <c r="G11" s="45"/>
      <c r="H11" s="167"/>
      <c r="I11" s="168"/>
      <c r="J11" s="42"/>
      <c r="K11" s="169" t="s">
        <v>99</v>
      </c>
      <c r="L11" s="162">
        <f>COUNTA(E9:E46)</f>
        <v>0</v>
      </c>
      <c r="M11" s="9"/>
      <c r="N11" s="9"/>
      <c r="O11" s="102" t="str">
        <f t="shared" si="1"/>
        <v>土</v>
      </c>
      <c r="P11" s="15">
        <f>IF(P10="","",IF(P10='（参考）【別紙２】'!$E$35,"",IF(MONTH(P10)=MONTH(P10+1),P10+1,"")))</f>
        <v>45780</v>
      </c>
      <c r="Q11" s="13" t="str">
        <f>IF(COUNTIF(祝日一覧!$E$2:$E$142,P11),"○",IF(T11&lt;&gt;"","○",""))</f>
        <v/>
      </c>
      <c r="R11" s="26"/>
      <c r="S11" s="45" t="str">
        <f t="shared" si="40"/>
        <v>○</v>
      </c>
      <c r="T11" s="45"/>
      <c r="U11" s="167"/>
      <c r="V11" s="168"/>
      <c r="W11" s="9"/>
      <c r="X11" s="170" t="s">
        <v>99</v>
      </c>
      <c r="Y11" s="162">
        <f>COUNTA(R9:R46)</f>
        <v>0</v>
      </c>
      <c r="Z11" s="9"/>
      <c r="AA11" s="9"/>
      <c r="AB11" s="102" t="str">
        <f t="shared" si="2"/>
        <v>火</v>
      </c>
      <c r="AC11" s="15">
        <f>IF(AC10="","",IF(AC10='（参考）【別紙２】'!$E$35,"",IF(MONTH(AC10)=MONTH(AC10+1),AC10+1,"")))</f>
        <v>45811</v>
      </c>
      <c r="AD11" s="13" t="str">
        <f>IF(COUNTIF(祝日一覧!$E$2:$E$142,AC11),"○",IF(AG11&lt;&gt;"","○",""))</f>
        <v/>
      </c>
      <c r="AE11" s="26"/>
      <c r="AF11" s="45" t="str">
        <f t="shared" si="41"/>
        <v/>
      </c>
      <c r="AG11" s="45"/>
      <c r="AH11" s="167"/>
      <c r="AI11" s="168"/>
      <c r="AJ11" s="9"/>
      <c r="AK11" s="170" t="s">
        <v>99</v>
      </c>
      <c r="AL11" s="162">
        <f>COUNTA(AE9:AE46)</f>
        <v>0</v>
      </c>
      <c r="AM11" s="9"/>
      <c r="AN11" s="9"/>
      <c r="AO11" s="102" t="str">
        <f t="shared" si="3"/>
        <v>木</v>
      </c>
      <c r="AP11" s="15">
        <f>IF(AP10="","",IF(AP10='（参考）【別紙２】'!$E$35,"",IF(MONTH(AP10)=MONTH(AP10+1),AP10+1,"")))</f>
        <v>45841</v>
      </c>
      <c r="AQ11" s="13" t="str">
        <f>IF(COUNTIF(祝日一覧!$E$2:$E$142,AP11),"○",IF(AT11&lt;&gt;"","○",""))</f>
        <v/>
      </c>
      <c r="AR11" s="26"/>
      <c r="AS11" s="45" t="str">
        <f t="shared" si="42"/>
        <v/>
      </c>
      <c r="AT11" s="45"/>
      <c r="AU11" s="167"/>
      <c r="AV11" s="168"/>
      <c r="AW11" s="9"/>
      <c r="AX11" s="170" t="s">
        <v>99</v>
      </c>
      <c r="AY11" s="162">
        <f>COUNTA(AR9:AR46)</f>
        <v>0</v>
      </c>
      <c r="AZ11" s="9"/>
      <c r="BA11" s="9"/>
      <c r="BB11" s="102" t="str">
        <f t="shared" si="4"/>
        <v>日</v>
      </c>
      <c r="BC11" s="15">
        <f>IF(BC10="","",IF(BC10='（参考）【別紙２】'!$E$35,"",IF(MONTH(BC10)=MONTH(BC10+1),BC10+1,"")))</f>
        <v>45872</v>
      </c>
      <c r="BD11" s="13" t="str">
        <f>IF(COUNTIF(祝日一覧!$E$2:$E$142,BC11),"○",IF(BG11&lt;&gt;"","○",""))</f>
        <v/>
      </c>
      <c r="BE11" s="26"/>
      <c r="BF11" s="45" t="str">
        <f t="shared" si="43"/>
        <v>○</v>
      </c>
      <c r="BG11" s="45"/>
      <c r="BH11" s="167"/>
      <c r="BI11" s="168"/>
      <c r="BJ11" s="9"/>
      <c r="BK11" s="170" t="s">
        <v>99</v>
      </c>
      <c r="BL11" s="162">
        <f>COUNTA(BE9:BE46)</f>
        <v>0</v>
      </c>
      <c r="BM11" s="9"/>
      <c r="BN11" s="9"/>
      <c r="BO11" s="102" t="str">
        <f t="shared" si="5"/>
        <v/>
      </c>
      <c r="BP11" s="15" t="str">
        <f>IF(BP10="","",IF(BP10='（参考）【別紙２】'!$E$35,"",IF(MONTH(BP10)=MONTH(BP10+1),BP10+1,"")))</f>
        <v/>
      </c>
      <c r="BQ11" s="13" t="str">
        <f>IF(COUNTIF(祝日一覧!$E$2:$E$142,BP11),"○",IF(BT11&lt;&gt;"","○",""))</f>
        <v/>
      </c>
      <c r="BR11" s="26"/>
      <c r="BS11" s="45" t="str">
        <f t="shared" si="44"/>
        <v/>
      </c>
      <c r="BT11" s="45"/>
      <c r="BU11" s="167"/>
      <c r="BV11" s="168"/>
      <c r="BW11" s="9"/>
      <c r="BX11" s="170" t="s">
        <v>99</v>
      </c>
      <c r="BY11" s="162">
        <f>COUNTA(BR9:BR46)</f>
        <v>0</v>
      </c>
      <c r="BZ11" s="9"/>
      <c r="CA11" s="9"/>
      <c r="CB11" s="102" t="str">
        <f t="shared" si="6"/>
        <v/>
      </c>
      <c r="CC11" s="15" t="str">
        <f>IF(CC10="","",IF(CC10='（参考）【別紙２】'!$E$35,"",IF(MONTH(CC10)=MONTH(CC10+1),CC10+1,"")))</f>
        <v/>
      </c>
      <c r="CD11" s="13" t="str">
        <f>IF(COUNTIF(祝日一覧!$E$2:$E$142,CC11),"○",IF(CG11&lt;&gt;"","○",""))</f>
        <v/>
      </c>
      <c r="CE11" s="26"/>
      <c r="CF11" s="45" t="str">
        <f t="shared" si="45"/>
        <v/>
      </c>
      <c r="CG11" s="45"/>
      <c r="CH11" s="167"/>
      <c r="CI11" s="168"/>
      <c r="CJ11" s="9"/>
      <c r="CK11" s="170" t="s">
        <v>99</v>
      </c>
      <c r="CL11" s="162">
        <f>COUNTA(CE9:CE46)</f>
        <v>0</v>
      </c>
      <c r="CM11" s="9"/>
      <c r="CN11" s="9"/>
      <c r="CO11" s="102" t="str">
        <f t="shared" si="7"/>
        <v/>
      </c>
      <c r="CP11" s="15" t="str">
        <f>IF(CP10="","",IF(CP10='（参考）【別紙２】'!$E$35,"",IF(MONTH(CP10)=MONTH(CP10+1),CP10+1,"")))</f>
        <v/>
      </c>
      <c r="CQ11" s="13" t="str">
        <f>IF(COUNTIF(祝日一覧!$E$2:$E$142,CP11),"○",IF(CT11&lt;&gt;"","○",""))</f>
        <v/>
      </c>
      <c r="CR11" s="26"/>
      <c r="CS11" s="45" t="str">
        <f t="shared" si="46"/>
        <v/>
      </c>
      <c r="CT11" s="45"/>
      <c r="CU11" s="167"/>
      <c r="CV11" s="168"/>
      <c r="CW11" s="9"/>
      <c r="CX11" s="170" t="s">
        <v>99</v>
      </c>
      <c r="CY11" s="162">
        <f>COUNTA(CR9:CR46)</f>
        <v>0</v>
      </c>
      <c r="CZ11" s="9"/>
      <c r="DA11" s="9"/>
      <c r="DB11" s="102" t="str">
        <f t="shared" si="8"/>
        <v/>
      </c>
      <c r="DC11" s="15" t="str">
        <f>IF(DC10="","",IF(DC10='（参考）【別紙２】'!$E$35,"",IF(MONTH(DC10)=MONTH(DC10+1),DC10+1,"")))</f>
        <v/>
      </c>
      <c r="DD11" s="13" t="str">
        <f>IF(COUNTIF(祝日一覧!$E$2:$E$142,DC11),"○",IF(DG11&lt;&gt;"","○",""))</f>
        <v/>
      </c>
      <c r="DE11" s="26"/>
      <c r="DF11" s="45" t="str">
        <f t="shared" si="47"/>
        <v/>
      </c>
      <c r="DG11" s="45"/>
      <c r="DH11" s="167"/>
      <c r="DI11" s="168"/>
      <c r="DJ11" s="9"/>
      <c r="DK11" s="170" t="s">
        <v>99</v>
      </c>
      <c r="DL11" s="162">
        <f>COUNTA(DE9:DE46)</f>
        <v>0</v>
      </c>
      <c r="DM11" s="9"/>
      <c r="DN11" s="9"/>
      <c r="DO11" s="102" t="str">
        <f t="shared" si="9"/>
        <v/>
      </c>
      <c r="DP11" s="15" t="str">
        <f>IF(DP10="","",IF(DP10='（参考）【別紙２】'!$E$35,"",IF(MONTH(DP10)=MONTH(DP10+1),DP10+1,"")))</f>
        <v/>
      </c>
      <c r="DQ11" s="13" t="str">
        <f>IF(COUNTIF(祝日一覧!$E$2:$E$142,DP11),"○",IF(DT11&lt;&gt;"","○",""))</f>
        <v/>
      </c>
      <c r="DR11" s="26"/>
      <c r="DS11" s="45" t="str">
        <f t="shared" si="48"/>
        <v/>
      </c>
      <c r="DT11" s="45"/>
      <c r="DU11" s="167"/>
      <c r="DV11" s="168"/>
      <c r="DW11" s="9"/>
      <c r="DX11" s="170" t="s">
        <v>99</v>
      </c>
      <c r="DY11" s="162">
        <f>COUNTA(DR9:DR46)</f>
        <v>0</v>
      </c>
      <c r="DZ11" s="9"/>
      <c r="EA11" s="9"/>
      <c r="EB11" s="102" t="str">
        <f t="shared" si="10"/>
        <v/>
      </c>
      <c r="EC11" s="15" t="str">
        <f>IF(EC10="","",IF(EC10='（参考）【別紙２】'!$E$35,"",IF(MONTH(EC10)=MONTH(EC10+1),EC10+1,"")))</f>
        <v/>
      </c>
      <c r="ED11" s="13" t="str">
        <f>IF(COUNTIF(祝日一覧!$E$2:$E$142,EC11),"○",IF(EG11&lt;&gt;"","○",""))</f>
        <v/>
      </c>
      <c r="EE11" s="26"/>
      <c r="EF11" s="45" t="str">
        <f t="shared" si="49"/>
        <v/>
      </c>
      <c r="EG11" s="45"/>
      <c r="EH11" s="167"/>
      <c r="EI11" s="168"/>
      <c r="EJ11" s="9"/>
      <c r="EK11" s="170" t="s">
        <v>99</v>
      </c>
      <c r="EL11" s="162">
        <f>COUNTA(EE9:EE46)</f>
        <v>0</v>
      </c>
      <c r="EM11" s="9"/>
      <c r="EN11" s="9"/>
      <c r="EO11" s="102" t="str">
        <f t="shared" si="11"/>
        <v/>
      </c>
      <c r="EP11" s="15" t="str">
        <f>IF(EP10="","",IF(EP10='（参考）【別紙２】'!$E$35,"",IF(MONTH(EP10)=MONTH(EP10+1),EP10+1,"")))</f>
        <v/>
      </c>
      <c r="EQ11" s="13" t="str">
        <f>IF(COUNTIF(祝日一覧!$E$2:$E$142,EP11),"○",IF(ET11&lt;&gt;"","○",""))</f>
        <v/>
      </c>
      <c r="ER11" s="26"/>
      <c r="ES11" s="45" t="str">
        <f t="shared" si="50"/>
        <v/>
      </c>
      <c r="ET11" s="45"/>
      <c r="EU11" s="167"/>
      <c r="EV11" s="168"/>
      <c r="EW11" s="9"/>
      <c r="EX11" s="170" t="s">
        <v>99</v>
      </c>
      <c r="EY11" s="162">
        <f>COUNTA(ER9:ER46)</f>
        <v>0</v>
      </c>
      <c r="EZ11" s="9"/>
      <c r="FA11" s="9"/>
      <c r="FB11" s="102" t="str">
        <f t="shared" si="12"/>
        <v/>
      </c>
      <c r="FC11" s="15" t="str">
        <f>IF(FC10="","",IF(FC10='（参考）【別紙２】'!$E$35,"",IF(MONTH(FC10)=MONTH(FC10+1),FC10+1,"")))</f>
        <v/>
      </c>
      <c r="FD11" s="13" t="str">
        <f>IF(COUNTIF(祝日一覧!$E$2:$E$142,FC11),"○",IF(FG11&lt;&gt;"","○",""))</f>
        <v/>
      </c>
      <c r="FE11" s="26"/>
      <c r="FF11" s="45" t="str">
        <f t="shared" si="51"/>
        <v/>
      </c>
      <c r="FG11" s="45"/>
      <c r="FH11" s="167"/>
      <c r="FI11" s="168"/>
      <c r="FJ11" s="9"/>
      <c r="FK11" s="170" t="s">
        <v>99</v>
      </c>
      <c r="FL11" s="162">
        <f>COUNTA(FE9:FE46)</f>
        <v>0</v>
      </c>
      <c r="FM11" s="9"/>
      <c r="FN11" s="9"/>
      <c r="FO11" s="102" t="str">
        <f t="shared" si="13"/>
        <v/>
      </c>
      <c r="FP11" s="15" t="str">
        <f>IF(FP10="","",IF(FP10='（参考）【別紙２】'!$E$35,"",IF(MONTH(FP10)=MONTH(FP10+1),FP10+1,"")))</f>
        <v/>
      </c>
      <c r="FQ11" s="13" t="str">
        <f>IF(COUNTIF(祝日一覧!$E$2:$E$142,FP11),"○",IF(FT11&lt;&gt;"","○",""))</f>
        <v/>
      </c>
      <c r="FR11" s="26"/>
      <c r="FS11" s="45" t="str">
        <f t="shared" si="52"/>
        <v/>
      </c>
      <c r="FT11" s="45"/>
      <c r="FU11" s="167"/>
      <c r="FV11" s="168"/>
      <c r="FW11" s="9"/>
      <c r="FX11" s="170" t="s">
        <v>99</v>
      </c>
      <c r="FY11" s="162">
        <f>COUNTA(FR9:FR46)</f>
        <v>0</v>
      </c>
      <c r="FZ11" s="9"/>
      <c r="GA11" s="9"/>
      <c r="GB11" s="102" t="str">
        <f t="shared" si="14"/>
        <v/>
      </c>
      <c r="GC11" s="15" t="str">
        <f>IF(GC10="","",IF(GC10='（参考）【別紙２】'!$E$35,"",IF(MONTH(GC10)=MONTH(GC10+1),GC10+1,"")))</f>
        <v/>
      </c>
      <c r="GD11" s="13" t="str">
        <f>IF(COUNTIF(祝日一覧!$E$2:$E$142,GC11),"○",IF(GG11&lt;&gt;"","○",""))</f>
        <v/>
      </c>
      <c r="GE11" s="25"/>
      <c r="GF11" s="45" t="str">
        <f t="shared" si="53"/>
        <v/>
      </c>
      <c r="GG11" s="45"/>
      <c r="GH11" s="167"/>
      <c r="GI11" s="168"/>
      <c r="GJ11" s="9"/>
      <c r="GK11" s="170" t="s">
        <v>99</v>
      </c>
      <c r="GL11" s="162">
        <f>COUNTA(GE9:GE46)</f>
        <v>0</v>
      </c>
      <c r="GM11" s="9"/>
      <c r="GN11" s="9"/>
      <c r="GO11" s="102" t="str">
        <f t="shared" si="15"/>
        <v/>
      </c>
      <c r="GP11" s="15" t="str">
        <f>IF(GP10="","",IF(GP10='（参考）【別紙２】'!$E$35,"",IF(MONTH(GP10)=MONTH(GP10+1),GP10+1,"")))</f>
        <v/>
      </c>
      <c r="GQ11" s="13" t="str">
        <f>IF(COUNTIF(祝日一覧!$E$2:$E$142,GP11),"○",IF(GT11&lt;&gt;"","○",""))</f>
        <v/>
      </c>
      <c r="GR11" s="25"/>
      <c r="GS11" s="45" t="str">
        <f t="shared" si="54"/>
        <v/>
      </c>
      <c r="GT11" s="45"/>
      <c r="GU11" s="167"/>
      <c r="GV11" s="168"/>
      <c r="GW11" s="9"/>
      <c r="GX11" s="170" t="s">
        <v>99</v>
      </c>
      <c r="GY11" s="162">
        <f>COUNTA(GR9:GR46)</f>
        <v>0</v>
      </c>
      <c r="GZ11" s="9"/>
      <c r="HA11" s="9"/>
      <c r="HB11" s="102" t="str">
        <f t="shared" si="16"/>
        <v/>
      </c>
      <c r="HC11" s="15" t="str">
        <f>IF(HC10="","",IF(HC10='（参考）【別紙２】'!$E$35,"",IF(MONTH(HC10)=MONTH(HC10+1),HC10+1,"")))</f>
        <v/>
      </c>
      <c r="HD11" s="13" t="str">
        <f>IF(COUNTIF(祝日一覧!$E$2:$E$142,HC11),"○",IF(HG11&lt;&gt;"","○",""))</f>
        <v/>
      </c>
      <c r="HE11" s="26"/>
      <c r="HF11" s="45" t="str">
        <f t="shared" si="55"/>
        <v/>
      </c>
      <c r="HG11" s="45"/>
      <c r="HH11" s="167"/>
      <c r="HI11" s="168"/>
      <c r="HJ11" s="9"/>
      <c r="HK11" s="170" t="s">
        <v>99</v>
      </c>
      <c r="HL11" s="162">
        <f>COUNTA(HE9:HE46)</f>
        <v>0</v>
      </c>
      <c r="HM11" s="9"/>
      <c r="HN11" s="9"/>
      <c r="HO11" s="102" t="str">
        <f t="shared" si="17"/>
        <v/>
      </c>
      <c r="HP11" s="15" t="str">
        <f>IF(HP10="","",IF(HP10='（参考）【別紙２】'!$E$35,"",IF(MONTH(HP10)=MONTH(HP10+1),HP10+1,"")))</f>
        <v/>
      </c>
      <c r="HQ11" s="13" t="str">
        <f>IF(COUNTIF(祝日一覧!$E$2:$E$142,HP11),"○",IF(HT11&lt;&gt;"","○",""))</f>
        <v/>
      </c>
      <c r="HR11" s="25"/>
      <c r="HS11" s="45" t="str">
        <f t="shared" si="56"/>
        <v/>
      </c>
      <c r="HT11" s="45"/>
      <c r="HU11" s="167"/>
      <c r="HV11" s="168"/>
      <c r="HW11" s="9"/>
      <c r="HX11" s="170" t="s">
        <v>99</v>
      </c>
      <c r="HY11" s="162">
        <f>COUNTA(HR9:HR46)</f>
        <v>0</v>
      </c>
      <c r="HZ11" s="9"/>
      <c r="IA11" s="9"/>
      <c r="IB11" s="102" t="str">
        <f t="shared" si="18"/>
        <v/>
      </c>
      <c r="IC11" s="15" t="str">
        <f>IF(IC10="","",IF(IC10='（参考）【別紙２】'!$E$35,"",IF(MONTH(IC10)=MONTH(IC10+1),IC10+1,"")))</f>
        <v/>
      </c>
      <c r="ID11" s="13" t="str">
        <f>IF(COUNTIF(祝日一覧!$E$2:$E$142,IC11),"○",IF(IG11&lt;&gt;"","○",""))</f>
        <v/>
      </c>
      <c r="IE11" s="25"/>
      <c r="IF11" s="45" t="str">
        <f t="shared" si="57"/>
        <v/>
      </c>
      <c r="IG11" s="45"/>
      <c r="IH11" s="167"/>
      <c r="II11" s="168"/>
      <c r="IJ11" s="9"/>
      <c r="IK11" s="170" t="s">
        <v>99</v>
      </c>
      <c r="IL11" s="162">
        <f>COUNTA(IE9:IE46)</f>
        <v>0</v>
      </c>
      <c r="IM11" s="9"/>
      <c r="IN11" s="9"/>
      <c r="IO11" s="102" t="str">
        <f t="shared" si="19"/>
        <v/>
      </c>
      <c r="IP11" s="15" t="str">
        <f>IF(IP10="","",IF(IP10='（参考）【別紙２】'!$E$35,"",IF(MONTH(IP10)=MONTH(IP10+1),IP10+1,"")))</f>
        <v/>
      </c>
      <c r="IQ11" s="13" t="str">
        <f>IF(COUNTIF(祝日一覧!$E$2:$E$142,IP11),"○",IF(IT11&lt;&gt;"","○",""))</f>
        <v/>
      </c>
      <c r="IR11" s="25"/>
      <c r="IS11" s="45" t="str">
        <f t="shared" si="58"/>
        <v/>
      </c>
      <c r="IT11" s="45"/>
      <c r="IU11" s="167"/>
      <c r="IV11" s="168"/>
      <c r="IW11" s="9"/>
      <c r="IX11" s="170" t="s">
        <v>99</v>
      </c>
      <c r="IY11" s="162">
        <f>COUNTA(IR9:IR46)</f>
        <v>0</v>
      </c>
      <c r="IZ11" s="9"/>
      <c r="JA11" s="9"/>
      <c r="JB11" s="102" t="str">
        <f t="shared" si="20"/>
        <v/>
      </c>
      <c r="JC11" s="15" t="str">
        <f>IF(JC10="","",IF(JC10='（参考）【別紙２】'!$E$35,"",IF(MONTH(JC10)=MONTH(JC10+1),JC10+1,"")))</f>
        <v/>
      </c>
      <c r="JD11" s="13" t="str">
        <f>IF(COUNTIF(祝日一覧!$E$2:$E$142,JC11),"○",IF(JG11&lt;&gt;"","○",""))</f>
        <v/>
      </c>
      <c r="JE11" s="25"/>
      <c r="JF11" s="45" t="str">
        <f t="shared" si="59"/>
        <v/>
      </c>
      <c r="JG11" s="45"/>
      <c r="JH11" s="167"/>
      <c r="JI11" s="168"/>
      <c r="JJ11" s="9"/>
      <c r="JK11" s="170" t="s">
        <v>99</v>
      </c>
      <c r="JL11" s="162">
        <f>COUNTA(JE9:JE46)</f>
        <v>0</v>
      </c>
      <c r="JM11" s="9"/>
      <c r="JN11" s="9"/>
      <c r="JO11" s="102" t="str">
        <f t="shared" si="21"/>
        <v/>
      </c>
      <c r="JP11" s="15" t="str">
        <f>IF(JP10="","",IF(JP10='（参考）【別紙２】'!$E$35,"",IF(MONTH(JP10)=MONTH(JP10+1),JP10+1,"")))</f>
        <v/>
      </c>
      <c r="JQ11" s="13" t="str">
        <f>IF(COUNTIF(祝日一覧!$E$2:$E$142,JP11),"○",IF(JT11&lt;&gt;"","○",""))</f>
        <v/>
      </c>
      <c r="JR11" s="25"/>
      <c r="JS11" s="45" t="str">
        <f t="shared" si="60"/>
        <v/>
      </c>
      <c r="JT11" s="45"/>
      <c r="JU11" s="167"/>
      <c r="JV11" s="168"/>
      <c r="JW11" s="9"/>
      <c r="JX11" s="170" t="s">
        <v>99</v>
      </c>
      <c r="JY11" s="162">
        <f>COUNTA(JR9:JR46)</f>
        <v>0</v>
      </c>
      <c r="JZ11" s="9"/>
      <c r="KA11" s="9"/>
      <c r="KB11" s="102" t="str">
        <f t="shared" si="22"/>
        <v/>
      </c>
      <c r="KC11" s="15" t="str">
        <f>IF(KC10="","",IF(KC10='（参考）【別紙２】'!$E$35,"",IF(MONTH(KC10)=MONTH(KC10+1),KC10+1,"")))</f>
        <v/>
      </c>
      <c r="KD11" s="13" t="str">
        <f>IF(COUNTIF(祝日一覧!$E$2:$E$142,KC11),"○",IF(KG11&lt;&gt;"","○",""))</f>
        <v/>
      </c>
      <c r="KE11" s="25"/>
      <c r="KF11" s="45" t="str">
        <f t="shared" si="61"/>
        <v/>
      </c>
      <c r="KG11" s="45"/>
      <c r="KH11" s="167"/>
      <c r="KI11" s="168"/>
      <c r="KJ11" s="9"/>
      <c r="KK11" s="170" t="s">
        <v>99</v>
      </c>
      <c r="KL11" s="162">
        <f>COUNTA(KE9:KE46)</f>
        <v>0</v>
      </c>
      <c r="KM11" s="9"/>
      <c r="KN11" s="9"/>
      <c r="KO11" s="102" t="str">
        <f t="shared" si="23"/>
        <v/>
      </c>
      <c r="KP11" s="15" t="str">
        <f>IF(KP10="","",IF(KP10='（参考）【別紙２】'!$E$35,"",IF(MONTH(KP10)=MONTH(KP10+1),KP10+1,"")))</f>
        <v/>
      </c>
      <c r="KQ11" s="13" t="str">
        <f>IF(COUNTIF(祝日一覧!$E$2:$E$142,KP11),"○",IF(KT11&lt;&gt;"","○",""))</f>
        <v/>
      </c>
      <c r="KR11" s="25"/>
      <c r="KS11" s="45" t="str">
        <f t="shared" si="62"/>
        <v/>
      </c>
      <c r="KT11" s="45"/>
      <c r="KU11" s="167"/>
      <c r="KV11" s="168"/>
      <c r="KW11" s="9"/>
      <c r="KX11" s="170" t="s">
        <v>99</v>
      </c>
      <c r="KY11" s="162">
        <f>COUNTA(KR9:KR46)</f>
        <v>0</v>
      </c>
      <c r="KZ11" s="9"/>
      <c r="LA11" s="9"/>
      <c r="LB11" s="102" t="str">
        <f t="shared" si="24"/>
        <v/>
      </c>
      <c r="LC11" s="15" t="str">
        <f>IF(LC10="","",IF(LC10='（参考）【別紙２】'!$E$35,"",IF(MONTH(LC10)=MONTH(LC10+1),LC10+1,"")))</f>
        <v/>
      </c>
      <c r="LD11" s="13" t="str">
        <f>IF(COUNTIF(祝日一覧!$E$2:$E$142,LC11),"○",IF(LG11&lt;&gt;"","○",""))</f>
        <v/>
      </c>
      <c r="LE11" s="25"/>
      <c r="LF11" s="45" t="str">
        <f t="shared" si="63"/>
        <v/>
      </c>
      <c r="LG11" s="45"/>
      <c r="LH11" s="167"/>
      <c r="LI11" s="168"/>
      <c r="LJ11" s="9"/>
      <c r="LK11" s="170" t="s">
        <v>99</v>
      </c>
      <c r="LL11" s="162">
        <f>COUNTA(LE9:LE46)</f>
        <v>0</v>
      </c>
      <c r="LM11" s="9"/>
      <c r="LN11" s="9"/>
      <c r="LO11" s="102" t="str">
        <f t="shared" si="25"/>
        <v/>
      </c>
      <c r="LP11" s="15" t="str">
        <f>IF(LP10="","",IF(LP10='（参考）【別紙２】'!$E$35,"",IF(MONTH(LP10)=MONTH(LP10+1),LP10+1,"")))</f>
        <v/>
      </c>
      <c r="LQ11" s="13" t="str">
        <f>IF(COUNTIF(祝日一覧!$E$2:$E$142,LP11),"○",IF(LT11&lt;&gt;"","○",""))</f>
        <v/>
      </c>
      <c r="LR11" s="25"/>
      <c r="LS11" s="45" t="str">
        <f t="shared" si="64"/>
        <v/>
      </c>
      <c r="LT11" s="45"/>
      <c r="LU11" s="167"/>
      <c r="LV11" s="168"/>
      <c r="LW11" s="9"/>
      <c r="LX11" s="170" t="s">
        <v>99</v>
      </c>
      <c r="LY11" s="162">
        <f>COUNTA(LR9:LR46)</f>
        <v>0</v>
      </c>
      <c r="LZ11" s="9"/>
      <c r="MA11" s="9"/>
      <c r="MB11" s="102" t="str">
        <f t="shared" si="26"/>
        <v/>
      </c>
      <c r="MC11" s="15" t="str">
        <f>IF(MC10="","",IF(MC10='（参考）【別紙２】'!$E$35,"",IF(MONTH(MC10)=MONTH(MC10+1),MC10+1,"")))</f>
        <v/>
      </c>
      <c r="MD11" s="13" t="str">
        <f>IF(COUNTIF(祝日一覧!$E$2:$E$142,MC11),"○",IF(MG11&lt;&gt;"","○",""))</f>
        <v/>
      </c>
      <c r="ME11" s="25"/>
      <c r="MF11" s="45" t="str">
        <f t="shared" si="65"/>
        <v/>
      </c>
      <c r="MG11" s="45"/>
      <c r="MH11" s="167"/>
      <c r="MI11" s="168"/>
      <c r="MJ11" s="9"/>
      <c r="MK11" s="170" t="s">
        <v>99</v>
      </c>
      <c r="ML11" s="162">
        <f>COUNTA(ME9:ME46)</f>
        <v>0</v>
      </c>
      <c r="MM11" s="9"/>
      <c r="MN11" s="9"/>
      <c r="MO11" s="102" t="str">
        <f t="shared" si="27"/>
        <v/>
      </c>
      <c r="MP11" s="15" t="str">
        <f>IF(MP10="","",IF(MP10='（参考）【別紙２】'!$E$35,"",IF(MONTH(MP10)=MONTH(MP10+1),MP10+1,"")))</f>
        <v/>
      </c>
      <c r="MQ11" s="13" t="str">
        <f>IF(COUNTIF(祝日一覧!$E$2:$E$142,MP11),"○",IF(MT11&lt;&gt;"","○",""))</f>
        <v/>
      </c>
      <c r="MR11" s="25"/>
      <c r="MS11" s="45" t="str">
        <f t="shared" si="66"/>
        <v/>
      </c>
      <c r="MT11" s="45"/>
      <c r="MU11" s="167"/>
      <c r="MV11" s="168"/>
      <c r="MW11" s="9"/>
      <c r="MX11" s="170" t="s">
        <v>99</v>
      </c>
      <c r="MY11" s="162">
        <f>COUNTA(MR9:MR46)</f>
        <v>0</v>
      </c>
      <c r="MZ11" s="9"/>
      <c r="NA11" s="9"/>
      <c r="NB11" s="102" t="str">
        <f t="shared" si="28"/>
        <v/>
      </c>
      <c r="NC11" s="15" t="str">
        <f>IF(NC10="","",IF(NC10='（参考）【別紙２】'!$E$35,"",IF(MONTH(NC10)=MONTH(NC10+1),NC10+1,"")))</f>
        <v/>
      </c>
      <c r="ND11" s="13" t="str">
        <f>IF(COUNTIF(祝日一覧!$E$2:$E$142,NC11),"○",IF(NG11&lt;&gt;"","○",""))</f>
        <v/>
      </c>
      <c r="NE11" s="25"/>
      <c r="NF11" s="45" t="str">
        <f t="shared" si="67"/>
        <v/>
      </c>
      <c r="NG11" s="45"/>
      <c r="NH11" s="167"/>
      <c r="NI11" s="168"/>
      <c r="NJ11" s="9"/>
      <c r="NK11" s="170" t="s">
        <v>99</v>
      </c>
      <c r="NL11" s="162">
        <f>COUNTA(NE9:NE46)</f>
        <v>0</v>
      </c>
      <c r="NM11" s="9"/>
      <c r="NN11" s="9"/>
      <c r="NO11" s="102" t="str">
        <f t="shared" si="29"/>
        <v/>
      </c>
      <c r="NP11" s="15" t="str">
        <f>IF(NP10="","",IF(NP10='（参考）【別紙２】'!$E$35,"",IF(MONTH(NP10)=MONTH(NP10+1),NP10+1,"")))</f>
        <v/>
      </c>
      <c r="NQ11" s="13" t="str">
        <f>IF(COUNTIF(祝日一覧!$E$2:$E$142,NP11),"○",IF(NT11&lt;&gt;"","○",""))</f>
        <v/>
      </c>
      <c r="NR11" s="25"/>
      <c r="NS11" s="45" t="str">
        <f t="shared" si="68"/>
        <v/>
      </c>
      <c r="NT11" s="45"/>
      <c r="NU11" s="167"/>
      <c r="NV11" s="168"/>
      <c r="NW11" s="9"/>
      <c r="NX11" s="170" t="s">
        <v>99</v>
      </c>
      <c r="NY11" s="162">
        <f>COUNTA(NR9:NR46)</f>
        <v>0</v>
      </c>
      <c r="NZ11" s="9"/>
      <c r="OA11" s="9"/>
      <c r="OB11" s="102" t="str">
        <f t="shared" si="30"/>
        <v/>
      </c>
      <c r="OC11" s="15" t="str">
        <f>IF(OC10="","",IF(OC10='（参考）【別紙２】'!$E$35,"",IF(MONTH(OC10)=MONTH(OC10+1),OC10+1,"")))</f>
        <v/>
      </c>
      <c r="OD11" s="13" t="str">
        <f>IF(COUNTIF(祝日一覧!$E$2:$E$142,OC11),"○",IF(OG11&lt;&gt;"","○",""))</f>
        <v/>
      </c>
      <c r="OE11" s="25"/>
      <c r="OF11" s="45" t="str">
        <f t="shared" si="69"/>
        <v/>
      </c>
      <c r="OG11" s="45"/>
      <c r="OH11" s="167"/>
      <c r="OI11" s="168"/>
      <c r="OJ11" s="9"/>
      <c r="OK11" s="170" t="s">
        <v>99</v>
      </c>
      <c r="OL11" s="162">
        <f>COUNTA(OE9:OE46)</f>
        <v>0</v>
      </c>
      <c r="OM11" s="9"/>
      <c r="ON11" s="9"/>
      <c r="OO11" s="102" t="str">
        <f t="shared" si="31"/>
        <v/>
      </c>
      <c r="OP11" s="15" t="str">
        <f>IF(OP10="","",IF(OP10='（参考）【別紙２】'!$E$35,"",IF(MONTH(OP10)=MONTH(OP10+1),OP10+1,"")))</f>
        <v/>
      </c>
      <c r="OQ11" s="13" t="str">
        <f>IF(COUNTIF(祝日一覧!$E$2:$E$142,OP11),"○",IF(OT11&lt;&gt;"","○",""))</f>
        <v/>
      </c>
      <c r="OR11" s="25"/>
      <c r="OS11" s="45" t="str">
        <f t="shared" si="70"/>
        <v/>
      </c>
      <c r="OT11" s="45"/>
      <c r="OU11" s="167"/>
      <c r="OV11" s="168"/>
      <c r="OW11" s="9"/>
      <c r="OX11" s="170" t="s">
        <v>99</v>
      </c>
      <c r="OY11" s="162">
        <f>COUNTA(OR9:OR46)</f>
        <v>0</v>
      </c>
      <c r="OZ11" s="9"/>
      <c r="PA11" s="9"/>
      <c r="PB11" s="102" t="str">
        <f t="shared" si="32"/>
        <v/>
      </c>
      <c r="PC11" s="15" t="str">
        <f>IF(PC10="","",IF(PC10='（参考）【別紙２】'!$E$35,"",IF(MONTH(PC10)=MONTH(PC10+1),PC10+1,"")))</f>
        <v/>
      </c>
      <c r="PD11" s="13" t="str">
        <f>IF(COUNTIF(祝日一覧!$E$2:$E$142,PC11),"○",IF(PG11&lt;&gt;"","○",""))</f>
        <v/>
      </c>
      <c r="PE11" s="25"/>
      <c r="PF11" s="45" t="str">
        <f t="shared" si="71"/>
        <v/>
      </c>
      <c r="PG11" s="45"/>
      <c r="PH11" s="167"/>
      <c r="PI11" s="168"/>
      <c r="PJ11" s="9"/>
      <c r="PK11" s="170" t="s">
        <v>99</v>
      </c>
      <c r="PL11" s="162">
        <f>COUNTA(PE9:PE46)</f>
        <v>0</v>
      </c>
      <c r="PM11" s="9"/>
      <c r="PN11" s="9"/>
      <c r="PO11" s="102" t="str">
        <f t="shared" si="33"/>
        <v/>
      </c>
      <c r="PP11" s="15" t="str">
        <f>IF(PP10="","",IF(PP10='（参考）【別紙２】'!$E$35,"",IF(MONTH(PP10)=MONTH(PP10+1),PP10+1,"")))</f>
        <v/>
      </c>
      <c r="PQ11" s="13" t="str">
        <f>IF(COUNTIF(祝日一覧!$E$2:$E$142,PP11),"○",IF(PT11&lt;&gt;"","○",""))</f>
        <v/>
      </c>
      <c r="PR11" s="25"/>
      <c r="PS11" s="45" t="str">
        <f t="shared" si="72"/>
        <v/>
      </c>
      <c r="PT11" s="45"/>
      <c r="PU11" s="167"/>
      <c r="PV11" s="168"/>
      <c r="PW11" s="9"/>
      <c r="PX11" s="170" t="s">
        <v>99</v>
      </c>
      <c r="PY11" s="162">
        <f>COUNTA(PR9:PR46)</f>
        <v>0</v>
      </c>
      <c r="PZ11" s="9"/>
      <c r="QA11" s="9"/>
      <c r="QB11" s="102" t="str">
        <f t="shared" si="34"/>
        <v/>
      </c>
      <c r="QC11" s="15" t="str">
        <f>IF(QC10="","",IF(QC10='（参考）【別紙２】'!$E$35,"",IF(MONTH(QC10)=MONTH(QC10+1),QC10+1,"")))</f>
        <v/>
      </c>
      <c r="QD11" s="13" t="str">
        <f>IF(COUNTIF(祝日一覧!$E$2:$E$142,QC11),"○",IF(QG11&lt;&gt;"","○",""))</f>
        <v/>
      </c>
      <c r="QE11" s="25"/>
      <c r="QF11" s="45" t="str">
        <f t="shared" si="73"/>
        <v/>
      </c>
      <c r="QG11" s="45"/>
      <c r="QH11" s="167"/>
      <c r="QI11" s="168"/>
      <c r="QJ11" s="9"/>
      <c r="QK11" s="170" t="s">
        <v>99</v>
      </c>
      <c r="QL11" s="162">
        <f>COUNTA(QE9:QE46)</f>
        <v>0</v>
      </c>
      <c r="QM11" s="9"/>
      <c r="QN11" s="9"/>
      <c r="QO11" s="102" t="str">
        <f t="shared" si="35"/>
        <v/>
      </c>
      <c r="QP11" s="15" t="str">
        <f>IF(QP10="","",IF(QP10='（参考）【別紙２】'!$E$35,"",IF(MONTH(QP10)=MONTH(QP10+1),QP10+1,"")))</f>
        <v/>
      </c>
      <c r="QQ11" s="13" t="str">
        <f>IF(COUNTIF(祝日一覧!$E$2:$E$142,QP11),"○",IF(QT11&lt;&gt;"","○",""))</f>
        <v/>
      </c>
      <c r="QR11" s="25"/>
      <c r="QS11" s="45" t="str">
        <f t="shared" si="74"/>
        <v/>
      </c>
      <c r="QT11" s="45"/>
      <c r="QU11" s="167"/>
      <c r="QV11" s="168"/>
      <c r="QW11" s="9"/>
      <c r="QX11" s="170" t="s">
        <v>99</v>
      </c>
      <c r="QY11" s="162">
        <f>COUNTA(QR9:QR46)</f>
        <v>0</v>
      </c>
      <c r="QZ11" s="9"/>
      <c r="RA11" s="9"/>
      <c r="RB11" s="102" t="str">
        <f t="shared" si="36"/>
        <v/>
      </c>
      <c r="RC11" s="15" t="str">
        <f>IF(RC10="","",IF(RC10='（参考）【別紙２】'!$E$35,"",IF(MONTH(RC10)=MONTH(RC10+1),RC10+1,"")))</f>
        <v/>
      </c>
      <c r="RD11" s="13" t="str">
        <f>IF(COUNTIF(祝日一覧!$E$2:$E$142,RC11),"○",IF(RG11&lt;&gt;"","○",""))</f>
        <v/>
      </c>
      <c r="RE11" s="25"/>
      <c r="RF11" s="45" t="str">
        <f t="shared" si="75"/>
        <v/>
      </c>
      <c r="RG11" s="45"/>
      <c r="RH11" s="167"/>
      <c r="RI11" s="168"/>
      <c r="RJ11" s="9"/>
      <c r="RK11" s="170" t="s">
        <v>99</v>
      </c>
      <c r="RL11" s="162">
        <f>COUNTA(RE9:RE46)</f>
        <v>0</v>
      </c>
      <c r="RM11" s="9"/>
      <c r="RN11" s="9"/>
      <c r="RO11" s="102" t="str">
        <f t="shared" si="37"/>
        <v/>
      </c>
      <c r="RP11" s="15" t="str">
        <f>IF(RP10="","",IF(RP10='（参考）【別紙２】'!$E$35,"",IF(MONTH(RP10)=MONTH(RP10+1),RP10+1,"")))</f>
        <v/>
      </c>
      <c r="RQ11" s="13" t="str">
        <f>IF(COUNTIF(祝日一覧!$E$2:$E$142,RP11),"○",IF(RT11&lt;&gt;"","○",""))</f>
        <v/>
      </c>
      <c r="RR11" s="25"/>
      <c r="RS11" s="45" t="str">
        <f t="shared" si="76"/>
        <v/>
      </c>
      <c r="RT11" s="45"/>
      <c r="RU11" s="167"/>
      <c r="RV11" s="168"/>
      <c r="RW11" s="9"/>
      <c r="RX11" s="170" t="s">
        <v>99</v>
      </c>
      <c r="RY11" s="162">
        <f>COUNTA(RR9:RR46)</f>
        <v>0</v>
      </c>
      <c r="RZ11" s="9"/>
      <c r="SA11" s="9"/>
      <c r="SB11" s="102" t="str">
        <f t="shared" si="38"/>
        <v/>
      </c>
      <c r="SC11" s="15" t="str">
        <f>IF(SC10="","",IF(SC10='（参考）【別紙２】'!$E$35,"",IF(MONTH(SC10)=MONTH(SC10+1),SC10+1,"")))</f>
        <v/>
      </c>
      <c r="SD11" s="13" t="str">
        <f>IF(COUNTIF(祝日一覧!$E$2:$E$142,SC11),"○",IF(SG11&lt;&gt;"","○",""))</f>
        <v/>
      </c>
      <c r="SE11" s="25"/>
      <c r="SF11" s="45" t="str">
        <f>IF(OR(SB11="土",SB11="日"),IF(SD11="○","","○"),"")</f>
        <v/>
      </c>
      <c r="SG11" s="45"/>
      <c r="SH11" s="167"/>
      <c r="SI11" s="168"/>
      <c r="SJ11" s="9"/>
      <c r="SK11" s="170" t="s">
        <v>99</v>
      </c>
      <c r="SL11" s="162">
        <f>COUNTA(SE9:SE46)</f>
        <v>0</v>
      </c>
      <c r="SM11" s="9"/>
    </row>
    <row r="12" spans="1:507" ht="15.6" customHeight="1">
      <c r="A12" s="105"/>
      <c r="B12" s="102" t="str">
        <f t="shared" si="0"/>
        <v>金</v>
      </c>
      <c r="C12" s="15">
        <f>IF(C11="","",IF(C11='（参考）【別紙２】'!$E$35,"",IF(MONTH(C11)=MONTH(C11+1),C11+1,"")))</f>
        <v>45751</v>
      </c>
      <c r="D12" s="13" t="str">
        <f>IF(COUNTIF(祝日一覧!$E$2:$E$142,C12),"○",IF(G12&lt;&gt;"","○",""))</f>
        <v/>
      </c>
      <c r="E12" s="26"/>
      <c r="F12" s="45" t="str">
        <f t="shared" si="39"/>
        <v/>
      </c>
      <c r="G12" s="45"/>
      <c r="H12" s="167"/>
      <c r="I12" s="168"/>
      <c r="J12" s="42"/>
      <c r="K12" s="165"/>
      <c r="L12" s="163"/>
      <c r="M12" s="9"/>
      <c r="N12" s="105"/>
      <c r="O12" s="102" t="str">
        <f t="shared" si="1"/>
        <v>日</v>
      </c>
      <c r="P12" s="15">
        <f>IF(P11="","",IF(P11='（参考）【別紙２】'!$E$35,"",IF(MONTH(P11)=MONTH(P11+1),P11+1,"")))</f>
        <v>45781</v>
      </c>
      <c r="Q12" s="13" t="str">
        <f>IF(COUNTIF(祝日一覧!$E$2:$E$142,P12),"○",IF(T12&lt;&gt;"","○",""))</f>
        <v/>
      </c>
      <c r="R12" s="26"/>
      <c r="S12" s="45" t="str">
        <f t="shared" si="40"/>
        <v>○</v>
      </c>
      <c r="T12" s="45"/>
      <c r="U12" s="167"/>
      <c r="V12" s="168"/>
      <c r="W12" s="9"/>
      <c r="X12" s="171"/>
      <c r="Y12" s="163"/>
      <c r="Z12" s="9"/>
      <c r="AA12" s="105"/>
      <c r="AB12" s="102" t="str">
        <f t="shared" si="2"/>
        <v>水</v>
      </c>
      <c r="AC12" s="15">
        <f>IF(AC11="","",IF(AC11='（参考）【別紙２】'!$E$35,"",IF(MONTH(AC11)=MONTH(AC11+1),AC11+1,"")))</f>
        <v>45812</v>
      </c>
      <c r="AD12" s="13" t="str">
        <f>IF(COUNTIF(祝日一覧!$E$2:$E$142,AC12),"○",IF(AG12&lt;&gt;"","○",""))</f>
        <v/>
      </c>
      <c r="AE12" s="26"/>
      <c r="AF12" s="45" t="str">
        <f t="shared" si="41"/>
        <v/>
      </c>
      <c r="AG12" s="45"/>
      <c r="AH12" s="167"/>
      <c r="AI12" s="168"/>
      <c r="AJ12" s="9"/>
      <c r="AK12" s="171"/>
      <c r="AL12" s="163"/>
      <c r="AM12" s="9"/>
      <c r="AN12" s="105"/>
      <c r="AO12" s="102" t="str">
        <f t="shared" si="3"/>
        <v>金</v>
      </c>
      <c r="AP12" s="15">
        <f>IF(AP11="","",IF(AP11='（参考）【別紙２】'!$E$35,"",IF(MONTH(AP11)=MONTH(AP11+1),AP11+1,"")))</f>
        <v>45842</v>
      </c>
      <c r="AQ12" s="13" t="str">
        <f>IF(COUNTIF(祝日一覧!$E$2:$E$142,AP12),"○",IF(AT12&lt;&gt;"","○",""))</f>
        <v/>
      </c>
      <c r="AR12" s="26"/>
      <c r="AS12" s="45" t="str">
        <f t="shared" si="42"/>
        <v/>
      </c>
      <c r="AT12" s="45"/>
      <c r="AU12" s="167"/>
      <c r="AV12" s="168"/>
      <c r="AW12" s="9"/>
      <c r="AX12" s="161"/>
      <c r="AY12" s="163"/>
      <c r="AZ12" s="9"/>
      <c r="BA12" s="105"/>
      <c r="BB12" s="102" t="str">
        <f t="shared" si="4"/>
        <v>月</v>
      </c>
      <c r="BC12" s="15">
        <f>IF(BC11="","",IF(BC11='（参考）【別紙２】'!$E$35,"",IF(MONTH(BC11)=MONTH(BC11+1),BC11+1,"")))</f>
        <v>45873</v>
      </c>
      <c r="BD12" s="13" t="str">
        <f>IF(COUNTIF(祝日一覧!$E$2:$E$142,BC12),"○",IF(BG12&lt;&gt;"","○",""))</f>
        <v/>
      </c>
      <c r="BE12" s="26"/>
      <c r="BF12" s="45" t="str">
        <f t="shared" si="43"/>
        <v/>
      </c>
      <c r="BG12" s="45"/>
      <c r="BH12" s="167"/>
      <c r="BI12" s="168"/>
      <c r="BJ12" s="9"/>
      <c r="BK12" s="161"/>
      <c r="BL12" s="163"/>
      <c r="BM12" s="9"/>
      <c r="BN12" s="105"/>
      <c r="BO12" s="102" t="str">
        <f t="shared" si="5"/>
        <v/>
      </c>
      <c r="BP12" s="15" t="str">
        <f>IF(BP11="","",IF(BP11='（参考）【別紙２】'!$E$35,"",IF(MONTH(BP11)=MONTH(BP11+1),BP11+1,"")))</f>
        <v/>
      </c>
      <c r="BQ12" s="13" t="str">
        <f>IF(COUNTIF(祝日一覧!$E$2:$E$142,BP12),"○",IF(BT12&lt;&gt;"","○",""))</f>
        <v/>
      </c>
      <c r="BR12" s="26"/>
      <c r="BS12" s="45" t="str">
        <f t="shared" si="44"/>
        <v/>
      </c>
      <c r="BT12" s="45"/>
      <c r="BU12" s="167"/>
      <c r="BV12" s="168"/>
      <c r="BW12" s="9"/>
      <c r="BX12" s="161"/>
      <c r="BY12" s="163"/>
      <c r="BZ12" s="9"/>
      <c r="CA12" s="105"/>
      <c r="CB12" s="102" t="str">
        <f t="shared" si="6"/>
        <v/>
      </c>
      <c r="CC12" s="15" t="str">
        <f>IF(CC11="","",IF(CC11='（参考）【別紙２】'!$E$35,"",IF(MONTH(CC11)=MONTH(CC11+1),CC11+1,"")))</f>
        <v/>
      </c>
      <c r="CD12" s="13" t="str">
        <f>IF(COUNTIF(祝日一覧!$E$2:$E$142,CC12),"○",IF(CG12&lt;&gt;"","○",""))</f>
        <v/>
      </c>
      <c r="CE12" s="26"/>
      <c r="CF12" s="45" t="str">
        <f t="shared" si="45"/>
        <v/>
      </c>
      <c r="CG12" s="45"/>
      <c r="CH12" s="167"/>
      <c r="CI12" s="168"/>
      <c r="CJ12" s="9"/>
      <c r="CK12" s="161"/>
      <c r="CL12" s="163"/>
      <c r="CM12" s="9"/>
      <c r="CN12" s="105"/>
      <c r="CO12" s="102" t="str">
        <f t="shared" si="7"/>
        <v/>
      </c>
      <c r="CP12" s="15" t="str">
        <f>IF(CP11="","",IF(CP11='（参考）【別紙２】'!$E$35,"",IF(MONTH(CP11)=MONTH(CP11+1),CP11+1,"")))</f>
        <v/>
      </c>
      <c r="CQ12" s="13" t="str">
        <f>IF(COUNTIF(祝日一覧!$E$2:$E$142,CP12),"○",IF(CT12&lt;&gt;"","○",""))</f>
        <v/>
      </c>
      <c r="CR12" s="26"/>
      <c r="CS12" s="45" t="str">
        <f t="shared" si="46"/>
        <v/>
      </c>
      <c r="CT12" s="45"/>
      <c r="CU12" s="167"/>
      <c r="CV12" s="168"/>
      <c r="CW12" s="9"/>
      <c r="CX12" s="161"/>
      <c r="CY12" s="163"/>
      <c r="CZ12" s="9"/>
      <c r="DA12" s="105"/>
      <c r="DB12" s="102" t="str">
        <f t="shared" si="8"/>
        <v/>
      </c>
      <c r="DC12" s="15" t="str">
        <f>IF(DC11="","",IF(DC11='（参考）【別紙２】'!$E$35,"",IF(MONTH(DC11)=MONTH(DC11+1),DC11+1,"")))</f>
        <v/>
      </c>
      <c r="DD12" s="13" t="str">
        <f>IF(COUNTIF(祝日一覧!$E$2:$E$142,DC12),"○",IF(DG12&lt;&gt;"","○",""))</f>
        <v/>
      </c>
      <c r="DE12" s="26"/>
      <c r="DF12" s="45" t="str">
        <f t="shared" si="47"/>
        <v/>
      </c>
      <c r="DG12" s="45"/>
      <c r="DH12" s="167"/>
      <c r="DI12" s="168"/>
      <c r="DJ12" s="9"/>
      <c r="DK12" s="161"/>
      <c r="DL12" s="163"/>
      <c r="DM12" s="9"/>
      <c r="DN12" s="105"/>
      <c r="DO12" s="102" t="str">
        <f t="shared" si="9"/>
        <v/>
      </c>
      <c r="DP12" s="15" t="str">
        <f>IF(DP11="","",IF(DP11='（参考）【別紙２】'!$E$35,"",IF(MONTH(DP11)=MONTH(DP11+1),DP11+1,"")))</f>
        <v/>
      </c>
      <c r="DQ12" s="13" t="str">
        <f>IF(COUNTIF(祝日一覧!$E$2:$E$142,DP12),"○",IF(DT12&lt;&gt;"","○",""))</f>
        <v/>
      </c>
      <c r="DR12" s="26"/>
      <c r="DS12" s="45" t="str">
        <f t="shared" si="48"/>
        <v/>
      </c>
      <c r="DT12" s="45"/>
      <c r="DU12" s="167"/>
      <c r="DV12" s="168"/>
      <c r="DW12" s="9"/>
      <c r="DX12" s="161"/>
      <c r="DY12" s="163"/>
      <c r="DZ12" s="9"/>
      <c r="EA12" s="105"/>
      <c r="EB12" s="102" t="str">
        <f t="shared" si="10"/>
        <v/>
      </c>
      <c r="EC12" s="15" t="str">
        <f>IF(EC11="","",IF(EC11='（参考）【別紙２】'!$E$35,"",IF(MONTH(EC11)=MONTH(EC11+1),EC11+1,"")))</f>
        <v/>
      </c>
      <c r="ED12" s="13" t="str">
        <f>IF(COUNTIF(祝日一覧!$E$2:$E$142,EC12),"○",IF(EG12&lt;&gt;"","○",""))</f>
        <v/>
      </c>
      <c r="EE12" s="26"/>
      <c r="EF12" s="45" t="str">
        <f t="shared" si="49"/>
        <v/>
      </c>
      <c r="EG12" s="45"/>
      <c r="EH12" s="167"/>
      <c r="EI12" s="168"/>
      <c r="EJ12" s="9"/>
      <c r="EK12" s="161"/>
      <c r="EL12" s="163"/>
      <c r="EM12" s="9"/>
      <c r="EN12" s="105"/>
      <c r="EO12" s="102" t="str">
        <f t="shared" si="11"/>
        <v/>
      </c>
      <c r="EP12" s="15" t="str">
        <f>IF(EP11="","",IF(EP11='（参考）【別紙２】'!$E$35,"",IF(MONTH(EP11)=MONTH(EP11+1),EP11+1,"")))</f>
        <v/>
      </c>
      <c r="EQ12" s="13" t="str">
        <f>IF(COUNTIF(祝日一覧!$E$2:$E$142,EP12),"○",IF(ET12&lt;&gt;"","○",""))</f>
        <v/>
      </c>
      <c r="ER12" s="26"/>
      <c r="ES12" s="45" t="str">
        <f t="shared" si="50"/>
        <v/>
      </c>
      <c r="ET12" s="45"/>
      <c r="EU12" s="167"/>
      <c r="EV12" s="168"/>
      <c r="EW12" s="9"/>
      <c r="EX12" s="161"/>
      <c r="EY12" s="163"/>
      <c r="EZ12" s="9"/>
      <c r="FA12" s="105"/>
      <c r="FB12" s="102" t="str">
        <f t="shared" si="12"/>
        <v/>
      </c>
      <c r="FC12" s="15" t="str">
        <f>IF(FC11="","",IF(FC11='（参考）【別紙２】'!$E$35,"",IF(MONTH(FC11)=MONTH(FC11+1),FC11+1,"")))</f>
        <v/>
      </c>
      <c r="FD12" s="13" t="str">
        <f>IF(COUNTIF(祝日一覧!$E$2:$E$142,FC12),"○",IF(FG12&lt;&gt;"","○",""))</f>
        <v/>
      </c>
      <c r="FE12" s="26"/>
      <c r="FF12" s="45" t="str">
        <f t="shared" si="51"/>
        <v/>
      </c>
      <c r="FG12" s="45"/>
      <c r="FH12" s="167"/>
      <c r="FI12" s="168"/>
      <c r="FJ12" s="9"/>
      <c r="FK12" s="161"/>
      <c r="FL12" s="163"/>
      <c r="FM12" s="9"/>
      <c r="FN12" s="105"/>
      <c r="FO12" s="102" t="str">
        <f t="shared" si="13"/>
        <v/>
      </c>
      <c r="FP12" s="15" t="str">
        <f>IF(FP11="","",IF(FP11='（参考）【別紙２】'!$E$35,"",IF(MONTH(FP11)=MONTH(FP11+1),FP11+1,"")))</f>
        <v/>
      </c>
      <c r="FQ12" s="13" t="str">
        <f>IF(COUNTIF(祝日一覧!$E$2:$E$142,FP12),"○",IF(FT12&lt;&gt;"","○",""))</f>
        <v/>
      </c>
      <c r="FR12" s="26"/>
      <c r="FS12" s="45" t="str">
        <f t="shared" si="52"/>
        <v/>
      </c>
      <c r="FT12" s="45"/>
      <c r="FU12" s="167"/>
      <c r="FV12" s="168"/>
      <c r="FW12" s="9"/>
      <c r="FX12" s="161"/>
      <c r="FY12" s="163"/>
      <c r="FZ12" s="9"/>
      <c r="GA12" s="105"/>
      <c r="GB12" s="102" t="str">
        <f t="shared" si="14"/>
        <v/>
      </c>
      <c r="GC12" s="15" t="str">
        <f>IF(GC11="","",IF(GC11='（参考）【別紙２】'!$E$35,"",IF(MONTH(GC11)=MONTH(GC11+1),GC11+1,"")))</f>
        <v/>
      </c>
      <c r="GD12" s="13" t="str">
        <f>IF(COUNTIF(祝日一覧!$E$2:$E$142,GC12),"○",IF(GG12&lt;&gt;"","○",""))</f>
        <v/>
      </c>
      <c r="GE12" s="25"/>
      <c r="GF12" s="45" t="str">
        <f t="shared" si="53"/>
        <v/>
      </c>
      <c r="GG12" s="45"/>
      <c r="GH12" s="167"/>
      <c r="GI12" s="168"/>
      <c r="GJ12" s="9"/>
      <c r="GK12" s="161"/>
      <c r="GL12" s="163"/>
      <c r="GM12" s="9"/>
      <c r="GN12" s="105"/>
      <c r="GO12" s="102" t="str">
        <f t="shared" si="15"/>
        <v/>
      </c>
      <c r="GP12" s="15" t="str">
        <f>IF(GP11="","",IF(GP11='（参考）【別紙２】'!$E$35,"",IF(MONTH(GP11)=MONTH(GP11+1),GP11+1,"")))</f>
        <v/>
      </c>
      <c r="GQ12" s="13" t="str">
        <f>IF(COUNTIF(祝日一覧!$E$2:$E$142,GP12),"○",IF(GT12&lt;&gt;"","○",""))</f>
        <v/>
      </c>
      <c r="GR12" s="25"/>
      <c r="GS12" s="45" t="str">
        <f t="shared" si="54"/>
        <v/>
      </c>
      <c r="GT12" s="45"/>
      <c r="GU12" s="167"/>
      <c r="GV12" s="168"/>
      <c r="GW12" s="9"/>
      <c r="GX12" s="161"/>
      <c r="GY12" s="163"/>
      <c r="GZ12" s="9"/>
      <c r="HA12" s="105"/>
      <c r="HB12" s="102" t="str">
        <f t="shared" si="16"/>
        <v/>
      </c>
      <c r="HC12" s="15" t="str">
        <f>IF(HC11="","",IF(HC11='（参考）【別紙２】'!$E$35,"",IF(MONTH(HC11)=MONTH(HC11+1),HC11+1,"")))</f>
        <v/>
      </c>
      <c r="HD12" s="13" t="str">
        <f>IF(COUNTIF(祝日一覧!$E$2:$E$142,HC12),"○",IF(HG12&lt;&gt;"","○",""))</f>
        <v/>
      </c>
      <c r="HE12" s="26"/>
      <c r="HF12" s="45" t="str">
        <f t="shared" si="55"/>
        <v/>
      </c>
      <c r="HG12" s="45"/>
      <c r="HH12" s="167"/>
      <c r="HI12" s="168"/>
      <c r="HJ12" s="9"/>
      <c r="HK12" s="161"/>
      <c r="HL12" s="163"/>
      <c r="HM12" s="9"/>
      <c r="HN12" s="105"/>
      <c r="HO12" s="102" t="str">
        <f t="shared" si="17"/>
        <v/>
      </c>
      <c r="HP12" s="15" t="str">
        <f>IF(HP11="","",IF(HP11='（参考）【別紙２】'!$E$35,"",IF(MONTH(HP11)=MONTH(HP11+1),HP11+1,"")))</f>
        <v/>
      </c>
      <c r="HQ12" s="13" t="str">
        <f>IF(COUNTIF(祝日一覧!$E$2:$E$142,HP12),"○",IF(HT12&lt;&gt;"","○",""))</f>
        <v/>
      </c>
      <c r="HR12" s="25"/>
      <c r="HS12" s="45" t="str">
        <f t="shared" si="56"/>
        <v/>
      </c>
      <c r="HT12" s="45"/>
      <c r="HU12" s="167"/>
      <c r="HV12" s="168"/>
      <c r="HW12" s="9"/>
      <c r="HX12" s="161"/>
      <c r="HY12" s="163"/>
      <c r="HZ12" s="9"/>
      <c r="IA12" s="105"/>
      <c r="IB12" s="102" t="str">
        <f t="shared" si="18"/>
        <v/>
      </c>
      <c r="IC12" s="15" t="str">
        <f>IF(IC11="","",IF(IC11='（参考）【別紙２】'!$E$35,"",IF(MONTH(IC11)=MONTH(IC11+1),IC11+1,"")))</f>
        <v/>
      </c>
      <c r="ID12" s="13" t="str">
        <f>IF(COUNTIF(祝日一覧!$E$2:$E$142,IC12),"○",IF(IG12&lt;&gt;"","○",""))</f>
        <v/>
      </c>
      <c r="IE12" s="25"/>
      <c r="IF12" s="45" t="str">
        <f t="shared" si="57"/>
        <v/>
      </c>
      <c r="IG12" s="45"/>
      <c r="IH12" s="167"/>
      <c r="II12" s="168"/>
      <c r="IJ12" s="9"/>
      <c r="IK12" s="161"/>
      <c r="IL12" s="163"/>
      <c r="IM12" s="9"/>
      <c r="IN12" s="105"/>
      <c r="IO12" s="102" t="str">
        <f t="shared" si="19"/>
        <v/>
      </c>
      <c r="IP12" s="15" t="str">
        <f>IF(IP11="","",IF(IP11='（参考）【別紙２】'!$E$35,"",IF(MONTH(IP11)=MONTH(IP11+1),IP11+1,"")))</f>
        <v/>
      </c>
      <c r="IQ12" s="13" t="str">
        <f>IF(COUNTIF(祝日一覧!$E$2:$E$142,IP12),"○",IF(IT12&lt;&gt;"","○",""))</f>
        <v/>
      </c>
      <c r="IR12" s="25"/>
      <c r="IS12" s="45" t="str">
        <f t="shared" si="58"/>
        <v/>
      </c>
      <c r="IT12" s="45"/>
      <c r="IU12" s="167"/>
      <c r="IV12" s="168"/>
      <c r="IW12" s="9"/>
      <c r="IX12" s="161"/>
      <c r="IY12" s="163"/>
      <c r="IZ12" s="9"/>
      <c r="JA12" s="105"/>
      <c r="JB12" s="102" t="str">
        <f t="shared" si="20"/>
        <v/>
      </c>
      <c r="JC12" s="15" t="str">
        <f>IF(JC11="","",IF(JC11='（参考）【別紙２】'!$E$35,"",IF(MONTH(JC11)=MONTH(JC11+1),JC11+1,"")))</f>
        <v/>
      </c>
      <c r="JD12" s="13" t="str">
        <f>IF(COUNTIF(祝日一覧!$E$2:$E$142,JC12),"○",IF(JG12&lt;&gt;"","○",""))</f>
        <v/>
      </c>
      <c r="JE12" s="25"/>
      <c r="JF12" s="45" t="str">
        <f t="shared" si="59"/>
        <v/>
      </c>
      <c r="JG12" s="45"/>
      <c r="JH12" s="167"/>
      <c r="JI12" s="168"/>
      <c r="JJ12" s="9"/>
      <c r="JK12" s="161"/>
      <c r="JL12" s="163"/>
      <c r="JM12" s="9"/>
      <c r="JN12" s="105"/>
      <c r="JO12" s="102" t="str">
        <f t="shared" si="21"/>
        <v/>
      </c>
      <c r="JP12" s="15" t="str">
        <f>IF(JP11="","",IF(JP11='（参考）【別紙２】'!$E$35,"",IF(MONTH(JP11)=MONTH(JP11+1),JP11+1,"")))</f>
        <v/>
      </c>
      <c r="JQ12" s="13" t="str">
        <f>IF(COUNTIF(祝日一覧!$E$2:$E$142,JP12),"○",IF(JT12&lt;&gt;"","○",""))</f>
        <v/>
      </c>
      <c r="JR12" s="25"/>
      <c r="JS12" s="45" t="str">
        <f t="shared" si="60"/>
        <v/>
      </c>
      <c r="JT12" s="45"/>
      <c r="JU12" s="167"/>
      <c r="JV12" s="168"/>
      <c r="JW12" s="9"/>
      <c r="JX12" s="161"/>
      <c r="JY12" s="163"/>
      <c r="JZ12" s="9"/>
      <c r="KA12" s="105"/>
      <c r="KB12" s="102" t="str">
        <f t="shared" si="22"/>
        <v/>
      </c>
      <c r="KC12" s="15" t="str">
        <f>IF(KC11="","",IF(KC11='（参考）【別紙２】'!$E$35,"",IF(MONTH(KC11)=MONTH(KC11+1),KC11+1,"")))</f>
        <v/>
      </c>
      <c r="KD12" s="13" t="str">
        <f>IF(COUNTIF(祝日一覧!$E$2:$E$142,KC12),"○",IF(KG12&lt;&gt;"","○",""))</f>
        <v/>
      </c>
      <c r="KE12" s="25"/>
      <c r="KF12" s="45" t="str">
        <f t="shared" si="61"/>
        <v/>
      </c>
      <c r="KG12" s="45"/>
      <c r="KH12" s="167"/>
      <c r="KI12" s="168"/>
      <c r="KJ12" s="9"/>
      <c r="KK12" s="161"/>
      <c r="KL12" s="163"/>
      <c r="KM12" s="9"/>
      <c r="KN12" s="105"/>
      <c r="KO12" s="102" t="str">
        <f t="shared" si="23"/>
        <v/>
      </c>
      <c r="KP12" s="15" t="str">
        <f>IF(KP11="","",IF(KP11='（参考）【別紙２】'!$E$35,"",IF(MONTH(KP11)=MONTH(KP11+1),KP11+1,"")))</f>
        <v/>
      </c>
      <c r="KQ12" s="13" t="str">
        <f>IF(COUNTIF(祝日一覧!$E$2:$E$142,KP12),"○",IF(KT12&lt;&gt;"","○",""))</f>
        <v/>
      </c>
      <c r="KR12" s="25"/>
      <c r="KS12" s="45" t="str">
        <f t="shared" si="62"/>
        <v/>
      </c>
      <c r="KT12" s="45"/>
      <c r="KU12" s="167"/>
      <c r="KV12" s="168"/>
      <c r="KW12" s="9"/>
      <c r="KX12" s="161"/>
      <c r="KY12" s="163"/>
      <c r="KZ12" s="9"/>
      <c r="LA12" s="105"/>
      <c r="LB12" s="102" t="str">
        <f t="shared" si="24"/>
        <v/>
      </c>
      <c r="LC12" s="15" t="str">
        <f>IF(LC11="","",IF(LC11='（参考）【別紙２】'!$E$35,"",IF(MONTH(LC11)=MONTH(LC11+1),LC11+1,"")))</f>
        <v/>
      </c>
      <c r="LD12" s="13" t="str">
        <f>IF(COUNTIF(祝日一覧!$E$2:$E$142,LC12),"○",IF(LG12&lt;&gt;"","○",""))</f>
        <v/>
      </c>
      <c r="LE12" s="25"/>
      <c r="LF12" s="45" t="str">
        <f t="shared" si="63"/>
        <v/>
      </c>
      <c r="LG12" s="45"/>
      <c r="LH12" s="167"/>
      <c r="LI12" s="168"/>
      <c r="LJ12" s="9"/>
      <c r="LK12" s="161"/>
      <c r="LL12" s="163"/>
      <c r="LM12" s="9"/>
      <c r="LN12" s="105"/>
      <c r="LO12" s="102" t="str">
        <f t="shared" si="25"/>
        <v/>
      </c>
      <c r="LP12" s="15" t="str">
        <f>IF(LP11="","",IF(LP11='（参考）【別紙２】'!$E$35,"",IF(MONTH(LP11)=MONTH(LP11+1),LP11+1,"")))</f>
        <v/>
      </c>
      <c r="LQ12" s="13" t="str">
        <f>IF(COUNTIF(祝日一覧!$E$2:$E$142,LP12),"○",IF(LT12&lt;&gt;"","○",""))</f>
        <v/>
      </c>
      <c r="LR12" s="25"/>
      <c r="LS12" s="45" t="str">
        <f t="shared" si="64"/>
        <v/>
      </c>
      <c r="LT12" s="45"/>
      <c r="LU12" s="167"/>
      <c r="LV12" s="168"/>
      <c r="LW12" s="9"/>
      <c r="LX12" s="161"/>
      <c r="LY12" s="163"/>
      <c r="LZ12" s="9"/>
      <c r="MA12" s="105"/>
      <c r="MB12" s="102" t="str">
        <f t="shared" si="26"/>
        <v/>
      </c>
      <c r="MC12" s="15" t="str">
        <f>IF(MC11="","",IF(MC11='（参考）【別紙２】'!$E$35,"",IF(MONTH(MC11)=MONTH(MC11+1),MC11+1,"")))</f>
        <v/>
      </c>
      <c r="MD12" s="13" t="str">
        <f>IF(COUNTIF(祝日一覧!$E$2:$E$142,MC12),"○",IF(MG12&lt;&gt;"","○",""))</f>
        <v/>
      </c>
      <c r="ME12" s="25"/>
      <c r="MF12" s="45" t="str">
        <f t="shared" si="65"/>
        <v/>
      </c>
      <c r="MG12" s="45"/>
      <c r="MH12" s="167"/>
      <c r="MI12" s="168"/>
      <c r="MJ12" s="9"/>
      <c r="MK12" s="161"/>
      <c r="ML12" s="163"/>
      <c r="MM12" s="9"/>
      <c r="MN12" s="105"/>
      <c r="MO12" s="102" t="str">
        <f t="shared" si="27"/>
        <v/>
      </c>
      <c r="MP12" s="15" t="str">
        <f>IF(MP11="","",IF(MP11='（参考）【別紙２】'!$E$35,"",IF(MONTH(MP11)=MONTH(MP11+1),MP11+1,"")))</f>
        <v/>
      </c>
      <c r="MQ12" s="13" t="str">
        <f>IF(COUNTIF(祝日一覧!$E$2:$E$142,MP12),"○",IF(MT12&lt;&gt;"","○",""))</f>
        <v/>
      </c>
      <c r="MR12" s="25"/>
      <c r="MS12" s="45" t="str">
        <f t="shared" si="66"/>
        <v/>
      </c>
      <c r="MT12" s="45"/>
      <c r="MU12" s="167"/>
      <c r="MV12" s="168"/>
      <c r="MW12" s="9"/>
      <c r="MX12" s="161"/>
      <c r="MY12" s="163"/>
      <c r="MZ12" s="9"/>
      <c r="NA12" s="105"/>
      <c r="NB12" s="102" t="str">
        <f t="shared" si="28"/>
        <v/>
      </c>
      <c r="NC12" s="15" t="str">
        <f>IF(NC11="","",IF(NC11='（参考）【別紙２】'!$E$35,"",IF(MONTH(NC11)=MONTH(NC11+1),NC11+1,"")))</f>
        <v/>
      </c>
      <c r="ND12" s="13" t="str">
        <f>IF(COUNTIF(祝日一覧!$E$2:$E$142,NC12),"○",IF(NG12&lt;&gt;"","○",""))</f>
        <v/>
      </c>
      <c r="NE12" s="25"/>
      <c r="NF12" s="45" t="str">
        <f t="shared" si="67"/>
        <v/>
      </c>
      <c r="NG12" s="45"/>
      <c r="NH12" s="167"/>
      <c r="NI12" s="168"/>
      <c r="NJ12" s="9"/>
      <c r="NK12" s="161"/>
      <c r="NL12" s="163"/>
      <c r="NM12" s="9"/>
      <c r="NN12" s="105"/>
      <c r="NO12" s="102" t="str">
        <f t="shared" si="29"/>
        <v/>
      </c>
      <c r="NP12" s="15" t="str">
        <f>IF(NP11="","",IF(NP11='（参考）【別紙２】'!$E$35,"",IF(MONTH(NP11)=MONTH(NP11+1),NP11+1,"")))</f>
        <v/>
      </c>
      <c r="NQ12" s="13" t="str">
        <f>IF(COUNTIF(祝日一覧!$E$2:$E$142,NP12),"○",IF(NT12&lt;&gt;"","○",""))</f>
        <v/>
      </c>
      <c r="NR12" s="25"/>
      <c r="NS12" s="45" t="str">
        <f t="shared" si="68"/>
        <v/>
      </c>
      <c r="NT12" s="45"/>
      <c r="NU12" s="167"/>
      <c r="NV12" s="168"/>
      <c r="NW12" s="9"/>
      <c r="NX12" s="161"/>
      <c r="NY12" s="163"/>
      <c r="NZ12" s="9"/>
      <c r="OA12" s="105"/>
      <c r="OB12" s="102" t="str">
        <f t="shared" si="30"/>
        <v/>
      </c>
      <c r="OC12" s="15" t="str">
        <f>IF(OC11="","",IF(OC11='（参考）【別紙２】'!$E$35,"",IF(MONTH(OC11)=MONTH(OC11+1),OC11+1,"")))</f>
        <v/>
      </c>
      <c r="OD12" s="13" t="str">
        <f>IF(COUNTIF(祝日一覧!$E$2:$E$142,OC12),"○",IF(OG12&lt;&gt;"","○",""))</f>
        <v/>
      </c>
      <c r="OE12" s="25"/>
      <c r="OF12" s="45" t="str">
        <f t="shared" si="69"/>
        <v/>
      </c>
      <c r="OG12" s="45"/>
      <c r="OH12" s="167"/>
      <c r="OI12" s="168"/>
      <c r="OJ12" s="9"/>
      <c r="OK12" s="161"/>
      <c r="OL12" s="163"/>
      <c r="OM12" s="9"/>
      <c r="ON12" s="105"/>
      <c r="OO12" s="102" t="str">
        <f t="shared" si="31"/>
        <v/>
      </c>
      <c r="OP12" s="15" t="str">
        <f>IF(OP11="","",IF(OP11='（参考）【別紙２】'!$E$35,"",IF(MONTH(OP11)=MONTH(OP11+1),OP11+1,"")))</f>
        <v/>
      </c>
      <c r="OQ12" s="13" t="str">
        <f>IF(COUNTIF(祝日一覧!$E$2:$E$142,OP12),"○",IF(OT12&lt;&gt;"","○",""))</f>
        <v/>
      </c>
      <c r="OR12" s="25"/>
      <c r="OS12" s="45" t="str">
        <f t="shared" si="70"/>
        <v/>
      </c>
      <c r="OT12" s="45"/>
      <c r="OU12" s="167"/>
      <c r="OV12" s="168"/>
      <c r="OW12" s="9"/>
      <c r="OX12" s="161"/>
      <c r="OY12" s="163"/>
      <c r="OZ12" s="9"/>
      <c r="PA12" s="105"/>
      <c r="PB12" s="102" t="str">
        <f t="shared" si="32"/>
        <v/>
      </c>
      <c r="PC12" s="15" t="str">
        <f>IF(PC11="","",IF(PC11='（参考）【別紙２】'!$E$35,"",IF(MONTH(PC11)=MONTH(PC11+1),PC11+1,"")))</f>
        <v/>
      </c>
      <c r="PD12" s="13" t="str">
        <f>IF(COUNTIF(祝日一覧!$E$2:$E$142,PC12),"○",IF(PG12&lt;&gt;"","○",""))</f>
        <v/>
      </c>
      <c r="PE12" s="25"/>
      <c r="PF12" s="45" t="str">
        <f t="shared" si="71"/>
        <v/>
      </c>
      <c r="PG12" s="45"/>
      <c r="PH12" s="167"/>
      <c r="PI12" s="168"/>
      <c r="PJ12" s="9"/>
      <c r="PK12" s="161"/>
      <c r="PL12" s="163"/>
      <c r="PM12" s="9"/>
      <c r="PN12" s="105"/>
      <c r="PO12" s="102" t="str">
        <f t="shared" si="33"/>
        <v/>
      </c>
      <c r="PP12" s="15" t="str">
        <f>IF(PP11="","",IF(PP11='（参考）【別紙２】'!$E$35,"",IF(MONTH(PP11)=MONTH(PP11+1),PP11+1,"")))</f>
        <v/>
      </c>
      <c r="PQ12" s="13" t="str">
        <f>IF(COUNTIF(祝日一覧!$E$2:$E$142,PP12),"○",IF(PT12&lt;&gt;"","○",""))</f>
        <v/>
      </c>
      <c r="PR12" s="25"/>
      <c r="PS12" s="45" t="str">
        <f t="shared" si="72"/>
        <v/>
      </c>
      <c r="PT12" s="45"/>
      <c r="PU12" s="167"/>
      <c r="PV12" s="168"/>
      <c r="PW12" s="9"/>
      <c r="PX12" s="161"/>
      <c r="PY12" s="163"/>
      <c r="PZ12" s="9"/>
      <c r="QA12" s="105"/>
      <c r="QB12" s="102" t="str">
        <f t="shared" si="34"/>
        <v/>
      </c>
      <c r="QC12" s="15" t="str">
        <f>IF(QC11="","",IF(QC11='（参考）【別紙２】'!$E$35,"",IF(MONTH(QC11)=MONTH(QC11+1),QC11+1,"")))</f>
        <v/>
      </c>
      <c r="QD12" s="13" t="str">
        <f>IF(COUNTIF(祝日一覧!$E$2:$E$142,QC12),"○",IF(QG12&lt;&gt;"","○",""))</f>
        <v/>
      </c>
      <c r="QE12" s="25"/>
      <c r="QF12" s="45" t="str">
        <f t="shared" si="73"/>
        <v/>
      </c>
      <c r="QG12" s="45"/>
      <c r="QH12" s="167"/>
      <c r="QI12" s="168"/>
      <c r="QJ12" s="9"/>
      <c r="QK12" s="161"/>
      <c r="QL12" s="163"/>
      <c r="QM12" s="9"/>
      <c r="QN12" s="105"/>
      <c r="QO12" s="102" t="str">
        <f t="shared" si="35"/>
        <v/>
      </c>
      <c r="QP12" s="15" t="str">
        <f>IF(QP11="","",IF(QP11='（参考）【別紙２】'!$E$35,"",IF(MONTH(QP11)=MONTH(QP11+1),QP11+1,"")))</f>
        <v/>
      </c>
      <c r="QQ12" s="13" t="str">
        <f>IF(COUNTIF(祝日一覧!$E$2:$E$142,QP12),"○",IF(QT12&lt;&gt;"","○",""))</f>
        <v/>
      </c>
      <c r="QR12" s="25"/>
      <c r="QS12" s="45" t="str">
        <f t="shared" si="74"/>
        <v/>
      </c>
      <c r="QT12" s="45"/>
      <c r="QU12" s="167"/>
      <c r="QV12" s="168"/>
      <c r="QW12" s="9"/>
      <c r="QX12" s="161"/>
      <c r="QY12" s="163"/>
      <c r="QZ12" s="9"/>
      <c r="RA12" s="105"/>
      <c r="RB12" s="102" t="str">
        <f t="shared" si="36"/>
        <v/>
      </c>
      <c r="RC12" s="15" t="str">
        <f>IF(RC11="","",IF(RC11='（参考）【別紙２】'!$E$35,"",IF(MONTH(RC11)=MONTH(RC11+1),RC11+1,"")))</f>
        <v/>
      </c>
      <c r="RD12" s="13" t="str">
        <f>IF(COUNTIF(祝日一覧!$E$2:$E$142,RC12),"○",IF(RG12&lt;&gt;"","○",""))</f>
        <v/>
      </c>
      <c r="RE12" s="25"/>
      <c r="RF12" s="45" t="str">
        <f t="shared" si="75"/>
        <v/>
      </c>
      <c r="RG12" s="45"/>
      <c r="RH12" s="167"/>
      <c r="RI12" s="168"/>
      <c r="RJ12" s="9"/>
      <c r="RK12" s="161"/>
      <c r="RL12" s="163"/>
      <c r="RM12" s="9"/>
      <c r="RN12" s="105"/>
      <c r="RO12" s="102" t="str">
        <f t="shared" si="37"/>
        <v/>
      </c>
      <c r="RP12" s="15" t="str">
        <f>IF(RP11="","",IF(RP11='（参考）【別紙２】'!$E$35,"",IF(MONTH(RP11)=MONTH(RP11+1),RP11+1,"")))</f>
        <v/>
      </c>
      <c r="RQ12" s="13" t="str">
        <f>IF(COUNTIF(祝日一覧!$E$2:$E$142,RP12),"○",IF(RT12&lt;&gt;"","○",""))</f>
        <v/>
      </c>
      <c r="RR12" s="25"/>
      <c r="RS12" s="45" t="str">
        <f t="shared" si="76"/>
        <v/>
      </c>
      <c r="RT12" s="45"/>
      <c r="RU12" s="167"/>
      <c r="RV12" s="168"/>
      <c r="RW12" s="9"/>
      <c r="RX12" s="161"/>
      <c r="RY12" s="163"/>
      <c r="RZ12" s="9"/>
      <c r="SA12" s="105"/>
      <c r="SB12" s="102" t="str">
        <f t="shared" si="38"/>
        <v/>
      </c>
      <c r="SC12" s="15" t="str">
        <f>IF(SC11="","",IF(SC11='（参考）【別紙２】'!$E$35,"",IF(MONTH(SC11)=MONTH(SC11+1),SC11+1,"")))</f>
        <v/>
      </c>
      <c r="SD12" s="13" t="str">
        <f>IF(COUNTIF(祝日一覧!$E$2:$E$142,SC12),"○",IF(SG12&lt;&gt;"","○",""))</f>
        <v/>
      </c>
      <c r="SE12" s="25"/>
      <c r="SF12" s="45" t="str">
        <f t="shared" si="77"/>
        <v/>
      </c>
      <c r="SG12" s="45"/>
      <c r="SH12" s="167"/>
      <c r="SI12" s="168"/>
      <c r="SJ12" s="9"/>
      <c r="SK12" s="161"/>
      <c r="SL12" s="163"/>
      <c r="SM12" s="9"/>
    </row>
    <row r="13" spans="1:507" ht="15.6" customHeight="1">
      <c r="A13" s="105"/>
      <c r="B13" s="102" t="str">
        <f t="shared" si="0"/>
        <v>土</v>
      </c>
      <c r="C13" s="15">
        <f>IF(C12="","",IF(C12='（参考）【別紙２】'!$E$35,"",IF(MONTH(C12)=MONTH(C12+1),C12+1,"")))</f>
        <v>45752</v>
      </c>
      <c r="D13" s="13" t="str">
        <f>IF(COUNTIF(祝日一覧!$E$2:$E$142,C13),"○",IF(G13&lt;&gt;"","○",""))</f>
        <v/>
      </c>
      <c r="E13" s="26"/>
      <c r="F13" s="45" t="str">
        <f t="shared" si="39"/>
        <v>○</v>
      </c>
      <c r="G13" s="45"/>
      <c r="H13" s="167"/>
      <c r="I13" s="168"/>
      <c r="J13" s="42"/>
      <c r="K13" s="160" t="s">
        <v>64</v>
      </c>
      <c r="L13" s="172">
        <f>IF(L9=0,"-      ",L11/L9)</f>
        <v>0</v>
      </c>
      <c r="M13" s="9"/>
      <c r="N13" s="105"/>
      <c r="O13" s="102" t="str">
        <f t="shared" si="1"/>
        <v>月</v>
      </c>
      <c r="P13" s="15">
        <f>IF(P12="","",IF(P12='（参考）【別紙２】'!$E$35,"",IF(MONTH(P12)=MONTH(P12+1),P12+1,"")))</f>
        <v>45782</v>
      </c>
      <c r="Q13" s="13" t="str">
        <f>IF(COUNTIF(祝日一覧!$E$2:$E$142,P13),"○",IF(T13&lt;&gt;"","○",""))</f>
        <v/>
      </c>
      <c r="R13" s="26"/>
      <c r="S13" s="45" t="str">
        <f t="shared" si="40"/>
        <v/>
      </c>
      <c r="T13" s="45"/>
      <c r="U13" s="167"/>
      <c r="V13" s="168"/>
      <c r="W13" s="9"/>
      <c r="X13" s="160" t="s">
        <v>64</v>
      </c>
      <c r="Y13" s="172">
        <f>IF(Y9=0,"-      ",Y11/Y9)</f>
        <v>0</v>
      </c>
      <c r="Z13" s="9"/>
      <c r="AA13" s="105"/>
      <c r="AB13" s="102" t="str">
        <f t="shared" si="2"/>
        <v>木</v>
      </c>
      <c r="AC13" s="15">
        <f>IF(AC12="","",IF(AC12='（参考）【別紙２】'!$E$35,"",IF(MONTH(AC12)=MONTH(AC12+1),AC12+1,"")))</f>
        <v>45813</v>
      </c>
      <c r="AD13" s="13" t="str">
        <f>IF(COUNTIF(祝日一覧!$E$2:$E$142,AC13),"○",IF(AG13&lt;&gt;"","○",""))</f>
        <v/>
      </c>
      <c r="AE13" s="26"/>
      <c r="AF13" s="45" t="str">
        <f t="shared" si="41"/>
        <v/>
      </c>
      <c r="AG13" s="45"/>
      <c r="AH13" s="167"/>
      <c r="AI13" s="168"/>
      <c r="AJ13" s="9"/>
      <c r="AK13" s="160" t="s">
        <v>64</v>
      </c>
      <c r="AL13" s="172">
        <f>IF(AL9=0,"-      ",AL11/AL9)</f>
        <v>0</v>
      </c>
      <c r="AM13" s="9"/>
      <c r="AN13" s="105"/>
      <c r="AO13" s="102" t="str">
        <f t="shared" si="3"/>
        <v>土</v>
      </c>
      <c r="AP13" s="15">
        <f>IF(AP12="","",IF(AP12='（参考）【別紙２】'!$E$35,"",IF(MONTH(AP12)=MONTH(AP12+1),AP12+1,"")))</f>
        <v>45843</v>
      </c>
      <c r="AQ13" s="13" t="str">
        <f>IF(COUNTIF(祝日一覧!$E$2:$E$142,AP13),"○",IF(AT13&lt;&gt;"","○",""))</f>
        <v/>
      </c>
      <c r="AR13" s="26"/>
      <c r="AS13" s="45" t="str">
        <f t="shared" si="42"/>
        <v>○</v>
      </c>
      <c r="AT13" s="45"/>
      <c r="AU13" s="167"/>
      <c r="AV13" s="168"/>
      <c r="AW13" s="9"/>
      <c r="AX13" s="160" t="s">
        <v>64</v>
      </c>
      <c r="AY13" s="172">
        <f>IF(AY9=0,"-      ",AY11/AY9)</f>
        <v>0</v>
      </c>
      <c r="AZ13" s="9"/>
      <c r="BA13" s="105"/>
      <c r="BB13" s="102" t="str">
        <f t="shared" si="4"/>
        <v>火</v>
      </c>
      <c r="BC13" s="15">
        <f>IF(BC12="","",IF(BC12='（参考）【別紙２】'!$E$35,"",IF(MONTH(BC12)=MONTH(BC12+1),BC12+1,"")))</f>
        <v>45874</v>
      </c>
      <c r="BD13" s="13" t="str">
        <f>IF(COUNTIF(祝日一覧!$E$2:$E$142,BC13),"○",IF(BG13&lt;&gt;"","○",""))</f>
        <v/>
      </c>
      <c r="BE13" s="26"/>
      <c r="BF13" s="45" t="str">
        <f t="shared" si="43"/>
        <v/>
      </c>
      <c r="BG13" s="45"/>
      <c r="BH13" s="167"/>
      <c r="BI13" s="168"/>
      <c r="BJ13" s="9"/>
      <c r="BK13" s="160" t="s">
        <v>64</v>
      </c>
      <c r="BL13" s="172">
        <f>IF(BL9=0,"-      ",BL11/BL9)</f>
        <v>0</v>
      </c>
      <c r="BM13" s="9"/>
      <c r="BN13" s="105"/>
      <c r="BO13" s="102" t="str">
        <f t="shared" si="5"/>
        <v/>
      </c>
      <c r="BP13" s="15" t="str">
        <f>IF(BP12="","",IF(BP12='（参考）【別紙２】'!$E$35,"",IF(MONTH(BP12)=MONTH(BP12+1),BP12+1,"")))</f>
        <v/>
      </c>
      <c r="BQ13" s="13" t="str">
        <f>IF(COUNTIF(祝日一覧!$E$2:$E$142,BP13),"○",IF(BT13&lt;&gt;"","○",""))</f>
        <v/>
      </c>
      <c r="BR13" s="26"/>
      <c r="BS13" s="45" t="str">
        <f t="shared" si="44"/>
        <v/>
      </c>
      <c r="BT13" s="45"/>
      <c r="BU13" s="167"/>
      <c r="BV13" s="168"/>
      <c r="BW13" s="9"/>
      <c r="BX13" s="160" t="s">
        <v>64</v>
      </c>
      <c r="BY13" s="172" t="str">
        <f>IF(BY9=0,"-      ",BY11/BY9)</f>
        <v xml:space="preserve">-      </v>
      </c>
      <c r="BZ13" s="9"/>
      <c r="CA13" s="105"/>
      <c r="CB13" s="102" t="str">
        <f t="shared" si="6"/>
        <v/>
      </c>
      <c r="CC13" s="15" t="str">
        <f>IF(CC12="","",IF(CC12='（参考）【別紙２】'!$E$35,"",IF(MONTH(CC12)=MONTH(CC12+1),CC12+1,"")))</f>
        <v/>
      </c>
      <c r="CD13" s="13" t="str">
        <f>IF(COUNTIF(祝日一覧!$E$2:$E$142,CC13),"○",IF(CG13&lt;&gt;"","○",""))</f>
        <v/>
      </c>
      <c r="CE13" s="26"/>
      <c r="CF13" s="45" t="str">
        <f t="shared" si="45"/>
        <v/>
      </c>
      <c r="CG13" s="45"/>
      <c r="CH13" s="167"/>
      <c r="CI13" s="168"/>
      <c r="CJ13" s="9"/>
      <c r="CK13" s="160" t="s">
        <v>64</v>
      </c>
      <c r="CL13" s="172" t="str">
        <f>IF(CL9=0,"-      ",CL11/CL9)</f>
        <v xml:space="preserve">-      </v>
      </c>
      <c r="CM13" s="9"/>
      <c r="CN13" s="105"/>
      <c r="CO13" s="102" t="str">
        <f t="shared" si="7"/>
        <v/>
      </c>
      <c r="CP13" s="15" t="str">
        <f>IF(CP12="","",IF(CP12='（参考）【別紙２】'!$E$35,"",IF(MONTH(CP12)=MONTH(CP12+1),CP12+1,"")))</f>
        <v/>
      </c>
      <c r="CQ13" s="13" t="str">
        <f>IF(COUNTIF(祝日一覧!$E$2:$E$142,CP13),"○",IF(CT13&lt;&gt;"","○",""))</f>
        <v/>
      </c>
      <c r="CR13" s="26"/>
      <c r="CS13" s="45" t="str">
        <f t="shared" si="46"/>
        <v/>
      </c>
      <c r="CT13" s="45"/>
      <c r="CU13" s="167"/>
      <c r="CV13" s="168"/>
      <c r="CW13" s="9"/>
      <c r="CX13" s="160" t="s">
        <v>64</v>
      </c>
      <c r="CY13" s="172" t="str">
        <f>IF(CY9=0,"-      ",CY11/CY9)</f>
        <v xml:space="preserve">-      </v>
      </c>
      <c r="CZ13" s="9"/>
      <c r="DA13" s="105"/>
      <c r="DB13" s="102" t="str">
        <f t="shared" si="8"/>
        <v/>
      </c>
      <c r="DC13" s="15" t="str">
        <f>IF(DC12="","",IF(DC12='（参考）【別紙２】'!$E$35,"",IF(MONTH(DC12)=MONTH(DC12+1),DC12+1,"")))</f>
        <v/>
      </c>
      <c r="DD13" s="13" t="str">
        <f>IF(COUNTIF(祝日一覧!$E$2:$E$142,DC13),"○",IF(DG13&lt;&gt;"","○",""))</f>
        <v/>
      </c>
      <c r="DE13" s="26"/>
      <c r="DF13" s="45" t="str">
        <f t="shared" si="47"/>
        <v/>
      </c>
      <c r="DG13" s="45"/>
      <c r="DH13" s="167"/>
      <c r="DI13" s="168"/>
      <c r="DJ13" s="9"/>
      <c r="DK13" s="160" t="s">
        <v>64</v>
      </c>
      <c r="DL13" s="172" t="str">
        <f>IF(DL9=0,"-      ",DL11/DL9)</f>
        <v xml:space="preserve">-      </v>
      </c>
      <c r="DM13" s="9"/>
      <c r="DN13" s="105"/>
      <c r="DO13" s="102" t="str">
        <f t="shared" si="9"/>
        <v/>
      </c>
      <c r="DP13" s="15" t="str">
        <f>IF(DP12="","",IF(DP12='（参考）【別紙２】'!$E$35,"",IF(MONTH(DP12)=MONTH(DP12+1),DP12+1,"")))</f>
        <v/>
      </c>
      <c r="DQ13" s="13" t="str">
        <f>IF(COUNTIF(祝日一覧!$E$2:$E$142,DP13),"○",IF(DT13&lt;&gt;"","○",""))</f>
        <v/>
      </c>
      <c r="DR13" s="26"/>
      <c r="DS13" s="45" t="str">
        <f t="shared" si="48"/>
        <v/>
      </c>
      <c r="DT13" s="45"/>
      <c r="DU13" s="167"/>
      <c r="DV13" s="168"/>
      <c r="DW13" s="9"/>
      <c r="DX13" s="160" t="s">
        <v>64</v>
      </c>
      <c r="DY13" s="172" t="str">
        <f>IF(DY9=0,"-      ",DY11/DY9)</f>
        <v xml:space="preserve">-      </v>
      </c>
      <c r="DZ13" s="9"/>
      <c r="EA13" s="105"/>
      <c r="EB13" s="102" t="str">
        <f t="shared" si="10"/>
        <v/>
      </c>
      <c r="EC13" s="15" t="str">
        <f>IF(EC12="","",IF(EC12='（参考）【別紙２】'!$E$35,"",IF(MONTH(EC12)=MONTH(EC12+1),EC12+1,"")))</f>
        <v/>
      </c>
      <c r="ED13" s="13" t="str">
        <f>IF(COUNTIF(祝日一覧!$E$2:$E$142,EC13),"○",IF(EG13&lt;&gt;"","○",""))</f>
        <v/>
      </c>
      <c r="EE13" s="26"/>
      <c r="EF13" s="45" t="str">
        <f t="shared" si="49"/>
        <v/>
      </c>
      <c r="EG13" s="45"/>
      <c r="EH13" s="167"/>
      <c r="EI13" s="168"/>
      <c r="EJ13" s="9"/>
      <c r="EK13" s="160" t="s">
        <v>64</v>
      </c>
      <c r="EL13" s="172" t="str">
        <f>IF(EL9=0,"-      ",EL11/EL9)</f>
        <v xml:space="preserve">-      </v>
      </c>
      <c r="EM13" s="9"/>
      <c r="EN13" s="105"/>
      <c r="EO13" s="102" t="str">
        <f t="shared" si="11"/>
        <v/>
      </c>
      <c r="EP13" s="15" t="str">
        <f>IF(EP12="","",IF(EP12='（参考）【別紙２】'!$E$35,"",IF(MONTH(EP12)=MONTH(EP12+1),EP12+1,"")))</f>
        <v/>
      </c>
      <c r="EQ13" s="13" t="str">
        <f>IF(COUNTIF(祝日一覧!$E$2:$E$142,EP13),"○",IF(ET13&lt;&gt;"","○",""))</f>
        <v/>
      </c>
      <c r="ER13" s="26"/>
      <c r="ES13" s="45" t="str">
        <f t="shared" si="50"/>
        <v/>
      </c>
      <c r="ET13" s="45"/>
      <c r="EU13" s="167"/>
      <c r="EV13" s="168"/>
      <c r="EW13" s="9"/>
      <c r="EX13" s="160" t="s">
        <v>64</v>
      </c>
      <c r="EY13" s="172" t="str">
        <f>IF(EY9=0,"-      ",EY11/EY9)</f>
        <v xml:space="preserve">-      </v>
      </c>
      <c r="EZ13" s="9"/>
      <c r="FA13" s="105"/>
      <c r="FB13" s="102" t="str">
        <f t="shared" si="12"/>
        <v/>
      </c>
      <c r="FC13" s="15" t="str">
        <f>IF(FC12="","",IF(FC12='（参考）【別紙２】'!$E$35,"",IF(MONTH(FC12)=MONTH(FC12+1),FC12+1,"")))</f>
        <v/>
      </c>
      <c r="FD13" s="13" t="str">
        <f>IF(COUNTIF(祝日一覧!$E$2:$E$142,FC13),"○",IF(FG13&lt;&gt;"","○",""))</f>
        <v/>
      </c>
      <c r="FE13" s="26"/>
      <c r="FF13" s="45" t="str">
        <f t="shared" si="51"/>
        <v/>
      </c>
      <c r="FG13" s="45"/>
      <c r="FH13" s="167"/>
      <c r="FI13" s="168"/>
      <c r="FJ13" s="9"/>
      <c r="FK13" s="160" t="s">
        <v>64</v>
      </c>
      <c r="FL13" s="172" t="str">
        <f>IF(FL9=0,"-      ",FL11/FL9)</f>
        <v xml:space="preserve">-      </v>
      </c>
      <c r="FM13" s="9"/>
      <c r="FN13" s="105"/>
      <c r="FO13" s="102" t="str">
        <f t="shared" si="13"/>
        <v/>
      </c>
      <c r="FP13" s="15" t="str">
        <f>IF(FP12="","",IF(FP12='（参考）【別紙２】'!$E$35,"",IF(MONTH(FP12)=MONTH(FP12+1),FP12+1,"")))</f>
        <v/>
      </c>
      <c r="FQ13" s="13" t="str">
        <f>IF(COUNTIF(祝日一覧!$E$2:$E$142,FP13),"○",IF(FT13&lt;&gt;"","○",""))</f>
        <v/>
      </c>
      <c r="FR13" s="26"/>
      <c r="FS13" s="45" t="str">
        <f t="shared" si="52"/>
        <v/>
      </c>
      <c r="FT13" s="45"/>
      <c r="FU13" s="167"/>
      <c r="FV13" s="168"/>
      <c r="FW13" s="9"/>
      <c r="FX13" s="160" t="s">
        <v>64</v>
      </c>
      <c r="FY13" s="172" t="str">
        <f>IF(FY9=0,"-      ",FY11/FY9)</f>
        <v xml:space="preserve">-      </v>
      </c>
      <c r="FZ13" s="9"/>
      <c r="GA13" s="105"/>
      <c r="GB13" s="102" t="str">
        <f t="shared" si="14"/>
        <v/>
      </c>
      <c r="GC13" s="15" t="str">
        <f>IF(GC12="","",IF(GC12='（参考）【別紙２】'!$E$35,"",IF(MONTH(GC12)=MONTH(GC12+1),GC12+1,"")))</f>
        <v/>
      </c>
      <c r="GD13" s="13" t="str">
        <f>IF(COUNTIF(祝日一覧!$E$2:$E$142,GC13),"○",IF(GG13&lt;&gt;"","○",""))</f>
        <v/>
      </c>
      <c r="GE13" s="25"/>
      <c r="GF13" s="45" t="str">
        <f t="shared" si="53"/>
        <v/>
      </c>
      <c r="GG13" s="45"/>
      <c r="GH13" s="167"/>
      <c r="GI13" s="168"/>
      <c r="GJ13" s="9"/>
      <c r="GK13" s="160" t="s">
        <v>64</v>
      </c>
      <c r="GL13" s="172" t="str">
        <f>IF(GL9=0,"-      ",GL11/GL9)</f>
        <v xml:space="preserve">-      </v>
      </c>
      <c r="GM13" s="9"/>
      <c r="GN13" s="105"/>
      <c r="GO13" s="102" t="str">
        <f t="shared" si="15"/>
        <v/>
      </c>
      <c r="GP13" s="15" t="str">
        <f>IF(GP12="","",IF(GP12='（参考）【別紙２】'!$E$35,"",IF(MONTH(GP12)=MONTH(GP12+1),GP12+1,"")))</f>
        <v/>
      </c>
      <c r="GQ13" s="13" t="str">
        <f>IF(COUNTIF(祝日一覧!$E$2:$E$142,GP13),"○",IF(GT13&lt;&gt;"","○",""))</f>
        <v/>
      </c>
      <c r="GR13" s="25"/>
      <c r="GS13" s="45" t="str">
        <f t="shared" si="54"/>
        <v/>
      </c>
      <c r="GT13" s="45"/>
      <c r="GU13" s="167"/>
      <c r="GV13" s="168"/>
      <c r="GW13" s="9"/>
      <c r="GX13" s="160" t="s">
        <v>64</v>
      </c>
      <c r="GY13" s="172" t="str">
        <f>IF(GY9=0,"-      ",GY11/GY9)</f>
        <v xml:space="preserve">-      </v>
      </c>
      <c r="GZ13" s="9"/>
      <c r="HA13" s="105"/>
      <c r="HB13" s="102" t="str">
        <f t="shared" si="16"/>
        <v/>
      </c>
      <c r="HC13" s="15" t="str">
        <f>IF(HC12="","",IF(HC12='（参考）【別紙２】'!$E$35,"",IF(MONTH(HC12)=MONTH(HC12+1),HC12+1,"")))</f>
        <v/>
      </c>
      <c r="HD13" s="13" t="str">
        <f>IF(COUNTIF(祝日一覧!$E$2:$E$142,HC13),"○",IF(HG13&lt;&gt;"","○",""))</f>
        <v/>
      </c>
      <c r="HE13" s="26"/>
      <c r="HF13" s="45" t="str">
        <f t="shared" si="55"/>
        <v/>
      </c>
      <c r="HG13" s="45"/>
      <c r="HH13" s="167"/>
      <c r="HI13" s="168"/>
      <c r="HJ13" s="9"/>
      <c r="HK13" s="160" t="s">
        <v>64</v>
      </c>
      <c r="HL13" s="172" t="str">
        <f>IF(HL9=0,"-      ",HL11/HL9)</f>
        <v xml:space="preserve">-      </v>
      </c>
      <c r="HM13" s="9"/>
      <c r="HN13" s="105"/>
      <c r="HO13" s="102" t="str">
        <f t="shared" si="17"/>
        <v/>
      </c>
      <c r="HP13" s="15" t="str">
        <f>IF(HP12="","",IF(HP12='（参考）【別紙２】'!$E$35,"",IF(MONTH(HP12)=MONTH(HP12+1),HP12+1,"")))</f>
        <v/>
      </c>
      <c r="HQ13" s="13" t="str">
        <f>IF(COUNTIF(祝日一覧!$E$2:$E$142,HP13),"○",IF(HT13&lt;&gt;"","○",""))</f>
        <v/>
      </c>
      <c r="HR13" s="25"/>
      <c r="HS13" s="45" t="str">
        <f t="shared" si="56"/>
        <v/>
      </c>
      <c r="HT13" s="45"/>
      <c r="HU13" s="167"/>
      <c r="HV13" s="168"/>
      <c r="HW13" s="9"/>
      <c r="HX13" s="160" t="s">
        <v>64</v>
      </c>
      <c r="HY13" s="172" t="str">
        <f>IF(HY9=0,"-      ",HY11/HY9)</f>
        <v xml:space="preserve">-      </v>
      </c>
      <c r="HZ13" s="9"/>
      <c r="IA13" s="105"/>
      <c r="IB13" s="102" t="str">
        <f t="shared" si="18"/>
        <v/>
      </c>
      <c r="IC13" s="15" t="str">
        <f>IF(IC12="","",IF(IC12='（参考）【別紙２】'!$E$35,"",IF(MONTH(IC12)=MONTH(IC12+1),IC12+1,"")))</f>
        <v/>
      </c>
      <c r="ID13" s="13" t="str">
        <f>IF(COUNTIF(祝日一覧!$E$2:$E$142,IC13),"○",IF(IG13&lt;&gt;"","○",""))</f>
        <v/>
      </c>
      <c r="IE13" s="25"/>
      <c r="IF13" s="45" t="str">
        <f t="shared" si="57"/>
        <v/>
      </c>
      <c r="IG13" s="45"/>
      <c r="IH13" s="167"/>
      <c r="II13" s="168"/>
      <c r="IJ13" s="9"/>
      <c r="IK13" s="160" t="s">
        <v>64</v>
      </c>
      <c r="IL13" s="172" t="str">
        <f>IF(IL9=0,"-      ",IL11/IL9)</f>
        <v xml:space="preserve">-      </v>
      </c>
      <c r="IM13" s="9"/>
      <c r="IN13" s="105"/>
      <c r="IO13" s="102" t="str">
        <f t="shared" si="19"/>
        <v/>
      </c>
      <c r="IP13" s="15" t="str">
        <f>IF(IP12="","",IF(IP12='（参考）【別紙２】'!$E$35,"",IF(MONTH(IP12)=MONTH(IP12+1),IP12+1,"")))</f>
        <v/>
      </c>
      <c r="IQ13" s="13" t="str">
        <f>IF(COUNTIF(祝日一覧!$E$2:$E$142,IP13),"○",IF(IT13&lt;&gt;"","○",""))</f>
        <v/>
      </c>
      <c r="IR13" s="25"/>
      <c r="IS13" s="45" t="str">
        <f t="shared" si="58"/>
        <v/>
      </c>
      <c r="IT13" s="45"/>
      <c r="IU13" s="167"/>
      <c r="IV13" s="168"/>
      <c r="IW13" s="9"/>
      <c r="IX13" s="160" t="s">
        <v>64</v>
      </c>
      <c r="IY13" s="172" t="str">
        <f>IF(IY9=0,"-      ",IY11/IY9)</f>
        <v xml:space="preserve">-      </v>
      </c>
      <c r="IZ13" s="9"/>
      <c r="JA13" s="105"/>
      <c r="JB13" s="102" t="str">
        <f t="shared" si="20"/>
        <v/>
      </c>
      <c r="JC13" s="15" t="str">
        <f>IF(JC12="","",IF(JC12='（参考）【別紙２】'!$E$35,"",IF(MONTH(JC12)=MONTH(JC12+1),JC12+1,"")))</f>
        <v/>
      </c>
      <c r="JD13" s="13" t="str">
        <f>IF(COUNTIF(祝日一覧!$E$2:$E$142,JC13),"○",IF(JG13&lt;&gt;"","○",""))</f>
        <v/>
      </c>
      <c r="JE13" s="25"/>
      <c r="JF13" s="45" t="str">
        <f t="shared" si="59"/>
        <v/>
      </c>
      <c r="JG13" s="45"/>
      <c r="JH13" s="167"/>
      <c r="JI13" s="168"/>
      <c r="JJ13" s="9"/>
      <c r="JK13" s="160" t="s">
        <v>64</v>
      </c>
      <c r="JL13" s="172" t="str">
        <f>IF(JL9=0,"-      ",JL11/JL9)</f>
        <v xml:space="preserve">-      </v>
      </c>
      <c r="JM13" s="9"/>
      <c r="JN13" s="105"/>
      <c r="JO13" s="102" t="str">
        <f t="shared" si="21"/>
        <v/>
      </c>
      <c r="JP13" s="15" t="str">
        <f>IF(JP12="","",IF(JP12='（参考）【別紙２】'!$E$35,"",IF(MONTH(JP12)=MONTH(JP12+1),JP12+1,"")))</f>
        <v/>
      </c>
      <c r="JQ13" s="13" t="str">
        <f>IF(COUNTIF(祝日一覧!$E$2:$E$142,JP13),"○",IF(JT13&lt;&gt;"","○",""))</f>
        <v/>
      </c>
      <c r="JR13" s="25"/>
      <c r="JS13" s="45" t="str">
        <f t="shared" si="60"/>
        <v/>
      </c>
      <c r="JT13" s="45"/>
      <c r="JU13" s="167"/>
      <c r="JV13" s="168"/>
      <c r="JW13" s="9"/>
      <c r="JX13" s="160" t="s">
        <v>64</v>
      </c>
      <c r="JY13" s="172" t="str">
        <f>IF(JY9=0,"-      ",JY11/JY9)</f>
        <v xml:space="preserve">-      </v>
      </c>
      <c r="JZ13" s="9"/>
      <c r="KA13" s="105"/>
      <c r="KB13" s="102" t="str">
        <f t="shared" si="22"/>
        <v/>
      </c>
      <c r="KC13" s="15" t="str">
        <f>IF(KC12="","",IF(KC12='（参考）【別紙２】'!$E$35,"",IF(MONTH(KC12)=MONTH(KC12+1),KC12+1,"")))</f>
        <v/>
      </c>
      <c r="KD13" s="13" t="str">
        <f>IF(COUNTIF(祝日一覧!$E$2:$E$142,KC13),"○",IF(KG13&lt;&gt;"","○",""))</f>
        <v/>
      </c>
      <c r="KE13" s="25"/>
      <c r="KF13" s="45" t="str">
        <f t="shared" si="61"/>
        <v/>
      </c>
      <c r="KG13" s="45"/>
      <c r="KH13" s="167"/>
      <c r="KI13" s="168"/>
      <c r="KJ13" s="9"/>
      <c r="KK13" s="160" t="s">
        <v>64</v>
      </c>
      <c r="KL13" s="172" t="str">
        <f>IF(KL9=0,"-      ",KL11/KL9)</f>
        <v xml:space="preserve">-      </v>
      </c>
      <c r="KM13" s="9"/>
      <c r="KN13" s="105"/>
      <c r="KO13" s="102" t="str">
        <f t="shared" si="23"/>
        <v/>
      </c>
      <c r="KP13" s="15" t="str">
        <f>IF(KP12="","",IF(KP12='（参考）【別紙２】'!$E$35,"",IF(MONTH(KP12)=MONTH(KP12+1),KP12+1,"")))</f>
        <v/>
      </c>
      <c r="KQ13" s="13" t="str">
        <f>IF(COUNTIF(祝日一覧!$E$2:$E$142,KP13),"○",IF(KT13&lt;&gt;"","○",""))</f>
        <v/>
      </c>
      <c r="KR13" s="25"/>
      <c r="KS13" s="45" t="str">
        <f t="shared" si="62"/>
        <v/>
      </c>
      <c r="KT13" s="45"/>
      <c r="KU13" s="167"/>
      <c r="KV13" s="168"/>
      <c r="KW13" s="9"/>
      <c r="KX13" s="160" t="s">
        <v>64</v>
      </c>
      <c r="KY13" s="172" t="str">
        <f>IF(KY9=0,"-      ",KY11/KY9)</f>
        <v xml:space="preserve">-      </v>
      </c>
      <c r="KZ13" s="9"/>
      <c r="LA13" s="105"/>
      <c r="LB13" s="102" t="str">
        <f t="shared" si="24"/>
        <v/>
      </c>
      <c r="LC13" s="15" t="str">
        <f>IF(LC12="","",IF(LC12='（参考）【別紙２】'!$E$35,"",IF(MONTH(LC12)=MONTH(LC12+1),LC12+1,"")))</f>
        <v/>
      </c>
      <c r="LD13" s="13" t="str">
        <f>IF(COUNTIF(祝日一覧!$E$2:$E$142,LC13),"○",IF(LG13&lt;&gt;"","○",""))</f>
        <v/>
      </c>
      <c r="LE13" s="25"/>
      <c r="LF13" s="45" t="str">
        <f t="shared" si="63"/>
        <v/>
      </c>
      <c r="LG13" s="45"/>
      <c r="LH13" s="167"/>
      <c r="LI13" s="168"/>
      <c r="LJ13" s="9"/>
      <c r="LK13" s="160" t="s">
        <v>64</v>
      </c>
      <c r="LL13" s="172" t="str">
        <f>IF(LL9=0,"-      ",LL11/LL9)</f>
        <v xml:space="preserve">-      </v>
      </c>
      <c r="LM13" s="9"/>
      <c r="LN13" s="105"/>
      <c r="LO13" s="102" t="str">
        <f t="shared" si="25"/>
        <v/>
      </c>
      <c r="LP13" s="15" t="str">
        <f>IF(LP12="","",IF(LP12='（参考）【別紙２】'!$E$35,"",IF(MONTH(LP12)=MONTH(LP12+1),LP12+1,"")))</f>
        <v/>
      </c>
      <c r="LQ13" s="13" t="str">
        <f>IF(COUNTIF(祝日一覧!$E$2:$E$142,LP13),"○",IF(LT13&lt;&gt;"","○",""))</f>
        <v/>
      </c>
      <c r="LR13" s="25"/>
      <c r="LS13" s="45" t="str">
        <f t="shared" si="64"/>
        <v/>
      </c>
      <c r="LT13" s="45"/>
      <c r="LU13" s="167"/>
      <c r="LV13" s="168"/>
      <c r="LW13" s="9"/>
      <c r="LX13" s="160" t="s">
        <v>64</v>
      </c>
      <c r="LY13" s="172" t="str">
        <f>IF(LY9=0,"-      ",LY11/LY9)</f>
        <v xml:space="preserve">-      </v>
      </c>
      <c r="LZ13" s="9"/>
      <c r="MA13" s="105"/>
      <c r="MB13" s="102" t="str">
        <f t="shared" si="26"/>
        <v/>
      </c>
      <c r="MC13" s="15" t="str">
        <f>IF(MC12="","",IF(MC12='（参考）【別紙２】'!$E$35,"",IF(MONTH(MC12)=MONTH(MC12+1),MC12+1,"")))</f>
        <v/>
      </c>
      <c r="MD13" s="13" t="str">
        <f>IF(COUNTIF(祝日一覧!$E$2:$E$142,MC13),"○",IF(MG13&lt;&gt;"","○",""))</f>
        <v/>
      </c>
      <c r="ME13" s="25"/>
      <c r="MF13" s="45" t="str">
        <f t="shared" si="65"/>
        <v/>
      </c>
      <c r="MG13" s="45"/>
      <c r="MH13" s="167"/>
      <c r="MI13" s="168"/>
      <c r="MJ13" s="9"/>
      <c r="MK13" s="160" t="s">
        <v>64</v>
      </c>
      <c r="ML13" s="172" t="str">
        <f>IF(ML9=0,"-      ",ML11/ML9)</f>
        <v xml:space="preserve">-      </v>
      </c>
      <c r="MM13" s="9"/>
      <c r="MN13" s="105"/>
      <c r="MO13" s="102" t="str">
        <f t="shared" si="27"/>
        <v/>
      </c>
      <c r="MP13" s="15" t="str">
        <f>IF(MP12="","",IF(MP12='（参考）【別紙２】'!$E$35,"",IF(MONTH(MP12)=MONTH(MP12+1),MP12+1,"")))</f>
        <v/>
      </c>
      <c r="MQ13" s="13" t="str">
        <f>IF(COUNTIF(祝日一覧!$E$2:$E$142,MP13),"○",IF(MT13&lt;&gt;"","○",""))</f>
        <v/>
      </c>
      <c r="MR13" s="25"/>
      <c r="MS13" s="45" t="str">
        <f t="shared" si="66"/>
        <v/>
      </c>
      <c r="MT13" s="45"/>
      <c r="MU13" s="167"/>
      <c r="MV13" s="168"/>
      <c r="MW13" s="9"/>
      <c r="MX13" s="160" t="s">
        <v>64</v>
      </c>
      <c r="MY13" s="172" t="str">
        <f>IF(MY9=0,"-      ",MY11/MY9)</f>
        <v xml:space="preserve">-      </v>
      </c>
      <c r="MZ13" s="9"/>
      <c r="NA13" s="105"/>
      <c r="NB13" s="102" t="str">
        <f t="shared" si="28"/>
        <v/>
      </c>
      <c r="NC13" s="15" t="str">
        <f>IF(NC12="","",IF(NC12='（参考）【別紙２】'!$E$35,"",IF(MONTH(NC12)=MONTH(NC12+1),NC12+1,"")))</f>
        <v/>
      </c>
      <c r="ND13" s="13" t="str">
        <f>IF(COUNTIF(祝日一覧!$E$2:$E$142,NC13),"○",IF(NG13&lt;&gt;"","○",""))</f>
        <v/>
      </c>
      <c r="NE13" s="25"/>
      <c r="NF13" s="45" t="str">
        <f t="shared" si="67"/>
        <v/>
      </c>
      <c r="NG13" s="45"/>
      <c r="NH13" s="167"/>
      <c r="NI13" s="168"/>
      <c r="NJ13" s="9"/>
      <c r="NK13" s="160" t="s">
        <v>64</v>
      </c>
      <c r="NL13" s="172" t="str">
        <f>IF(NL9=0,"-      ",NL11/NL9)</f>
        <v xml:space="preserve">-      </v>
      </c>
      <c r="NM13" s="9"/>
      <c r="NN13" s="105"/>
      <c r="NO13" s="102" t="str">
        <f t="shared" si="29"/>
        <v/>
      </c>
      <c r="NP13" s="15" t="str">
        <f>IF(NP12="","",IF(NP12='（参考）【別紙２】'!$E$35,"",IF(MONTH(NP12)=MONTH(NP12+1),NP12+1,"")))</f>
        <v/>
      </c>
      <c r="NQ13" s="13" t="str">
        <f>IF(COUNTIF(祝日一覧!$E$2:$E$142,NP13),"○",IF(NT13&lt;&gt;"","○",""))</f>
        <v/>
      </c>
      <c r="NR13" s="25"/>
      <c r="NS13" s="45" t="str">
        <f t="shared" si="68"/>
        <v/>
      </c>
      <c r="NT13" s="45"/>
      <c r="NU13" s="167"/>
      <c r="NV13" s="168"/>
      <c r="NW13" s="9"/>
      <c r="NX13" s="160" t="s">
        <v>64</v>
      </c>
      <c r="NY13" s="172" t="str">
        <f>IF(NY9=0,"-      ",NY11/NY9)</f>
        <v xml:space="preserve">-      </v>
      </c>
      <c r="NZ13" s="9"/>
      <c r="OA13" s="105"/>
      <c r="OB13" s="102" t="str">
        <f t="shared" si="30"/>
        <v/>
      </c>
      <c r="OC13" s="15" t="str">
        <f>IF(OC12="","",IF(OC12='（参考）【別紙２】'!$E$35,"",IF(MONTH(OC12)=MONTH(OC12+1),OC12+1,"")))</f>
        <v/>
      </c>
      <c r="OD13" s="13" t="str">
        <f>IF(COUNTIF(祝日一覧!$E$2:$E$142,OC13),"○",IF(OG13&lt;&gt;"","○",""))</f>
        <v/>
      </c>
      <c r="OE13" s="25"/>
      <c r="OF13" s="45" t="str">
        <f t="shared" si="69"/>
        <v/>
      </c>
      <c r="OG13" s="45"/>
      <c r="OH13" s="167"/>
      <c r="OI13" s="168"/>
      <c r="OJ13" s="9"/>
      <c r="OK13" s="160" t="s">
        <v>64</v>
      </c>
      <c r="OL13" s="172" t="str">
        <f>IF(OL9=0,"-      ",OL11/OL9)</f>
        <v xml:space="preserve">-      </v>
      </c>
      <c r="OM13" s="9"/>
      <c r="ON13" s="105"/>
      <c r="OO13" s="102" t="str">
        <f t="shared" si="31"/>
        <v/>
      </c>
      <c r="OP13" s="15" t="str">
        <f>IF(OP12="","",IF(OP12='（参考）【別紙２】'!$E$35,"",IF(MONTH(OP12)=MONTH(OP12+1),OP12+1,"")))</f>
        <v/>
      </c>
      <c r="OQ13" s="13" t="str">
        <f>IF(COUNTIF(祝日一覧!$E$2:$E$142,OP13),"○",IF(OT13&lt;&gt;"","○",""))</f>
        <v/>
      </c>
      <c r="OR13" s="25"/>
      <c r="OS13" s="45" t="str">
        <f t="shared" si="70"/>
        <v/>
      </c>
      <c r="OT13" s="45"/>
      <c r="OU13" s="167"/>
      <c r="OV13" s="168"/>
      <c r="OW13" s="9"/>
      <c r="OX13" s="160" t="s">
        <v>64</v>
      </c>
      <c r="OY13" s="172" t="str">
        <f>IF(OY9=0,"-      ",OY11/OY9)</f>
        <v xml:space="preserve">-      </v>
      </c>
      <c r="OZ13" s="9"/>
      <c r="PA13" s="105"/>
      <c r="PB13" s="102" t="str">
        <f t="shared" si="32"/>
        <v/>
      </c>
      <c r="PC13" s="15" t="str">
        <f>IF(PC12="","",IF(PC12='（参考）【別紙２】'!$E$35,"",IF(MONTH(PC12)=MONTH(PC12+1),PC12+1,"")))</f>
        <v/>
      </c>
      <c r="PD13" s="13" t="str">
        <f>IF(COUNTIF(祝日一覧!$E$2:$E$142,PC13),"○",IF(PG13&lt;&gt;"","○",""))</f>
        <v/>
      </c>
      <c r="PE13" s="25"/>
      <c r="PF13" s="45" t="str">
        <f t="shared" si="71"/>
        <v/>
      </c>
      <c r="PG13" s="45"/>
      <c r="PH13" s="167"/>
      <c r="PI13" s="168"/>
      <c r="PJ13" s="9"/>
      <c r="PK13" s="160" t="s">
        <v>64</v>
      </c>
      <c r="PL13" s="172" t="str">
        <f>IF(PL9=0,"-      ",PL11/PL9)</f>
        <v xml:space="preserve">-      </v>
      </c>
      <c r="PM13" s="9"/>
      <c r="PN13" s="105"/>
      <c r="PO13" s="102" t="str">
        <f t="shared" si="33"/>
        <v/>
      </c>
      <c r="PP13" s="15" t="str">
        <f>IF(PP12="","",IF(PP12='（参考）【別紙２】'!$E$35,"",IF(MONTH(PP12)=MONTH(PP12+1),PP12+1,"")))</f>
        <v/>
      </c>
      <c r="PQ13" s="13" t="str">
        <f>IF(COUNTIF(祝日一覧!$E$2:$E$142,PP13),"○",IF(PT13&lt;&gt;"","○",""))</f>
        <v/>
      </c>
      <c r="PR13" s="25"/>
      <c r="PS13" s="45" t="str">
        <f t="shared" si="72"/>
        <v/>
      </c>
      <c r="PT13" s="45"/>
      <c r="PU13" s="167"/>
      <c r="PV13" s="168"/>
      <c r="PW13" s="9"/>
      <c r="PX13" s="160" t="s">
        <v>64</v>
      </c>
      <c r="PY13" s="172" t="str">
        <f>IF(PY9=0,"-      ",PY11/PY9)</f>
        <v xml:space="preserve">-      </v>
      </c>
      <c r="PZ13" s="9"/>
      <c r="QA13" s="105"/>
      <c r="QB13" s="102" t="str">
        <f t="shared" si="34"/>
        <v/>
      </c>
      <c r="QC13" s="15" t="str">
        <f>IF(QC12="","",IF(QC12='（参考）【別紙２】'!$E$35,"",IF(MONTH(QC12)=MONTH(QC12+1),QC12+1,"")))</f>
        <v/>
      </c>
      <c r="QD13" s="13" t="str">
        <f>IF(COUNTIF(祝日一覧!$E$2:$E$142,QC13),"○",IF(QG13&lt;&gt;"","○",""))</f>
        <v/>
      </c>
      <c r="QE13" s="25"/>
      <c r="QF13" s="45" t="str">
        <f t="shared" si="73"/>
        <v/>
      </c>
      <c r="QG13" s="45"/>
      <c r="QH13" s="167"/>
      <c r="QI13" s="168"/>
      <c r="QJ13" s="9"/>
      <c r="QK13" s="160" t="s">
        <v>64</v>
      </c>
      <c r="QL13" s="172" t="str">
        <f>IF(QL9=0,"-      ",QL11/QL9)</f>
        <v xml:space="preserve">-      </v>
      </c>
      <c r="QM13" s="9"/>
      <c r="QN13" s="105"/>
      <c r="QO13" s="102" t="str">
        <f t="shared" si="35"/>
        <v/>
      </c>
      <c r="QP13" s="15" t="str">
        <f>IF(QP12="","",IF(QP12='（参考）【別紙２】'!$E$35,"",IF(MONTH(QP12)=MONTH(QP12+1),QP12+1,"")))</f>
        <v/>
      </c>
      <c r="QQ13" s="13" t="str">
        <f>IF(COUNTIF(祝日一覧!$E$2:$E$142,QP13),"○",IF(QT13&lt;&gt;"","○",""))</f>
        <v/>
      </c>
      <c r="QR13" s="25"/>
      <c r="QS13" s="45" t="str">
        <f t="shared" si="74"/>
        <v/>
      </c>
      <c r="QT13" s="45"/>
      <c r="QU13" s="167"/>
      <c r="QV13" s="168"/>
      <c r="QW13" s="9"/>
      <c r="QX13" s="160" t="s">
        <v>64</v>
      </c>
      <c r="QY13" s="172" t="str">
        <f>IF(QY9=0,"-      ",QY11/QY9)</f>
        <v xml:space="preserve">-      </v>
      </c>
      <c r="QZ13" s="9"/>
      <c r="RA13" s="105"/>
      <c r="RB13" s="102" t="str">
        <f t="shared" si="36"/>
        <v/>
      </c>
      <c r="RC13" s="15" t="str">
        <f>IF(RC12="","",IF(RC12='（参考）【別紙２】'!$E$35,"",IF(MONTH(RC12)=MONTH(RC12+1),RC12+1,"")))</f>
        <v/>
      </c>
      <c r="RD13" s="13" t="str">
        <f>IF(COUNTIF(祝日一覧!$E$2:$E$142,RC13),"○",IF(RG13&lt;&gt;"","○",""))</f>
        <v/>
      </c>
      <c r="RE13" s="25"/>
      <c r="RF13" s="45" t="str">
        <f t="shared" si="75"/>
        <v/>
      </c>
      <c r="RG13" s="45"/>
      <c r="RH13" s="167"/>
      <c r="RI13" s="168"/>
      <c r="RJ13" s="9"/>
      <c r="RK13" s="160" t="s">
        <v>64</v>
      </c>
      <c r="RL13" s="172" t="str">
        <f>IF(RL9=0,"-      ",RL11/RL9)</f>
        <v xml:space="preserve">-      </v>
      </c>
      <c r="RM13" s="9"/>
      <c r="RN13" s="105"/>
      <c r="RO13" s="102" t="str">
        <f t="shared" si="37"/>
        <v/>
      </c>
      <c r="RP13" s="15" t="str">
        <f>IF(RP12="","",IF(RP12='（参考）【別紙２】'!$E$35,"",IF(MONTH(RP12)=MONTH(RP12+1),RP12+1,"")))</f>
        <v/>
      </c>
      <c r="RQ13" s="13" t="str">
        <f>IF(COUNTIF(祝日一覧!$E$2:$E$142,RP13),"○",IF(RT13&lt;&gt;"","○",""))</f>
        <v/>
      </c>
      <c r="RR13" s="25"/>
      <c r="RS13" s="45" t="str">
        <f t="shared" si="76"/>
        <v/>
      </c>
      <c r="RT13" s="45"/>
      <c r="RU13" s="167"/>
      <c r="RV13" s="168"/>
      <c r="RW13" s="9"/>
      <c r="RX13" s="160" t="s">
        <v>64</v>
      </c>
      <c r="RY13" s="172" t="str">
        <f>IF(RY9=0,"-      ",RY11/RY9)</f>
        <v xml:space="preserve">-      </v>
      </c>
      <c r="RZ13" s="9"/>
      <c r="SA13" s="105"/>
      <c r="SB13" s="102" t="str">
        <f t="shared" si="38"/>
        <v/>
      </c>
      <c r="SC13" s="15" t="str">
        <f>IF(SC12="","",IF(SC12='（参考）【別紙２】'!$E$35,"",IF(MONTH(SC12)=MONTH(SC12+1),SC12+1,"")))</f>
        <v/>
      </c>
      <c r="SD13" s="13" t="str">
        <f>IF(COUNTIF(祝日一覧!$E$2:$E$142,SC13),"○",IF(SG13&lt;&gt;"","○",""))</f>
        <v/>
      </c>
      <c r="SE13" s="25"/>
      <c r="SF13" s="45" t="str">
        <f t="shared" si="77"/>
        <v/>
      </c>
      <c r="SG13" s="45"/>
      <c r="SH13" s="167"/>
      <c r="SI13" s="168"/>
      <c r="SJ13" s="9"/>
      <c r="SK13" s="160" t="s">
        <v>64</v>
      </c>
      <c r="SL13" s="172" t="str">
        <f>IF(SL9=0,"-      ",SL11/SL9)</f>
        <v xml:space="preserve">-      </v>
      </c>
      <c r="SM13" s="9"/>
    </row>
    <row r="14" spans="1:507" ht="15.6" customHeight="1">
      <c r="A14" s="105"/>
      <c r="B14" s="102" t="str">
        <f t="shared" si="0"/>
        <v>日</v>
      </c>
      <c r="C14" s="15">
        <f>IF(C13="","",IF(C13='（参考）【別紙２】'!$E$35,"",IF(MONTH(C13)=MONTH(C13+1),C13+1,"")))</f>
        <v>45753</v>
      </c>
      <c r="D14" s="13" t="str">
        <f>IF(COUNTIF(祝日一覧!$E$2:$E$142,C14),"○",IF(G14&lt;&gt;"","○",""))</f>
        <v/>
      </c>
      <c r="E14" s="26"/>
      <c r="F14" s="45" t="str">
        <f t="shared" si="39"/>
        <v>○</v>
      </c>
      <c r="G14" s="45"/>
      <c r="H14" s="167"/>
      <c r="I14" s="168"/>
      <c r="J14" s="42"/>
      <c r="K14" s="155"/>
      <c r="L14" s="173"/>
      <c r="M14" s="9"/>
      <c r="N14" s="105"/>
      <c r="O14" s="102" t="str">
        <f t="shared" si="1"/>
        <v>火</v>
      </c>
      <c r="P14" s="15">
        <f>IF(P13="","",IF(P13='（参考）【別紙２】'!$E$35,"",IF(MONTH(P13)=MONTH(P13+1),P13+1,"")))</f>
        <v>45783</v>
      </c>
      <c r="Q14" s="13" t="str">
        <f>IF(COUNTIF(祝日一覧!$E$2:$E$142,P14),"○",IF(T14&lt;&gt;"","○",""))</f>
        <v/>
      </c>
      <c r="R14" s="26"/>
      <c r="S14" s="45" t="str">
        <f t="shared" si="40"/>
        <v/>
      </c>
      <c r="T14" s="45"/>
      <c r="U14" s="167"/>
      <c r="V14" s="168"/>
      <c r="W14" s="9"/>
      <c r="X14" s="155"/>
      <c r="Y14" s="173"/>
      <c r="Z14" s="9"/>
      <c r="AA14" s="105"/>
      <c r="AB14" s="102" t="str">
        <f t="shared" si="2"/>
        <v>金</v>
      </c>
      <c r="AC14" s="15">
        <f>IF(AC13="","",IF(AC13='（参考）【別紙２】'!$E$35,"",IF(MONTH(AC13)=MONTH(AC13+1),AC13+1,"")))</f>
        <v>45814</v>
      </c>
      <c r="AD14" s="13" t="str">
        <f>IF(COUNTIF(祝日一覧!$E$2:$E$142,AC14),"○",IF(AG14&lt;&gt;"","○",""))</f>
        <v/>
      </c>
      <c r="AE14" s="26"/>
      <c r="AF14" s="45" t="str">
        <f t="shared" si="41"/>
        <v/>
      </c>
      <c r="AG14" s="45"/>
      <c r="AH14" s="167"/>
      <c r="AI14" s="168"/>
      <c r="AJ14" s="9"/>
      <c r="AK14" s="155"/>
      <c r="AL14" s="173"/>
      <c r="AM14" s="9"/>
      <c r="AN14" s="105"/>
      <c r="AO14" s="102" t="str">
        <f t="shared" si="3"/>
        <v>日</v>
      </c>
      <c r="AP14" s="15">
        <f>IF(AP13="","",IF(AP13='（参考）【別紙２】'!$E$35,"",IF(MONTH(AP13)=MONTH(AP13+1),AP13+1,"")))</f>
        <v>45844</v>
      </c>
      <c r="AQ14" s="13" t="str">
        <f>IF(COUNTIF(祝日一覧!$E$2:$E$142,AP14),"○",IF(AT14&lt;&gt;"","○",""))</f>
        <v/>
      </c>
      <c r="AR14" s="26"/>
      <c r="AS14" s="45" t="str">
        <f t="shared" si="42"/>
        <v>○</v>
      </c>
      <c r="AT14" s="45"/>
      <c r="AU14" s="167"/>
      <c r="AV14" s="168"/>
      <c r="AW14" s="9"/>
      <c r="AX14" s="155"/>
      <c r="AY14" s="173"/>
      <c r="AZ14" s="9"/>
      <c r="BA14" s="105"/>
      <c r="BB14" s="102" t="str">
        <f t="shared" si="4"/>
        <v>水</v>
      </c>
      <c r="BC14" s="15">
        <f>IF(BC13="","",IF(BC13='（参考）【別紙２】'!$E$35,"",IF(MONTH(BC13)=MONTH(BC13+1),BC13+1,"")))</f>
        <v>45875</v>
      </c>
      <c r="BD14" s="13" t="str">
        <f>IF(COUNTIF(祝日一覧!$E$2:$E$142,BC14),"○",IF(BG14&lt;&gt;"","○",""))</f>
        <v/>
      </c>
      <c r="BE14" s="26"/>
      <c r="BF14" s="45" t="str">
        <f t="shared" si="43"/>
        <v/>
      </c>
      <c r="BG14" s="45"/>
      <c r="BH14" s="167"/>
      <c r="BI14" s="168"/>
      <c r="BJ14" s="9"/>
      <c r="BK14" s="155"/>
      <c r="BL14" s="173"/>
      <c r="BM14" s="9"/>
      <c r="BN14" s="105"/>
      <c r="BO14" s="102" t="str">
        <f t="shared" si="5"/>
        <v/>
      </c>
      <c r="BP14" s="15" t="str">
        <f>IF(BP13="","",IF(BP13='（参考）【別紙２】'!$E$35,"",IF(MONTH(BP13)=MONTH(BP13+1),BP13+1,"")))</f>
        <v/>
      </c>
      <c r="BQ14" s="13" t="str">
        <f>IF(COUNTIF(祝日一覧!$E$2:$E$142,BP14),"○",IF(BT14&lt;&gt;"","○",""))</f>
        <v/>
      </c>
      <c r="BR14" s="26"/>
      <c r="BS14" s="45" t="str">
        <f t="shared" si="44"/>
        <v/>
      </c>
      <c r="BT14" s="45"/>
      <c r="BU14" s="167"/>
      <c r="BV14" s="168"/>
      <c r="BW14" s="9"/>
      <c r="BX14" s="155"/>
      <c r="BY14" s="173"/>
      <c r="BZ14" s="9"/>
      <c r="CA14" s="105"/>
      <c r="CB14" s="102" t="str">
        <f t="shared" si="6"/>
        <v/>
      </c>
      <c r="CC14" s="15" t="str">
        <f>IF(CC13="","",IF(CC13='（参考）【別紙２】'!$E$35,"",IF(MONTH(CC13)=MONTH(CC13+1),CC13+1,"")))</f>
        <v/>
      </c>
      <c r="CD14" s="13" t="str">
        <f>IF(COUNTIF(祝日一覧!$E$2:$E$142,CC14),"○",IF(CG14&lt;&gt;"","○",""))</f>
        <v/>
      </c>
      <c r="CE14" s="26"/>
      <c r="CF14" s="45" t="str">
        <f t="shared" si="45"/>
        <v/>
      </c>
      <c r="CG14" s="45"/>
      <c r="CH14" s="167"/>
      <c r="CI14" s="168"/>
      <c r="CJ14" s="9"/>
      <c r="CK14" s="155"/>
      <c r="CL14" s="173"/>
      <c r="CM14" s="9"/>
      <c r="CN14" s="105"/>
      <c r="CO14" s="102" t="str">
        <f t="shared" si="7"/>
        <v/>
      </c>
      <c r="CP14" s="15" t="str">
        <f>IF(CP13="","",IF(CP13='（参考）【別紙２】'!$E$35,"",IF(MONTH(CP13)=MONTH(CP13+1),CP13+1,"")))</f>
        <v/>
      </c>
      <c r="CQ14" s="13" t="str">
        <f>IF(COUNTIF(祝日一覧!$E$2:$E$142,CP14),"○",IF(CT14&lt;&gt;"","○",""))</f>
        <v/>
      </c>
      <c r="CR14" s="26"/>
      <c r="CS14" s="45" t="str">
        <f t="shared" si="46"/>
        <v/>
      </c>
      <c r="CT14" s="45"/>
      <c r="CU14" s="167"/>
      <c r="CV14" s="168"/>
      <c r="CW14" s="9"/>
      <c r="CX14" s="155"/>
      <c r="CY14" s="173"/>
      <c r="CZ14" s="9"/>
      <c r="DA14" s="105"/>
      <c r="DB14" s="102" t="str">
        <f t="shared" si="8"/>
        <v/>
      </c>
      <c r="DC14" s="15" t="str">
        <f>IF(DC13="","",IF(DC13='（参考）【別紙２】'!$E$35,"",IF(MONTH(DC13)=MONTH(DC13+1),DC13+1,"")))</f>
        <v/>
      </c>
      <c r="DD14" s="13" t="str">
        <f>IF(COUNTIF(祝日一覧!$E$2:$E$142,DC14),"○",IF(DG14&lt;&gt;"","○",""))</f>
        <v/>
      </c>
      <c r="DE14" s="26"/>
      <c r="DF14" s="45" t="str">
        <f t="shared" si="47"/>
        <v/>
      </c>
      <c r="DG14" s="45"/>
      <c r="DH14" s="167"/>
      <c r="DI14" s="168"/>
      <c r="DJ14" s="9"/>
      <c r="DK14" s="155"/>
      <c r="DL14" s="173"/>
      <c r="DM14" s="9"/>
      <c r="DN14" s="105"/>
      <c r="DO14" s="102" t="str">
        <f t="shared" si="9"/>
        <v/>
      </c>
      <c r="DP14" s="15" t="str">
        <f>IF(DP13="","",IF(DP13='（参考）【別紙２】'!$E$35,"",IF(MONTH(DP13)=MONTH(DP13+1),DP13+1,"")))</f>
        <v/>
      </c>
      <c r="DQ14" s="13" t="str">
        <f>IF(COUNTIF(祝日一覧!$E$2:$E$142,DP14),"○",IF(DT14&lt;&gt;"","○",""))</f>
        <v/>
      </c>
      <c r="DR14" s="26"/>
      <c r="DS14" s="45" t="str">
        <f t="shared" si="48"/>
        <v/>
      </c>
      <c r="DT14" s="45"/>
      <c r="DU14" s="167"/>
      <c r="DV14" s="168"/>
      <c r="DW14" s="9"/>
      <c r="DX14" s="155"/>
      <c r="DY14" s="173"/>
      <c r="DZ14" s="9"/>
      <c r="EA14" s="105"/>
      <c r="EB14" s="102" t="str">
        <f t="shared" si="10"/>
        <v/>
      </c>
      <c r="EC14" s="15" t="str">
        <f>IF(EC13="","",IF(EC13='（参考）【別紙２】'!$E$35,"",IF(MONTH(EC13)=MONTH(EC13+1),EC13+1,"")))</f>
        <v/>
      </c>
      <c r="ED14" s="13" t="str">
        <f>IF(COUNTIF(祝日一覧!$E$2:$E$142,EC14),"○",IF(EG14&lt;&gt;"","○",""))</f>
        <v/>
      </c>
      <c r="EE14" s="26"/>
      <c r="EF14" s="45" t="str">
        <f t="shared" si="49"/>
        <v/>
      </c>
      <c r="EG14" s="45"/>
      <c r="EH14" s="167"/>
      <c r="EI14" s="168"/>
      <c r="EJ14" s="9"/>
      <c r="EK14" s="155"/>
      <c r="EL14" s="173"/>
      <c r="EM14" s="9"/>
      <c r="EN14" s="105"/>
      <c r="EO14" s="102" t="str">
        <f t="shared" si="11"/>
        <v/>
      </c>
      <c r="EP14" s="15" t="str">
        <f>IF(EP13="","",IF(EP13='（参考）【別紙２】'!$E$35,"",IF(MONTH(EP13)=MONTH(EP13+1),EP13+1,"")))</f>
        <v/>
      </c>
      <c r="EQ14" s="13" t="str">
        <f>IF(COUNTIF(祝日一覧!$E$2:$E$142,EP14),"○",IF(ET14&lt;&gt;"","○",""))</f>
        <v/>
      </c>
      <c r="ER14" s="26"/>
      <c r="ES14" s="45" t="str">
        <f t="shared" si="50"/>
        <v/>
      </c>
      <c r="ET14" s="45"/>
      <c r="EU14" s="167"/>
      <c r="EV14" s="168"/>
      <c r="EW14" s="9"/>
      <c r="EX14" s="155"/>
      <c r="EY14" s="173"/>
      <c r="EZ14" s="9"/>
      <c r="FA14" s="105"/>
      <c r="FB14" s="102" t="str">
        <f t="shared" si="12"/>
        <v/>
      </c>
      <c r="FC14" s="15" t="str">
        <f>IF(FC13="","",IF(FC13='（参考）【別紙２】'!$E$35,"",IF(MONTH(FC13)=MONTH(FC13+1),FC13+1,"")))</f>
        <v/>
      </c>
      <c r="FD14" s="13" t="str">
        <f>IF(COUNTIF(祝日一覧!$E$2:$E$142,FC14),"○",IF(FG14&lt;&gt;"","○",""))</f>
        <v/>
      </c>
      <c r="FE14" s="26"/>
      <c r="FF14" s="45" t="str">
        <f t="shared" si="51"/>
        <v/>
      </c>
      <c r="FG14" s="45"/>
      <c r="FH14" s="167"/>
      <c r="FI14" s="168"/>
      <c r="FJ14" s="9"/>
      <c r="FK14" s="155"/>
      <c r="FL14" s="173"/>
      <c r="FM14" s="9"/>
      <c r="FN14" s="105"/>
      <c r="FO14" s="102" t="str">
        <f t="shared" si="13"/>
        <v/>
      </c>
      <c r="FP14" s="15" t="str">
        <f>IF(FP13="","",IF(FP13='（参考）【別紙２】'!$E$35,"",IF(MONTH(FP13)=MONTH(FP13+1),FP13+1,"")))</f>
        <v/>
      </c>
      <c r="FQ14" s="13" t="str">
        <f>IF(COUNTIF(祝日一覧!$E$2:$E$142,FP14),"○",IF(FT14&lt;&gt;"","○",""))</f>
        <v/>
      </c>
      <c r="FR14" s="26"/>
      <c r="FS14" s="45" t="str">
        <f t="shared" si="52"/>
        <v/>
      </c>
      <c r="FT14" s="45"/>
      <c r="FU14" s="167"/>
      <c r="FV14" s="168"/>
      <c r="FW14" s="9"/>
      <c r="FX14" s="155"/>
      <c r="FY14" s="173"/>
      <c r="FZ14" s="9"/>
      <c r="GA14" s="105"/>
      <c r="GB14" s="102" t="str">
        <f t="shared" si="14"/>
        <v/>
      </c>
      <c r="GC14" s="15" t="str">
        <f>IF(GC13="","",IF(GC13='（参考）【別紙２】'!$E$35,"",IF(MONTH(GC13)=MONTH(GC13+1),GC13+1,"")))</f>
        <v/>
      </c>
      <c r="GD14" s="13" t="str">
        <f>IF(COUNTIF(祝日一覧!$E$2:$E$142,GC14),"○",IF(GG14&lt;&gt;"","○",""))</f>
        <v/>
      </c>
      <c r="GE14" s="25"/>
      <c r="GF14" s="45" t="str">
        <f t="shared" si="53"/>
        <v/>
      </c>
      <c r="GG14" s="45"/>
      <c r="GH14" s="167"/>
      <c r="GI14" s="168"/>
      <c r="GJ14" s="9"/>
      <c r="GK14" s="155"/>
      <c r="GL14" s="173"/>
      <c r="GM14" s="9"/>
      <c r="GN14" s="105"/>
      <c r="GO14" s="102" t="str">
        <f t="shared" si="15"/>
        <v/>
      </c>
      <c r="GP14" s="15" t="str">
        <f>IF(GP13="","",IF(GP13='（参考）【別紙２】'!$E$35,"",IF(MONTH(GP13)=MONTH(GP13+1),GP13+1,"")))</f>
        <v/>
      </c>
      <c r="GQ14" s="13" t="str">
        <f>IF(COUNTIF(祝日一覧!$E$2:$E$142,GP14),"○",IF(GT14&lt;&gt;"","○",""))</f>
        <v/>
      </c>
      <c r="GR14" s="25"/>
      <c r="GS14" s="45" t="str">
        <f t="shared" si="54"/>
        <v/>
      </c>
      <c r="GT14" s="45"/>
      <c r="GU14" s="167"/>
      <c r="GV14" s="168"/>
      <c r="GW14" s="9"/>
      <c r="GX14" s="155"/>
      <c r="GY14" s="173"/>
      <c r="GZ14" s="9"/>
      <c r="HA14" s="105"/>
      <c r="HB14" s="102" t="str">
        <f t="shared" si="16"/>
        <v/>
      </c>
      <c r="HC14" s="15" t="str">
        <f>IF(HC13="","",IF(HC13='（参考）【別紙２】'!$E$35,"",IF(MONTH(HC13)=MONTH(HC13+1),HC13+1,"")))</f>
        <v/>
      </c>
      <c r="HD14" s="13" t="str">
        <f>IF(COUNTIF(祝日一覧!$E$2:$E$142,HC14),"○",IF(HG14&lt;&gt;"","○",""))</f>
        <v/>
      </c>
      <c r="HE14" s="26"/>
      <c r="HF14" s="45" t="str">
        <f t="shared" si="55"/>
        <v/>
      </c>
      <c r="HG14" s="45"/>
      <c r="HH14" s="167"/>
      <c r="HI14" s="168"/>
      <c r="HJ14" s="9"/>
      <c r="HK14" s="155"/>
      <c r="HL14" s="173"/>
      <c r="HM14" s="9"/>
      <c r="HN14" s="105"/>
      <c r="HO14" s="102" t="str">
        <f t="shared" si="17"/>
        <v/>
      </c>
      <c r="HP14" s="15" t="str">
        <f>IF(HP13="","",IF(HP13='（参考）【別紙２】'!$E$35,"",IF(MONTH(HP13)=MONTH(HP13+1),HP13+1,"")))</f>
        <v/>
      </c>
      <c r="HQ14" s="13" t="str">
        <f>IF(COUNTIF(祝日一覧!$E$2:$E$142,HP14),"○",IF(HT14&lt;&gt;"","○",""))</f>
        <v/>
      </c>
      <c r="HR14" s="25"/>
      <c r="HS14" s="45" t="str">
        <f t="shared" si="56"/>
        <v/>
      </c>
      <c r="HT14" s="45"/>
      <c r="HU14" s="167"/>
      <c r="HV14" s="168"/>
      <c r="HW14" s="9"/>
      <c r="HX14" s="155"/>
      <c r="HY14" s="173"/>
      <c r="HZ14" s="9"/>
      <c r="IA14" s="105"/>
      <c r="IB14" s="102" t="str">
        <f t="shared" si="18"/>
        <v/>
      </c>
      <c r="IC14" s="15" t="str">
        <f>IF(IC13="","",IF(IC13='（参考）【別紙２】'!$E$35,"",IF(MONTH(IC13)=MONTH(IC13+1),IC13+1,"")))</f>
        <v/>
      </c>
      <c r="ID14" s="13" t="str">
        <f>IF(COUNTIF(祝日一覧!$E$2:$E$142,IC14),"○",IF(IG14&lt;&gt;"","○",""))</f>
        <v/>
      </c>
      <c r="IE14" s="25"/>
      <c r="IF14" s="45" t="str">
        <f t="shared" si="57"/>
        <v/>
      </c>
      <c r="IG14" s="45"/>
      <c r="IH14" s="167"/>
      <c r="II14" s="168"/>
      <c r="IJ14" s="9"/>
      <c r="IK14" s="155"/>
      <c r="IL14" s="173"/>
      <c r="IM14" s="9"/>
      <c r="IN14" s="105"/>
      <c r="IO14" s="102" t="str">
        <f t="shared" si="19"/>
        <v/>
      </c>
      <c r="IP14" s="15" t="str">
        <f>IF(IP13="","",IF(IP13='（参考）【別紙２】'!$E$35,"",IF(MONTH(IP13)=MONTH(IP13+1),IP13+1,"")))</f>
        <v/>
      </c>
      <c r="IQ14" s="13" t="str">
        <f>IF(COUNTIF(祝日一覧!$E$2:$E$142,IP14),"○",IF(IT14&lt;&gt;"","○",""))</f>
        <v/>
      </c>
      <c r="IR14" s="25"/>
      <c r="IS14" s="45" t="str">
        <f t="shared" si="58"/>
        <v/>
      </c>
      <c r="IT14" s="45"/>
      <c r="IU14" s="167"/>
      <c r="IV14" s="168"/>
      <c r="IW14" s="9"/>
      <c r="IX14" s="155"/>
      <c r="IY14" s="173"/>
      <c r="IZ14" s="9"/>
      <c r="JA14" s="105"/>
      <c r="JB14" s="102" t="str">
        <f t="shared" si="20"/>
        <v/>
      </c>
      <c r="JC14" s="15" t="str">
        <f>IF(JC13="","",IF(JC13='（参考）【別紙２】'!$E$35,"",IF(MONTH(JC13)=MONTH(JC13+1),JC13+1,"")))</f>
        <v/>
      </c>
      <c r="JD14" s="13" t="str">
        <f>IF(COUNTIF(祝日一覧!$E$2:$E$142,JC14),"○",IF(JG14&lt;&gt;"","○",""))</f>
        <v/>
      </c>
      <c r="JE14" s="25"/>
      <c r="JF14" s="45" t="str">
        <f t="shared" si="59"/>
        <v/>
      </c>
      <c r="JG14" s="45"/>
      <c r="JH14" s="167"/>
      <c r="JI14" s="168"/>
      <c r="JJ14" s="9"/>
      <c r="JK14" s="155"/>
      <c r="JL14" s="173"/>
      <c r="JM14" s="9"/>
      <c r="JN14" s="105"/>
      <c r="JO14" s="102" t="str">
        <f t="shared" si="21"/>
        <v/>
      </c>
      <c r="JP14" s="15" t="str">
        <f>IF(JP13="","",IF(JP13='（参考）【別紙２】'!$E$35,"",IF(MONTH(JP13)=MONTH(JP13+1),JP13+1,"")))</f>
        <v/>
      </c>
      <c r="JQ14" s="13" t="str">
        <f>IF(COUNTIF(祝日一覧!$E$2:$E$142,JP14),"○",IF(JT14&lt;&gt;"","○",""))</f>
        <v/>
      </c>
      <c r="JR14" s="25"/>
      <c r="JS14" s="45" t="str">
        <f t="shared" si="60"/>
        <v/>
      </c>
      <c r="JT14" s="45"/>
      <c r="JU14" s="167"/>
      <c r="JV14" s="168"/>
      <c r="JW14" s="9"/>
      <c r="JX14" s="155"/>
      <c r="JY14" s="173"/>
      <c r="JZ14" s="9"/>
      <c r="KA14" s="105"/>
      <c r="KB14" s="102" t="str">
        <f t="shared" si="22"/>
        <v/>
      </c>
      <c r="KC14" s="15" t="str">
        <f>IF(KC13="","",IF(KC13='（参考）【別紙２】'!$E$35,"",IF(MONTH(KC13)=MONTH(KC13+1),KC13+1,"")))</f>
        <v/>
      </c>
      <c r="KD14" s="13" t="str">
        <f>IF(COUNTIF(祝日一覧!$E$2:$E$142,KC14),"○",IF(KG14&lt;&gt;"","○",""))</f>
        <v/>
      </c>
      <c r="KE14" s="25"/>
      <c r="KF14" s="45" t="str">
        <f t="shared" si="61"/>
        <v/>
      </c>
      <c r="KG14" s="45"/>
      <c r="KH14" s="167"/>
      <c r="KI14" s="168"/>
      <c r="KJ14" s="9"/>
      <c r="KK14" s="155"/>
      <c r="KL14" s="173"/>
      <c r="KM14" s="9"/>
      <c r="KN14" s="105"/>
      <c r="KO14" s="102" t="str">
        <f t="shared" si="23"/>
        <v/>
      </c>
      <c r="KP14" s="15" t="str">
        <f>IF(KP13="","",IF(KP13='（参考）【別紙２】'!$E$35,"",IF(MONTH(KP13)=MONTH(KP13+1),KP13+1,"")))</f>
        <v/>
      </c>
      <c r="KQ14" s="13" t="str">
        <f>IF(COUNTIF(祝日一覧!$E$2:$E$142,KP14),"○",IF(KT14&lt;&gt;"","○",""))</f>
        <v/>
      </c>
      <c r="KR14" s="25"/>
      <c r="KS14" s="45" t="str">
        <f t="shared" si="62"/>
        <v/>
      </c>
      <c r="KT14" s="45"/>
      <c r="KU14" s="167"/>
      <c r="KV14" s="168"/>
      <c r="KW14" s="9"/>
      <c r="KX14" s="155"/>
      <c r="KY14" s="173"/>
      <c r="KZ14" s="9"/>
      <c r="LA14" s="105"/>
      <c r="LB14" s="102" t="str">
        <f t="shared" si="24"/>
        <v/>
      </c>
      <c r="LC14" s="15" t="str">
        <f>IF(LC13="","",IF(LC13='（参考）【別紙２】'!$E$35,"",IF(MONTH(LC13)=MONTH(LC13+1),LC13+1,"")))</f>
        <v/>
      </c>
      <c r="LD14" s="13" t="str">
        <f>IF(COUNTIF(祝日一覧!$E$2:$E$142,LC14),"○",IF(LG14&lt;&gt;"","○",""))</f>
        <v/>
      </c>
      <c r="LE14" s="25"/>
      <c r="LF14" s="45" t="str">
        <f t="shared" si="63"/>
        <v/>
      </c>
      <c r="LG14" s="45"/>
      <c r="LH14" s="167"/>
      <c r="LI14" s="168"/>
      <c r="LJ14" s="9"/>
      <c r="LK14" s="155"/>
      <c r="LL14" s="173"/>
      <c r="LM14" s="9"/>
      <c r="LN14" s="105"/>
      <c r="LO14" s="102" t="str">
        <f t="shared" si="25"/>
        <v/>
      </c>
      <c r="LP14" s="15" t="str">
        <f>IF(LP13="","",IF(LP13='（参考）【別紙２】'!$E$35,"",IF(MONTH(LP13)=MONTH(LP13+1),LP13+1,"")))</f>
        <v/>
      </c>
      <c r="LQ14" s="13" t="str">
        <f>IF(COUNTIF(祝日一覧!$E$2:$E$142,LP14),"○",IF(LT14&lt;&gt;"","○",""))</f>
        <v/>
      </c>
      <c r="LR14" s="25"/>
      <c r="LS14" s="45" t="str">
        <f t="shared" si="64"/>
        <v/>
      </c>
      <c r="LT14" s="45"/>
      <c r="LU14" s="167"/>
      <c r="LV14" s="168"/>
      <c r="LW14" s="9"/>
      <c r="LX14" s="155"/>
      <c r="LY14" s="173"/>
      <c r="LZ14" s="9"/>
      <c r="MA14" s="105"/>
      <c r="MB14" s="102" t="str">
        <f t="shared" si="26"/>
        <v/>
      </c>
      <c r="MC14" s="15" t="str">
        <f>IF(MC13="","",IF(MC13='（参考）【別紙２】'!$E$35,"",IF(MONTH(MC13)=MONTH(MC13+1),MC13+1,"")))</f>
        <v/>
      </c>
      <c r="MD14" s="13" t="str">
        <f>IF(COUNTIF(祝日一覧!$E$2:$E$142,MC14),"○",IF(MG14&lt;&gt;"","○",""))</f>
        <v/>
      </c>
      <c r="ME14" s="25"/>
      <c r="MF14" s="45" t="str">
        <f t="shared" si="65"/>
        <v/>
      </c>
      <c r="MG14" s="45"/>
      <c r="MH14" s="167"/>
      <c r="MI14" s="168"/>
      <c r="MJ14" s="9"/>
      <c r="MK14" s="155"/>
      <c r="ML14" s="173"/>
      <c r="MM14" s="9"/>
      <c r="MN14" s="105"/>
      <c r="MO14" s="102" t="str">
        <f t="shared" si="27"/>
        <v/>
      </c>
      <c r="MP14" s="15" t="str">
        <f>IF(MP13="","",IF(MP13='（参考）【別紙２】'!$E$35,"",IF(MONTH(MP13)=MONTH(MP13+1),MP13+1,"")))</f>
        <v/>
      </c>
      <c r="MQ14" s="13" t="str">
        <f>IF(COUNTIF(祝日一覧!$E$2:$E$142,MP14),"○",IF(MT14&lt;&gt;"","○",""))</f>
        <v/>
      </c>
      <c r="MR14" s="25"/>
      <c r="MS14" s="45" t="str">
        <f t="shared" si="66"/>
        <v/>
      </c>
      <c r="MT14" s="45"/>
      <c r="MU14" s="167"/>
      <c r="MV14" s="168"/>
      <c r="MW14" s="9"/>
      <c r="MX14" s="155"/>
      <c r="MY14" s="173"/>
      <c r="MZ14" s="9"/>
      <c r="NA14" s="105"/>
      <c r="NB14" s="102" t="str">
        <f t="shared" si="28"/>
        <v/>
      </c>
      <c r="NC14" s="15" t="str">
        <f>IF(NC13="","",IF(NC13='（参考）【別紙２】'!$E$35,"",IF(MONTH(NC13)=MONTH(NC13+1),NC13+1,"")))</f>
        <v/>
      </c>
      <c r="ND14" s="13" t="str">
        <f>IF(COUNTIF(祝日一覧!$E$2:$E$142,NC14),"○",IF(NG14&lt;&gt;"","○",""))</f>
        <v/>
      </c>
      <c r="NE14" s="25"/>
      <c r="NF14" s="45" t="str">
        <f t="shared" si="67"/>
        <v/>
      </c>
      <c r="NG14" s="45"/>
      <c r="NH14" s="167"/>
      <c r="NI14" s="168"/>
      <c r="NJ14" s="9"/>
      <c r="NK14" s="155"/>
      <c r="NL14" s="173"/>
      <c r="NM14" s="9"/>
      <c r="NN14" s="105"/>
      <c r="NO14" s="102" t="str">
        <f t="shared" si="29"/>
        <v/>
      </c>
      <c r="NP14" s="15" t="str">
        <f>IF(NP13="","",IF(NP13='（参考）【別紙２】'!$E$35,"",IF(MONTH(NP13)=MONTH(NP13+1),NP13+1,"")))</f>
        <v/>
      </c>
      <c r="NQ14" s="13" t="str">
        <f>IF(COUNTIF(祝日一覧!$E$2:$E$142,NP14),"○",IF(NT14&lt;&gt;"","○",""))</f>
        <v/>
      </c>
      <c r="NR14" s="25"/>
      <c r="NS14" s="45" t="str">
        <f t="shared" si="68"/>
        <v/>
      </c>
      <c r="NT14" s="45"/>
      <c r="NU14" s="167"/>
      <c r="NV14" s="168"/>
      <c r="NW14" s="9"/>
      <c r="NX14" s="155"/>
      <c r="NY14" s="173"/>
      <c r="NZ14" s="9"/>
      <c r="OA14" s="105"/>
      <c r="OB14" s="102" t="str">
        <f t="shared" si="30"/>
        <v/>
      </c>
      <c r="OC14" s="15" t="str">
        <f>IF(OC13="","",IF(OC13='（参考）【別紙２】'!$E$35,"",IF(MONTH(OC13)=MONTH(OC13+1),OC13+1,"")))</f>
        <v/>
      </c>
      <c r="OD14" s="13" t="str">
        <f>IF(COUNTIF(祝日一覧!$E$2:$E$142,OC14),"○",IF(OG14&lt;&gt;"","○",""))</f>
        <v/>
      </c>
      <c r="OE14" s="25"/>
      <c r="OF14" s="45" t="str">
        <f t="shared" si="69"/>
        <v/>
      </c>
      <c r="OG14" s="45"/>
      <c r="OH14" s="167"/>
      <c r="OI14" s="168"/>
      <c r="OJ14" s="9"/>
      <c r="OK14" s="155"/>
      <c r="OL14" s="173"/>
      <c r="OM14" s="9"/>
      <c r="ON14" s="105"/>
      <c r="OO14" s="102" t="str">
        <f t="shared" si="31"/>
        <v/>
      </c>
      <c r="OP14" s="15" t="str">
        <f>IF(OP13="","",IF(OP13='（参考）【別紙２】'!$E$35,"",IF(MONTH(OP13)=MONTH(OP13+1),OP13+1,"")))</f>
        <v/>
      </c>
      <c r="OQ14" s="13" t="str">
        <f>IF(COUNTIF(祝日一覧!$E$2:$E$142,OP14),"○",IF(OT14&lt;&gt;"","○",""))</f>
        <v/>
      </c>
      <c r="OR14" s="25"/>
      <c r="OS14" s="45" t="str">
        <f t="shared" si="70"/>
        <v/>
      </c>
      <c r="OT14" s="45"/>
      <c r="OU14" s="167"/>
      <c r="OV14" s="168"/>
      <c r="OW14" s="9"/>
      <c r="OX14" s="155"/>
      <c r="OY14" s="173"/>
      <c r="OZ14" s="9"/>
      <c r="PA14" s="105"/>
      <c r="PB14" s="102" t="str">
        <f t="shared" si="32"/>
        <v/>
      </c>
      <c r="PC14" s="15" t="str">
        <f>IF(PC13="","",IF(PC13='（参考）【別紙２】'!$E$35,"",IF(MONTH(PC13)=MONTH(PC13+1),PC13+1,"")))</f>
        <v/>
      </c>
      <c r="PD14" s="13" t="str">
        <f>IF(COUNTIF(祝日一覧!$E$2:$E$142,PC14),"○",IF(PG14&lt;&gt;"","○",""))</f>
        <v/>
      </c>
      <c r="PE14" s="25"/>
      <c r="PF14" s="45" t="str">
        <f t="shared" si="71"/>
        <v/>
      </c>
      <c r="PG14" s="45"/>
      <c r="PH14" s="167"/>
      <c r="PI14" s="168"/>
      <c r="PJ14" s="9"/>
      <c r="PK14" s="155"/>
      <c r="PL14" s="173"/>
      <c r="PM14" s="9"/>
      <c r="PN14" s="105"/>
      <c r="PO14" s="102" t="str">
        <f t="shared" si="33"/>
        <v/>
      </c>
      <c r="PP14" s="15" t="str">
        <f>IF(PP13="","",IF(PP13='（参考）【別紙２】'!$E$35,"",IF(MONTH(PP13)=MONTH(PP13+1),PP13+1,"")))</f>
        <v/>
      </c>
      <c r="PQ14" s="13" t="str">
        <f>IF(COUNTIF(祝日一覧!$E$2:$E$142,PP14),"○",IF(PT14&lt;&gt;"","○",""))</f>
        <v/>
      </c>
      <c r="PR14" s="25"/>
      <c r="PS14" s="45" t="str">
        <f t="shared" si="72"/>
        <v/>
      </c>
      <c r="PT14" s="45"/>
      <c r="PU14" s="167"/>
      <c r="PV14" s="168"/>
      <c r="PW14" s="9"/>
      <c r="PX14" s="155"/>
      <c r="PY14" s="173"/>
      <c r="PZ14" s="9"/>
      <c r="QA14" s="105"/>
      <c r="QB14" s="102" t="str">
        <f t="shared" si="34"/>
        <v/>
      </c>
      <c r="QC14" s="15" t="str">
        <f>IF(QC13="","",IF(QC13='（参考）【別紙２】'!$E$35,"",IF(MONTH(QC13)=MONTH(QC13+1),QC13+1,"")))</f>
        <v/>
      </c>
      <c r="QD14" s="13" t="str">
        <f>IF(COUNTIF(祝日一覧!$E$2:$E$142,QC14),"○",IF(QG14&lt;&gt;"","○",""))</f>
        <v/>
      </c>
      <c r="QE14" s="25"/>
      <c r="QF14" s="45" t="str">
        <f t="shared" si="73"/>
        <v/>
      </c>
      <c r="QG14" s="45"/>
      <c r="QH14" s="167"/>
      <c r="QI14" s="168"/>
      <c r="QJ14" s="9"/>
      <c r="QK14" s="155"/>
      <c r="QL14" s="173"/>
      <c r="QM14" s="9"/>
      <c r="QN14" s="105"/>
      <c r="QO14" s="102" t="str">
        <f t="shared" si="35"/>
        <v/>
      </c>
      <c r="QP14" s="15" t="str">
        <f>IF(QP13="","",IF(QP13='（参考）【別紙２】'!$E$35,"",IF(MONTH(QP13)=MONTH(QP13+1),QP13+1,"")))</f>
        <v/>
      </c>
      <c r="QQ14" s="13" t="str">
        <f>IF(COUNTIF(祝日一覧!$E$2:$E$142,QP14),"○",IF(QT14&lt;&gt;"","○",""))</f>
        <v/>
      </c>
      <c r="QR14" s="25"/>
      <c r="QS14" s="45" t="str">
        <f t="shared" si="74"/>
        <v/>
      </c>
      <c r="QT14" s="45"/>
      <c r="QU14" s="167"/>
      <c r="QV14" s="168"/>
      <c r="QW14" s="9"/>
      <c r="QX14" s="155"/>
      <c r="QY14" s="173"/>
      <c r="QZ14" s="9"/>
      <c r="RA14" s="105"/>
      <c r="RB14" s="102" t="str">
        <f t="shared" si="36"/>
        <v/>
      </c>
      <c r="RC14" s="15" t="str">
        <f>IF(RC13="","",IF(RC13='（参考）【別紙２】'!$E$35,"",IF(MONTH(RC13)=MONTH(RC13+1),RC13+1,"")))</f>
        <v/>
      </c>
      <c r="RD14" s="13" t="str">
        <f>IF(COUNTIF(祝日一覧!$E$2:$E$142,RC14),"○",IF(RG14&lt;&gt;"","○",""))</f>
        <v/>
      </c>
      <c r="RE14" s="25"/>
      <c r="RF14" s="45" t="str">
        <f t="shared" si="75"/>
        <v/>
      </c>
      <c r="RG14" s="45"/>
      <c r="RH14" s="167"/>
      <c r="RI14" s="168"/>
      <c r="RJ14" s="9"/>
      <c r="RK14" s="155"/>
      <c r="RL14" s="173"/>
      <c r="RM14" s="9"/>
      <c r="RN14" s="105"/>
      <c r="RO14" s="102" t="str">
        <f t="shared" si="37"/>
        <v/>
      </c>
      <c r="RP14" s="15" t="str">
        <f>IF(RP13="","",IF(RP13='（参考）【別紙２】'!$E$35,"",IF(MONTH(RP13)=MONTH(RP13+1),RP13+1,"")))</f>
        <v/>
      </c>
      <c r="RQ14" s="13" t="str">
        <f>IF(COUNTIF(祝日一覧!$E$2:$E$142,RP14),"○",IF(RT14&lt;&gt;"","○",""))</f>
        <v/>
      </c>
      <c r="RR14" s="25"/>
      <c r="RS14" s="45" t="str">
        <f t="shared" si="76"/>
        <v/>
      </c>
      <c r="RT14" s="45"/>
      <c r="RU14" s="167"/>
      <c r="RV14" s="168"/>
      <c r="RW14" s="9"/>
      <c r="RX14" s="155"/>
      <c r="RY14" s="173"/>
      <c r="RZ14" s="9"/>
      <c r="SA14" s="105"/>
      <c r="SB14" s="102" t="str">
        <f t="shared" si="38"/>
        <v/>
      </c>
      <c r="SC14" s="15" t="str">
        <f>IF(SC13="","",IF(SC13='（参考）【別紙２】'!$E$35,"",IF(MONTH(SC13)=MONTH(SC13+1),SC13+1,"")))</f>
        <v/>
      </c>
      <c r="SD14" s="13" t="str">
        <f>IF(COUNTIF(祝日一覧!$E$2:$E$142,SC14),"○",IF(SG14&lt;&gt;"","○",""))</f>
        <v/>
      </c>
      <c r="SE14" s="25"/>
      <c r="SF14" s="45" t="str">
        <f t="shared" si="77"/>
        <v/>
      </c>
      <c r="SG14" s="45"/>
      <c r="SH14" s="167"/>
      <c r="SI14" s="168"/>
      <c r="SJ14" s="9"/>
      <c r="SK14" s="155"/>
      <c r="SL14" s="173"/>
      <c r="SM14" s="9"/>
    </row>
    <row r="15" spans="1:507" ht="15.6" customHeight="1">
      <c r="A15" s="105"/>
      <c r="B15" s="102" t="str">
        <f t="shared" si="0"/>
        <v>月</v>
      </c>
      <c r="C15" s="15">
        <f>IF(C14="","",IF(C14='（参考）【別紙２】'!$E$35,"",IF(MONTH(C14)=MONTH(C14+1),C14+1,"")))</f>
        <v>45754</v>
      </c>
      <c r="D15" s="13" t="str">
        <f>IF(COUNTIF(祝日一覧!$E$2:$E$142,C15),"○",IF(G15&lt;&gt;"","○",""))</f>
        <v/>
      </c>
      <c r="E15" s="26"/>
      <c r="F15" s="45" t="str">
        <f>IF(OR(B15="土",B15="日"),IF(D15="○","","○"),"")</f>
        <v/>
      </c>
      <c r="G15" s="45"/>
      <c r="H15" s="167"/>
      <c r="I15" s="168"/>
      <c r="J15" s="43"/>
      <c r="M15" s="9"/>
      <c r="N15" s="105"/>
      <c r="O15" s="102" t="str">
        <f t="shared" si="1"/>
        <v>水</v>
      </c>
      <c r="P15" s="15">
        <f>IF(P14="","",IF(P14='（参考）【別紙２】'!$E$35,"",IF(MONTH(P14)=MONTH(P14+1),P14+1,"")))</f>
        <v>45784</v>
      </c>
      <c r="Q15" s="13" t="str">
        <f>IF(COUNTIF(祝日一覧!$E$2:$E$142,P15),"○",IF(T15&lt;&gt;"","○",""))</f>
        <v/>
      </c>
      <c r="R15" s="26"/>
      <c r="S15" s="45" t="str">
        <f>IF(OR(O15="土",O15="日"),IF(Q15="○","","○"),"")</f>
        <v/>
      </c>
      <c r="T15" s="45"/>
      <c r="U15" s="167"/>
      <c r="V15" s="168"/>
      <c r="W15" s="9"/>
      <c r="Z15" s="9"/>
      <c r="AA15" s="105"/>
      <c r="AB15" s="102" t="str">
        <f t="shared" si="2"/>
        <v>土</v>
      </c>
      <c r="AC15" s="15">
        <f>IF(AC14="","",IF(AC14='（参考）【別紙２】'!$E$35,"",IF(MONTH(AC14)=MONTH(AC14+1),AC14+1,"")))</f>
        <v>45815</v>
      </c>
      <c r="AD15" s="13" t="str">
        <f>IF(COUNTIF(祝日一覧!$E$2:$E$142,AC15),"○",IF(AG15&lt;&gt;"","○",""))</f>
        <v/>
      </c>
      <c r="AE15" s="26"/>
      <c r="AF15" s="45" t="str">
        <f>IF(OR(AB15="土",AB15="日"),IF(AD15="○","","○"),"")</f>
        <v>○</v>
      </c>
      <c r="AG15" s="45"/>
      <c r="AH15" s="167"/>
      <c r="AI15" s="168"/>
      <c r="AJ15" s="9"/>
      <c r="AM15" s="9"/>
      <c r="AN15" s="105"/>
      <c r="AO15" s="102" t="str">
        <f t="shared" si="3"/>
        <v>月</v>
      </c>
      <c r="AP15" s="15">
        <f>IF(AP14="","",IF(AP14='（参考）【別紙２】'!$E$35,"",IF(MONTH(AP14)=MONTH(AP14+1),AP14+1,"")))</f>
        <v>45845</v>
      </c>
      <c r="AQ15" s="13" t="str">
        <f>IF(COUNTIF(祝日一覧!$E$2:$E$142,AP15),"○",IF(AT15&lt;&gt;"","○",""))</f>
        <v/>
      </c>
      <c r="AR15" s="26"/>
      <c r="AS15" s="45" t="str">
        <f>IF(OR(AO15="土",AO15="日"),IF(AQ15="○","","○"),"")</f>
        <v/>
      </c>
      <c r="AT15" s="45"/>
      <c r="AU15" s="167"/>
      <c r="AV15" s="168"/>
      <c r="AW15" s="9"/>
      <c r="AZ15" s="9"/>
      <c r="BA15" s="105"/>
      <c r="BB15" s="102" t="str">
        <f t="shared" si="4"/>
        <v>木</v>
      </c>
      <c r="BC15" s="15">
        <f>IF(BC14="","",IF(BC14='（参考）【別紙２】'!$E$35,"",IF(MONTH(BC14)=MONTH(BC14+1),BC14+1,"")))</f>
        <v>45876</v>
      </c>
      <c r="BD15" s="13" t="str">
        <f>IF(COUNTIF(祝日一覧!$E$2:$E$142,BC15),"○",IF(BG15&lt;&gt;"","○",""))</f>
        <v/>
      </c>
      <c r="BE15" s="26"/>
      <c r="BF15" s="45" t="str">
        <f>IF(OR(BB15="土",BB15="日"),IF(BD15="○","","○"),"")</f>
        <v/>
      </c>
      <c r="BG15" s="45"/>
      <c r="BH15" s="167"/>
      <c r="BI15" s="168"/>
      <c r="BJ15" s="9"/>
      <c r="BM15" s="9"/>
      <c r="BN15" s="105"/>
      <c r="BO15" s="102" t="str">
        <f t="shared" si="5"/>
        <v/>
      </c>
      <c r="BP15" s="15" t="str">
        <f>IF(BP14="","",IF(BP14='（参考）【別紙２】'!$E$35,"",IF(MONTH(BP14)=MONTH(BP14+1),BP14+1,"")))</f>
        <v/>
      </c>
      <c r="BQ15" s="13" t="str">
        <f>IF(COUNTIF(祝日一覧!$E$2:$E$142,BP15),"○",IF(BT15&lt;&gt;"","○",""))</f>
        <v/>
      </c>
      <c r="BR15" s="26"/>
      <c r="BS15" s="45" t="str">
        <f>IF(OR(BO15="土",BO15="日"),IF(BQ15="○","","○"),"")</f>
        <v/>
      </c>
      <c r="BT15" s="45"/>
      <c r="BU15" s="167"/>
      <c r="BV15" s="168"/>
      <c r="BW15" s="9"/>
      <c r="BZ15" s="9"/>
      <c r="CA15" s="105"/>
      <c r="CB15" s="102" t="str">
        <f t="shared" si="6"/>
        <v/>
      </c>
      <c r="CC15" s="15" t="str">
        <f>IF(CC14="","",IF(CC14='（参考）【別紙２】'!$E$35,"",IF(MONTH(CC14)=MONTH(CC14+1),CC14+1,"")))</f>
        <v/>
      </c>
      <c r="CD15" s="13" t="str">
        <f>IF(COUNTIF(祝日一覧!$E$2:$E$142,CC15),"○",IF(CG15&lt;&gt;"","○",""))</f>
        <v/>
      </c>
      <c r="CE15" s="26"/>
      <c r="CF15" s="45" t="str">
        <f>IF(OR(CB15="土",CB15="日"),IF(CD15="○","","○"),"")</f>
        <v/>
      </c>
      <c r="CG15" s="45"/>
      <c r="CH15" s="167"/>
      <c r="CI15" s="168"/>
      <c r="CJ15" s="9"/>
      <c r="CM15" s="9"/>
      <c r="CN15" s="105"/>
      <c r="CO15" s="102" t="str">
        <f t="shared" si="7"/>
        <v/>
      </c>
      <c r="CP15" s="15" t="str">
        <f>IF(CP14="","",IF(CP14='（参考）【別紙２】'!$E$35,"",IF(MONTH(CP14)=MONTH(CP14+1),CP14+1,"")))</f>
        <v/>
      </c>
      <c r="CQ15" s="13" t="str">
        <f>IF(COUNTIF(祝日一覧!$E$2:$E$142,CP15),"○",IF(CT15&lt;&gt;"","○",""))</f>
        <v/>
      </c>
      <c r="CR15" s="26"/>
      <c r="CS15" s="45" t="str">
        <f>IF(OR(CO15="土",CO15="日"),IF(CQ15="○","","○"),"")</f>
        <v/>
      </c>
      <c r="CT15" s="45"/>
      <c r="CU15" s="167"/>
      <c r="CV15" s="168"/>
      <c r="CW15" s="9"/>
      <c r="CZ15" s="9"/>
      <c r="DA15" s="105"/>
      <c r="DB15" s="102" t="str">
        <f t="shared" si="8"/>
        <v/>
      </c>
      <c r="DC15" s="15" t="str">
        <f>IF(DC14="","",IF(DC14='（参考）【別紙２】'!$E$35,"",IF(MONTH(DC14)=MONTH(DC14+1),DC14+1,"")))</f>
        <v/>
      </c>
      <c r="DD15" s="13" t="str">
        <f>IF(COUNTIF(祝日一覧!$E$2:$E$142,DC15),"○",IF(DG15&lt;&gt;"","○",""))</f>
        <v/>
      </c>
      <c r="DE15" s="26"/>
      <c r="DF15" s="45" t="str">
        <f>IF(OR(DB15="土",DB15="日"),IF(DD15="○","","○"),"")</f>
        <v/>
      </c>
      <c r="DG15" s="45"/>
      <c r="DH15" s="167"/>
      <c r="DI15" s="168"/>
      <c r="DJ15" s="9"/>
      <c r="DM15" s="9"/>
      <c r="DN15" s="105"/>
      <c r="DO15" s="102" t="str">
        <f t="shared" si="9"/>
        <v/>
      </c>
      <c r="DP15" s="15" t="str">
        <f>IF(DP14="","",IF(DP14='（参考）【別紙２】'!$E$35,"",IF(MONTH(DP14)=MONTH(DP14+1),DP14+1,"")))</f>
        <v/>
      </c>
      <c r="DQ15" s="13" t="str">
        <f>IF(COUNTIF(祝日一覧!$E$2:$E$142,DP15),"○",IF(DT15&lt;&gt;"","○",""))</f>
        <v/>
      </c>
      <c r="DR15" s="26"/>
      <c r="DS15" s="45" t="str">
        <f>IF(OR(DO15="土",DO15="日"),IF(DQ15="○","","○"),"")</f>
        <v/>
      </c>
      <c r="DT15" s="45"/>
      <c r="DU15" s="167"/>
      <c r="DV15" s="168"/>
      <c r="DW15" s="9"/>
      <c r="DZ15" s="9"/>
      <c r="EA15" s="105"/>
      <c r="EB15" s="102" t="str">
        <f t="shared" si="10"/>
        <v/>
      </c>
      <c r="EC15" s="15" t="str">
        <f>IF(EC14="","",IF(EC14='（参考）【別紙２】'!$E$35,"",IF(MONTH(EC14)=MONTH(EC14+1),EC14+1,"")))</f>
        <v/>
      </c>
      <c r="ED15" s="13" t="str">
        <f>IF(COUNTIF(祝日一覧!$E$2:$E$142,EC15),"○",IF(EG15&lt;&gt;"","○",""))</f>
        <v/>
      </c>
      <c r="EE15" s="26"/>
      <c r="EF15" s="45" t="str">
        <f>IF(OR(EB15="土",EB15="日"),IF(ED15="○","","○"),"")</f>
        <v/>
      </c>
      <c r="EG15" s="45"/>
      <c r="EH15" s="167"/>
      <c r="EI15" s="168"/>
      <c r="EJ15" s="9"/>
      <c r="EM15" s="9"/>
      <c r="EN15" s="105"/>
      <c r="EO15" s="102" t="str">
        <f t="shared" si="11"/>
        <v/>
      </c>
      <c r="EP15" s="15" t="str">
        <f>IF(EP14="","",IF(EP14='（参考）【別紙２】'!$E$35,"",IF(MONTH(EP14)=MONTH(EP14+1),EP14+1,"")))</f>
        <v/>
      </c>
      <c r="EQ15" s="13" t="str">
        <f>IF(COUNTIF(祝日一覧!$E$2:$E$142,EP15),"○",IF(ET15&lt;&gt;"","○",""))</f>
        <v/>
      </c>
      <c r="ER15" s="26"/>
      <c r="ES15" s="45" t="str">
        <f>IF(OR(EO15="土",EO15="日"),IF(EQ15="○","","○"),"")</f>
        <v/>
      </c>
      <c r="ET15" s="45"/>
      <c r="EU15" s="167"/>
      <c r="EV15" s="168"/>
      <c r="EW15" s="9"/>
      <c r="EZ15" s="9"/>
      <c r="FA15" s="105"/>
      <c r="FB15" s="102" t="str">
        <f t="shared" si="12"/>
        <v/>
      </c>
      <c r="FC15" s="15" t="str">
        <f>IF(FC14="","",IF(FC14='（参考）【別紙２】'!$E$35,"",IF(MONTH(FC14)=MONTH(FC14+1),FC14+1,"")))</f>
        <v/>
      </c>
      <c r="FD15" s="13" t="str">
        <f>IF(COUNTIF(祝日一覧!$E$2:$E$142,FC15),"○",IF(FG15&lt;&gt;"","○",""))</f>
        <v/>
      </c>
      <c r="FE15" s="26"/>
      <c r="FF15" s="45" t="str">
        <f>IF(OR(FB15="土",FB15="日"),IF(FD15="○","","○"),"")</f>
        <v/>
      </c>
      <c r="FG15" s="45"/>
      <c r="FH15" s="167"/>
      <c r="FI15" s="168"/>
      <c r="FJ15" s="9"/>
      <c r="FM15" s="9"/>
      <c r="FN15" s="105"/>
      <c r="FO15" s="102" t="str">
        <f t="shared" si="13"/>
        <v/>
      </c>
      <c r="FP15" s="15" t="str">
        <f>IF(FP14="","",IF(FP14='（参考）【別紙２】'!$E$35,"",IF(MONTH(FP14)=MONTH(FP14+1),FP14+1,"")))</f>
        <v/>
      </c>
      <c r="FQ15" s="13" t="str">
        <f>IF(COUNTIF(祝日一覧!$E$2:$E$142,FP15),"○",IF(FT15&lt;&gt;"","○",""))</f>
        <v/>
      </c>
      <c r="FR15" s="26"/>
      <c r="FS15" s="45" t="str">
        <f>IF(OR(FO15="土",FO15="日"),IF(FQ15="○","","○"),"")</f>
        <v/>
      </c>
      <c r="FT15" s="45"/>
      <c r="FU15" s="167"/>
      <c r="FV15" s="168"/>
      <c r="FW15" s="9"/>
      <c r="FZ15" s="9"/>
      <c r="GA15" s="105"/>
      <c r="GB15" s="102" t="str">
        <f t="shared" si="14"/>
        <v/>
      </c>
      <c r="GC15" s="15" t="str">
        <f>IF(GC14="","",IF(GC14='（参考）【別紙２】'!$E$35,"",IF(MONTH(GC14)=MONTH(GC14+1),GC14+1,"")))</f>
        <v/>
      </c>
      <c r="GD15" s="13" t="str">
        <f>IF(COUNTIF(祝日一覧!$E$2:$E$142,GC15),"○",IF(GG15&lt;&gt;"","○",""))</f>
        <v/>
      </c>
      <c r="GE15" s="25"/>
      <c r="GF15" s="45" t="str">
        <f>IF(OR(GB15="土",GB15="日"),IF(GD15="○","","○"),"")</f>
        <v/>
      </c>
      <c r="GG15" s="45"/>
      <c r="GH15" s="167"/>
      <c r="GI15" s="168"/>
      <c r="GJ15" s="9"/>
      <c r="GM15" s="9"/>
      <c r="GN15" s="105"/>
      <c r="GO15" s="102" t="str">
        <f t="shared" si="15"/>
        <v/>
      </c>
      <c r="GP15" s="15" t="str">
        <f>IF(GP14="","",IF(GP14='（参考）【別紙２】'!$E$35,"",IF(MONTH(GP14)=MONTH(GP14+1),GP14+1,"")))</f>
        <v/>
      </c>
      <c r="GQ15" s="13" t="str">
        <f>IF(COUNTIF(祝日一覧!$E$2:$E$142,GP15),"○",IF(GT15&lt;&gt;"","○",""))</f>
        <v/>
      </c>
      <c r="GR15" s="25"/>
      <c r="GS15" s="45" t="str">
        <f>IF(OR(GO15="土",GO15="日"),IF(GQ15="○","","○"),"")</f>
        <v/>
      </c>
      <c r="GT15" s="45"/>
      <c r="GU15" s="167"/>
      <c r="GV15" s="168"/>
      <c r="GW15" s="9"/>
      <c r="GZ15" s="9"/>
      <c r="HA15" s="105"/>
      <c r="HB15" s="102" t="str">
        <f t="shared" si="16"/>
        <v/>
      </c>
      <c r="HC15" s="15" t="str">
        <f>IF(HC14="","",IF(HC14='（参考）【別紙２】'!$E$35,"",IF(MONTH(HC14)=MONTH(HC14+1),HC14+1,"")))</f>
        <v/>
      </c>
      <c r="HD15" s="13" t="str">
        <f>IF(COUNTIF(祝日一覧!$E$2:$E$142,HC15),"○",IF(HG15&lt;&gt;"","○",""))</f>
        <v/>
      </c>
      <c r="HE15" s="26"/>
      <c r="HF15" s="45" t="str">
        <f>IF(OR(HB15="土",HB15="日"),IF(HD15="○","","○"),"")</f>
        <v/>
      </c>
      <c r="HG15" s="45"/>
      <c r="HH15" s="167"/>
      <c r="HI15" s="168"/>
      <c r="HJ15" s="9"/>
      <c r="HM15" s="9"/>
      <c r="HN15" s="105"/>
      <c r="HO15" s="102" t="str">
        <f t="shared" si="17"/>
        <v/>
      </c>
      <c r="HP15" s="15" t="str">
        <f>IF(HP14="","",IF(HP14='（参考）【別紙２】'!$E$35,"",IF(MONTH(HP14)=MONTH(HP14+1),HP14+1,"")))</f>
        <v/>
      </c>
      <c r="HQ15" s="13" t="str">
        <f>IF(COUNTIF(祝日一覧!$E$2:$E$142,HP15),"○",IF(HT15&lt;&gt;"","○",""))</f>
        <v/>
      </c>
      <c r="HR15" s="25"/>
      <c r="HS15" s="45" t="str">
        <f>IF(OR(HO15="土",HO15="日"),IF(HQ15="○","","○"),"")</f>
        <v/>
      </c>
      <c r="HT15" s="45"/>
      <c r="HU15" s="167"/>
      <c r="HV15" s="168"/>
      <c r="HW15" s="9"/>
      <c r="HZ15" s="9"/>
      <c r="IA15" s="105"/>
      <c r="IB15" s="102" t="str">
        <f t="shared" si="18"/>
        <v/>
      </c>
      <c r="IC15" s="15" t="str">
        <f>IF(IC14="","",IF(IC14='（参考）【別紙２】'!$E$35,"",IF(MONTH(IC14)=MONTH(IC14+1),IC14+1,"")))</f>
        <v/>
      </c>
      <c r="ID15" s="13" t="str">
        <f>IF(COUNTIF(祝日一覧!$E$2:$E$142,IC15),"○",IF(IG15&lt;&gt;"","○",""))</f>
        <v/>
      </c>
      <c r="IE15" s="25"/>
      <c r="IF15" s="45" t="str">
        <f>IF(OR(IB15="土",IB15="日"),IF(ID15="○","","○"),"")</f>
        <v/>
      </c>
      <c r="IG15" s="45"/>
      <c r="IH15" s="167"/>
      <c r="II15" s="168"/>
      <c r="IJ15" s="9"/>
      <c r="IM15" s="9"/>
      <c r="IN15" s="105"/>
      <c r="IO15" s="102" t="str">
        <f t="shared" si="19"/>
        <v/>
      </c>
      <c r="IP15" s="15" t="str">
        <f>IF(IP14="","",IF(IP14='（参考）【別紙２】'!$E$35,"",IF(MONTH(IP14)=MONTH(IP14+1),IP14+1,"")))</f>
        <v/>
      </c>
      <c r="IQ15" s="13" t="str">
        <f>IF(COUNTIF(祝日一覧!$E$2:$E$142,IP15),"○",IF(IT15&lt;&gt;"","○",""))</f>
        <v/>
      </c>
      <c r="IR15" s="25"/>
      <c r="IS15" s="45" t="str">
        <f>IF(OR(IO15="土",IO15="日"),IF(IQ15="○","","○"),"")</f>
        <v/>
      </c>
      <c r="IT15" s="45"/>
      <c r="IU15" s="167"/>
      <c r="IV15" s="168"/>
      <c r="IW15" s="9"/>
      <c r="IZ15" s="9"/>
      <c r="JA15" s="105"/>
      <c r="JB15" s="102" t="str">
        <f t="shared" si="20"/>
        <v/>
      </c>
      <c r="JC15" s="15" t="str">
        <f>IF(JC14="","",IF(JC14='（参考）【別紙２】'!$E$35,"",IF(MONTH(JC14)=MONTH(JC14+1),JC14+1,"")))</f>
        <v/>
      </c>
      <c r="JD15" s="13" t="str">
        <f>IF(COUNTIF(祝日一覧!$E$2:$E$142,JC15),"○",IF(JG15&lt;&gt;"","○",""))</f>
        <v/>
      </c>
      <c r="JE15" s="25"/>
      <c r="JF15" s="45" t="str">
        <f>IF(OR(JB15="土",JB15="日"),IF(JD15="○","","○"),"")</f>
        <v/>
      </c>
      <c r="JG15" s="45"/>
      <c r="JH15" s="167"/>
      <c r="JI15" s="168"/>
      <c r="JJ15" s="9"/>
      <c r="JM15" s="9"/>
      <c r="JN15" s="105"/>
      <c r="JO15" s="102" t="str">
        <f t="shared" si="21"/>
        <v/>
      </c>
      <c r="JP15" s="15" t="str">
        <f>IF(JP14="","",IF(JP14='（参考）【別紙２】'!$E$35,"",IF(MONTH(JP14)=MONTH(JP14+1),JP14+1,"")))</f>
        <v/>
      </c>
      <c r="JQ15" s="13" t="str">
        <f>IF(COUNTIF(祝日一覧!$E$2:$E$142,JP15),"○",IF(JT15&lt;&gt;"","○",""))</f>
        <v/>
      </c>
      <c r="JR15" s="25"/>
      <c r="JS15" s="45" t="str">
        <f>IF(OR(JO15="土",JO15="日"),IF(JQ15="○","","○"),"")</f>
        <v/>
      </c>
      <c r="JT15" s="45"/>
      <c r="JU15" s="167"/>
      <c r="JV15" s="168"/>
      <c r="JW15" s="9"/>
      <c r="JZ15" s="9"/>
      <c r="KA15" s="105"/>
      <c r="KB15" s="102" t="str">
        <f t="shared" si="22"/>
        <v/>
      </c>
      <c r="KC15" s="15" t="str">
        <f>IF(KC14="","",IF(KC14='（参考）【別紙２】'!$E$35,"",IF(MONTH(KC14)=MONTH(KC14+1),KC14+1,"")))</f>
        <v/>
      </c>
      <c r="KD15" s="13" t="str">
        <f>IF(COUNTIF(祝日一覧!$E$2:$E$142,KC15),"○",IF(KG15&lt;&gt;"","○",""))</f>
        <v/>
      </c>
      <c r="KE15" s="25"/>
      <c r="KF15" s="45" t="str">
        <f>IF(OR(KB15="土",KB15="日"),IF(KD15="○","","○"),"")</f>
        <v/>
      </c>
      <c r="KG15" s="45"/>
      <c r="KH15" s="167"/>
      <c r="KI15" s="168"/>
      <c r="KJ15" s="9"/>
      <c r="KM15" s="9"/>
      <c r="KN15" s="105"/>
      <c r="KO15" s="102" t="str">
        <f t="shared" si="23"/>
        <v/>
      </c>
      <c r="KP15" s="15" t="str">
        <f>IF(KP14="","",IF(KP14='（参考）【別紙２】'!$E$35,"",IF(MONTH(KP14)=MONTH(KP14+1),KP14+1,"")))</f>
        <v/>
      </c>
      <c r="KQ15" s="13" t="str">
        <f>IF(COUNTIF(祝日一覧!$E$2:$E$142,KP15),"○",IF(KT15&lt;&gt;"","○",""))</f>
        <v/>
      </c>
      <c r="KR15" s="25"/>
      <c r="KS15" s="45" t="str">
        <f>IF(OR(KO15="土",KO15="日"),IF(KQ15="○","","○"),"")</f>
        <v/>
      </c>
      <c r="KT15" s="45"/>
      <c r="KU15" s="167"/>
      <c r="KV15" s="168"/>
      <c r="KW15" s="9"/>
      <c r="KZ15" s="9"/>
      <c r="LA15" s="105"/>
      <c r="LB15" s="102" t="str">
        <f t="shared" si="24"/>
        <v/>
      </c>
      <c r="LC15" s="15" t="str">
        <f>IF(LC14="","",IF(LC14='（参考）【別紙２】'!$E$35,"",IF(MONTH(LC14)=MONTH(LC14+1),LC14+1,"")))</f>
        <v/>
      </c>
      <c r="LD15" s="13" t="str">
        <f>IF(COUNTIF(祝日一覧!$E$2:$E$142,LC15),"○",IF(LG15&lt;&gt;"","○",""))</f>
        <v/>
      </c>
      <c r="LE15" s="25"/>
      <c r="LF15" s="45" t="str">
        <f>IF(OR(LB15="土",LB15="日"),IF(LD15="○","","○"),"")</f>
        <v/>
      </c>
      <c r="LG15" s="45"/>
      <c r="LH15" s="167"/>
      <c r="LI15" s="168"/>
      <c r="LJ15" s="9"/>
      <c r="LM15" s="9"/>
      <c r="LN15" s="105"/>
      <c r="LO15" s="102" t="str">
        <f t="shared" si="25"/>
        <v/>
      </c>
      <c r="LP15" s="15" t="str">
        <f>IF(LP14="","",IF(LP14='（参考）【別紙２】'!$E$35,"",IF(MONTH(LP14)=MONTH(LP14+1),LP14+1,"")))</f>
        <v/>
      </c>
      <c r="LQ15" s="13" t="str">
        <f>IF(COUNTIF(祝日一覧!$E$2:$E$142,LP15),"○",IF(LT15&lt;&gt;"","○",""))</f>
        <v/>
      </c>
      <c r="LR15" s="25"/>
      <c r="LS15" s="45" t="str">
        <f>IF(OR(LO15="土",LO15="日"),IF(LQ15="○","","○"),"")</f>
        <v/>
      </c>
      <c r="LT15" s="45"/>
      <c r="LU15" s="167"/>
      <c r="LV15" s="168"/>
      <c r="LW15" s="9"/>
      <c r="LZ15" s="9"/>
      <c r="MA15" s="105"/>
      <c r="MB15" s="102" t="str">
        <f t="shared" si="26"/>
        <v/>
      </c>
      <c r="MC15" s="15" t="str">
        <f>IF(MC14="","",IF(MC14='（参考）【別紙２】'!$E$35,"",IF(MONTH(MC14)=MONTH(MC14+1),MC14+1,"")))</f>
        <v/>
      </c>
      <c r="MD15" s="13" t="str">
        <f>IF(COUNTIF(祝日一覧!$E$2:$E$142,MC15),"○",IF(MG15&lt;&gt;"","○",""))</f>
        <v/>
      </c>
      <c r="ME15" s="25"/>
      <c r="MF15" s="45" t="str">
        <f>IF(OR(MB15="土",MB15="日"),IF(MD15="○","","○"),"")</f>
        <v/>
      </c>
      <c r="MG15" s="45"/>
      <c r="MH15" s="167"/>
      <c r="MI15" s="168"/>
      <c r="MJ15" s="9"/>
      <c r="MM15" s="9"/>
      <c r="MN15" s="105"/>
      <c r="MO15" s="102" t="str">
        <f t="shared" si="27"/>
        <v/>
      </c>
      <c r="MP15" s="15" t="str">
        <f>IF(MP14="","",IF(MP14='（参考）【別紙２】'!$E$35,"",IF(MONTH(MP14)=MONTH(MP14+1),MP14+1,"")))</f>
        <v/>
      </c>
      <c r="MQ15" s="13" t="str">
        <f>IF(COUNTIF(祝日一覧!$E$2:$E$142,MP15),"○",IF(MT15&lt;&gt;"","○",""))</f>
        <v/>
      </c>
      <c r="MR15" s="25"/>
      <c r="MS15" s="45" t="str">
        <f>IF(OR(MO15="土",MO15="日"),IF(MQ15="○","","○"),"")</f>
        <v/>
      </c>
      <c r="MT15" s="45"/>
      <c r="MU15" s="167"/>
      <c r="MV15" s="168"/>
      <c r="MW15" s="9"/>
      <c r="MZ15" s="9"/>
      <c r="NA15" s="105"/>
      <c r="NB15" s="102" t="str">
        <f t="shared" si="28"/>
        <v/>
      </c>
      <c r="NC15" s="15" t="str">
        <f>IF(NC14="","",IF(NC14='（参考）【別紙２】'!$E$35,"",IF(MONTH(NC14)=MONTH(NC14+1),NC14+1,"")))</f>
        <v/>
      </c>
      <c r="ND15" s="13" t="str">
        <f>IF(COUNTIF(祝日一覧!$E$2:$E$142,NC15),"○",IF(NG15&lt;&gt;"","○",""))</f>
        <v/>
      </c>
      <c r="NE15" s="25"/>
      <c r="NF15" s="45" t="str">
        <f>IF(OR(NB15="土",NB15="日"),IF(ND15="○","","○"),"")</f>
        <v/>
      </c>
      <c r="NG15" s="45"/>
      <c r="NH15" s="167"/>
      <c r="NI15" s="168"/>
      <c r="NJ15" s="9"/>
      <c r="NM15" s="9"/>
      <c r="NN15" s="105"/>
      <c r="NO15" s="102" t="str">
        <f t="shared" si="29"/>
        <v/>
      </c>
      <c r="NP15" s="15" t="str">
        <f>IF(NP14="","",IF(NP14='（参考）【別紙２】'!$E$35,"",IF(MONTH(NP14)=MONTH(NP14+1),NP14+1,"")))</f>
        <v/>
      </c>
      <c r="NQ15" s="13" t="str">
        <f>IF(COUNTIF(祝日一覧!$E$2:$E$142,NP15),"○",IF(NT15&lt;&gt;"","○",""))</f>
        <v/>
      </c>
      <c r="NR15" s="25"/>
      <c r="NS15" s="45" t="str">
        <f>IF(OR(NO15="土",NO15="日"),IF(NQ15="○","","○"),"")</f>
        <v/>
      </c>
      <c r="NT15" s="45"/>
      <c r="NU15" s="167"/>
      <c r="NV15" s="168"/>
      <c r="NW15" s="9"/>
      <c r="NZ15" s="9"/>
      <c r="OA15" s="105"/>
      <c r="OB15" s="102" t="str">
        <f t="shared" si="30"/>
        <v/>
      </c>
      <c r="OC15" s="15" t="str">
        <f>IF(OC14="","",IF(OC14='（参考）【別紙２】'!$E$35,"",IF(MONTH(OC14)=MONTH(OC14+1),OC14+1,"")))</f>
        <v/>
      </c>
      <c r="OD15" s="13" t="str">
        <f>IF(COUNTIF(祝日一覧!$E$2:$E$142,OC15),"○",IF(OG15&lt;&gt;"","○",""))</f>
        <v/>
      </c>
      <c r="OE15" s="25"/>
      <c r="OF15" s="45" t="str">
        <f>IF(OR(OB15="土",OB15="日"),IF(OD15="○","","○"),"")</f>
        <v/>
      </c>
      <c r="OG15" s="45"/>
      <c r="OH15" s="167"/>
      <c r="OI15" s="168"/>
      <c r="OJ15" s="9"/>
      <c r="OM15" s="9"/>
      <c r="ON15" s="105"/>
      <c r="OO15" s="102" t="str">
        <f t="shared" si="31"/>
        <v/>
      </c>
      <c r="OP15" s="15" t="str">
        <f>IF(OP14="","",IF(OP14='（参考）【別紙２】'!$E$35,"",IF(MONTH(OP14)=MONTH(OP14+1),OP14+1,"")))</f>
        <v/>
      </c>
      <c r="OQ15" s="13" t="str">
        <f>IF(COUNTIF(祝日一覧!$E$2:$E$142,OP15),"○",IF(OT15&lt;&gt;"","○",""))</f>
        <v/>
      </c>
      <c r="OR15" s="25"/>
      <c r="OS15" s="45" t="str">
        <f>IF(OR(OO15="土",OO15="日"),IF(OQ15="○","","○"),"")</f>
        <v/>
      </c>
      <c r="OT15" s="45"/>
      <c r="OU15" s="167"/>
      <c r="OV15" s="168"/>
      <c r="OW15" s="9"/>
      <c r="OZ15" s="9"/>
      <c r="PA15" s="105"/>
      <c r="PB15" s="102" t="str">
        <f t="shared" si="32"/>
        <v/>
      </c>
      <c r="PC15" s="15" t="str">
        <f>IF(PC14="","",IF(PC14='（参考）【別紙２】'!$E$35,"",IF(MONTH(PC14)=MONTH(PC14+1),PC14+1,"")))</f>
        <v/>
      </c>
      <c r="PD15" s="13" t="str">
        <f>IF(COUNTIF(祝日一覧!$E$2:$E$142,PC15),"○",IF(PG15&lt;&gt;"","○",""))</f>
        <v/>
      </c>
      <c r="PE15" s="25"/>
      <c r="PF15" s="45" t="str">
        <f>IF(OR(PB15="土",PB15="日"),IF(PD15="○","","○"),"")</f>
        <v/>
      </c>
      <c r="PG15" s="45"/>
      <c r="PH15" s="167"/>
      <c r="PI15" s="168"/>
      <c r="PJ15" s="9"/>
      <c r="PM15" s="9"/>
      <c r="PN15" s="105"/>
      <c r="PO15" s="102" t="str">
        <f t="shared" si="33"/>
        <v/>
      </c>
      <c r="PP15" s="15" t="str">
        <f>IF(PP14="","",IF(PP14='（参考）【別紙２】'!$E$35,"",IF(MONTH(PP14)=MONTH(PP14+1),PP14+1,"")))</f>
        <v/>
      </c>
      <c r="PQ15" s="13" t="str">
        <f>IF(COUNTIF(祝日一覧!$E$2:$E$142,PP15),"○",IF(PT15&lt;&gt;"","○",""))</f>
        <v/>
      </c>
      <c r="PR15" s="25"/>
      <c r="PS15" s="45" t="str">
        <f>IF(OR(PO15="土",PO15="日"),IF(PQ15="○","","○"),"")</f>
        <v/>
      </c>
      <c r="PT15" s="45"/>
      <c r="PU15" s="167"/>
      <c r="PV15" s="168"/>
      <c r="PW15" s="9"/>
      <c r="PZ15" s="9"/>
      <c r="QA15" s="105"/>
      <c r="QB15" s="102" t="str">
        <f t="shared" si="34"/>
        <v/>
      </c>
      <c r="QC15" s="15" t="str">
        <f>IF(QC14="","",IF(QC14='（参考）【別紙２】'!$E$35,"",IF(MONTH(QC14)=MONTH(QC14+1),QC14+1,"")))</f>
        <v/>
      </c>
      <c r="QD15" s="13" t="str">
        <f>IF(COUNTIF(祝日一覧!$E$2:$E$142,QC15),"○",IF(QG15&lt;&gt;"","○",""))</f>
        <v/>
      </c>
      <c r="QE15" s="25"/>
      <c r="QF15" s="45" t="str">
        <f>IF(OR(QB15="土",QB15="日"),IF(QD15="○","","○"),"")</f>
        <v/>
      </c>
      <c r="QG15" s="45"/>
      <c r="QH15" s="167"/>
      <c r="QI15" s="168"/>
      <c r="QJ15" s="9"/>
      <c r="QM15" s="9"/>
      <c r="QN15" s="105"/>
      <c r="QO15" s="102" t="str">
        <f t="shared" si="35"/>
        <v/>
      </c>
      <c r="QP15" s="15" t="str">
        <f>IF(QP14="","",IF(QP14='（参考）【別紙２】'!$E$35,"",IF(MONTH(QP14)=MONTH(QP14+1),QP14+1,"")))</f>
        <v/>
      </c>
      <c r="QQ15" s="13" t="str">
        <f>IF(COUNTIF(祝日一覧!$E$2:$E$142,QP15),"○",IF(QT15&lt;&gt;"","○",""))</f>
        <v/>
      </c>
      <c r="QR15" s="25"/>
      <c r="QS15" s="45" t="str">
        <f>IF(OR(QO15="土",QO15="日"),IF(QQ15="○","","○"),"")</f>
        <v/>
      </c>
      <c r="QT15" s="45"/>
      <c r="QU15" s="167"/>
      <c r="QV15" s="168"/>
      <c r="QW15" s="9"/>
      <c r="QZ15" s="9"/>
      <c r="RA15" s="105"/>
      <c r="RB15" s="102" t="str">
        <f t="shared" si="36"/>
        <v/>
      </c>
      <c r="RC15" s="15" t="str">
        <f>IF(RC14="","",IF(RC14='（参考）【別紙２】'!$E$35,"",IF(MONTH(RC14)=MONTH(RC14+1),RC14+1,"")))</f>
        <v/>
      </c>
      <c r="RD15" s="13" t="str">
        <f>IF(COUNTIF(祝日一覧!$E$2:$E$142,RC15),"○",IF(RG15&lt;&gt;"","○",""))</f>
        <v/>
      </c>
      <c r="RE15" s="25"/>
      <c r="RF15" s="45" t="str">
        <f>IF(OR(RB15="土",RB15="日"),IF(RD15="○","","○"),"")</f>
        <v/>
      </c>
      <c r="RG15" s="45"/>
      <c r="RH15" s="167"/>
      <c r="RI15" s="168"/>
      <c r="RJ15" s="9"/>
      <c r="RM15" s="9"/>
      <c r="RN15" s="105"/>
      <c r="RO15" s="102" t="str">
        <f t="shared" si="37"/>
        <v/>
      </c>
      <c r="RP15" s="15" t="str">
        <f>IF(RP14="","",IF(RP14='（参考）【別紙２】'!$E$35,"",IF(MONTH(RP14)=MONTH(RP14+1),RP14+1,"")))</f>
        <v/>
      </c>
      <c r="RQ15" s="13" t="str">
        <f>IF(COUNTIF(祝日一覧!$E$2:$E$142,RP15),"○",IF(RT15&lt;&gt;"","○",""))</f>
        <v/>
      </c>
      <c r="RR15" s="25"/>
      <c r="RS15" s="45" t="str">
        <f>IF(OR(RO15="土",RO15="日"),IF(RQ15="○","","○"),"")</f>
        <v/>
      </c>
      <c r="RT15" s="45"/>
      <c r="RU15" s="167"/>
      <c r="RV15" s="168"/>
      <c r="RW15" s="9"/>
      <c r="RZ15" s="9"/>
      <c r="SA15" s="105"/>
      <c r="SB15" s="102" t="str">
        <f t="shared" si="38"/>
        <v/>
      </c>
      <c r="SC15" s="15" t="str">
        <f>IF(SC14="","",IF(SC14='（参考）【別紙２】'!$E$35,"",IF(MONTH(SC14)=MONTH(SC14+1),SC14+1,"")))</f>
        <v/>
      </c>
      <c r="SD15" s="13" t="str">
        <f>IF(COUNTIF(祝日一覧!$E$2:$E$142,SC15),"○",IF(SG15&lt;&gt;"","○",""))</f>
        <v/>
      </c>
      <c r="SE15" s="25"/>
      <c r="SF15" s="45" t="str">
        <f>IF(OR(SB15="土",SB15="日"),IF(SD15="○","","○"),"")</f>
        <v/>
      </c>
      <c r="SG15" s="45"/>
      <c r="SH15" s="167"/>
      <c r="SI15" s="168"/>
      <c r="SJ15" s="9"/>
      <c r="SM15" s="9"/>
    </row>
    <row r="16" spans="1:507" ht="15.6" customHeight="1">
      <c r="A16" s="9"/>
      <c r="B16" s="102" t="str">
        <f t="shared" si="0"/>
        <v>火</v>
      </c>
      <c r="C16" s="15">
        <f>IF(C15="","",IF(C15='（参考）【別紙２】'!$E$35,"",IF(MONTH(C15)=MONTH(C15+1),C15+1,"")))</f>
        <v>45755</v>
      </c>
      <c r="D16" s="13" t="str">
        <f>IF(COUNTIF(祝日一覧!$E$2:$E$142,C16),"○",IF(G16&lt;&gt;"","○",""))</f>
        <v/>
      </c>
      <c r="E16" s="26"/>
      <c r="F16" s="45" t="str">
        <f t="shared" si="39"/>
        <v/>
      </c>
      <c r="G16" s="45"/>
      <c r="H16" s="167"/>
      <c r="I16" s="168"/>
      <c r="J16" s="43"/>
      <c r="M16" s="9"/>
      <c r="N16" s="9"/>
      <c r="O16" s="102" t="str">
        <f t="shared" si="1"/>
        <v>木</v>
      </c>
      <c r="P16" s="15">
        <f>IF(P15="","",IF(P15='（参考）【別紙２】'!$E$35,"",IF(MONTH(P15)=MONTH(P15+1),P15+1,"")))</f>
        <v>45785</v>
      </c>
      <c r="Q16" s="13" t="str">
        <f>IF(COUNTIF(祝日一覧!$E$2:$E$142,P16),"○",IF(T16&lt;&gt;"","○",""))</f>
        <v/>
      </c>
      <c r="R16" s="25"/>
      <c r="S16" s="45" t="str">
        <f t="shared" ref="S16:S46" si="78">IF(OR(O16="土",O16="日"),IF(Q16="○","","○"),"")</f>
        <v/>
      </c>
      <c r="T16" s="45"/>
      <c r="U16" s="167"/>
      <c r="V16" s="168"/>
      <c r="W16" s="9"/>
      <c r="Z16" s="9"/>
      <c r="AA16" s="9"/>
      <c r="AB16" s="102" t="str">
        <f t="shared" si="2"/>
        <v>日</v>
      </c>
      <c r="AC16" s="15">
        <f>IF(AC15="","",IF(AC15='（参考）【別紙２】'!$E$35,"",IF(MONTH(AC15)=MONTH(AC15+1),AC15+1,"")))</f>
        <v>45816</v>
      </c>
      <c r="AD16" s="13" t="str">
        <f>IF(COUNTIF(祝日一覧!$E$2:$E$142,AC16),"○",IF(AG16&lt;&gt;"","○",""))</f>
        <v/>
      </c>
      <c r="AE16" s="26"/>
      <c r="AF16" s="45" t="str">
        <f t="shared" ref="AF16:AF46" si="79">IF(OR(AB16="土",AB16="日"),IF(AD16="○","","○"),"")</f>
        <v>○</v>
      </c>
      <c r="AG16" s="45"/>
      <c r="AH16" s="167"/>
      <c r="AI16" s="168"/>
      <c r="AJ16" s="9"/>
      <c r="AM16" s="9"/>
      <c r="AN16" s="9"/>
      <c r="AO16" s="102" t="str">
        <f t="shared" si="3"/>
        <v>火</v>
      </c>
      <c r="AP16" s="15">
        <f>IF(AP15="","",IF(AP15='（参考）【別紙２】'!$E$35,"",IF(MONTH(AP15)=MONTH(AP15+1),AP15+1,"")))</f>
        <v>45846</v>
      </c>
      <c r="AQ16" s="13" t="str">
        <f>IF(COUNTIF(祝日一覧!$E$2:$E$142,AP16),"○",IF(AT16&lt;&gt;"","○",""))</f>
        <v/>
      </c>
      <c r="AR16" s="26"/>
      <c r="AS16" s="45" t="str">
        <f t="shared" ref="AS16:AS46" si="80">IF(OR(AO16="土",AO16="日"),IF(AQ16="○","","○"),"")</f>
        <v/>
      </c>
      <c r="AT16" s="45"/>
      <c r="AU16" s="167"/>
      <c r="AV16" s="168"/>
      <c r="AW16" s="9"/>
      <c r="AZ16" s="9"/>
      <c r="BA16" s="9"/>
      <c r="BB16" s="102" t="str">
        <f t="shared" si="4"/>
        <v>金</v>
      </c>
      <c r="BC16" s="15">
        <f>IF(BC15="","",IF(BC15='（参考）【別紙２】'!$E$35,"",IF(MONTH(BC15)=MONTH(BC15+1),BC15+1,"")))</f>
        <v>45877</v>
      </c>
      <c r="BD16" s="13" t="str">
        <f>IF(COUNTIF(祝日一覧!$E$2:$E$142,BC16),"○",IF(BG16&lt;&gt;"","○",""))</f>
        <v/>
      </c>
      <c r="BE16" s="26"/>
      <c r="BF16" s="45" t="str">
        <f t="shared" ref="BF16:BF46" si="81">IF(OR(BB16="土",BB16="日"),IF(BD16="○","","○"),"")</f>
        <v/>
      </c>
      <c r="BG16" s="45"/>
      <c r="BH16" s="167"/>
      <c r="BI16" s="168"/>
      <c r="BJ16" s="9"/>
      <c r="BM16" s="9"/>
      <c r="BN16" s="9"/>
      <c r="BO16" s="102" t="str">
        <f t="shared" si="5"/>
        <v/>
      </c>
      <c r="BP16" s="15" t="str">
        <f>IF(BP15="","",IF(BP15='（参考）【別紙２】'!$E$35,"",IF(MONTH(BP15)=MONTH(BP15+1),BP15+1,"")))</f>
        <v/>
      </c>
      <c r="BQ16" s="13" t="str">
        <f>IF(COUNTIF(祝日一覧!$E$2:$E$142,BP16),"○",IF(BT16&lt;&gt;"","○",""))</f>
        <v/>
      </c>
      <c r="BR16" s="26"/>
      <c r="BS16" s="45" t="str">
        <f t="shared" ref="BS16:BS46" si="82">IF(OR(BO16="土",BO16="日"),IF(BQ16="○","","○"),"")</f>
        <v/>
      </c>
      <c r="BT16" s="45"/>
      <c r="BU16" s="167"/>
      <c r="BV16" s="168"/>
      <c r="BW16" s="9"/>
      <c r="BZ16" s="9"/>
      <c r="CA16" s="9"/>
      <c r="CB16" s="102" t="str">
        <f t="shared" si="6"/>
        <v/>
      </c>
      <c r="CC16" s="15" t="str">
        <f>IF(CC15="","",IF(CC15='（参考）【別紙２】'!$E$35,"",IF(MONTH(CC15)=MONTH(CC15+1),CC15+1,"")))</f>
        <v/>
      </c>
      <c r="CD16" s="13" t="str">
        <f>IF(COUNTIF(祝日一覧!$E$2:$E$142,CC16),"○",IF(CG16&lt;&gt;"","○",""))</f>
        <v/>
      </c>
      <c r="CE16" s="26"/>
      <c r="CF16" s="45" t="str">
        <f t="shared" ref="CF16:CF46" si="83">IF(OR(CB16="土",CB16="日"),IF(CD16="○","","○"),"")</f>
        <v/>
      </c>
      <c r="CG16" s="45"/>
      <c r="CH16" s="167"/>
      <c r="CI16" s="168"/>
      <c r="CJ16" s="9"/>
      <c r="CM16" s="9"/>
      <c r="CN16" s="9"/>
      <c r="CO16" s="102" t="str">
        <f t="shared" si="7"/>
        <v/>
      </c>
      <c r="CP16" s="15" t="str">
        <f>IF(CP15="","",IF(CP15='（参考）【別紙２】'!$E$35,"",IF(MONTH(CP15)=MONTH(CP15+1),CP15+1,"")))</f>
        <v/>
      </c>
      <c r="CQ16" s="13" t="str">
        <f>IF(COUNTIF(祝日一覧!$E$2:$E$142,CP16),"○",IF(CT16&lt;&gt;"","○",""))</f>
        <v/>
      </c>
      <c r="CR16" s="26"/>
      <c r="CS16" s="45" t="str">
        <f t="shared" ref="CS16:CS46" si="84">IF(OR(CO16="土",CO16="日"),IF(CQ16="○","","○"),"")</f>
        <v/>
      </c>
      <c r="CT16" s="45"/>
      <c r="CU16" s="167"/>
      <c r="CV16" s="168"/>
      <c r="CW16" s="9"/>
      <c r="CZ16" s="9"/>
      <c r="DA16" s="9"/>
      <c r="DB16" s="102" t="str">
        <f t="shared" si="8"/>
        <v/>
      </c>
      <c r="DC16" s="15" t="str">
        <f>IF(DC15="","",IF(DC15='（参考）【別紙２】'!$E$35,"",IF(MONTH(DC15)=MONTH(DC15+1),DC15+1,"")))</f>
        <v/>
      </c>
      <c r="DD16" s="13" t="str">
        <f>IF(COUNTIF(祝日一覧!$E$2:$E$142,DC16),"○",IF(DG16&lt;&gt;"","○",""))</f>
        <v/>
      </c>
      <c r="DE16" s="26"/>
      <c r="DF16" s="45" t="str">
        <f t="shared" ref="DF16:DF46" si="85">IF(OR(DB16="土",DB16="日"),IF(DD16="○","","○"),"")</f>
        <v/>
      </c>
      <c r="DG16" s="45"/>
      <c r="DH16" s="167"/>
      <c r="DI16" s="168"/>
      <c r="DJ16" s="9"/>
      <c r="DM16" s="9"/>
      <c r="DN16" s="9"/>
      <c r="DO16" s="102" t="str">
        <f t="shared" si="9"/>
        <v/>
      </c>
      <c r="DP16" s="15" t="str">
        <f>IF(DP15="","",IF(DP15='（参考）【別紙２】'!$E$35,"",IF(MONTH(DP15)=MONTH(DP15+1),DP15+1,"")))</f>
        <v/>
      </c>
      <c r="DQ16" s="13" t="str">
        <f>IF(COUNTIF(祝日一覧!$E$2:$E$142,DP16),"○",IF(DT16&lt;&gt;"","○",""))</f>
        <v/>
      </c>
      <c r="DR16" s="26"/>
      <c r="DS16" s="45" t="str">
        <f t="shared" ref="DS16:DS46" si="86">IF(OR(DO16="土",DO16="日"),IF(DQ16="○","","○"),"")</f>
        <v/>
      </c>
      <c r="DT16" s="45"/>
      <c r="DU16" s="167"/>
      <c r="DV16" s="168"/>
      <c r="DW16" s="9"/>
      <c r="DZ16" s="9"/>
      <c r="EA16" s="9"/>
      <c r="EB16" s="102" t="str">
        <f t="shared" si="10"/>
        <v/>
      </c>
      <c r="EC16" s="15" t="str">
        <f>IF(EC15="","",IF(EC15='（参考）【別紙２】'!$E$35,"",IF(MONTH(EC15)=MONTH(EC15+1),EC15+1,"")))</f>
        <v/>
      </c>
      <c r="ED16" s="13" t="str">
        <f>IF(COUNTIF(祝日一覧!$E$2:$E$142,EC16),"○",IF(EG16&lt;&gt;"","○",""))</f>
        <v/>
      </c>
      <c r="EE16" s="26"/>
      <c r="EF16" s="45" t="str">
        <f t="shared" ref="EF16:EF46" si="87">IF(OR(EB16="土",EB16="日"),IF(ED16="○","","○"),"")</f>
        <v/>
      </c>
      <c r="EG16" s="45"/>
      <c r="EH16" s="167"/>
      <c r="EI16" s="168"/>
      <c r="EJ16" s="9"/>
      <c r="EM16" s="9"/>
      <c r="EN16" s="9"/>
      <c r="EO16" s="102" t="str">
        <f t="shared" si="11"/>
        <v/>
      </c>
      <c r="EP16" s="15" t="str">
        <f>IF(EP15="","",IF(EP15='（参考）【別紙２】'!$E$35,"",IF(MONTH(EP15)=MONTH(EP15+1),EP15+1,"")))</f>
        <v/>
      </c>
      <c r="EQ16" s="13" t="str">
        <f>IF(COUNTIF(祝日一覧!$E$2:$E$142,EP16),"○",IF(ET16&lt;&gt;"","○",""))</f>
        <v/>
      </c>
      <c r="ER16" s="26"/>
      <c r="ES16" s="45" t="str">
        <f t="shared" ref="ES16:ES46" si="88">IF(OR(EO16="土",EO16="日"),IF(EQ16="○","","○"),"")</f>
        <v/>
      </c>
      <c r="ET16" s="45"/>
      <c r="EU16" s="167"/>
      <c r="EV16" s="168"/>
      <c r="EW16" s="9"/>
      <c r="EZ16" s="9"/>
      <c r="FA16" s="9"/>
      <c r="FB16" s="102" t="str">
        <f t="shared" si="12"/>
        <v/>
      </c>
      <c r="FC16" s="15" t="str">
        <f>IF(FC15="","",IF(FC15='（参考）【別紙２】'!$E$35,"",IF(MONTH(FC15)=MONTH(FC15+1),FC15+1,"")))</f>
        <v/>
      </c>
      <c r="FD16" s="13" t="str">
        <f>IF(COUNTIF(祝日一覧!$E$2:$E$142,FC16),"○",IF(FG16&lt;&gt;"","○",""))</f>
        <v/>
      </c>
      <c r="FE16" s="26"/>
      <c r="FF16" s="45" t="str">
        <f t="shared" ref="FF16:FF46" si="89">IF(OR(FB16="土",FB16="日"),IF(FD16="○","","○"),"")</f>
        <v/>
      </c>
      <c r="FG16" s="45"/>
      <c r="FH16" s="167"/>
      <c r="FI16" s="168"/>
      <c r="FJ16" s="9"/>
      <c r="FM16" s="9"/>
      <c r="FN16" s="9"/>
      <c r="FO16" s="102" t="str">
        <f t="shared" si="13"/>
        <v/>
      </c>
      <c r="FP16" s="15" t="str">
        <f>IF(FP15="","",IF(FP15='（参考）【別紙２】'!$E$35,"",IF(MONTH(FP15)=MONTH(FP15+1),FP15+1,"")))</f>
        <v/>
      </c>
      <c r="FQ16" s="13" t="str">
        <f>IF(COUNTIF(祝日一覧!$E$2:$E$142,FP16),"○",IF(FT16&lt;&gt;"","○",""))</f>
        <v/>
      </c>
      <c r="FR16" s="26"/>
      <c r="FS16" s="45" t="str">
        <f t="shared" ref="FS16:FS46" si="90">IF(OR(FO16="土",FO16="日"),IF(FQ16="○","","○"),"")</f>
        <v/>
      </c>
      <c r="FT16" s="45"/>
      <c r="FU16" s="167"/>
      <c r="FV16" s="168"/>
      <c r="FW16" s="9"/>
      <c r="FZ16" s="9"/>
      <c r="GA16" s="9"/>
      <c r="GB16" s="102" t="str">
        <f t="shared" si="14"/>
        <v/>
      </c>
      <c r="GC16" s="15" t="str">
        <f>IF(GC15="","",IF(GC15='（参考）【別紙２】'!$E$35,"",IF(MONTH(GC15)=MONTH(GC15+1),GC15+1,"")))</f>
        <v/>
      </c>
      <c r="GD16" s="13" t="str">
        <f>IF(COUNTIF(祝日一覧!$E$2:$E$142,GC16),"○",IF(GG16&lt;&gt;"","○",""))</f>
        <v/>
      </c>
      <c r="GE16" s="25"/>
      <c r="GF16" s="45" t="str">
        <f t="shared" ref="GF16:GF46" si="91">IF(OR(GB16="土",GB16="日"),IF(GD16="○","","○"),"")</f>
        <v/>
      </c>
      <c r="GG16" s="45"/>
      <c r="GH16" s="167"/>
      <c r="GI16" s="168"/>
      <c r="GJ16" s="9"/>
      <c r="GM16" s="9"/>
      <c r="GN16" s="9"/>
      <c r="GO16" s="102" t="str">
        <f t="shared" si="15"/>
        <v/>
      </c>
      <c r="GP16" s="15" t="str">
        <f>IF(GP15="","",IF(GP15='（参考）【別紙２】'!$E$35,"",IF(MONTH(GP15)=MONTH(GP15+1),GP15+1,"")))</f>
        <v/>
      </c>
      <c r="GQ16" s="13" t="str">
        <f>IF(COUNTIF(祝日一覧!$E$2:$E$142,GP16),"○",IF(GT16&lt;&gt;"","○",""))</f>
        <v/>
      </c>
      <c r="GR16" s="25"/>
      <c r="GS16" s="45" t="str">
        <f t="shared" ref="GS16:GS46" si="92">IF(OR(GO16="土",GO16="日"),IF(GQ16="○","","○"),"")</f>
        <v/>
      </c>
      <c r="GT16" s="45"/>
      <c r="GU16" s="167"/>
      <c r="GV16" s="168"/>
      <c r="GW16" s="9"/>
      <c r="GZ16" s="9"/>
      <c r="HA16" s="9"/>
      <c r="HB16" s="102" t="str">
        <f t="shared" si="16"/>
        <v/>
      </c>
      <c r="HC16" s="15" t="str">
        <f>IF(HC15="","",IF(HC15='（参考）【別紙２】'!$E$35,"",IF(MONTH(HC15)=MONTH(HC15+1),HC15+1,"")))</f>
        <v/>
      </c>
      <c r="HD16" s="13" t="str">
        <f>IF(COUNTIF(祝日一覧!$E$2:$E$142,HC16),"○",IF(HG16&lt;&gt;"","○",""))</f>
        <v/>
      </c>
      <c r="HE16" s="26"/>
      <c r="HF16" s="45" t="str">
        <f t="shared" ref="HF16:HF46" si="93">IF(OR(HB16="土",HB16="日"),IF(HD16="○","","○"),"")</f>
        <v/>
      </c>
      <c r="HG16" s="45"/>
      <c r="HH16" s="167"/>
      <c r="HI16" s="168"/>
      <c r="HJ16" s="9"/>
      <c r="HM16" s="9"/>
      <c r="HN16" s="9"/>
      <c r="HO16" s="102" t="str">
        <f t="shared" si="17"/>
        <v/>
      </c>
      <c r="HP16" s="15" t="str">
        <f>IF(HP15="","",IF(HP15='（参考）【別紙２】'!$E$35,"",IF(MONTH(HP15)=MONTH(HP15+1),HP15+1,"")))</f>
        <v/>
      </c>
      <c r="HQ16" s="13" t="str">
        <f>IF(COUNTIF(祝日一覧!$E$2:$E$142,HP16),"○",IF(HT16&lt;&gt;"","○",""))</f>
        <v/>
      </c>
      <c r="HR16" s="25"/>
      <c r="HS16" s="45" t="str">
        <f t="shared" ref="HS16:HS46" si="94">IF(OR(HO16="土",HO16="日"),IF(HQ16="○","","○"),"")</f>
        <v/>
      </c>
      <c r="HT16" s="45"/>
      <c r="HU16" s="167"/>
      <c r="HV16" s="168"/>
      <c r="HW16" s="9"/>
      <c r="HZ16" s="9"/>
      <c r="IA16" s="9"/>
      <c r="IB16" s="102" t="str">
        <f t="shared" si="18"/>
        <v/>
      </c>
      <c r="IC16" s="15" t="str">
        <f>IF(IC15="","",IF(IC15='（参考）【別紙２】'!$E$35,"",IF(MONTH(IC15)=MONTH(IC15+1),IC15+1,"")))</f>
        <v/>
      </c>
      <c r="ID16" s="13" t="str">
        <f>IF(COUNTIF(祝日一覧!$E$2:$E$142,IC16),"○",IF(IG16&lt;&gt;"","○",""))</f>
        <v/>
      </c>
      <c r="IE16" s="25"/>
      <c r="IF16" s="45" t="str">
        <f t="shared" ref="IF16:IF46" si="95">IF(OR(IB16="土",IB16="日"),IF(ID16="○","","○"),"")</f>
        <v/>
      </c>
      <c r="IG16" s="45"/>
      <c r="IH16" s="167"/>
      <c r="II16" s="168"/>
      <c r="IJ16" s="9"/>
      <c r="IM16" s="9"/>
      <c r="IN16" s="9"/>
      <c r="IO16" s="102" t="str">
        <f t="shared" si="19"/>
        <v/>
      </c>
      <c r="IP16" s="15" t="str">
        <f>IF(IP15="","",IF(IP15='（参考）【別紙２】'!$E$35,"",IF(MONTH(IP15)=MONTH(IP15+1),IP15+1,"")))</f>
        <v/>
      </c>
      <c r="IQ16" s="13" t="str">
        <f>IF(COUNTIF(祝日一覧!$E$2:$E$142,IP16),"○",IF(IT16&lt;&gt;"","○",""))</f>
        <v/>
      </c>
      <c r="IR16" s="25"/>
      <c r="IS16" s="45" t="str">
        <f t="shared" ref="IS16:IS46" si="96">IF(OR(IO16="土",IO16="日"),IF(IQ16="○","","○"),"")</f>
        <v/>
      </c>
      <c r="IT16" s="45"/>
      <c r="IU16" s="167"/>
      <c r="IV16" s="168"/>
      <c r="IW16" s="9"/>
      <c r="IZ16" s="9"/>
      <c r="JA16" s="9"/>
      <c r="JB16" s="102" t="str">
        <f t="shared" si="20"/>
        <v/>
      </c>
      <c r="JC16" s="15" t="str">
        <f>IF(JC15="","",IF(JC15='（参考）【別紙２】'!$E$35,"",IF(MONTH(JC15)=MONTH(JC15+1),JC15+1,"")))</f>
        <v/>
      </c>
      <c r="JD16" s="13" t="str">
        <f>IF(COUNTIF(祝日一覧!$E$2:$E$142,JC16),"○",IF(JG16&lt;&gt;"","○",""))</f>
        <v/>
      </c>
      <c r="JE16" s="25"/>
      <c r="JF16" s="45" t="str">
        <f t="shared" ref="JF16:JF46" si="97">IF(OR(JB16="土",JB16="日"),IF(JD16="○","","○"),"")</f>
        <v/>
      </c>
      <c r="JG16" s="45"/>
      <c r="JH16" s="167"/>
      <c r="JI16" s="168"/>
      <c r="JJ16" s="9"/>
      <c r="JM16" s="9"/>
      <c r="JN16" s="9"/>
      <c r="JO16" s="102" t="str">
        <f t="shared" si="21"/>
        <v/>
      </c>
      <c r="JP16" s="15" t="str">
        <f>IF(JP15="","",IF(JP15='（参考）【別紙２】'!$E$35,"",IF(MONTH(JP15)=MONTH(JP15+1),JP15+1,"")))</f>
        <v/>
      </c>
      <c r="JQ16" s="13" t="str">
        <f>IF(COUNTIF(祝日一覧!$E$2:$E$142,JP16),"○",IF(JT16&lt;&gt;"","○",""))</f>
        <v/>
      </c>
      <c r="JR16" s="25"/>
      <c r="JS16" s="45" t="str">
        <f t="shared" ref="JS16:JS46" si="98">IF(OR(JO16="土",JO16="日"),IF(JQ16="○","","○"),"")</f>
        <v/>
      </c>
      <c r="JT16" s="45"/>
      <c r="JU16" s="167"/>
      <c r="JV16" s="168"/>
      <c r="JW16" s="9"/>
      <c r="JZ16" s="9"/>
      <c r="KA16" s="9"/>
      <c r="KB16" s="102" t="str">
        <f t="shared" si="22"/>
        <v/>
      </c>
      <c r="KC16" s="15" t="str">
        <f>IF(KC15="","",IF(KC15='（参考）【別紙２】'!$E$35,"",IF(MONTH(KC15)=MONTH(KC15+1),KC15+1,"")))</f>
        <v/>
      </c>
      <c r="KD16" s="13" t="str">
        <f>IF(COUNTIF(祝日一覧!$E$2:$E$142,KC16),"○",IF(KG16&lt;&gt;"","○",""))</f>
        <v/>
      </c>
      <c r="KE16" s="25"/>
      <c r="KF16" s="45" t="str">
        <f t="shared" ref="KF16:KF46" si="99">IF(OR(KB16="土",KB16="日"),IF(KD16="○","","○"),"")</f>
        <v/>
      </c>
      <c r="KG16" s="45"/>
      <c r="KH16" s="167"/>
      <c r="KI16" s="168"/>
      <c r="KJ16" s="9"/>
      <c r="KM16" s="9"/>
      <c r="KN16" s="9"/>
      <c r="KO16" s="102" t="str">
        <f t="shared" si="23"/>
        <v/>
      </c>
      <c r="KP16" s="15" t="str">
        <f>IF(KP15="","",IF(KP15='（参考）【別紙２】'!$E$35,"",IF(MONTH(KP15)=MONTH(KP15+1),KP15+1,"")))</f>
        <v/>
      </c>
      <c r="KQ16" s="13" t="str">
        <f>IF(COUNTIF(祝日一覧!$E$2:$E$142,KP16),"○",IF(KT16&lt;&gt;"","○",""))</f>
        <v/>
      </c>
      <c r="KR16" s="25"/>
      <c r="KS16" s="45" t="str">
        <f t="shared" ref="KS16:KS46" si="100">IF(OR(KO16="土",KO16="日"),IF(KQ16="○","","○"),"")</f>
        <v/>
      </c>
      <c r="KT16" s="45"/>
      <c r="KU16" s="167"/>
      <c r="KV16" s="168"/>
      <c r="KW16" s="9"/>
      <c r="KZ16" s="9"/>
      <c r="LA16" s="9"/>
      <c r="LB16" s="102" t="str">
        <f t="shared" si="24"/>
        <v/>
      </c>
      <c r="LC16" s="15" t="str">
        <f>IF(LC15="","",IF(LC15='（参考）【別紙２】'!$E$35,"",IF(MONTH(LC15)=MONTH(LC15+1),LC15+1,"")))</f>
        <v/>
      </c>
      <c r="LD16" s="13" t="str">
        <f>IF(COUNTIF(祝日一覧!$E$2:$E$142,LC16),"○",IF(LG16&lt;&gt;"","○",""))</f>
        <v/>
      </c>
      <c r="LE16" s="25"/>
      <c r="LF16" s="45" t="str">
        <f t="shared" ref="LF16:LF46" si="101">IF(OR(LB16="土",LB16="日"),IF(LD16="○","","○"),"")</f>
        <v/>
      </c>
      <c r="LG16" s="45"/>
      <c r="LH16" s="167"/>
      <c r="LI16" s="168"/>
      <c r="LJ16" s="9"/>
      <c r="LM16" s="9"/>
      <c r="LN16" s="9"/>
      <c r="LO16" s="102" t="str">
        <f t="shared" si="25"/>
        <v/>
      </c>
      <c r="LP16" s="15" t="str">
        <f>IF(LP15="","",IF(LP15='（参考）【別紙２】'!$E$35,"",IF(MONTH(LP15)=MONTH(LP15+1),LP15+1,"")))</f>
        <v/>
      </c>
      <c r="LQ16" s="13" t="str">
        <f>IF(COUNTIF(祝日一覧!$E$2:$E$142,LP16),"○",IF(LT16&lt;&gt;"","○",""))</f>
        <v/>
      </c>
      <c r="LR16" s="25"/>
      <c r="LS16" s="45" t="str">
        <f t="shared" ref="LS16:LS46" si="102">IF(OR(LO16="土",LO16="日"),IF(LQ16="○","","○"),"")</f>
        <v/>
      </c>
      <c r="LT16" s="45"/>
      <c r="LU16" s="167"/>
      <c r="LV16" s="168"/>
      <c r="LW16" s="9"/>
      <c r="LZ16" s="9"/>
      <c r="MA16" s="9"/>
      <c r="MB16" s="102" t="str">
        <f t="shared" si="26"/>
        <v/>
      </c>
      <c r="MC16" s="15" t="str">
        <f>IF(MC15="","",IF(MC15='（参考）【別紙２】'!$E$35,"",IF(MONTH(MC15)=MONTH(MC15+1),MC15+1,"")))</f>
        <v/>
      </c>
      <c r="MD16" s="13" t="str">
        <f>IF(COUNTIF(祝日一覧!$E$2:$E$142,MC16),"○",IF(MG16&lt;&gt;"","○",""))</f>
        <v/>
      </c>
      <c r="ME16" s="25"/>
      <c r="MF16" s="45" t="str">
        <f t="shared" ref="MF16:MF46" si="103">IF(OR(MB16="土",MB16="日"),IF(MD16="○","","○"),"")</f>
        <v/>
      </c>
      <c r="MG16" s="45"/>
      <c r="MH16" s="167"/>
      <c r="MI16" s="168"/>
      <c r="MJ16" s="9"/>
      <c r="MM16" s="9"/>
      <c r="MN16" s="9"/>
      <c r="MO16" s="102" t="str">
        <f t="shared" si="27"/>
        <v/>
      </c>
      <c r="MP16" s="15" t="str">
        <f>IF(MP15="","",IF(MP15='（参考）【別紙２】'!$E$35,"",IF(MONTH(MP15)=MONTH(MP15+1),MP15+1,"")))</f>
        <v/>
      </c>
      <c r="MQ16" s="13" t="str">
        <f>IF(COUNTIF(祝日一覧!$E$2:$E$142,MP16),"○",IF(MT16&lt;&gt;"","○",""))</f>
        <v/>
      </c>
      <c r="MR16" s="25"/>
      <c r="MS16" s="45" t="str">
        <f t="shared" ref="MS16:MS46" si="104">IF(OR(MO16="土",MO16="日"),IF(MQ16="○","","○"),"")</f>
        <v/>
      </c>
      <c r="MT16" s="45"/>
      <c r="MU16" s="167"/>
      <c r="MV16" s="168"/>
      <c r="MW16" s="9"/>
      <c r="MZ16" s="9"/>
      <c r="NA16" s="9"/>
      <c r="NB16" s="102" t="str">
        <f t="shared" si="28"/>
        <v/>
      </c>
      <c r="NC16" s="15" t="str">
        <f>IF(NC15="","",IF(NC15='（参考）【別紙２】'!$E$35,"",IF(MONTH(NC15)=MONTH(NC15+1),NC15+1,"")))</f>
        <v/>
      </c>
      <c r="ND16" s="13" t="str">
        <f>IF(COUNTIF(祝日一覧!$E$2:$E$142,NC16),"○",IF(NG16&lt;&gt;"","○",""))</f>
        <v/>
      </c>
      <c r="NE16" s="25"/>
      <c r="NF16" s="45" t="str">
        <f t="shared" ref="NF16:NF46" si="105">IF(OR(NB16="土",NB16="日"),IF(ND16="○","","○"),"")</f>
        <v/>
      </c>
      <c r="NG16" s="45"/>
      <c r="NH16" s="167"/>
      <c r="NI16" s="168"/>
      <c r="NJ16" s="9"/>
      <c r="NM16" s="9"/>
      <c r="NN16" s="9"/>
      <c r="NO16" s="102" t="str">
        <f t="shared" si="29"/>
        <v/>
      </c>
      <c r="NP16" s="15" t="str">
        <f>IF(NP15="","",IF(NP15='（参考）【別紙２】'!$E$35,"",IF(MONTH(NP15)=MONTH(NP15+1),NP15+1,"")))</f>
        <v/>
      </c>
      <c r="NQ16" s="13" t="str">
        <f>IF(COUNTIF(祝日一覧!$E$2:$E$142,NP16),"○",IF(NT16&lt;&gt;"","○",""))</f>
        <v/>
      </c>
      <c r="NR16" s="25"/>
      <c r="NS16" s="45" t="str">
        <f t="shared" ref="NS16:NS46" si="106">IF(OR(NO16="土",NO16="日"),IF(NQ16="○","","○"),"")</f>
        <v/>
      </c>
      <c r="NT16" s="45"/>
      <c r="NU16" s="167"/>
      <c r="NV16" s="168"/>
      <c r="NW16" s="9"/>
      <c r="NZ16" s="9"/>
      <c r="OA16" s="9"/>
      <c r="OB16" s="102" t="str">
        <f t="shared" si="30"/>
        <v/>
      </c>
      <c r="OC16" s="15" t="str">
        <f>IF(OC15="","",IF(OC15='（参考）【別紙２】'!$E$35,"",IF(MONTH(OC15)=MONTH(OC15+1),OC15+1,"")))</f>
        <v/>
      </c>
      <c r="OD16" s="13" t="str">
        <f>IF(COUNTIF(祝日一覧!$E$2:$E$142,OC16),"○",IF(OG16&lt;&gt;"","○",""))</f>
        <v/>
      </c>
      <c r="OE16" s="25"/>
      <c r="OF16" s="45" t="str">
        <f t="shared" ref="OF16:OF46" si="107">IF(OR(OB16="土",OB16="日"),IF(OD16="○","","○"),"")</f>
        <v/>
      </c>
      <c r="OG16" s="45"/>
      <c r="OH16" s="167"/>
      <c r="OI16" s="168"/>
      <c r="OJ16" s="9"/>
      <c r="OM16" s="9"/>
      <c r="ON16" s="9"/>
      <c r="OO16" s="102" t="str">
        <f t="shared" si="31"/>
        <v/>
      </c>
      <c r="OP16" s="15" t="str">
        <f>IF(OP15="","",IF(OP15='（参考）【別紙２】'!$E$35,"",IF(MONTH(OP15)=MONTH(OP15+1),OP15+1,"")))</f>
        <v/>
      </c>
      <c r="OQ16" s="13" t="str">
        <f>IF(COUNTIF(祝日一覧!$E$2:$E$142,OP16),"○",IF(OT16&lt;&gt;"","○",""))</f>
        <v/>
      </c>
      <c r="OR16" s="25"/>
      <c r="OS16" s="45" t="str">
        <f t="shared" ref="OS16:OS46" si="108">IF(OR(OO16="土",OO16="日"),IF(OQ16="○","","○"),"")</f>
        <v/>
      </c>
      <c r="OT16" s="45"/>
      <c r="OU16" s="167"/>
      <c r="OV16" s="168"/>
      <c r="OW16" s="9"/>
      <c r="OZ16" s="9"/>
      <c r="PA16" s="9"/>
      <c r="PB16" s="102" t="str">
        <f t="shared" si="32"/>
        <v/>
      </c>
      <c r="PC16" s="15" t="str">
        <f>IF(PC15="","",IF(PC15='（参考）【別紙２】'!$E$35,"",IF(MONTH(PC15)=MONTH(PC15+1),PC15+1,"")))</f>
        <v/>
      </c>
      <c r="PD16" s="13" t="str">
        <f>IF(COUNTIF(祝日一覧!$E$2:$E$142,PC16),"○",IF(PG16&lt;&gt;"","○",""))</f>
        <v/>
      </c>
      <c r="PE16" s="25"/>
      <c r="PF16" s="45" t="str">
        <f t="shared" ref="PF16:PF46" si="109">IF(OR(PB16="土",PB16="日"),IF(PD16="○","","○"),"")</f>
        <v/>
      </c>
      <c r="PG16" s="45"/>
      <c r="PH16" s="167"/>
      <c r="PI16" s="168"/>
      <c r="PJ16" s="9"/>
      <c r="PM16" s="9"/>
      <c r="PN16" s="9"/>
      <c r="PO16" s="102" t="str">
        <f t="shared" si="33"/>
        <v/>
      </c>
      <c r="PP16" s="15" t="str">
        <f>IF(PP15="","",IF(PP15='（参考）【別紙２】'!$E$35,"",IF(MONTH(PP15)=MONTH(PP15+1),PP15+1,"")))</f>
        <v/>
      </c>
      <c r="PQ16" s="13" t="str">
        <f>IF(COUNTIF(祝日一覧!$E$2:$E$142,PP16),"○",IF(PT16&lt;&gt;"","○",""))</f>
        <v/>
      </c>
      <c r="PR16" s="25"/>
      <c r="PS16" s="45" t="str">
        <f t="shared" ref="PS16:PS46" si="110">IF(OR(PO16="土",PO16="日"),IF(PQ16="○","","○"),"")</f>
        <v/>
      </c>
      <c r="PT16" s="45"/>
      <c r="PU16" s="167"/>
      <c r="PV16" s="168"/>
      <c r="PW16" s="9"/>
      <c r="PZ16" s="9"/>
      <c r="QA16" s="9"/>
      <c r="QB16" s="102" t="str">
        <f t="shared" si="34"/>
        <v/>
      </c>
      <c r="QC16" s="15" t="str">
        <f>IF(QC15="","",IF(QC15='（参考）【別紙２】'!$E$35,"",IF(MONTH(QC15)=MONTH(QC15+1),QC15+1,"")))</f>
        <v/>
      </c>
      <c r="QD16" s="13" t="str">
        <f>IF(COUNTIF(祝日一覧!$E$2:$E$142,QC16),"○",IF(QG16&lt;&gt;"","○",""))</f>
        <v/>
      </c>
      <c r="QE16" s="25"/>
      <c r="QF16" s="45" t="str">
        <f t="shared" ref="QF16:QF46" si="111">IF(OR(QB16="土",QB16="日"),IF(QD16="○","","○"),"")</f>
        <v/>
      </c>
      <c r="QG16" s="45"/>
      <c r="QH16" s="167"/>
      <c r="QI16" s="168"/>
      <c r="QJ16" s="9"/>
      <c r="QM16" s="9"/>
      <c r="QN16" s="9"/>
      <c r="QO16" s="102" t="str">
        <f t="shared" si="35"/>
        <v/>
      </c>
      <c r="QP16" s="15" t="str">
        <f>IF(QP15="","",IF(QP15='（参考）【別紙２】'!$E$35,"",IF(MONTH(QP15)=MONTH(QP15+1),QP15+1,"")))</f>
        <v/>
      </c>
      <c r="QQ16" s="13" t="str">
        <f>IF(COUNTIF(祝日一覧!$E$2:$E$142,QP16),"○",IF(QT16&lt;&gt;"","○",""))</f>
        <v/>
      </c>
      <c r="QR16" s="25"/>
      <c r="QS16" s="45" t="str">
        <f t="shared" ref="QS16:QS46" si="112">IF(OR(QO16="土",QO16="日"),IF(QQ16="○","","○"),"")</f>
        <v/>
      </c>
      <c r="QT16" s="45"/>
      <c r="QU16" s="167"/>
      <c r="QV16" s="168"/>
      <c r="QW16" s="9"/>
      <c r="QZ16" s="9"/>
      <c r="RA16" s="9"/>
      <c r="RB16" s="102" t="str">
        <f t="shared" si="36"/>
        <v/>
      </c>
      <c r="RC16" s="15" t="str">
        <f>IF(RC15="","",IF(RC15='（参考）【別紙２】'!$E$35,"",IF(MONTH(RC15)=MONTH(RC15+1),RC15+1,"")))</f>
        <v/>
      </c>
      <c r="RD16" s="13" t="str">
        <f>IF(COUNTIF(祝日一覧!$E$2:$E$142,RC16),"○",IF(RG16&lt;&gt;"","○",""))</f>
        <v/>
      </c>
      <c r="RE16" s="25"/>
      <c r="RF16" s="45" t="str">
        <f t="shared" ref="RF16:RF46" si="113">IF(OR(RB16="土",RB16="日"),IF(RD16="○","","○"),"")</f>
        <v/>
      </c>
      <c r="RG16" s="45"/>
      <c r="RH16" s="167"/>
      <c r="RI16" s="168"/>
      <c r="RJ16" s="9"/>
      <c r="RM16" s="9"/>
      <c r="RN16" s="9"/>
      <c r="RO16" s="102" t="str">
        <f t="shared" si="37"/>
        <v/>
      </c>
      <c r="RP16" s="15" t="str">
        <f>IF(RP15="","",IF(RP15='（参考）【別紙２】'!$E$35,"",IF(MONTH(RP15)=MONTH(RP15+1),RP15+1,"")))</f>
        <v/>
      </c>
      <c r="RQ16" s="13" t="str">
        <f>IF(COUNTIF(祝日一覧!$E$2:$E$142,RP16),"○",IF(RT16&lt;&gt;"","○",""))</f>
        <v/>
      </c>
      <c r="RR16" s="25"/>
      <c r="RS16" s="45" t="str">
        <f t="shared" ref="RS16:RS46" si="114">IF(OR(RO16="土",RO16="日"),IF(RQ16="○","","○"),"")</f>
        <v/>
      </c>
      <c r="RT16" s="45"/>
      <c r="RU16" s="167"/>
      <c r="RV16" s="168"/>
      <c r="RW16" s="9"/>
      <c r="RZ16" s="9"/>
      <c r="SA16" s="9"/>
      <c r="SB16" s="102" t="str">
        <f t="shared" si="38"/>
        <v/>
      </c>
      <c r="SC16" s="15" t="str">
        <f>IF(SC15="","",IF(SC15='（参考）【別紙２】'!$E$35,"",IF(MONTH(SC15)=MONTH(SC15+1),SC15+1,"")))</f>
        <v/>
      </c>
      <c r="SD16" s="13" t="str">
        <f>IF(COUNTIF(祝日一覧!$E$2:$E$142,SC16),"○",IF(SG16&lt;&gt;"","○",""))</f>
        <v/>
      </c>
      <c r="SE16" s="25"/>
      <c r="SF16" s="45" t="str">
        <f t="shared" ref="SF16:SF46" si="115">IF(OR(SB16="土",SB16="日"),IF(SD16="○","","○"),"")</f>
        <v/>
      </c>
      <c r="SG16" s="45"/>
      <c r="SH16" s="167"/>
      <c r="SI16" s="168"/>
      <c r="SJ16" s="9"/>
      <c r="SM16" s="9"/>
    </row>
    <row r="17" spans="1:507" ht="15.6" customHeight="1">
      <c r="A17" s="9"/>
      <c r="B17" s="102" t="str">
        <f t="shared" si="0"/>
        <v>水</v>
      </c>
      <c r="C17" s="15">
        <f>IF(C16="","",IF(C16='（参考）【別紙２】'!$E$35,"",IF(MONTH(C16)=MONTH(C16+1),C16+1,"")))</f>
        <v>45756</v>
      </c>
      <c r="D17" s="13" t="str">
        <f>IF(COUNTIF(祝日一覧!$E$2:$E$142,C17),"○",IF(G17&lt;&gt;"","○",""))</f>
        <v/>
      </c>
      <c r="E17" s="26"/>
      <c r="F17" s="45" t="str">
        <f t="shared" si="39"/>
        <v/>
      </c>
      <c r="G17" s="45"/>
      <c r="H17" s="167"/>
      <c r="I17" s="168"/>
      <c r="J17" s="43"/>
      <c r="K17" s="174" t="s">
        <v>93</v>
      </c>
      <c r="L17" s="175"/>
      <c r="M17" s="9"/>
      <c r="N17" s="9"/>
      <c r="O17" s="102" t="str">
        <f t="shared" si="1"/>
        <v>金</v>
      </c>
      <c r="P17" s="15">
        <f>IF(P16="","",IF(P16='（参考）【別紙２】'!$E$35,"",IF(MONTH(P16)=MONTH(P16+1),P16+1,"")))</f>
        <v>45786</v>
      </c>
      <c r="Q17" s="13" t="str">
        <f>IF(COUNTIF(祝日一覧!$E$2:$E$142,P17),"○",IF(T17&lt;&gt;"","○",""))</f>
        <v/>
      </c>
      <c r="R17" s="26"/>
      <c r="S17" s="45" t="str">
        <f t="shared" si="78"/>
        <v/>
      </c>
      <c r="T17" s="45"/>
      <c r="U17" s="167"/>
      <c r="V17" s="168"/>
      <c r="W17" s="9"/>
      <c r="X17" s="174" t="s">
        <v>93</v>
      </c>
      <c r="Y17" s="175"/>
      <c r="Z17" s="9"/>
      <c r="AA17" s="9"/>
      <c r="AB17" s="102" t="str">
        <f t="shared" si="2"/>
        <v>月</v>
      </c>
      <c r="AC17" s="15">
        <f>IF(AC16="","",IF(AC16='（参考）【別紙２】'!$E$35,"",IF(MONTH(AC16)=MONTH(AC16+1),AC16+1,"")))</f>
        <v>45817</v>
      </c>
      <c r="AD17" s="13" t="str">
        <f>IF(COUNTIF(祝日一覧!$E$2:$E$142,AC17),"○",IF(AG17&lt;&gt;"","○",""))</f>
        <v/>
      </c>
      <c r="AE17" s="26"/>
      <c r="AF17" s="45" t="str">
        <f t="shared" si="79"/>
        <v/>
      </c>
      <c r="AG17" s="45"/>
      <c r="AH17" s="167"/>
      <c r="AI17" s="168"/>
      <c r="AJ17" s="9"/>
      <c r="AK17" s="174" t="s">
        <v>93</v>
      </c>
      <c r="AL17" s="175"/>
      <c r="AM17" s="9"/>
      <c r="AN17" s="9"/>
      <c r="AO17" s="102" t="str">
        <f t="shared" si="3"/>
        <v>水</v>
      </c>
      <c r="AP17" s="15">
        <f>IF(AP16="","",IF(AP16='（参考）【別紙２】'!$E$35,"",IF(MONTH(AP16)=MONTH(AP16+1),AP16+1,"")))</f>
        <v>45847</v>
      </c>
      <c r="AQ17" s="13" t="str">
        <f>IF(COUNTIF(祝日一覧!$E$2:$E$142,AP17),"○",IF(AT17&lt;&gt;"","○",""))</f>
        <v/>
      </c>
      <c r="AR17" s="26"/>
      <c r="AS17" s="45" t="str">
        <f t="shared" si="80"/>
        <v/>
      </c>
      <c r="AT17" s="45"/>
      <c r="AU17" s="167"/>
      <c r="AV17" s="168"/>
      <c r="AW17" s="9"/>
      <c r="AX17" s="174" t="s">
        <v>93</v>
      </c>
      <c r="AY17" s="175"/>
      <c r="AZ17" s="9"/>
      <c r="BA17" s="9"/>
      <c r="BB17" s="102" t="str">
        <f t="shared" si="4"/>
        <v>土</v>
      </c>
      <c r="BC17" s="15">
        <f>IF(BC16="","",IF(BC16='（参考）【別紙２】'!$E$35,"",IF(MONTH(BC16)=MONTH(BC16+1),BC16+1,"")))</f>
        <v>45878</v>
      </c>
      <c r="BD17" s="13" t="str">
        <f>IF(COUNTIF(祝日一覧!$E$2:$E$142,BC17),"○",IF(BG17&lt;&gt;"","○",""))</f>
        <v/>
      </c>
      <c r="BE17" s="26"/>
      <c r="BF17" s="45" t="str">
        <f t="shared" si="81"/>
        <v>○</v>
      </c>
      <c r="BG17" s="45"/>
      <c r="BH17" s="167"/>
      <c r="BI17" s="168"/>
      <c r="BJ17" s="9"/>
      <c r="BK17" s="174" t="s">
        <v>93</v>
      </c>
      <c r="BL17" s="175"/>
      <c r="BM17" s="9"/>
      <c r="BN17" s="9"/>
      <c r="BO17" s="102" t="str">
        <f t="shared" si="5"/>
        <v/>
      </c>
      <c r="BP17" s="15" t="str">
        <f>IF(BP16="","",IF(BP16='（参考）【別紙２】'!$E$35,"",IF(MONTH(BP16)=MONTH(BP16+1),BP16+1,"")))</f>
        <v/>
      </c>
      <c r="BQ17" s="13" t="str">
        <f>IF(COUNTIF(祝日一覧!$E$2:$E$142,BP17),"○",IF(BT17&lt;&gt;"","○",""))</f>
        <v/>
      </c>
      <c r="BR17" s="26"/>
      <c r="BS17" s="45" t="str">
        <f t="shared" si="82"/>
        <v/>
      </c>
      <c r="BT17" s="45"/>
      <c r="BU17" s="167"/>
      <c r="BV17" s="168"/>
      <c r="BW17" s="9"/>
      <c r="BX17" s="174" t="s">
        <v>93</v>
      </c>
      <c r="BY17" s="175"/>
      <c r="BZ17" s="9"/>
      <c r="CA17" s="9"/>
      <c r="CB17" s="102" t="str">
        <f t="shared" si="6"/>
        <v/>
      </c>
      <c r="CC17" s="15" t="str">
        <f>IF(CC16="","",IF(CC16='（参考）【別紙２】'!$E$35,"",IF(MONTH(CC16)=MONTH(CC16+1),CC16+1,"")))</f>
        <v/>
      </c>
      <c r="CD17" s="13" t="str">
        <f>IF(COUNTIF(祝日一覧!$E$2:$E$142,CC17),"○",IF(CG17&lt;&gt;"","○",""))</f>
        <v/>
      </c>
      <c r="CE17" s="26"/>
      <c r="CF17" s="45" t="str">
        <f t="shared" si="83"/>
        <v/>
      </c>
      <c r="CG17" s="45"/>
      <c r="CH17" s="167"/>
      <c r="CI17" s="168"/>
      <c r="CJ17" s="9"/>
      <c r="CK17" s="174" t="s">
        <v>93</v>
      </c>
      <c r="CL17" s="175"/>
      <c r="CM17" s="9"/>
      <c r="CN17" s="9"/>
      <c r="CO17" s="102" t="str">
        <f t="shared" si="7"/>
        <v/>
      </c>
      <c r="CP17" s="15" t="str">
        <f>IF(CP16="","",IF(CP16='（参考）【別紙２】'!$E$35,"",IF(MONTH(CP16)=MONTH(CP16+1),CP16+1,"")))</f>
        <v/>
      </c>
      <c r="CQ17" s="13" t="str">
        <f>IF(COUNTIF(祝日一覧!$E$2:$E$142,CP17),"○",IF(CT17&lt;&gt;"","○",""))</f>
        <v/>
      </c>
      <c r="CR17" s="26"/>
      <c r="CS17" s="45" t="str">
        <f t="shared" si="84"/>
        <v/>
      </c>
      <c r="CT17" s="45"/>
      <c r="CU17" s="167"/>
      <c r="CV17" s="168"/>
      <c r="CW17" s="9"/>
      <c r="CX17" s="174" t="s">
        <v>93</v>
      </c>
      <c r="CY17" s="175"/>
      <c r="CZ17" s="9"/>
      <c r="DA17" s="9"/>
      <c r="DB17" s="102" t="str">
        <f t="shared" si="8"/>
        <v/>
      </c>
      <c r="DC17" s="15" t="str">
        <f>IF(DC16="","",IF(DC16='（参考）【別紙２】'!$E$35,"",IF(MONTH(DC16)=MONTH(DC16+1),DC16+1,"")))</f>
        <v/>
      </c>
      <c r="DD17" s="13" t="str">
        <f>IF(COUNTIF(祝日一覧!$E$2:$E$142,DC17),"○",IF(DG17&lt;&gt;"","○",""))</f>
        <v/>
      </c>
      <c r="DE17" s="26"/>
      <c r="DF17" s="45" t="str">
        <f t="shared" si="85"/>
        <v/>
      </c>
      <c r="DG17" s="45"/>
      <c r="DH17" s="167"/>
      <c r="DI17" s="168"/>
      <c r="DJ17" s="9"/>
      <c r="DK17" s="174" t="s">
        <v>93</v>
      </c>
      <c r="DL17" s="175"/>
      <c r="DM17" s="9"/>
      <c r="DN17" s="9"/>
      <c r="DO17" s="102" t="str">
        <f t="shared" si="9"/>
        <v/>
      </c>
      <c r="DP17" s="15" t="str">
        <f>IF(DP16="","",IF(DP16='（参考）【別紙２】'!$E$35,"",IF(MONTH(DP16)=MONTH(DP16+1),DP16+1,"")))</f>
        <v/>
      </c>
      <c r="DQ17" s="13" t="str">
        <f>IF(COUNTIF(祝日一覧!$E$2:$E$142,DP17),"○",IF(DT17&lt;&gt;"","○",""))</f>
        <v/>
      </c>
      <c r="DR17" s="26"/>
      <c r="DS17" s="45" t="str">
        <f t="shared" si="86"/>
        <v/>
      </c>
      <c r="DT17" s="45"/>
      <c r="DU17" s="167"/>
      <c r="DV17" s="168"/>
      <c r="DW17" s="9"/>
      <c r="DX17" s="174" t="s">
        <v>93</v>
      </c>
      <c r="DY17" s="175"/>
      <c r="DZ17" s="9"/>
      <c r="EA17" s="9"/>
      <c r="EB17" s="102" t="str">
        <f t="shared" si="10"/>
        <v/>
      </c>
      <c r="EC17" s="15" t="str">
        <f>IF(EC16="","",IF(EC16='（参考）【別紙２】'!$E$35,"",IF(MONTH(EC16)=MONTH(EC16+1),EC16+1,"")))</f>
        <v/>
      </c>
      <c r="ED17" s="13" t="str">
        <f>IF(COUNTIF(祝日一覧!$E$2:$E$142,EC17),"○",IF(EG17&lt;&gt;"","○",""))</f>
        <v/>
      </c>
      <c r="EE17" s="26"/>
      <c r="EF17" s="45" t="str">
        <f t="shared" si="87"/>
        <v/>
      </c>
      <c r="EG17" s="45"/>
      <c r="EH17" s="167"/>
      <c r="EI17" s="168"/>
      <c r="EJ17" s="9"/>
      <c r="EK17" s="174" t="s">
        <v>93</v>
      </c>
      <c r="EL17" s="175"/>
      <c r="EM17" s="9"/>
      <c r="EN17" s="9"/>
      <c r="EO17" s="102" t="str">
        <f t="shared" si="11"/>
        <v/>
      </c>
      <c r="EP17" s="15" t="str">
        <f>IF(EP16="","",IF(EP16='（参考）【別紙２】'!$E$35,"",IF(MONTH(EP16)=MONTH(EP16+1),EP16+1,"")))</f>
        <v/>
      </c>
      <c r="EQ17" s="13" t="str">
        <f>IF(COUNTIF(祝日一覧!$E$2:$E$142,EP17),"○",IF(ET17&lt;&gt;"","○",""))</f>
        <v/>
      </c>
      <c r="ER17" s="26"/>
      <c r="ES17" s="45" t="str">
        <f t="shared" si="88"/>
        <v/>
      </c>
      <c r="ET17" s="45"/>
      <c r="EU17" s="167"/>
      <c r="EV17" s="168"/>
      <c r="EW17" s="9"/>
      <c r="EX17" s="174" t="s">
        <v>93</v>
      </c>
      <c r="EY17" s="175"/>
      <c r="EZ17" s="9"/>
      <c r="FA17" s="9"/>
      <c r="FB17" s="102" t="str">
        <f t="shared" si="12"/>
        <v/>
      </c>
      <c r="FC17" s="15" t="str">
        <f>IF(FC16="","",IF(FC16='（参考）【別紙２】'!$E$35,"",IF(MONTH(FC16)=MONTH(FC16+1),FC16+1,"")))</f>
        <v/>
      </c>
      <c r="FD17" s="13" t="str">
        <f>IF(COUNTIF(祝日一覧!$E$2:$E$142,FC17),"○",IF(FG17&lt;&gt;"","○",""))</f>
        <v/>
      </c>
      <c r="FE17" s="26"/>
      <c r="FF17" s="45" t="str">
        <f t="shared" si="89"/>
        <v/>
      </c>
      <c r="FG17" s="45"/>
      <c r="FH17" s="167"/>
      <c r="FI17" s="168"/>
      <c r="FJ17" s="9"/>
      <c r="FK17" s="174" t="s">
        <v>93</v>
      </c>
      <c r="FL17" s="175"/>
      <c r="FM17" s="9"/>
      <c r="FN17" s="9"/>
      <c r="FO17" s="102" t="str">
        <f t="shared" si="13"/>
        <v/>
      </c>
      <c r="FP17" s="15" t="str">
        <f>IF(FP16="","",IF(FP16='（参考）【別紙２】'!$E$35,"",IF(MONTH(FP16)=MONTH(FP16+1),FP16+1,"")))</f>
        <v/>
      </c>
      <c r="FQ17" s="13" t="str">
        <f>IF(COUNTIF(祝日一覧!$E$2:$E$142,FP17),"○",IF(FT17&lt;&gt;"","○",""))</f>
        <v/>
      </c>
      <c r="FR17" s="26"/>
      <c r="FS17" s="45" t="str">
        <f t="shared" si="90"/>
        <v/>
      </c>
      <c r="FT17" s="45"/>
      <c r="FU17" s="167"/>
      <c r="FV17" s="168"/>
      <c r="FW17" s="9"/>
      <c r="FX17" s="174" t="s">
        <v>93</v>
      </c>
      <c r="FY17" s="175"/>
      <c r="FZ17" s="9"/>
      <c r="GA17" s="9"/>
      <c r="GB17" s="102" t="str">
        <f t="shared" si="14"/>
        <v/>
      </c>
      <c r="GC17" s="15" t="str">
        <f>IF(GC16="","",IF(GC16='（参考）【別紙２】'!$E$35,"",IF(MONTH(GC16)=MONTH(GC16+1),GC16+1,"")))</f>
        <v/>
      </c>
      <c r="GD17" s="13" t="str">
        <f>IF(COUNTIF(祝日一覧!$E$2:$E$142,GC17),"○",IF(GG17&lt;&gt;"","○",""))</f>
        <v/>
      </c>
      <c r="GE17" s="25"/>
      <c r="GF17" s="45" t="str">
        <f t="shared" si="91"/>
        <v/>
      </c>
      <c r="GG17" s="45"/>
      <c r="GH17" s="167"/>
      <c r="GI17" s="168"/>
      <c r="GJ17" s="9"/>
      <c r="GK17" s="174" t="s">
        <v>93</v>
      </c>
      <c r="GL17" s="175"/>
      <c r="GM17" s="9"/>
      <c r="GN17" s="9"/>
      <c r="GO17" s="102" t="str">
        <f t="shared" si="15"/>
        <v/>
      </c>
      <c r="GP17" s="15" t="str">
        <f>IF(GP16="","",IF(GP16='（参考）【別紙２】'!$E$35,"",IF(MONTH(GP16)=MONTH(GP16+1),GP16+1,"")))</f>
        <v/>
      </c>
      <c r="GQ17" s="13" t="str">
        <f>IF(COUNTIF(祝日一覧!$E$2:$E$142,GP17),"○",IF(GT17&lt;&gt;"","○",""))</f>
        <v/>
      </c>
      <c r="GR17" s="25"/>
      <c r="GS17" s="45" t="str">
        <f t="shared" si="92"/>
        <v/>
      </c>
      <c r="GT17" s="45"/>
      <c r="GU17" s="167"/>
      <c r="GV17" s="168"/>
      <c r="GW17" s="9"/>
      <c r="GX17" s="174" t="s">
        <v>93</v>
      </c>
      <c r="GY17" s="175"/>
      <c r="GZ17" s="9"/>
      <c r="HA17" s="9"/>
      <c r="HB17" s="102" t="str">
        <f t="shared" si="16"/>
        <v/>
      </c>
      <c r="HC17" s="15" t="str">
        <f>IF(HC16="","",IF(HC16='（参考）【別紙２】'!$E$35,"",IF(MONTH(HC16)=MONTH(HC16+1),HC16+1,"")))</f>
        <v/>
      </c>
      <c r="HD17" s="13" t="str">
        <f>IF(COUNTIF(祝日一覧!$E$2:$E$142,HC17),"○",IF(HG17&lt;&gt;"","○",""))</f>
        <v/>
      </c>
      <c r="HE17" s="26"/>
      <c r="HF17" s="45" t="str">
        <f t="shared" si="93"/>
        <v/>
      </c>
      <c r="HG17" s="45"/>
      <c r="HH17" s="167"/>
      <c r="HI17" s="168"/>
      <c r="HJ17" s="9"/>
      <c r="HK17" s="174" t="s">
        <v>93</v>
      </c>
      <c r="HL17" s="175"/>
      <c r="HM17" s="9"/>
      <c r="HN17" s="9"/>
      <c r="HO17" s="102" t="str">
        <f t="shared" si="17"/>
        <v/>
      </c>
      <c r="HP17" s="15" t="str">
        <f>IF(HP16="","",IF(HP16='（参考）【別紙２】'!$E$35,"",IF(MONTH(HP16)=MONTH(HP16+1),HP16+1,"")))</f>
        <v/>
      </c>
      <c r="HQ17" s="13" t="str">
        <f>IF(COUNTIF(祝日一覧!$E$2:$E$142,HP17),"○",IF(HT17&lt;&gt;"","○",""))</f>
        <v/>
      </c>
      <c r="HR17" s="25"/>
      <c r="HS17" s="45" t="str">
        <f t="shared" si="94"/>
        <v/>
      </c>
      <c r="HT17" s="45"/>
      <c r="HU17" s="167"/>
      <c r="HV17" s="168"/>
      <c r="HW17" s="9"/>
      <c r="HX17" s="174" t="s">
        <v>93</v>
      </c>
      <c r="HY17" s="175"/>
      <c r="HZ17" s="9"/>
      <c r="IA17" s="9"/>
      <c r="IB17" s="102" t="str">
        <f t="shared" si="18"/>
        <v/>
      </c>
      <c r="IC17" s="15" t="str">
        <f>IF(IC16="","",IF(IC16='（参考）【別紙２】'!$E$35,"",IF(MONTH(IC16)=MONTH(IC16+1),IC16+1,"")))</f>
        <v/>
      </c>
      <c r="ID17" s="13" t="str">
        <f>IF(COUNTIF(祝日一覧!$E$2:$E$142,IC17),"○",IF(IG17&lt;&gt;"","○",""))</f>
        <v/>
      </c>
      <c r="IE17" s="25"/>
      <c r="IF17" s="45" t="str">
        <f t="shared" si="95"/>
        <v/>
      </c>
      <c r="IG17" s="45"/>
      <c r="IH17" s="167"/>
      <c r="II17" s="168"/>
      <c r="IJ17" s="9"/>
      <c r="IK17" s="174" t="s">
        <v>93</v>
      </c>
      <c r="IL17" s="175"/>
      <c r="IM17" s="9"/>
      <c r="IN17" s="9"/>
      <c r="IO17" s="102" t="str">
        <f t="shared" si="19"/>
        <v/>
      </c>
      <c r="IP17" s="15" t="str">
        <f>IF(IP16="","",IF(IP16='（参考）【別紙２】'!$E$35,"",IF(MONTH(IP16)=MONTH(IP16+1),IP16+1,"")))</f>
        <v/>
      </c>
      <c r="IQ17" s="13" t="str">
        <f>IF(COUNTIF(祝日一覧!$E$2:$E$142,IP17),"○",IF(IT17&lt;&gt;"","○",""))</f>
        <v/>
      </c>
      <c r="IR17" s="25"/>
      <c r="IS17" s="45" t="str">
        <f t="shared" si="96"/>
        <v/>
      </c>
      <c r="IT17" s="45"/>
      <c r="IU17" s="167"/>
      <c r="IV17" s="168"/>
      <c r="IW17" s="9"/>
      <c r="IX17" s="174" t="s">
        <v>93</v>
      </c>
      <c r="IY17" s="175"/>
      <c r="IZ17" s="9"/>
      <c r="JA17" s="9"/>
      <c r="JB17" s="102" t="str">
        <f t="shared" si="20"/>
        <v/>
      </c>
      <c r="JC17" s="15" t="str">
        <f>IF(JC16="","",IF(JC16='（参考）【別紙２】'!$E$35,"",IF(MONTH(JC16)=MONTH(JC16+1),JC16+1,"")))</f>
        <v/>
      </c>
      <c r="JD17" s="13" t="str">
        <f>IF(COUNTIF(祝日一覧!$E$2:$E$142,JC17),"○",IF(JG17&lt;&gt;"","○",""))</f>
        <v/>
      </c>
      <c r="JE17" s="25"/>
      <c r="JF17" s="45" t="str">
        <f t="shared" si="97"/>
        <v/>
      </c>
      <c r="JG17" s="45"/>
      <c r="JH17" s="167"/>
      <c r="JI17" s="168"/>
      <c r="JJ17" s="9"/>
      <c r="JK17" s="174" t="s">
        <v>93</v>
      </c>
      <c r="JL17" s="175"/>
      <c r="JM17" s="9"/>
      <c r="JN17" s="9"/>
      <c r="JO17" s="102" t="str">
        <f t="shared" si="21"/>
        <v/>
      </c>
      <c r="JP17" s="15" t="str">
        <f>IF(JP16="","",IF(JP16='（参考）【別紙２】'!$E$35,"",IF(MONTH(JP16)=MONTH(JP16+1),JP16+1,"")))</f>
        <v/>
      </c>
      <c r="JQ17" s="13" t="str">
        <f>IF(COUNTIF(祝日一覧!$E$2:$E$142,JP17),"○",IF(JT17&lt;&gt;"","○",""))</f>
        <v/>
      </c>
      <c r="JR17" s="25"/>
      <c r="JS17" s="45" t="str">
        <f t="shared" si="98"/>
        <v/>
      </c>
      <c r="JT17" s="45"/>
      <c r="JU17" s="167"/>
      <c r="JV17" s="168"/>
      <c r="JW17" s="9"/>
      <c r="JX17" s="174" t="s">
        <v>93</v>
      </c>
      <c r="JY17" s="175"/>
      <c r="JZ17" s="9"/>
      <c r="KA17" s="9"/>
      <c r="KB17" s="102" t="str">
        <f t="shared" si="22"/>
        <v/>
      </c>
      <c r="KC17" s="15" t="str">
        <f>IF(KC16="","",IF(KC16='（参考）【別紙２】'!$E$35,"",IF(MONTH(KC16)=MONTH(KC16+1),KC16+1,"")))</f>
        <v/>
      </c>
      <c r="KD17" s="13" t="str">
        <f>IF(COUNTIF(祝日一覧!$E$2:$E$142,KC17),"○",IF(KG17&lt;&gt;"","○",""))</f>
        <v/>
      </c>
      <c r="KE17" s="25"/>
      <c r="KF17" s="45" t="str">
        <f t="shared" si="99"/>
        <v/>
      </c>
      <c r="KG17" s="45"/>
      <c r="KH17" s="167"/>
      <c r="KI17" s="168"/>
      <c r="KJ17" s="9"/>
      <c r="KK17" s="174" t="s">
        <v>93</v>
      </c>
      <c r="KL17" s="175"/>
      <c r="KM17" s="9"/>
      <c r="KN17" s="9"/>
      <c r="KO17" s="102" t="str">
        <f t="shared" si="23"/>
        <v/>
      </c>
      <c r="KP17" s="15" t="str">
        <f>IF(KP16="","",IF(KP16='（参考）【別紙２】'!$E$35,"",IF(MONTH(KP16)=MONTH(KP16+1),KP16+1,"")))</f>
        <v/>
      </c>
      <c r="KQ17" s="13" t="str">
        <f>IF(COUNTIF(祝日一覧!$E$2:$E$142,KP17),"○",IF(KT17&lt;&gt;"","○",""))</f>
        <v/>
      </c>
      <c r="KR17" s="25"/>
      <c r="KS17" s="45" t="str">
        <f t="shared" si="100"/>
        <v/>
      </c>
      <c r="KT17" s="45"/>
      <c r="KU17" s="167"/>
      <c r="KV17" s="168"/>
      <c r="KW17" s="9"/>
      <c r="KX17" s="174" t="s">
        <v>93</v>
      </c>
      <c r="KY17" s="175"/>
      <c r="KZ17" s="9"/>
      <c r="LA17" s="9"/>
      <c r="LB17" s="102" t="str">
        <f t="shared" si="24"/>
        <v/>
      </c>
      <c r="LC17" s="15" t="str">
        <f>IF(LC16="","",IF(LC16='（参考）【別紙２】'!$E$35,"",IF(MONTH(LC16)=MONTH(LC16+1),LC16+1,"")))</f>
        <v/>
      </c>
      <c r="LD17" s="13" t="str">
        <f>IF(COUNTIF(祝日一覧!$E$2:$E$142,LC17),"○",IF(LG17&lt;&gt;"","○",""))</f>
        <v/>
      </c>
      <c r="LE17" s="25"/>
      <c r="LF17" s="45" t="str">
        <f t="shared" si="101"/>
        <v/>
      </c>
      <c r="LG17" s="45"/>
      <c r="LH17" s="167"/>
      <c r="LI17" s="168"/>
      <c r="LJ17" s="9"/>
      <c r="LK17" s="174" t="s">
        <v>93</v>
      </c>
      <c r="LL17" s="175"/>
      <c r="LM17" s="9"/>
      <c r="LN17" s="9"/>
      <c r="LO17" s="102" t="str">
        <f t="shared" si="25"/>
        <v/>
      </c>
      <c r="LP17" s="15" t="str">
        <f>IF(LP16="","",IF(LP16='（参考）【別紙２】'!$E$35,"",IF(MONTH(LP16)=MONTH(LP16+1),LP16+1,"")))</f>
        <v/>
      </c>
      <c r="LQ17" s="13" t="str">
        <f>IF(COUNTIF(祝日一覧!$E$2:$E$142,LP17),"○",IF(LT17&lt;&gt;"","○",""))</f>
        <v/>
      </c>
      <c r="LR17" s="25"/>
      <c r="LS17" s="45" t="str">
        <f t="shared" si="102"/>
        <v/>
      </c>
      <c r="LT17" s="45"/>
      <c r="LU17" s="167"/>
      <c r="LV17" s="168"/>
      <c r="LW17" s="9"/>
      <c r="LX17" s="174" t="s">
        <v>93</v>
      </c>
      <c r="LY17" s="175"/>
      <c r="LZ17" s="9"/>
      <c r="MA17" s="9"/>
      <c r="MB17" s="102" t="str">
        <f t="shared" si="26"/>
        <v/>
      </c>
      <c r="MC17" s="15" t="str">
        <f>IF(MC16="","",IF(MC16='（参考）【別紙２】'!$E$35,"",IF(MONTH(MC16)=MONTH(MC16+1),MC16+1,"")))</f>
        <v/>
      </c>
      <c r="MD17" s="13" t="str">
        <f>IF(COUNTIF(祝日一覧!$E$2:$E$142,MC17),"○",IF(MG17&lt;&gt;"","○",""))</f>
        <v/>
      </c>
      <c r="ME17" s="25"/>
      <c r="MF17" s="45" t="str">
        <f t="shared" si="103"/>
        <v/>
      </c>
      <c r="MG17" s="45"/>
      <c r="MH17" s="167"/>
      <c r="MI17" s="168"/>
      <c r="MJ17" s="9"/>
      <c r="MK17" s="174" t="s">
        <v>93</v>
      </c>
      <c r="ML17" s="175"/>
      <c r="MM17" s="9"/>
      <c r="MN17" s="9"/>
      <c r="MO17" s="102" t="str">
        <f t="shared" si="27"/>
        <v/>
      </c>
      <c r="MP17" s="15" t="str">
        <f>IF(MP16="","",IF(MP16='（参考）【別紙２】'!$E$35,"",IF(MONTH(MP16)=MONTH(MP16+1),MP16+1,"")))</f>
        <v/>
      </c>
      <c r="MQ17" s="13" t="str">
        <f>IF(COUNTIF(祝日一覧!$E$2:$E$142,MP17),"○",IF(MT17&lt;&gt;"","○",""))</f>
        <v/>
      </c>
      <c r="MR17" s="25"/>
      <c r="MS17" s="45" t="str">
        <f t="shared" si="104"/>
        <v/>
      </c>
      <c r="MT17" s="45"/>
      <c r="MU17" s="167"/>
      <c r="MV17" s="168"/>
      <c r="MW17" s="9"/>
      <c r="MX17" s="174" t="s">
        <v>93</v>
      </c>
      <c r="MY17" s="175"/>
      <c r="MZ17" s="9"/>
      <c r="NA17" s="9"/>
      <c r="NB17" s="102" t="str">
        <f t="shared" si="28"/>
        <v/>
      </c>
      <c r="NC17" s="15" t="str">
        <f>IF(NC16="","",IF(NC16='（参考）【別紙２】'!$E$35,"",IF(MONTH(NC16)=MONTH(NC16+1),NC16+1,"")))</f>
        <v/>
      </c>
      <c r="ND17" s="13" t="str">
        <f>IF(COUNTIF(祝日一覧!$E$2:$E$142,NC17),"○",IF(NG17&lt;&gt;"","○",""))</f>
        <v/>
      </c>
      <c r="NE17" s="25"/>
      <c r="NF17" s="45" t="str">
        <f t="shared" si="105"/>
        <v/>
      </c>
      <c r="NG17" s="45"/>
      <c r="NH17" s="167"/>
      <c r="NI17" s="168"/>
      <c r="NJ17" s="9"/>
      <c r="NK17" s="174" t="s">
        <v>93</v>
      </c>
      <c r="NL17" s="175"/>
      <c r="NM17" s="9"/>
      <c r="NN17" s="9"/>
      <c r="NO17" s="102" t="str">
        <f t="shared" si="29"/>
        <v/>
      </c>
      <c r="NP17" s="15" t="str">
        <f>IF(NP16="","",IF(NP16='（参考）【別紙２】'!$E$35,"",IF(MONTH(NP16)=MONTH(NP16+1),NP16+1,"")))</f>
        <v/>
      </c>
      <c r="NQ17" s="13" t="str">
        <f>IF(COUNTIF(祝日一覧!$E$2:$E$142,NP17),"○",IF(NT17&lt;&gt;"","○",""))</f>
        <v/>
      </c>
      <c r="NR17" s="25"/>
      <c r="NS17" s="45" t="str">
        <f t="shared" si="106"/>
        <v/>
      </c>
      <c r="NT17" s="45"/>
      <c r="NU17" s="167"/>
      <c r="NV17" s="168"/>
      <c r="NW17" s="9"/>
      <c r="NX17" s="174" t="s">
        <v>93</v>
      </c>
      <c r="NY17" s="175"/>
      <c r="NZ17" s="9"/>
      <c r="OA17" s="9"/>
      <c r="OB17" s="102" t="str">
        <f t="shared" si="30"/>
        <v/>
      </c>
      <c r="OC17" s="15" t="str">
        <f>IF(OC16="","",IF(OC16='（参考）【別紙２】'!$E$35,"",IF(MONTH(OC16)=MONTH(OC16+1),OC16+1,"")))</f>
        <v/>
      </c>
      <c r="OD17" s="13" t="str">
        <f>IF(COUNTIF(祝日一覧!$E$2:$E$142,OC17),"○",IF(OG17&lt;&gt;"","○",""))</f>
        <v/>
      </c>
      <c r="OE17" s="25"/>
      <c r="OF17" s="45" t="str">
        <f t="shared" si="107"/>
        <v/>
      </c>
      <c r="OG17" s="45"/>
      <c r="OH17" s="167"/>
      <c r="OI17" s="168"/>
      <c r="OJ17" s="9"/>
      <c r="OK17" s="174" t="s">
        <v>93</v>
      </c>
      <c r="OL17" s="175"/>
      <c r="OM17" s="9"/>
      <c r="ON17" s="9"/>
      <c r="OO17" s="102" t="str">
        <f t="shared" si="31"/>
        <v/>
      </c>
      <c r="OP17" s="15" t="str">
        <f>IF(OP16="","",IF(OP16='（参考）【別紙２】'!$E$35,"",IF(MONTH(OP16)=MONTH(OP16+1),OP16+1,"")))</f>
        <v/>
      </c>
      <c r="OQ17" s="13" t="str">
        <f>IF(COUNTIF(祝日一覧!$E$2:$E$142,OP17),"○",IF(OT17&lt;&gt;"","○",""))</f>
        <v/>
      </c>
      <c r="OR17" s="25"/>
      <c r="OS17" s="45" t="str">
        <f t="shared" si="108"/>
        <v/>
      </c>
      <c r="OT17" s="45"/>
      <c r="OU17" s="167"/>
      <c r="OV17" s="168"/>
      <c r="OW17" s="9"/>
      <c r="OX17" s="174" t="s">
        <v>93</v>
      </c>
      <c r="OY17" s="175"/>
      <c r="OZ17" s="9"/>
      <c r="PA17" s="9"/>
      <c r="PB17" s="102" t="str">
        <f t="shared" si="32"/>
        <v/>
      </c>
      <c r="PC17" s="15" t="str">
        <f>IF(PC16="","",IF(PC16='（参考）【別紙２】'!$E$35,"",IF(MONTH(PC16)=MONTH(PC16+1),PC16+1,"")))</f>
        <v/>
      </c>
      <c r="PD17" s="13" t="str">
        <f>IF(COUNTIF(祝日一覧!$E$2:$E$142,PC17),"○",IF(PG17&lt;&gt;"","○",""))</f>
        <v/>
      </c>
      <c r="PE17" s="25"/>
      <c r="PF17" s="45" t="str">
        <f t="shared" si="109"/>
        <v/>
      </c>
      <c r="PG17" s="45"/>
      <c r="PH17" s="167"/>
      <c r="PI17" s="168"/>
      <c r="PJ17" s="9"/>
      <c r="PK17" s="174" t="s">
        <v>93</v>
      </c>
      <c r="PL17" s="175"/>
      <c r="PM17" s="9"/>
      <c r="PN17" s="9"/>
      <c r="PO17" s="102" t="str">
        <f t="shared" si="33"/>
        <v/>
      </c>
      <c r="PP17" s="15" t="str">
        <f>IF(PP16="","",IF(PP16='（参考）【別紙２】'!$E$35,"",IF(MONTH(PP16)=MONTH(PP16+1),PP16+1,"")))</f>
        <v/>
      </c>
      <c r="PQ17" s="13" t="str">
        <f>IF(COUNTIF(祝日一覧!$E$2:$E$142,PP17),"○",IF(PT17&lt;&gt;"","○",""))</f>
        <v/>
      </c>
      <c r="PR17" s="25"/>
      <c r="PS17" s="45" t="str">
        <f t="shared" si="110"/>
        <v/>
      </c>
      <c r="PT17" s="45"/>
      <c r="PU17" s="167"/>
      <c r="PV17" s="168"/>
      <c r="PW17" s="9"/>
      <c r="PX17" s="174" t="s">
        <v>93</v>
      </c>
      <c r="PY17" s="175"/>
      <c r="PZ17" s="9"/>
      <c r="QA17" s="9"/>
      <c r="QB17" s="102" t="str">
        <f t="shared" si="34"/>
        <v/>
      </c>
      <c r="QC17" s="15" t="str">
        <f>IF(QC16="","",IF(QC16='（参考）【別紙２】'!$E$35,"",IF(MONTH(QC16)=MONTH(QC16+1),QC16+1,"")))</f>
        <v/>
      </c>
      <c r="QD17" s="13" t="str">
        <f>IF(COUNTIF(祝日一覧!$E$2:$E$142,QC17),"○",IF(QG17&lt;&gt;"","○",""))</f>
        <v/>
      </c>
      <c r="QE17" s="25"/>
      <c r="QF17" s="45" t="str">
        <f t="shared" si="111"/>
        <v/>
      </c>
      <c r="QG17" s="45"/>
      <c r="QH17" s="167"/>
      <c r="QI17" s="168"/>
      <c r="QJ17" s="9"/>
      <c r="QK17" s="174" t="s">
        <v>93</v>
      </c>
      <c r="QL17" s="175"/>
      <c r="QM17" s="9"/>
      <c r="QN17" s="9"/>
      <c r="QO17" s="102" t="str">
        <f t="shared" si="35"/>
        <v/>
      </c>
      <c r="QP17" s="15" t="str">
        <f>IF(QP16="","",IF(QP16='（参考）【別紙２】'!$E$35,"",IF(MONTH(QP16)=MONTH(QP16+1),QP16+1,"")))</f>
        <v/>
      </c>
      <c r="QQ17" s="13" t="str">
        <f>IF(COUNTIF(祝日一覧!$E$2:$E$142,QP17),"○",IF(QT17&lt;&gt;"","○",""))</f>
        <v/>
      </c>
      <c r="QR17" s="25"/>
      <c r="QS17" s="45" t="str">
        <f t="shared" si="112"/>
        <v/>
      </c>
      <c r="QT17" s="45"/>
      <c r="QU17" s="167"/>
      <c r="QV17" s="168"/>
      <c r="QW17" s="9"/>
      <c r="QX17" s="174" t="s">
        <v>93</v>
      </c>
      <c r="QY17" s="175"/>
      <c r="QZ17" s="9"/>
      <c r="RA17" s="9"/>
      <c r="RB17" s="102" t="str">
        <f t="shared" si="36"/>
        <v/>
      </c>
      <c r="RC17" s="15" t="str">
        <f>IF(RC16="","",IF(RC16='（参考）【別紙２】'!$E$35,"",IF(MONTH(RC16)=MONTH(RC16+1),RC16+1,"")))</f>
        <v/>
      </c>
      <c r="RD17" s="13" t="str">
        <f>IF(COUNTIF(祝日一覧!$E$2:$E$142,RC17),"○",IF(RG17&lt;&gt;"","○",""))</f>
        <v/>
      </c>
      <c r="RE17" s="25"/>
      <c r="RF17" s="45" t="str">
        <f t="shared" si="113"/>
        <v/>
      </c>
      <c r="RG17" s="45"/>
      <c r="RH17" s="167"/>
      <c r="RI17" s="168"/>
      <c r="RJ17" s="9"/>
      <c r="RK17" s="174" t="s">
        <v>93</v>
      </c>
      <c r="RL17" s="175"/>
      <c r="RM17" s="9"/>
      <c r="RN17" s="9"/>
      <c r="RO17" s="102" t="str">
        <f t="shared" si="37"/>
        <v/>
      </c>
      <c r="RP17" s="15" t="str">
        <f>IF(RP16="","",IF(RP16='（参考）【別紙２】'!$E$35,"",IF(MONTH(RP16)=MONTH(RP16+1),RP16+1,"")))</f>
        <v/>
      </c>
      <c r="RQ17" s="13" t="str">
        <f>IF(COUNTIF(祝日一覧!$E$2:$E$142,RP17),"○",IF(RT17&lt;&gt;"","○",""))</f>
        <v/>
      </c>
      <c r="RR17" s="25"/>
      <c r="RS17" s="45" t="str">
        <f t="shared" si="114"/>
        <v/>
      </c>
      <c r="RT17" s="45"/>
      <c r="RU17" s="167"/>
      <c r="RV17" s="168"/>
      <c r="RW17" s="9"/>
      <c r="RX17" s="174" t="s">
        <v>93</v>
      </c>
      <c r="RY17" s="175"/>
      <c r="RZ17" s="9"/>
      <c r="SA17" s="9"/>
      <c r="SB17" s="102" t="str">
        <f t="shared" si="38"/>
        <v/>
      </c>
      <c r="SC17" s="15" t="str">
        <f>IF(SC16="","",IF(SC16='（参考）【別紙２】'!$E$35,"",IF(MONTH(SC16)=MONTH(SC16+1),SC16+1,"")))</f>
        <v/>
      </c>
      <c r="SD17" s="13" t="str">
        <f>IF(COUNTIF(祝日一覧!$E$2:$E$142,SC17),"○",IF(SG17&lt;&gt;"","○",""))</f>
        <v/>
      </c>
      <c r="SE17" s="25"/>
      <c r="SF17" s="45" t="str">
        <f t="shared" si="115"/>
        <v/>
      </c>
      <c r="SG17" s="45"/>
      <c r="SH17" s="167"/>
      <c r="SI17" s="168"/>
      <c r="SJ17" s="9"/>
      <c r="SK17" s="174" t="s">
        <v>93</v>
      </c>
      <c r="SL17" s="175"/>
      <c r="SM17" s="9"/>
    </row>
    <row r="18" spans="1:507" ht="15.6" customHeight="1">
      <c r="A18" s="9"/>
      <c r="B18" s="102" t="str">
        <f t="shared" si="0"/>
        <v>木</v>
      </c>
      <c r="C18" s="15">
        <f>IF(C17="","",IF(C17='（参考）【別紙２】'!$E$35,"",IF(MONTH(C17)=MONTH(C17+1),C17+1,"")))</f>
        <v>45757</v>
      </c>
      <c r="D18" s="13" t="str">
        <f>IF(COUNTIF(祝日一覧!$E$2:$E$142,C18),"○",IF(G18&lt;&gt;"","○",""))</f>
        <v/>
      </c>
      <c r="E18" s="26"/>
      <c r="F18" s="45" t="str">
        <f t="shared" si="39"/>
        <v/>
      </c>
      <c r="G18" s="45"/>
      <c r="H18" s="167"/>
      <c r="I18" s="168"/>
      <c r="J18" s="43"/>
      <c r="K18" s="175"/>
      <c r="L18" s="175"/>
      <c r="M18" s="9"/>
      <c r="N18" s="9"/>
      <c r="O18" s="102" t="str">
        <f t="shared" si="1"/>
        <v>土</v>
      </c>
      <c r="P18" s="15">
        <f>IF(P17="","",IF(P17='（参考）【別紙２】'!$E$35,"",IF(MONTH(P17)=MONTH(P17+1),P17+1,"")))</f>
        <v>45787</v>
      </c>
      <c r="Q18" s="13" t="str">
        <f>IF(COUNTIF(祝日一覧!$E$2:$E$142,P18),"○",IF(T18&lt;&gt;"","○",""))</f>
        <v/>
      </c>
      <c r="R18" s="26"/>
      <c r="S18" s="45" t="str">
        <f t="shared" si="78"/>
        <v>○</v>
      </c>
      <c r="T18" s="45"/>
      <c r="U18" s="167"/>
      <c r="V18" s="168"/>
      <c r="W18" s="9"/>
      <c r="X18" s="175"/>
      <c r="Y18" s="175"/>
      <c r="Z18" s="9"/>
      <c r="AA18" s="9"/>
      <c r="AB18" s="102" t="str">
        <f t="shared" si="2"/>
        <v>火</v>
      </c>
      <c r="AC18" s="15">
        <f>IF(AC17="","",IF(AC17='（参考）【別紙２】'!$E$35,"",IF(MONTH(AC17)=MONTH(AC17+1),AC17+1,"")))</f>
        <v>45818</v>
      </c>
      <c r="AD18" s="13" t="str">
        <f>IF(COUNTIF(祝日一覧!$E$2:$E$142,AC18),"○",IF(AG18&lt;&gt;"","○",""))</f>
        <v/>
      </c>
      <c r="AE18" s="26"/>
      <c r="AF18" s="45" t="str">
        <f t="shared" si="79"/>
        <v/>
      </c>
      <c r="AG18" s="45"/>
      <c r="AH18" s="167"/>
      <c r="AI18" s="168"/>
      <c r="AJ18" s="9"/>
      <c r="AK18" s="175"/>
      <c r="AL18" s="175"/>
      <c r="AM18" s="9"/>
      <c r="AN18" s="9"/>
      <c r="AO18" s="102" t="str">
        <f t="shared" si="3"/>
        <v>木</v>
      </c>
      <c r="AP18" s="15">
        <f>IF(AP17="","",IF(AP17='（参考）【別紙２】'!$E$35,"",IF(MONTH(AP17)=MONTH(AP17+1),AP17+1,"")))</f>
        <v>45848</v>
      </c>
      <c r="AQ18" s="13" t="str">
        <f>IF(COUNTIF(祝日一覧!$E$2:$E$142,AP18),"○",IF(AT18&lt;&gt;"","○",""))</f>
        <v/>
      </c>
      <c r="AR18" s="26"/>
      <c r="AS18" s="45" t="str">
        <f t="shared" si="80"/>
        <v/>
      </c>
      <c r="AT18" s="45"/>
      <c r="AU18" s="167"/>
      <c r="AV18" s="168"/>
      <c r="AW18" s="9"/>
      <c r="AX18" s="175"/>
      <c r="AY18" s="175"/>
      <c r="AZ18" s="9"/>
      <c r="BA18" s="9"/>
      <c r="BB18" s="102" t="str">
        <f t="shared" si="4"/>
        <v>日</v>
      </c>
      <c r="BC18" s="15">
        <f>IF(BC17="","",IF(BC17='（参考）【別紙２】'!$E$35,"",IF(MONTH(BC17)=MONTH(BC17+1),BC17+1,"")))</f>
        <v>45879</v>
      </c>
      <c r="BD18" s="13" t="str">
        <f>IF(COUNTIF(祝日一覧!$E$2:$E$142,BC18),"○",IF(BG18&lt;&gt;"","○",""))</f>
        <v/>
      </c>
      <c r="BE18" s="26"/>
      <c r="BF18" s="45" t="str">
        <f t="shared" si="81"/>
        <v>○</v>
      </c>
      <c r="BG18" s="45"/>
      <c r="BH18" s="167"/>
      <c r="BI18" s="168"/>
      <c r="BJ18" s="9"/>
      <c r="BK18" s="175"/>
      <c r="BL18" s="175"/>
      <c r="BM18" s="9"/>
      <c r="BN18" s="9"/>
      <c r="BO18" s="102" t="str">
        <f t="shared" si="5"/>
        <v/>
      </c>
      <c r="BP18" s="15" t="str">
        <f>IF(BP17="","",IF(BP17='（参考）【別紙２】'!$E$35,"",IF(MONTH(BP17)=MONTH(BP17+1),BP17+1,"")))</f>
        <v/>
      </c>
      <c r="BQ18" s="13" t="str">
        <f>IF(COUNTIF(祝日一覧!$E$2:$E$142,BP18),"○",IF(BT18&lt;&gt;"","○",""))</f>
        <v/>
      </c>
      <c r="BR18" s="26"/>
      <c r="BS18" s="45" t="str">
        <f t="shared" si="82"/>
        <v/>
      </c>
      <c r="BT18" s="45"/>
      <c r="BU18" s="167"/>
      <c r="BV18" s="168"/>
      <c r="BW18" s="9"/>
      <c r="BX18" s="175"/>
      <c r="BY18" s="175"/>
      <c r="BZ18" s="9"/>
      <c r="CA18" s="9"/>
      <c r="CB18" s="102" t="str">
        <f t="shared" si="6"/>
        <v/>
      </c>
      <c r="CC18" s="15" t="str">
        <f>IF(CC17="","",IF(CC17='（参考）【別紙２】'!$E$35,"",IF(MONTH(CC17)=MONTH(CC17+1),CC17+1,"")))</f>
        <v/>
      </c>
      <c r="CD18" s="13" t="str">
        <f>IF(COUNTIF(祝日一覧!$E$2:$E$142,CC18),"○",IF(CG18&lt;&gt;"","○",""))</f>
        <v/>
      </c>
      <c r="CE18" s="26"/>
      <c r="CF18" s="45" t="str">
        <f t="shared" si="83"/>
        <v/>
      </c>
      <c r="CG18" s="45"/>
      <c r="CH18" s="167"/>
      <c r="CI18" s="168"/>
      <c r="CJ18" s="9"/>
      <c r="CK18" s="175"/>
      <c r="CL18" s="175"/>
      <c r="CM18" s="9"/>
      <c r="CN18" s="9"/>
      <c r="CO18" s="102" t="str">
        <f t="shared" si="7"/>
        <v/>
      </c>
      <c r="CP18" s="15" t="str">
        <f>IF(CP17="","",IF(CP17='（参考）【別紙２】'!$E$35,"",IF(MONTH(CP17)=MONTH(CP17+1),CP17+1,"")))</f>
        <v/>
      </c>
      <c r="CQ18" s="13" t="str">
        <f>IF(COUNTIF(祝日一覧!$E$2:$E$142,CP18),"○",IF(CT18&lt;&gt;"","○",""))</f>
        <v/>
      </c>
      <c r="CR18" s="26"/>
      <c r="CS18" s="45" t="str">
        <f t="shared" si="84"/>
        <v/>
      </c>
      <c r="CT18" s="45"/>
      <c r="CU18" s="167"/>
      <c r="CV18" s="168"/>
      <c r="CW18" s="9"/>
      <c r="CX18" s="175"/>
      <c r="CY18" s="175"/>
      <c r="CZ18" s="9"/>
      <c r="DA18" s="9"/>
      <c r="DB18" s="102" t="str">
        <f t="shared" si="8"/>
        <v/>
      </c>
      <c r="DC18" s="15" t="str">
        <f>IF(DC17="","",IF(DC17='（参考）【別紙２】'!$E$35,"",IF(MONTH(DC17)=MONTH(DC17+1),DC17+1,"")))</f>
        <v/>
      </c>
      <c r="DD18" s="13" t="str">
        <f>IF(COUNTIF(祝日一覧!$E$2:$E$142,DC18),"○",IF(DG18&lt;&gt;"","○",""))</f>
        <v/>
      </c>
      <c r="DE18" s="26"/>
      <c r="DF18" s="45" t="str">
        <f t="shared" si="85"/>
        <v/>
      </c>
      <c r="DG18" s="45"/>
      <c r="DH18" s="167"/>
      <c r="DI18" s="168"/>
      <c r="DJ18" s="9"/>
      <c r="DK18" s="175"/>
      <c r="DL18" s="175"/>
      <c r="DM18" s="9"/>
      <c r="DN18" s="9"/>
      <c r="DO18" s="102" t="str">
        <f t="shared" si="9"/>
        <v/>
      </c>
      <c r="DP18" s="15" t="str">
        <f>IF(DP17="","",IF(DP17='（参考）【別紙２】'!$E$35,"",IF(MONTH(DP17)=MONTH(DP17+1),DP17+1,"")))</f>
        <v/>
      </c>
      <c r="DQ18" s="13" t="str">
        <f>IF(COUNTIF(祝日一覧!$E$2:$E$142,DP18),"○",IF(DT18&lt;&gt;"","○",""))</f>
        <v/>
      </c>
      <c r="DR18" s="26"/>
      <c r="DS18" s="45" t="str">
        <f t="shared" si="86"/>
        <v/>
      </c>
      <c r="DT18" s="45"/>
      <c r="DU18" s="167"/>
      <c r="DV18" s="168"/>
      <c r="DW18" s="9"/>
      <c r="DX18" s="175"/>
      <c r="DY18" s="175"/>
      <c r="DZ18" s="9"/>
      <c r="EA18" s="9"/>
      <c r="EB18" s="102" t="str">
        <f t="shared" si="10"/>
        <v/>
      </c>
      <c r="EC18" s="15" t="str">
        <f>IF(EC17="","",IF(EC17='（参考）【別紙２】'!$E$35,"",IF(MONTH(EC17)=MONTH(EC17+1),EC17+1,"")))</f>
        <v/>
      </c>
      <c r="ED18" s="13" t="str">
        <f>IF(COUNTIF(祝日一覧!$E$2:$E$142,EC18),"○",IF(EG18&lt;&gt;"","○",""))</f>
        <v/>
      </c>
      <c r="EE18" s="26"/>
      <c r="EF18" s="45" t="str">
        <f t="shared" si="87"/>
        <v/>
      </c>
      <c r="EG18" s="45"/>
      <c r="EH18" s="167"/>
      <c r="EI18" s="168"/>
      <c r="EJ18" s="9"/>
      <c r="EK18" s="175"/>
      <c r="EL18" s="175"/>
      <c r="EM18" s="9"/>
      <c r="EN18" s="9"/>
      <c r="EO18" s="102" t="str">
        <f t="shared" si="11"/>
        <v/>
      </c>
      <c r="EP18" s="15" t="str">
        <f>IF(EP17="","",IF(EP17='（参考）【別紙２】'!$E$35,"",IF(MONTH(EP17)=MONTH(EP17+1),EP17+1,"")))</f>
        <v/>
      </c>
      <c r="EQ18" s="13" t="str">
        <f>IF(COUNTIF(祝日一覧!$E$2:$E$142,EP18),"○",IF(ET18&lt;&gt;"","○",""))</f>
        <v/>
      </c>
      <c r="ER18" s="26"/>
      <c r="ES18" s="45" t="str">
        <f t="shared" si="88"/>
        <v/>
      </c>
      <c r="ET18" s="45"/>
      <c r="EU18" s="167"/>
      <c r="EV18" s="168"/>
      <c r="EW18" s="9"/>
      <c r="EX18" s="175"/>
      <c r="EY18" s="175"/>
      <c r="EZ18" s="9"/>
      <c r="FA18" s="9"/>
      <c r="FB18" s="102" t="str">
        <f t="shared" si="12"/>
        <v/>
      </c>
      <c r="FC18" s="15" t="str">
        <f>IF(FC17="","",IF(FC17='（参考）【別紙２】'!$E$35,"",IF(MONTH(FC17)=MONTH(FC17+1),FC17+1,"")))</f>
        <v/>
      </c>
      <c r="FD18" s="13" t="str">
        <f>IF(COUNTIF(祝日一覧!$E$2:$E$142,FC18),"○",IF(FG18&lt;&gt;"","○",""))</f>
        <v/>
      </c>
      <c r="FE18" s="26"/>
      <c r="FF18" s="45" t="str">
        <f t="shared" si="89"/>
        <v/>
      </c>
      <c r="FG18" s="45"/>
      <c r="FH18" s="167"/>
      <c r="FI18" s="168"/>
      <c r="FJ18" s="9"/>
      <c r="FK18" s="175"/>
      <c r="FL18" s="175"/>
      <c r="FM18" s="9"/>
      <c r="FN18" s="9"/>
      <c r="FO18" s="102" t="str">
        <f t="shared" si="13"/>
        <v/>
      </c>
      <c r="FP18" s="15" t="str">
        <f>IF(FP17="","",IF(FP17='（参考）【別紙２】'!$E$35,"",IF(MONTH(FP17)=MONTH(FP17+1),FP17+1,"")))</f>
        <v/>
      </c>
      <c r="FQ18" s="13" t="str">
        <f>IF(COUNTIF(祝日一覧!$E$2:$E$142,FP18),"○",IF(FT18&lt;&gt;"","○",""))</f>
        <v/>
      </c>
      <c r="FR18" s="26"/>
      <c r="FS18" s="45" t="str">
        <f t="shared" si="90"/>
        <v/>
      </c>
      <c r="FT18" s="45"/>
      <c r="FU18" s="167"/>
      <c r="FV18" s="168"/>
      <c r="FW18" s="9"/>
      <c r="FX18" s="175"/>
      <c r="FY18" s="175"/>
      <c r="FZ18" s="9"/>
      <c r="GA18" s="9"/>
      <c r="GB18" s="102" t="str">
        <f t="shared" si="14"/>
        <v/>
      </c>
      <c r="GC18" s="15" t="str">
        <f>IF(GC17="","",IF(GC17='（参考）【別紙２】'!$E$35,"",IF(MONTH(GC17)=MONTH(GC17+1),GC17+1,"")))</f>
        <v/>
      </c>
      <c r="GD18" s="13" t="str">
        <f>IF(COUNTIF(祝日一覧!$E$2:$E$142,GC18),"○",IF(GG18&lt;&gt;"","○",""))</f>
        <v/>
      </c>
      <c r="GE18" s="25"/>
      <c r="GF18" s="45" t="str">
        <f t="shared" si="91"/>
        <v/>
      </c>
      <c r="GG18" s="45"/>
      <c r="GH18" s="167"/>
      <c r="GI18" s="168"/>
      <c r="GJ18" s="9"/>
      <c r="GK18" s="175"/>
      <c r="GL18" s="175"/>
      <c r="GM18" s="9"/>
      <c r="GN18" s="9"/>
      <c r="GO18" s="102" t="str">
        <f t="shared" si="15"/>
        <v/>
      </c>
      <c r="GP18" s="15" t="str">
        <f>IF(GP17="","",IF(GP17='（参考）【別紙２】'!$E$35,"",IF(MONTH(GP17)=MONTH(GP17+1),GP17+1,"")))</f>
        <v/>
      </c>
      <c r="GQ18" s="13" t="str">
        <f>IF(COUNTIF(祝日一覧!$E$2:$E$142,GP18),"○",IF(GT18&lt;&gt;"","○",""))</f>
        <v/>
      </c>
      <c r="GR18" s="25"/>
      <c r="GS18" s="45" t="str">
        <f t="shared" si="92"/>
        <v/>
      </c>
      <c r="GT18" s="45"/>
      <c r="GU18" s="167"/>
      <c r="GV18" s="168"/>
      <c r="GW18" s="9"/>
      <c r="GX18" s="175"/>
      <c r="GY18" s="175"/>
      <c r="GZ18" s="9"/>
      <c r="HA18" s="9"/>
      <c r="HB18" s="102" t="str">
        <f t="shared" si="16"/>
        <v/>
      </c>
      <c r="HC18" s="15" t="str">
        <f>IF(HC17="","",IF(HC17='（参考）【別紙２】'!$E$35,"",IF(MONTH(HC17)=MONTH(HC17+1),HC17+1,"")))</f>
        <v/>
      </c>
      <c r="HD18" s="13" t="str">
        <f>IF(COUNTIF(祝日一覧!$E$2:$E$142,HC18),"○",IF(HG18&lt;&gt;"","○",""))</f>
        <v/>
      </c>
      <c r="HE18" s="26"/>
      <c r="HF18" s="45" t="str">
        <f t="shared" si="93"/>
        <v/>
      </c>
      <c r="HG18" s="45"/>
      <c r="HH18" s="167"/>
      <c r="HI18" s="168"/>
      <c r="HJ18" s="9"/>
      <c r="HK18" s="175"/>
      <c r="HL18" s="175"/>
      <c r="HM18" s="9"/>
      <c r="HN18" s="9"/>
      <c r="HO18" s="102" t="str">
        <f t="shared" si="17"/>
        <v/>
      </c>
      <c r="HP18" s="15" t="str">
        <f>IF(HP17="","",IF(HP17='（参考）【別紙２】'!$E$35,"",IF(MONTH(HP17)=MONTH(HP17+1),HP17+1,"")))</f>
        <v/>
      </c>
      <c r="HQ18" s="13" t="str">
        <f>IF(COUNTIF(祝日一覧!$E$2:$E$142,HP18),"○",IF(HT18&lt;&gt;"","○",""))</f>
        <v/>
      </c>
      <c r="HR18" s="25"/>
      <c r="HS18" s="45" t="str">
        <f t="shared" si="94"/>
        <v/>
      </c>
      <c r="HT18" s="45"/>
      <c r="HU18" s="167"/>
      <c r="HV18" s="168"/>
      <c r="HW18" s="9"/>
      <c r="HX18" s="175"/>
      <c r="HY18" s="175"/>
      <c r="HZ18" s="9"/>
      <c r="IA18" s="9"/>
      <c r="IB18" s="102" t="str">
        <f t="shared" si="18"/>
        <v/>
      </c>
      <c r="IC18" s="15" t="str">
        <f>IF(IC17="","",IF(IC17='（参考）【別紙２】'!$E$35,"",IF(MONTH(IC17)=MONTH(IC17+1),IC17+1,"")))</f>
        <v/>
      </c>
      <c r="ID18" s="13" t="str">
        <f>IF(COUNTIF(祝日一覧!$E$2:$E$142,IC18),"○",IF(IG18&lt;&gt;"","○",""))</f>
        <v/>
      </c>
      <c r="IE18" s="25"/>
      <c r="IF18" s="45" t="str">
        <f t="shared" si="95"/>
        <v/>
      </c>
      <c r="IG18" s="45"/>
      <c r="IH18" s="167"/>
      <c r="II18" s="168"/>
      <c r="IJ18" s="9"/>
      <c r="IK18" s="175"/>
      <c r="IL18" s="175"/>
      <c r="IM18" s="9"/>
      <c r="IN18" s="9"/>
      <c r="IO18" s="102" t="str">
        <f t="shared" si="19"/>
        <v/>
      </c>
      <c r="IP18" s="15" t="str">
        <f>IF(IP17="","",IF(IP17='（参考）【別紙２】'!$E$35,"",IF(MONTH(IP17)=MONTH(IP17+1),IP17+1,"")))</f>
        <v/>
      </c>
      <c r="IQ18" s="13" t="str">
        <f>IF(COUNTIF(祝日一覧!$E$2:$E$142,IP18),"○",IF(IT18&lt;&gt;"","○",""))</f>
        <v/>
      </c>
      <c r="IR18" s="25"/>
      <c r="IS18" s="45" t="str">
        <f t="shared" si="96"/>
        <v/>
      </c>
      <c r="IT18" s="45"/>
      <c r="IU18" s="167"/>
      <c r="IV18" s="168"/>
      <c r="IW18" s="9"/>
      <c r="IX18" s="175"/>
      <c r="IY18" s="175"/>
      <c r="IZ18" s="9"/>
      <c r="JA18" s="9"/>
      <c r="JB18" s="102" t="str">
        <f t="shared" si="20"/>
        <v/>
      </c>
      <c r="JC18" s="15" t="str">
        <f>IF(JC17="","",IF(JC17='（参考）【別紙２】'!$E$35,"",IF(MONTH(JC17)=MONTH(JC17+1),JC17+1,"")))</f>
        <v/>
      </c>
      <c r="JD18" s="13" t="str">
        <f>IF(COUNTIF(祝日一覧!$E$2:$E$142,JC18),"○",IF(JG18&lt;&gt;"","○",""))</f>
        <v/>
      </c>
      <c r="JE18" s="25"/>
      <c r="JF18" s="45" t="str">
        <f t="shared" si="97"/>
        <v/>
      </c>
      <c r="JG18" s="45"/>
      <c r="JH18" s="167"/>
      <c r="JI18" s="168"/>
      <c r="JJ18" s="9"/>
      <c r="JK18" s="175"/>
      <c r="JL18" s="175"/>
      <c r="JM18" s="9"/>
      <c r="JN18" s="9"/>
      <c r="JO18" s="102" t="str">
        <f t="shared" si="21"/>
        <v/>
      </c>
      <c r="JP18" s="15" t="str">
        <f>IF(JP17="","",IF(JP17='（参考）【別紙２】'!$E$35,"",IF(MONTH(JP17)=MONTH(JP17+1),JP17+1,"")))</f>
        <v/>
      </c>
      <c r="JQ18" s="13" t="str">
        <f>IF(COUNTIF(祝日一覧!$E$2:$E$142,JP18),"○",IF(JT18&lt;&gt;"","○",""))</f>
        <v/>
      </c>
      <c r="JR18" s="25"/>
      <c r="JS18" s="45" t="str">
        <f t="shared" si="98"/>
        <v/>
      </c>
      <c r="JT18" s="45"/>
      <c r="JU18" s="167"/>
      <c r="JV18" s="168"/>
      <c r="JW18" s="9"/>
      <c r="JX18" s="175"/>
      <c r="JY18" s="175"/>
      <c r="JZ18" s="9"/>
      <c r="KA18" s="9"/>
      <c r="KB18" s="102" t="str">
        <f t="shared" si="22"/>
        <v/>
      </c>
      <c r="KC18" s="15" t="str">
        <f>IF(KC17="","",IF(KC17='（参考）【別紙２】'!$E$35,"",IF(MONTH(KC17)=MONTH(KC17+1),KC17+1,"")))</f>
        <v/>
      </c>
      <c r="KD18" s="13" t="str">
        <f>IF(COUNTIF(祝日一覧!$E$2:$E$142,KC18),"○",IF(KG18&lt;&gt;"","○",""))</f>
        <v/>
      </c>
      <c r="KE18" s="25"/>
      <c r="KF18" s="45" t="str">
        <f t="shared" si="99"/>
        <v/>
      </c>
      <c r="KG18" s="45"/>
      <c r="KH18" s="167"/>
      <c r="KI18" s="168"/>
      <c r="KJ18" s="9"/>
      <c r="KK18" s="175"/>
      <c r="KL18" s="175"/>
      <c r="KM18" s="9"/>
      <c r="KN18" s="9"/>
      <c r="KO18" s="102" t="str">
        <f t="shared" si="23"/>
        <v/>
      </c>
      <c r="KP18" s="15" t="str">
        <f>IF(KP17="","",IF(KP17='（参考）【別紙２】'!$E$35,"",IF(MONTH(KP17)=MONTH(KP17+1),KP17+1,"")))</f>
        <v/>
      </c>
      <c r="KQ18" s="13" t="str">
        <f>IF(COUNTIF(祝日一覧!$E$2:$E$142,KP18),"○",IF(KT18&lt;&gt;"","○",""))</f>
        <v/>
      </c>
      <c r="KR18" s="25"/>
      <c r="KS18" s="45" t="str">
        <f t="shared" si="100"/>
        <v/>
      </c>
      <c r="KT18" s="45"/>
      <c r="KU18" s="167"/>
      <c r="KV18" s="168"/>
      <c r="KW18" s="9"/>
      <c r="KX18" s="175"/>
      <c r="KY18" s="175"/>
      <c r="KZ18" s="9"/>
      <c r="LA18" s="9"/>
      <c r="LB18" s="102" t="str">
        <f t="shared" si="24"/>
        <v/>
      </c>
      <c r="LC18" s="15" t="str">
        <f>IF(LC17="","",IF(LC17='（参考）【別紙２】'!$E$35,"",IF(MONTH(LC17)=MONTH(LC17+1),LC17+1,"")))</f>
        <v/>
      </c>
      <c r="LD18" s="13" t="str">
        <f>IF(COUNTIF(祝日一覧!$E$2:$E$142,LC18),"○",IF(LG18&lt;&gt;"","○",""))</f>
        <v/>
      </c>
      <c r="LE18" s="25"/>
      <c r="LF18" s="45" t="str">
        <f t="shared" si="101"/>
        <v/>
      </c>
      <c r="LG18" s="45"/>
      <c r="LH18" s="167"/>
      <c r="LI18" s="168"/>
      <c r="LJ18" s="9"/>
      <c r="LK18" s="175"/>
      <c r="LL18" s="175"/>
      <c r="LM18" s="9"/>
      <c r="LN18" s="9"/>
      <c r="LO18" s="102" t="str">
        <f t="shared" si="25"/>
        <v/>
      </c>
      <c r="LP18" s="15" t="str">
        <f>IF(LP17="","",IF(LP17='（参考）【別紙２】'!$E$35,"",IF(MONTH(LP17)=MONTH(LP17+1),LP17+1,"")))</f>
        <v/>
      </c>
      <c r="LQ18" s="13" t="str">
        <f>IF(COUNTIF(祝日一覧!$E$2:$E$142,LP18),"○",IF(LT18&lt;&gt;"","○",""))</f>
        <v/>
      </c>
      <c r="LR18" s="25"/>
      <c r="LS18" s="45" t="str">
        <f t="shared" si="102"/>
        <v/>
      </c>
      <c r="LT18" s="45"/>
      <c r="LU18" s="167"/>
      <c r="LV18" s="168"/>
      <c r="LW18" s="9"/>
      <c r="LX18" s="175"/>
      <c r="LY18" s="175"/>
      <c r="LZ18" s="9"/>
      <c r="MA18" s="9"/>
      <c r="MB18" s="102" t="str">
        <f t="shared" si="26"/>
        <v/>
      </c>
      <c r="MC18" s="15" t="str">
        <f>IF(MC17="","",IF(MC17='（参考）【別紙２】'!$E$35,"",IF(MONTH(MC17)=MONTH(MC17+1),MC17+1,"")))</f>
        <v/>
      </c>
      <c r="MD18" s="13" t="str">
        <f>IF(COUNTIF(祝日一覧!$E$2:$E$142,MC18),"○",IF(MG18&lt;&gt;"","○",""))</f>
        <v/>
      </c>
      <c r="ME18" s="25"/>
      <c r="MF18" s="45" t="str">
        <f t="shared" si="103"/>
        <v/>
      </c>
      <c r="MG18" s="45"/>
      <c r="MH18" s="167"/>
      <c r="MI18" s="168"/>
      <c r="MJ18" s="9"/>
      <c r="MK18" s="175"/>
      <c r="ML18" s="175"/>
      <c r="MM18" s="9"/>
      <c r="MN18" s="9"/>
      <c r="MO18" s="102" t="str">
        <f t="shared" si="27"/>
        <v/>
      </c>
      <c r="MP18" s="15" t="str">
        <f>IF(MP17="","",IF(MP17='（参考）【別紙２】'!$E$35,"",IF(MONTH(MP17)=MONTH(MP17+1),MP17+1,"")))</f>
        <v/>
      </c>
      <c r="MQ18" s="13" t="str">
        <f>IF(COUNTIF(祝日一覧!$E$2:$E$142,MP18),"○",IF(MT18&lt;&gt;"","○",""))</f>
        <v/>
      </c>
      <c r="MR18" s="25"/>
      <c r="MS18" s="45" t="str">
        <f t="shared" si="104"/>
        <v/>
      </c>
      <c r="MT18" s="45"/>
      <c r="MU18" s="167"/>
      <c r="MV18" s="168"/>
      <c r="MW18" s="9"/>
      <c r="MX18" s="175"/>
      <c r="MY18" s="175"/>
      <c r="MZ18" s="9"/>
      <c r="NA18" s="9"/>
      <c r="NB18" s="102" t="str">
        <f t="shared" si="28"/>
        <v/>
      </c>
      <c r="NC18" s="15" t="str">
        <f>IF(NC17="","",IF(NC17='（参考）【別紙２】'!$E$35,"",IF(MONTH(NC17)=MONTH(NC17+1),NC17+1,"")))</f>
        <v/>
      </c>
      <c r="ND18" s="13" t="str">
        <f>IF(COUNTIF(祝日一覧!$E$2:$E$142,NC18),"○",IF(NG18&lt;&gt;"","○",""))</f>
        <v/>
      </c>
      <c r="NE18" s="25"/>
      <c r="NF18" s="45" t="str">
        <f t="shared" si="105"/>
        <v/>
      </c>
      <c r="NG18" s="45"/>
      <c r="NH18" s="167"/>
      <c r="NI18" s="168"/>
      <c r="NJ18" s="9"/>
      <c r="NK18" s="175"/>
      <c r="NL18" s="175"/>
      <c r="NM18" s="9"/>
      <c r="NN18" s="9"/>
      <c r="NO18" s="102" t="str">
        <f t="shared" si="29"/>
        <v/>
      </c>
      <c r="NP18" s="15" t="str">
        <f>IF(NP17="","",IF(NP17='（参考）【別紙２】'!$E$35,"",IF(MONTH(NP17)=MONTH(NP17+1),NP17+1,"")))</f>
        <v/>
      </c>
      <c r="NQ18" s="13" t="str">
        <f>IF(COUNTIF(祝日一覧!$E$2:$E$142,NP18),"○",IF(NT18&lt;&gt;"","○",""))</f>
        <v/>
      </c>
      <c r="NR18" s="25"/>
      <c r="NS18" s="45" t="str">
        <f t="shared" si="106"/>
        <v/>
      </c>
      <c r="NT18" s="45"/>
      <c r="NU18" s="167"/>
      <c r="NV18" s="168"/>
      <c r="NW18" s="9"/>
      <c r="NX18" s="175"/>
      <c r="NY18" s="175"/>
      <c r="NZ18" s="9"/>
      <c r="OA18" s="9"/>
      <c r="OB18" s="102" t="str">
        <f t="shared" si="30"/>
        <v/>
      </c>
      <c r="OC18" s="15" t="str">
        <f>IF(OC17="","",IF(OC17='（参考）【別紙２】'!$E$35,"",IF(MONTH(OC17)=MONTH(OC17+1),OC17+1,"")))</f>
        <v/>
      </c>
      <c r="OD18" s="13" t="str">
        <f>IF(COUNTIF(祝日一覧!$E$2:$E$142,OC18),"○",IF(OG18&lt;&gt;"","○",""))</f>
        <v/>
      </c>
      <c r="OE18" s="25"/>
      <c r="OF18" s="45" t="str">
        <f t="shared" si="107"/>
        <v/>
      </c>
      <c r="OG18" s="45"/>
      <c r="OH18" s="167"/>
      <c r="OI18" s="168"/>
      <c r="OJ18" s="9"/>
      <c r="OK18" s="175"/>
      <c r="OL18" s="175"/>
      <c r="OM18" s="9"/>
      <c r="ON18" s="9"/>
      <c r="OO18" s="102" t="str">
        <f t="shared" si="31"/>
        <v/>
      </c>
      <c r="OP18" s="15" t="str">
        <f>IF(OP17="","",IF(OP17='（参考）【別紙２】'!$E$35,"",IF(MONTH(OP17)=MONTH(OP17+1),OP17+1,"")))</f>
        <v/>
      </c>
      <c r="OQ18" s="13" t="str">
        <f>IF(COUNTIF(祝日一覧!$E$2:$E$142,OP18),"○",IF(OT18&lt;&gt;"","○",""))</f>
        <v/>
      </c>
      <c r="OR18" s="25"/>
      <c r="OS18" s="45" t="str">
        <f t="shared" si="108"/>
        <v/>
      </c>
      <c r="OT18" s="45"/>
      <c r="OU18" s="167"/>
      <c r="OV18" s="168"/>
      <c r="OW18" s="9"/>
      <c r="OX18" s="175"/>
      <c r="OY18" s="175"/>
      <c r="OZ18" s="9"/>
      <c r="PA18" s="9"/>
      <c r="PB18" s="102" t="str">
        <f t="shared" si="32"/>
        <v/>
      </c>
      <c r="PC18" s="15" t="str">
        <f>IF(PC17="","",IF(PC17='（参考）【別紙２】'!$E$35,"",IF(MONTH(PC17)=MONTH(PC17+1),PC17+1,"")))</f>
        <v/>
      </c>
      <c r="PD18" s="13" t="str">
        <f>IF(COUNTIF(祝日一覧!$E$2:$E$142,PC18),"○",IF(PG18&lt;&gt;"","○",""))</f>
        <v/>
      </c>
      <c r="PE18" s="25"/>
      <c r="PF18" s="45" t="str">
        <f t="shared" si="109"/>
        <v/>
      </c>
      <c r="PG18" s="45"/>
      <c r="PH18" s="167"/>
      <c r="PI18" s="168"/>
      <c r="PJ18" s="9"/>
      <c r="PK18" s="175"/>
      <c r="PL18" s="175"/>
      <c r="PM18" s="9"/>
      <c r="PN18" s="9"/>
      <c r="PO18" s="102" t="str">
        <f t="shared" si="33"/>
        <v/>
      </c>
      <c r="PP18" s="15" t="str">
        <f>IF(PP17="","",IF(PP17='（参考）【別紙２】'!$E$35,"",IF(MONTH(PP17)=MONTH(PP17+1),PP17+1,"")))</f>
        <v/>
      </c>
      <c r="PQ18" s="13" t="str">
        <f>IF(COUNTIF(祝日一覧!$E$2:$E$142,PP18),"○",IF(PT18&lt;&gt;"","○",""))</f>
        <v/>
      </c>
      <c r="PR18" s="25"/>
      <c r="PS18" s="45" t="str">
        <f t="shared" si="110"/>
        <v/>
      </c>
      <c r="PT18" s="45"/>
      <c r="PU18" s="167"/>
      <c r="PV18" s="168"/>
      <c r="PW18" s="9"/>
      <c r="PX18" s="175"/>
      <c r="PY18" s="175"/>
      <c r="PZ18" s="9"/>
      <c r="QA18" s="9"/>
      <c r="QB18" s="102" t="str">
        <f t="shared" si="34"/>
        <v/>
      </c>
      <c r="QC18" s="15" t="str">
        <f>IF(QC17="","",IF(QC17='（参考）【別紙２】'!$E$35,"",IF(MONTH(QC17)=MONTH(QC17+1),QC17+1,"")))</f>
        <v/>
      </c>
      <c r="QD18" s="13" t="str">
        <f>IF(COUNTIF(祝日一覧!$E$2:$E$142,QC18),"○",IF(QG18&lt;&gt;"","○",""))</f>
        <v/>
      </c>
      <c r="QE18" s="25"/>
      <c r="QF18" s="45" t="str">
        <f t="shared" si="111"/>
        <v/>
      </c>
      <c r="QG18" s="45"/>
      <c r="QH18" s="167"/>
      <c r="QI18" s="168"/>
      <c r="QJ18" s="9"/>
      <c r="QK18" s="175"/>
      <c r="QL18" s="175"/>
      <c r="QM18" s="9"/>
      <c r="QN18" s="9"/>
      <c r="QO18" s="102" t="str">
        <f t="shared" si="35"/>
        <v/>
      </c>
      <c r="QP18" s="15" t="str">
        <f>IF(QP17="","",IF(QP17='（参考）【別紙２】'!$E$35,"",IF(MONTH(QP17)=MONTH(QP17+1),QP17+1,"")))</f>
        <v/>
      </c>
      <c r="QQ18" s="13" t="str">
        <f>IF(COUNTIF(祝日一覧!$E$2:$E$142,QP18),"○",IF(QT18&lt;&gt;"","○",""))</f>
        <v/>
      </c>
      <c r="QR18" s="25"/>
      <c r="QS18" s="45" t="str">
        <f t="shared" si="112"/>
        <v/>
      </c>
      <c r="QT18" s="45"/>
      <c r="QU18" s="167"/>
      <c r="QV18" s="168"/>
      <c r="QW18" s="9"/>
      <c r="QX18" s="175"/>
      <c r="QY18" s="175"/>
      <c r="QZ18" s="9"/>
      <c r="RA18" s="9"/>
      <c r="RB18" s="102" t="str">
        <f t="shared" si="36"/>
        <v/>
      </c>
      <c r="RC18" s="15" t="str">
        <f>IF(RC17="","",IF(RC17='（参考）【別紙２】'!$E$35,"",IF(MONTH(RC17)=MONTH(RC17+1),RC17+1,"")))</f>
        <v/>
      </c>
      <c r="RD18" s="13" t="str">
        <f>IF(COUNTIF(祝日一覧!$E$2:$E$142,RC18),"○",IF(RG18&lt;&gt;"","○",""))</f>
        <v/>
      </c>
      <c r="RE18" s="25"/>
      <c r="RF18" s="45" t="str">
        <f t="shared" si="113"/>
        <v/>
      </c>
      <c r="RG18" s="45"/>
      <c r="RH18" s="167"/>
      <c r="RI18" s="168"/>
      <c r="RJ18" s="9"/>
      <c r="RK18" s="175"/>
      <c r="RL18" s="175"/>
      <c r="RM18" s="9"/>
      <c r="RN18" s="9"/>
      <c r="RO18" s="102" t="str">
        <f t="shared" si="37"/>
        <v/>
      </c>
      <c r="RP18" s="15" t="str">
        <f>IF(RP17="","",IF(RP17='（参考）【別紙２】'!$E$35,"",IF(MONTH(RP17)=MONTH(RP17+1),RP17+1,"")))</f>
        <v/>
      </c>
      <c r="RQ18" s="13" t="str">
        <f>IF(COUNTIF(祝日一覧!$E$2:$E$142,RP18),"○",IF(RT18&lt;&gt;"","○",""))</f>
        <v/>
      </c>
      <c r="RR18" s="25"/>
      <c r="RS18" s="45" t="str">
        <f t="shared" si="114"/>
        <v/>
      </c>
      <c r="RT18" s="45"/>
      <c r="RU18" s="167"/>
      <c r="RV18" s="168"/>
      <c r="RW18" s="9"/>
      <c r="RX18" s="175"/>
      <c r="RY18" s="175"/>
      <c r="RZ18" s="9"/>
      <c r="SA18" s="9"/>
      <c r="SB18" s="102" t="str">
        <f t="shared" si="38"/>
        <v/>
      </c>
      <c r="SC18" s="15" t="str">
        <f>IF(SC17="","",IF(SC17='（参考）【別紙２】'!$E$35,"",IF(MONTH(SC17)=MONTH(SC17+1),SC17+1,"")))</f>
        <v/>
      </c>
      <c r="SD18" s="13" t="str">
        <f>IF(COUNTIF(祝日一覧!$E$2:$E$142,SC18),"○",IF(SG18&lt;&gt;"","○",""))</f>
        <v/>
      </c>
      <c r="SE18" s="25"/>
      <c r="SF18" s="45" t="str">
        <f t="shared" si="115"/>
        <v/>
      </c>
      <c r="SG18" s="45"/>
      <c r="SH18" s="167"/>
      <c r="SI18" s="168"/>
      <c r="SJ18" s="9"/>
      <c r="SK18" s="175"/>
      <c r="SL18" s="175"/>
      <c r="SM18" s="9"/>
    </row>
    <row r="19" spans="1:507" ht="15.6" customHeight="1">
      <c r="A19" s="9"/>
      <c r="B19" s="102" t="str">
        <f t="shared" si="0"/>
        <v>金</v>
      </c>
      <c r="C19" s="15">
        <f>IF(C18="","",IF(C18='（参考）【別紙２】'!$E$35,"",IF(MONTH(C18)=MONTH(C18+1),C18+1,"")))</f>
        <v>45758</v>
      </c>
      <c r="D19" s="13" t="str">
        <f>IF(COUNTIF(祝日一覧!$E$2:$E$142,C19),"○",IF(G19&lt;&gt;"","○",""))</f>
        <v/>
      </c>
      <c r="E19" s="26"/>
      <c r="F19" s="45" t="str">
        <f t="shared" si="39"/>
        <v/>
      </c>
      <c r="G19" s="45"/>
      <c r="H19" s="167"/>
      <c r="I19" s="168"/>
      <c r="J19" s="43"/>
      <c r="K19" s="176" t="s">
        <v>23</v>
      </c>
      <c r="L19" s="178">
        <f>L9</f>
        <v>30</v>
      </c>
      <c r="M19" s="29"/>
      <c r="N19" s="9"/>
      <c r="O19" s="102" t="str">
        <f t="shared" si="1"/>
        <v>日</v>
      </c>
      <c r="P19" s="15">
        <f>IF(P18="","",IF(P18='（参考）【別紙２】'!$E$35,"",IF(MONTH(P18)=MONTH(P18+1),P18+1,"")))</f>
        <v>45788</v>
      </c>
      <c r="Q19" s="13" t="str">
        <f>IF(COUNTIF(祝日一覧!$E$2:$E$142,P19),"○",IF(T19&lt;&gt;"","○",""))</f>
        <v/>
      </c>
      <c r="R19" s="26"/>
      <c r="S19" s="45" t="str">
        <f t="shared" si="78"/>
        <v>○</v>
      </c>
      <c r="T19" s="45"/>
      <c r="U19" s="167"/>
      <c r="V19" s="168"/>
      <c r="W19" s="9"/>
      <c r="X19" s="154" t="s">
        <v>23</v>
      </c>
      <c r="Y19" s="166">
        <f>L19+Y9</f>
        <v>61</v>
      </c>
      <c r="Z19" s="29"/>
      <c r="AA19" s="9"/>
      <c r="AB19" s="102" t="str">
        <f t="shared" si="2"/>
        <v>水</v>
      </c>
      <c r="AC19" s="15">
        <f>IF(AC18="","",IF(AC18='（参考）【別紙２】'!$E$35,"",IF(MONTH(AC18)=MONTH(AC18+1),AC18+1,"")))</f>
        <v>45819</v>
      </c>
      <c r="AD19" s="13" t="str">
        <f>IF(COUNTIF(祝日一覧!$E$2:$E$142,AC19),"○",IF(AG19&lt;&gt;"","○",""))</f>
        <v/>
      </c>
      <c r="AE19" s="26"/>
      <c r="AF19" s="45" t="str">
        <f t="shared" si="79"/>
        <v/>
      </c>
      <c r="AG19" s="45"/>
      <c r="AH19" s="167"/>
      <c r="AI19" s="168"/>
      <c r="AJ19" s="9"/>
      <c r="AK19" s="154" t="s">
        <v>23</v>
      </c>
      <c r="AL19" s="166">
        <f>Y19+AL9</f>
        <v>91</v>
      </c>
      <c r="AM19" s="29"/>
      <c r="AN19" s="9"/>
      <c r="AO19" s="102" t="str">
        <f t="shared" si="3"/>
        <v>金</v>
      </c>
      <c r="AP19" s="15">
        <f>IF(AP18="","",IF(AP18='（参考）【別紙２】'!$E$35,"",IF(MONTH(AP18)=MONTH(AP18+1),AP18+1,"")))</f>
        <v>45849</v>
      </c>
      <c r="AQ19" s="13" t="str">
        <f>IF(COUNTIF(祝日一覧!$E$2:$E$142,AP19),"○",IF(AT19&lt;&gt;"","○",""))</f>
        <v/>
      </c>
      <c r="AR19" s="26"/>
      <c r="AS19" s="45" t="str">
        <f t="shared" si="80"/>
        <v/>
      </c>
      <c r="AT19" s="45"/>
      <c r="AU19" s="167"/>
      <c r="AV19" s="168"/>
      <c r="AW19" s="9"/>
      <c r="AX19" s="154" t="s">
        <v>23</v>
      </c>
      <c r="AY19" s="166">
        <f>AL19+AY9</f>
        <v>122</v>
      </c>
      <c r="AZ19" s="29"/>
      <c r="BA19" s="9"/>
      <c r="BB19" s="102" t="str">
        <f t="shared" si="4"/>
        <v>月</v>
      </c>
      <c r="BC19" s="15">
        <f>IF(BC18="","",IF(BC18='（参考）【別紙２】'!$E$35,"",IF(MONTH(BC18)=MONTH(BC18+1),BC18+1,"")))</f>
        <v>45880</v>
      </c>
      <c r="BD19" s="13" t="str">
        <f>IF(COUNTIF(祝日一覧!$E$2:$E$142,BC19),"○",IF(BG19&lt;&gt;"","○",""))</f>
        <v/>
      </c>
      <c r="BE19" s="26"/>
      <c r="BF19" s="45" t="str">
        <f t="shared" si="81"/>
        <v/>
      </c>
      <c r="BG19" s="45"/>
      <c r="BH19" s="167"/>
      <c r="BI19" s="168"/>
      <c r="BJ19" s="9"/>
      <c r="BK19" s="154" t="s">
        <v>23</v>
      </c>
      <c r="BL19" s="166">
        <f>AY19+BL9</f>
        <v>153</v>
      </c>
      <c r="BM19" s="29"/>
      <c r="BN19" s="9"/>
      <c r="BO19" s="102" t="str">
        <f t="shared" si="5"/>
        <v/>
      </c>
      <c r="BP19" s="15" t="str">
        <f>IF(BP18="","",IF(BP18='（参考）【別紙２】'!$E$35,"",IF(MONTH(BP18)=MONTH(BP18+1),BP18+1,"")))</f>
        <v/>
      </c>
      <c r="BQ19" s="13" t="str">
        <f>IF(COUNTIF(祝日一覧!$E$2:$E$142,BP19),"○",IF(BT19&lt;&gt;"","○",""))</f>
        <v/>
      </c>
      <c r="BR19" s="26"/>
      <c r="BS19" s="45" t="str">
        <f t="shared" si="82"/>
        <v/>
      </c>
      <c r="BT19" s="45"/>
      <c r="BU19" s="167"/>
      <c r="BV19" s="168"/>
      <c r="BW19" s="9"/>
      <c r="BX19" s="154" t="s">
        <v>23</v>
      </c>
      <c r="BY19" s="166">
        <f>BL19+BY9</f>
        <v>153</v>
      </c>
      <c r="BZ19" s="29"/>
      <c r="CA19" s="9"/>
      <c r="CB19" s="102" t="str">
        <f t="shared" si="6"/>
        <v/>
      </c>
      <c r="CC19" s="15" t="str">
        <f>IF(CC18="","",IF(CC18='（参考）【別紙２】'!$E$35,"",IF(MONTH(CC18)=MONTH(CC18+1),CC18+1,"")))</f>
        <v/>
      </c>
      <c r="CD19" s="13" t="str">
        <f>IF(COUNTIF(祝日一覧!$E$2:$E$142,CC19),"○",IF(CG19&lt;&gt;"","○",""))</f>
        <v/>
      </c>
      <c r="CE19" s="26"/>
      <c r="CF19" s="45" t="str">
        <f t="shared" si="83"/>
        <v/>
      </c>
      <c r="CG19" s="45"/>
      <c r="CH19" s="167"/>
      <c r="CI19" s="168"/>
      <c r="CJ19" s="9"/>
      <c r="CK19" s="154" t="s">
        <v>23</v>
      </c>
      <c r="CL19" s="166">
        <f>BY19+CL9</f>
        <v>153</v>
      </c>
      <c r="CM19" s="29"/>
      <c r="CN19" s="9"/>
      <c r="CO19" s="102" t="str">
        <f t="shared" si="7"/>
        <v/>
      </c>
      <c r="CP19" s="15" t="str">
        <f>IF(CP18="","",IF(CP18='（参考）【別紙２】'!$E$35,"",IF(MONTH(CP18)=MONTH(CP18+1),CP18+1,"")))</f>
        <v/>
      </c>
      <c r="CQ19" s="13" t="str">
        <f>IF(COUNTIF(祝日一覧!$E$2:$E$142,CP19),"○",IF(CT19&lt;&gt;"","○",""))</f>
        <v/>
      </c>
      <c r="CR19" s="26"/>
      <c r="CS19" s="45" t="str">
        <f t="shared" si="84"/>
        <v/>
      </c>
      <c r="CT19" s="45"/>
      <c r="CU19" s="167"/>
      <c r="CV19" s="168"/>
      <c r="CW19" s="9"/>
      <c r="CX19" s="154" t="s">
        <v>23</v>
      </c>
      <c r="CY19" s="166">
        <f>CL19+CY9</f>
        <v>153</v>
      </c>
      <c r="CZ19" s="29"/>
      <c r="DA19" s="9"/>
      <c r="DB19" s="102" t="str">
        <f t="shared" si="8"/>
        <v/>
      </c>
      <c r="DC19" s="15" t="str">
        <f>IF(DC18="","",IF(DC18='（参考）【別紙２】'!$E$35,"",IF(MONTH(DC18)=MONTH(DC18+1),DC18+1,"")))</f>
        <v/>
      </c>
      <c r="DD19" s="13" t="str">
        <f>IF(COUNTIF(祝日一覧!$E$2:$E$142,DC19),"○",IF(DG19&lt;&gt;"","○",""))</f>
        <v/>
      </c>
      <c r="DE19" s="26"/>
      <c r="DF19" s="45" t="str">
        <f t="shared" si="85"/>
        <v/>
      </c>
      <c r="DG19" s="45"/>
      <c r="DH19" s="167"/>
      <c r="DI19" s="168"/>
      <c r="DJ19" s="9"/>
      <c r="DK19" s="154" t="s">
        <v>23</v>
      </c>
      <c r="DL19" s="166">
        <f>CY19+DL9</f>
        <v>153</v>
      </c>
      <c r="DM19" s="29"/>
      <c r="DN19" s="9"/>
      <c r="DO19" s="102" t="str">
        <f t="shared" si="9"/>
        <v/>
      </c>
      <c r="DP19" s="15" t="str">
        <f>IF(DP18="","",IF(DP18='（参考）【別紙２】'!$E$35,"",IF(MONTH(DP18)=MONTH(DP18+1),DP18+1,"")))</f>
        <v/>
      </c>
      <c r="DQ19" s="13" t="str">
        <f>IF(COUNTIF(祝日一覧!$E$2:$E$142,DP19),"○",IF(DT19&lt;&gt;"","○",""))</f>
        <v/>
      </c>
      <c r="DR19" s="26"/>
      <c r="DS19" s="45" t="str">
        <f t="shared" si="86"/>
        <v/>
      </c>
      <c r="DT19" s="45"/>
      <c r="DU19" s="167"/>
      <c r="DV19" s="168"/>
      <c r="DW19" s="9"/>
      <c r="DX19" s="154" t="s">
        <v>23</v>
      </c>
      <c r="DY19" s="166">
        <f>DL19+DY9</f>
        <v>153</v>
      </c>
      <c r="DZ19" s="29"/>
      <c r="EA19" s="9"/>
      <c r="EB19" s="102" t="str">
        <f t="shared" si="10"/>
        <v/>
      </c>
      <c r="EC19" s="15" t="str">
        <f>IF(EC18="","",IF(EC18='（参考）【別紙２】'!$E$35,"",IF(MONTH(EC18)=MONTH(EC18+1),EC18+1,"")))</f>
        <v/>
      </c>
      <c r="ED19" s="13" t="str">
        <f>IF(COUNTIF(祝日一覧!$E$2:$E$142,EC19),"○",IF(EG19&lt;&gt;"","○",""))</f>
        <v/>
      </c>
      <c r="EE19" s="26"/>
      <c r="EF19" s="45" t="str">
        <f t="shared" si="87"/>
        <v/>
      </c>
      <c r="EG19" s="45"/>
      <c r="EH19" s="167"/>
      <c r="EI19" s="168"/>
      <c r="EJ19" s="9"/>
      <c r="EK19" s="154" t="s">
        <v>23</v>
      </c>
      <c r="EL19" s="166">
        <f>DY19+EL9</f>
        <v>153</v>
      </c>
      <c r="EM19" s="29"/>
      <c r="EN19" s="9"/>
      <c r="EO19" s="102" t="str">
        <f t="shared" si="11"/>
        <v/>
      </c>
      <c r="EP19" s="15" t="str">
        <f>IF(EP18="","",IF(EP18='（参考）【別紙２】'!$E$35,"",IF(MONTH(EP18)=MONTH(EP18+1),EP18+1,"")))</f>
        <v/>
      </c>
      <c r="EQ19" s="13" t="str">
        <f>IF(COUNTIF(祝日一覧!$E$2:$E$142,EP19),"○",IF(ET19&lt;&gt;"","○",""))</f>
        <v/>
      </c>
      <c r="ER19" s="26"/>
      <c r="ES19" s="45" t="str">
        <f t="shared" si="88"/>
        <v/>
      </c>
      <c r="ET19" s="45"/>
      <c r="EU19" s="167"/>
      <c r="EV19" s="168"/>
      <c r="EW19" s="9"/>
      <c r="EX19" s="154" t="s">
        <v>23</v>
      </c>
      <c r="EY19" s="166">
        <f>EL19+EY9</f>
        <v>153</v>
      </c>
      <c r="EZ19" s="29"/>
      <c r="FA19" s="9"/>
      <c r="FB19" s="102" t="str">
        <f t="shared" si="12"/>
        <v/>
      </c>
      <c r="FC19" s="15" t="str">
        <f>IF(FC18="","",IF(FC18='（参考）【別紙２】'!$E$35,"",IF(MONTH(FC18)=MONTH(FC18+1),FC18+1,"")))</f>
        <v/>
      </c>
      <c r="FD19" s="13" t="str">
        <f>IF(COUNTIF(祝日一覧!$E$2:$E$142,FC19),"○",IF(FG19&lt;&gt;"","○",""))</f>
        <v/>
      </c>
      <c r="FE19" s="26"/>
      <c r="FF19" s="45" t="str">
        <f t="shared" si="89"/>
        <v/>
      </c>
      <c r="FG19" s="45"/>
      <c r="FH19" s="167"/>
      <c r="FI19" s="168"/>
      <c r="FJ19" s="9"/>
      <c r="FK19" s="154" t="s">
        <v>23</v>
      </c>
      <c r="FL19" s="166">
        <f>EY19+FL9</f>
        <v>153</v>
      </c>
      <c r="FM19" s="29"/>
      <c r="FN19" s="9"/>
      <c r="FO19" s="102" t="str">
        <f t="shared" si="13"/>
        <v/>
      </c>
      <c r="FP19" s="15" t="str">
        <f>IF(FP18="","",IF(FP18='（参考）【別紙２】'!$E$35,"",IF(MONTH(FP18)=MONTH(FP18+1),FP18+1,"")))</f>
        <v/>
      </c>
      <c r="FQ19" s="13" t="str">
        <f>IF(COUNTIF(祝日一覧!$E$2:$E$142,FP19),"○",IF(FT19&lt;&gt;"","○",""))</f>
        <v/>
      </c>
      <c r="FR19" s="26"/>
      <c r="FS19" s="45" t="str">
        <f t="shared" si="90"/>
        <v/>
      </c>
      <c r="FT19" s="45"/>
      <c r="FU19" s="167"/>
      <c r="FV19" s="168"/>
      <c r="FW19" s="9"/>
      <c r="FX19" s="154" t="s">
        <v>23</v>
      </c>
      <c r="FY19" s="166">
        <f>FL19+FY9</f>
        <v>153</v>
      </c>
      <c r="FZ19" s="29"/>
      <c r="GA19" s="9"/>
      <c r="GB19" s="102" t="str">
        <f t="shared" si="14"/>
        <v/>
      </c>
      <c r="GC19" s="15" t="str">
        <f>IF(GC18="","",IF(GC18='（参考）【別紙２】'!$E$35,"",IF(MONTH(GC18)=MONTH(GC18+1),GC18+1,"")))</f>
        <v/>
      </c>
      <c r="GD19" s="13" t="str">
        <f>IF(COUNTIF(祝日一覧!$E$2:$E$142,GC19),"○",IF(GG19&lt;&gt;"","○",""))</f>
        <v/>
      </c>
      <c r="GE19" s="25"/>
      <c r="GF19" s="45" t="str">
        <f t="shared" si="91"/>
        <v/>
      </c>
      <c r="GG19" s="45"/>
      <c r="GH19" s="167"/>
      <c r="GI19" s="168"/>
      <c r="GJ19" s="9"/>
      <c r="GK19" s="154" t="s">
        <v>23</v>
      </c>
      <c r="GL19" s="166">
        <f>FY19+GL9</f>
        <v>153</v>
      </c>
      <c r="GM19" s="29"/>
      <c r="GN19" s="9"/>
      <c r="GO19" s="102" t="str">
        <f t="shared" si="15"/>
        <v/>
      </c>
      <c r="GP19" s="15" t="str">
        <f>IF(GP18="","",IF(GP18='（参考）【別紙２】'!$E$35,"",IF(MONTH(GP18)=MONTH(GP18+1),GP18+1,"")))</f>
        <v/>
      </c>
      <c r="GQ19" s="13" t="str">
        <f>IF(COUNTIF(祝日一覧!$E$2:$E$142,GP19),"○",IF(GT19&lt;&gt;"","○",""))</f>
        <v/>
      </c>
      <c r="GR19" s="25"/>
      <c r="GS19" s="45" t="str">
        <f t="shared" si="92"/>
        <v/>
      </c>
      <c r="GT19" s="45"/>
      <c r="GU19" s="167"/>
      <c r="GV19" s="168"/>
      <c r="GW19" s="9"/>
      <c r="GX19" s="154" t="s">
        <v>23</v>
      </c>
      <c r="GY19" s="166">
        <f>GL19+GY9</f>
        <v>153</v>
      </c>
      <c r="GZ19" s="29"/>
      <c r="HA19" s="9"/>
      <c r="HB19" s="102" t="str">
        <f t="shared" si="16"/>
        <v/>
      </c>
      <c r="HC19" s="15" t="str">
        <f>IF(HC18="","",IF(HC18='（参考）【別紙２】'!$E$35,"",IF(MONTH(HC18)=MONTH(HC18+1),HC18+1,"")))</f>
        <v/>
      </c>
      <c r="HD19" s="13" t="str">
        <f>IF(COUNTIF(祝日一覧!$E$2:$E$142,HC19),"○",IF(HG19&lt;&gt;"","○",""))</f>
        <v/>
      </c>
      <c r="HE19" s="26"/>
      <c r="HF19" s="45" t="str">
        <f t="shared" si="93"/>
        <v/>
      </c>
      <c r="HG19" s="45"/>
      <c r="HH19" s="167"/>
      <c r="HI19" s="168"/>
      <c r="HJ19" s="9"/>
      <c r="HK19" s="154" t="s">
        <v>23</v>
      </c>
      <c r="HL19" s="166">
        <f>GY19+HL9</f>
        <v>153</v>
      </c>
      <c r="HM19" s="29"/>
      <c r="HN19" s="9"/>
      <c r="HO19" s="102" t="str">
        <f t="shared" si="17"/>
        <v/>
      </c>
      <c r="HP19" s="15" t="str">
        <f>IF(HP18="","",IF(HP18='（参考）【別紙２】'!$E$35,"",IF(MONTH(HP18)=MONTH(HP18+1),HP18+1,"")))</f>
        <v/>
      </c>
      <c r="HQ19" s="13" t="str">
        <f>IF(COUNTIF(祝日一覧!$E$2:$E$142,HP19),"○",IF(HT19&lt;&gt;"","○",""))</f>
        <v/>
      </c>
      <c r="HR19" s="25"/>
      <c r="HS19" s="45" t="str">
        <f t="shared" si="94"/>
        <v/>
      </c>
      <c r="HT19" s="45"/>
      <c r="HU19" s="167"/>
      <c r="HV19" s="168"/>
      <c r="HW19" s="9"/>
      <c r="HX19" s="154" t="s">
        <v>23</v>
      </c>
      <c r="HY19" s="166">
        <f>HL19+HY9</f>
        <v>153</v>
      </c>
      <c r="HZ19" s="29"/>
      <c r="IA19" s="9"/>
      <c r="IB19" s="102" t="str">
        <f t="shared" si="18"/>
        <v/>
      </c>
      <c r="IC19" s="15" t="str">
        <f>IF(IC18="","",IF(IC18='（参考）【別紙２】'!$E$35,"",IF(MONTH(IC18)=MONTH(IC18+1),IC18+1,"")))</f>
        <v/>
      </c>
      <c r="ID19" s="13" t="str">
        <f>IF(COUNTIF(祝日一覧!$E$2:$E$142,IC19),"○",IF(IG19&lt;&gt;"","○",""))</f>
        <v/>
      </c>
      <c r="IE19" s="25"/>
      <c r="IF19" s="45" t="str">
        <f t="shared" si="95"/>
        <v/>
      </c>
      <c r="IG19" s="45"/>
      <c r="IH19" s="167"/>
      <c r="II19" s="168"/>
      <c r="IJ19" s="9"/>
      <c r="IK19" s="154" t="s">
        <v>23</v>
      </c>
      <c r="IL19" s="166">
        <f>HY19+IL9</f>
        <v>153</v>
      </c>
      <c r="IM19" s="29"/>
      <c r="IN19" s="9"/>
      <c r="IO19" s="102" t="str">
        <f t="shared" si="19"/>
        <v/>
      </c>
      <c r="IP19" s="15" t="str">
        <f>IF(IP18="","",IF(IP18='（参考）【別紙２】'!$E$35,"",IF(MONTH(IP18)=MONTH(IP18+1),IP18+1,"")))</f>
        <v/>
      </c>
      <c r="IQ19" s="13" t="str">
        <f>IF(COUNTIF(祝日一覧!$E$2:$E$142,IP19),"○",IF(IT19&lt;&gt;"","○",""))</f>
        <v/>
      </c>
      <c r="IR19" s="25"/>
      <c r="IS19" s="45" t="str">
        <f t="shared" si="96"/>
        <v/>
      </c>
      <c r="IT19" s="45"/>
      <c r="IU19" s="167"/>
      <c r="IV19" s="168"/>
      <c r="IW19" s="9"/>
      <c r="IX19" s="154" t="s">
        <v>23</v>
      </c>
      <c r="IY19" s="166">
        <f>IL19+IY9</f>
        <v>153</v>
      </c>
      <c r="IZ19" s="29"/>
      <c r="JA19" s="9"/>
      <c r="JB19" s="102" t="str">
        <f t="shared" si="20"/>
        <v/>
      </c>
      <c r="JC19" s="15" t="str">
        <f>IF(JC18="","",IF(JC18='（参考）【別紙２】'!$E$35,"",IF(MONTH(JC18)=MONTH(JC18+1),JC18+1,"")))</f>
        <v/>
      </c>
      <c r="JD19" s="13" t="str">
        <f>IF(COUNTIF(祝日一覧!$E$2:$E$142,JC19),"○",IF(JG19&lt;&gt;"","○",""))</f>
        <v/>
      </c>
      <c r="JE19" s="25"/>
      <c r="JF19" s="45" t="str">
        <f t="shared" si="97"/>
        <v/>
      </c>
      <c r="JG19" s="45"/>
      <c r="JH19" s="167"/>
      <c r="JI19" s="168"/>
      <c r="JJ19" s="9"/>
      <c r="JK19" s="154" t="s">
        <v>23</v>
      </c>
      <c r="JL19" s="166">
        <f>IY19+JL9</f>
        <v>153</v>
      </c>
      <c r="JM19" s="29"/>
      <c r="JN19" s="9"/>
      <c r="JO19" s="102" t="str">
        <f t="shared" si="21"/>
        <v/>
      </c>
      <c r="JP19" s="15" t="str">
        <f>IF(JP18="","",IF(JP18='（参考）【別紙２】'!$E$35,"",IF(MONTH(JP18)=MONTH(JP18+1),JP18+1,"")))</f>
        <v/>
      </c>
      <c r="JQ19" s="13" t="str">
        <f>IF(COUNTIF(祝日一覧!$E$2:$E$142,JP19),"○",IF(JT19&lt;&gt;"","○",""))</f>
        <v/>
      </c>
      <c r="JR19" s="25"/>
      <c r="JS19" s="45" t="str">
        <f t="shared" si="98"/>
        <v/>
      </c>
      <c r="JT19" s="45"/>
      <c r="JU19" s="167"/>
      <c r="JV19" s="168"/>
      <c r="JW19" s="9"/>
      <c r="JX19" s="154" t="s">
        <v>23</v>
      </c>
      <c r="JY19" s="166">
        <f>JL19+JY9</f>
        <v>153</v>
      </c>
      <c r="JZ19" s="29"/>
      <c r="KA19" s="9"/>
      <c r="KB19" s="102" t="str">
        <f t="shared" si="22"/>
        <v/>
      </c>
      <c r="KC19" s="15" t="str">
        <f>IF(KC18="","",IF(KC18='（参考）【別紙２】'!$E$35,"",IF(MONTH(KC18)=MONTH(KC18+1),KC18+1,"")))</f>
        <v/>
      </c>
      <c r="KD19" s="13" t="str">
        <f>IF(COUNTIF(祝日一覧!$E$2:$E$142,KC19),"○",IF(KG19&lt;&gt;"","○",""))</f>
        <v/>
      </c>
      <c r="KE19" s="25"/>
      <c r="KF19" s="45" t="str">
        <f t="shared" si="99"/>
        <v/>
      </c>
      <c r="KG19" s="45"/>
      <c r="KH19" s="167"/>
      <c r="KI19" s="168"/>
      <c r="KJ19" s="9"/>
      <c r="KK19" s="154" t="s">
        <v>23</v>
      </c>
      <c r="KL19" s="166">
        <f>JY19+KL9</f>
        <v>153</v>
      </c>
      <c r="KM19" s="29"/>
      <c r="KN19" s="9"/>
      <c r="KO19" s="102" t="str">
        <f t="shared" si="23"/>
        <v/>
      </c>
      <c r="KP19" s="15" t="str">
        <f>IF(KP18="","",IF(KP18='（参考）【別紙２】'!$E$35,"",IF(MONTH(KP18)=MONTH(KP18+1),KP18+1,"")))</f>
        <v/>
      </c>
      <c r="KQ19" s="13" t="str">
        <f>IF(COUNTIF(祝日一覧!$E$2:$E$142,KP19),"○",IF(KT19&lt;&gt;"","○",""))</f>
        <v/>
      </c>
      <c r="KR19" s="25"/>
      <c r="KS19" s="45" t="str">
        <f t="shared" si="100"/>
        <v/>
      </c>
      <c r="KT19" s="45"/>
      <c r="KU19" s="167"/>
      <c r="KV19" s="168"/>
      <c r="KW19" s="9"/>
      <c r="KX19" s="154" t="s">
        <v>23</v>
      </c>
      <c r="KY19" s="166">
        <f>KL19+KY9</f>
        <v>153</v>
      </c>
      <c r="KZ19" s="29"/>
      <c r="LA19" s="9"/>
      <c r="LB19" s="102" t="str">
        <f t="shared" si="24"/>
        <v/>
      </c>
      <c r="LC19" s="15" t="str">
        <f>IF(LC18="","",IF(LC18='（参考）【別紙２】'!$E$35,"",IF(MONTH(LC18)=MONTH(LC18+1),LC18+1,"")))</f>
        <v/>
      </c>
      <c r="LD19" s="13" t="str">
        <f>IF(COUNTIF(祝日一覧!$E$2:$E$142,LC19),"○",IF(LG19&lt;&gt;"","○",""))</f>
        <v/>
      </c>
      <c r="LE19" s="25"/>
      <c r="LF19" s="45" t="str">
        <f t="shared" si="101"/>
        <v/>
      </c>
      <c r="LG19" s="45"/>
      <c r="LH19" s="167"/>
      <c r="LI19" s="168"/>
      <c r="LJ19" s="9"/>
      <c r="LK19" s="154" t="s">
        <v>23</v>
      </c>
      <c r="LL19" s="166">
        <f>KY19+LL9</f>
        <v>153</v>
      </c>
      <c r="LM19" s="29"/>
      <c r="LN19" s="9"/>
      <c r="LO19" s="102" t="str">
        <f t="shared" si="25"/>
        <v/>
      </c>
      <c r="LP19" s="15" t="str">
        <f>IF(LP18="","",IF(LP18='（参考）【別紙２】'!$E$35,"",IF(MONTH(LP18)=MONTH(LP18+1),LP18+1,"")))</f>
        <v/>
      </c>
      <c r="LQ19" s="13" t="str">
        <f>IF(COUNTIF(祝日一覧!$E$2:$E$142,LP19),"○",IF(LT19&lt;&gt;"","○",""))</f>
        <v/>
      </c>
      <c r="LR19" s="25"/>
      <c r="LS19" s="45" t="str">
        <f t="shared" si="102"/>
        <v/>
      </c>
      <c r="LT19" s="45"/>
      <c r="LU19" s="167"/>
      <c r="LV19" s="168"/>
      <c r="LW19" s="9"/>
      <c r="LX19" s="154" t="s">
        <v>23</v>
      </c>
      <c r="LY19" s="166">
        <f>LL19+LY9</f>
        <v>153</v>
      </c>
      <c r="LZ19" s="29"/>
      <c r="MA19" s="9"/>
      <c r="MB19" s="102" t="str">
        <f t="shared" si="26"/>
        <v/>
      </c>
      <c r="MC19" s="15" t="str">
        <f>IF(MC18="","",IF(MC18='（参考）【別紙２】'!$E$35,"",IF(MONTH(MC18)=MONTH(MC18+1),MC18+1,"")))</f>
        <v/>
      </c>
      <c r="MD19" s="13" t="str">
        <f>IF(COUNTIF(祝日一覧!$E$2:$E$142,MC19),"○",IF(MG19&lt;&gt;"","○",""))</f>
        <v/>
      </c>
      <c r="ME19" s="25"/>
      <c r="MF19" s="45" t="str">
        <f t="shared" si="103"/>
        <v/>
      </c>
      <c r="MG19" s="45"/>
      <c r="MH19" s="167"/>
      <c r="MI19" s="168"/>
      <c r="MJ19" s="9"/>
      <c r="MK19" s="154" t="s">
        <v>23</v>
      </c>
      <c r="ML19" s="166">
        <f>LY19+ML9</f>
        <v>153</v>
      </c>
      <c r="MM19" s="29"/>
      <c r="MN19" s="9"/>
      <c r="MO19" s="102" t="str">
        <f t="shared" si="27"/>
        <v/>
      </c>
      <c r="MP19" s="15" t="str">
        <f>IF(MP18="","",IF(MP18='（参考）【別紙２】'!$E$35,"",IF(MONTH(MP18)=MONTH(MP18+1),MP18+1,"")))</f>
        <v/>
      </c>
      <c r="MQ19" s="13" t="str">
        <f>IF(COUNTIF(祝日一覧!$E$2:$E$142,MP19),"○",IF(MT19&lt;&gt;"","○",""))</f>
        <v/>
      </c>
      <c r="MR19" s="25"/>
      <c r="MS19" s="45" t="str">
        <f t="shared" si="104"/>
        <v/>
      </c>
      <c r="MT19" s="45"/>
      <c r="MU19" s="167"/>
      <c r="MV19" s="168"/>
      <c r="MW19" s="9"/>
      <c r="MX19" s="154" t="s">
        <v>23</v>
      </c>
      <c r="MY19" s="166">
        <f>ML19+MY9</f>
        <v>153</v>
      </c>
      <c r="MZ19" s="29"/>
      <c r="NA19" s="9"/>
      <c r="NB19" s="102" t="str">
        <f t="shared" si="28"/>
        <v/>
      </c>
      <c r="NC19" s="15" t="str">
        <f>IF(NC18="","",IF(NC18='（参考）【別紙２】'!$E$35,"",IF(MONTH(NC18)=MONTH(NC18+1),NC18+1,"")))</f>
        <v/>
      </c>
      <c r="ND19" s="13" t="str">
        <f>IF(COUNTIF(祝日一覧!$E$2:$E$142,NC19),"○",IF(NG19&lt;&gt;"","○",""))</f>
        <v/>
      </c>
      <c r="NE19" s="25"/>
      <c r="NF19" s="45" t="str">
        <f t="shared" si="105"/>
        <v/>
      </c>
      <c r="NG19" s="45"/>
      <c r="NH19" s="167"/>
      <c r="NI19" s="168"/>
      <c r="NJ19" s="9"/>
      <c r="NK19" s="154" t="s">
        <v>23</v>
      </c>
      <c r="NL19" s="166">
        <f>MY19+NL9</f>
        <v>153</v>
      </c>
      <c r="NM19" s="29"/>
      <c r="NN19" s="9"/>
      <c r="NO19" s="102" t="str">
        <f t="shared" si="29"/>
        <v/>
      </c>
      <c r="NP19" s="15" t="str">
        <f>IF(NP18="","",IF(NP18='（参考）【別紙２】'!$E$35,"",IF(MONTH(NP18)=MONTH(NP18+1),NP18+1,"")))</f>
        <v/>
      </c>
      <c r="NQ19" s="13" t="str">
        <f>IF(COUNTIF(祝日一覧!$E$2:$E$142,NP19),"○",IF(NT19&lt;&gt;"","○",""))</f>
        <v/>
      </c>
      <c r="NR19" s="25"/>
      <c r="NS19" s="45" t="str">
        <f t="shared" si="106"/>
        <v/>
      </c>
      <c r="NT19" s="45"/>
      <c r="NU19" s="167"/>
      <c r="NV19" s="168"/>
      <c r="NW19" s="9"/>
      <c r="NX19" s="154" t="s">
        <v>23</v>
      </c>
      <c r="NY19" s="166">
        <f>NL19+NY9</f>
        <v>153</v>
      </c>
      <c r="NZ19" s="29"/>
      <c r="OA19" s="9"/>
      <c r="OB19" s="102" t="str">
        <f t="shared" si="30"/>
        <v/>
      </c>
      <c r="OC19" s="15" t="str">
        <f>IF(OC18="","",IF(OC18='（参考）【別紙２】'!$E$35,"",IF(MONTH(OC18)=MONTH(OC18+1),OC18+1,"")))</f>
        <v/>
      </c>
      <c r="OD19" s="13" t="str">
        <f>IF(COUNTIF(祝日一覧!$E$2:$E$142,OC19),"○",IF(OG19&lt;&gt;"","○",""))</f>
        <v/>
      </c>
      <c r="OE19" s="25"/>
      <c r="OF19" s="45" t="str">
        <f t="shared" si="107"/>
        <v/>
      </c>
      <c r="OG19" s="45"/>
      <c r="OH19" s="167"/>
      <c r="OI19" s="168"/>
      <c r="OJ19" s="9"/>
      <c r="OK19" s="154" t="s">
        <v>23</v>
      </c>
      <c r="OL19" s="166">
        <f>NY19+OL9</f>
        <v>153</v>
      </c>
      <c r="OM19" s="29"/>
      <c r="ON19" s="9"/>
      <c r="OO19" s="102" t="str">
        <f t="shared" si="31"/>
        <v/>
      </c>
      <c r="OP19" s="15" t="str">
        <f>IF(OP18="","",IF(OP18='（参考）【別紙２】'!$E$35,"",IF(MONTH(OP18)=MONTH(OP18+1),OP18+1,"")))</f>
        <v/>
      </c>
      <c r="OQ19" s="13" t="str">
        <f>IF(COUNTIF(祝日一覧!$E$2:$E$142,OP19),"○",IF(OT19&lt;&gt;"","○",""))</f>
        <v/>
      </c>
      <c r="OR19" s="25"/>
      <c r="OS19" s="45" t="str">
        <f t="shared" si="108"/>
        <v/>
      </c>
      <c r="OT19" s="45"/>
      <c r="OU19" s="167"/>
      <c r="OV19" s="168"/>
      <c r="OW19" s="9"/>
      <c r="OX19" s="154" t="s">
        <v>23</v>
      </c>
      <c r="OY19" s="166">
        <f>OL19+OY9</f>
        <v>153</v>
      </c>
      <c r="OZ19" s="29"/>
      <c r="PA19" s="9"/>
      <c r="PB19" s="102" t="str">
        <f t="shared" si="32"/>
        <v/>
      </c>
      <c r="PC19" s="15" t="str">
        <f>IF(PC18="","",IF(PC18='（参考）【別紙２】'!$E$35,"",IF(MONTH(PC18)=MONTH(PC18+1),PC18+1,"")))</f>
        <v/>
      </c>
      <c r="PD19" s="13" t="str">
        <f>IF(COUNTIF(祝日一覧!$E$2:$E$142,PC19),"○",IF(PG19&lt;&gt;"","○",""))</f>
        <v/>
      </c>
      <c r="PE19" s="25"/>
      <c r="PF19" s="45" t="str">
        <f t="shared" si="109"/>
        <v/>
      </c>
      <c r="PG19" s="45"/>
      <c r="PH19" s="167"/>
      <c r="PI19" s="168"/>
      <c r="PJ19" s="9"/>
      <c r="PK19" s="154" t="s">
        <v>23</v>
      </c>
      <c r="PL19" s="166">
        <f>OY19+PL9</f>
        <v>153</v>
      </c>
      <c r="PM19" s="29"/>
      <c r="PN19" s="9"/>
      <c r="PO19" s="102" t="str">
        <f t="shared" si="33"/>
        <v/>
      </c>
      <c r="PP19" s="15" t="str">
        <f>IF(PP18="","",IF(PP18='（参考）【別紙２】'!$E$35,"",IF(MONTH(PP18)=MONTH(PP18+1),PP18+1,"")))</f>
        <v/>
      </c>
      <c r="PQ19" s="13" t="str">
        <f>IF(COUNTIF(祝日一覧!$E$2:$E$142,PP19),"○",IF(PT19&lt;&gt;"","○",""))</f>
        <v/>
      </c>
      <c r="PR19" s="25"/>
      <c r="PS19" s="45" t="str">
        <f t="shared" si="110"/>
        <v/>
      </c>
      <c r="PT19" s="45"/>
      <c r="PU19" s="167"/>
      <c r="PV19" s="168"/>
      <c r="PW19" s="9"/>
      <c r="PX19" s="154" t="s">
        <v>23</v>
      </c>
      <c r="PY19" s="166">
        <f>PL19+PY9</f>
        <v>153</v>
      </c>
      <c r="PZ19" s="29"/>
      <c r="QA19" s="9"/>
      <c r="QB19" s="102" t="str">
        <f t="shared" si="34"/>
        <v/>
      </c>
      <c r="QC19" s="15" t="str">
        <f>IF(QC18="","",IF(QC18='（参考）【別紙２】'!$E$35,"",IF(MONTH(QC18)=MONTH(QC18+1),QC18+1,"")))</f>
        <v/>
      </c>
      <c r="QD19" s="13" t="str">
        <f>IF(COUNTIF(祝日一覧!$E$2:$E$142,QC19),"○",IF(QG19&lt;&gt;"","○",""))</f>
        <v/>
      </c>
      <c r="QE19" s="25"/>
      <c r="QF19" s="45" t="str">
        <f t="shared" si="111"/>
        <v/>
      </c>
      <c r="QG19" s="45"/>
      <c r="QH19" s="167"/>
      <c r="QI19" s="168"/>
      <c r="QJ19" s="9"/>
      <c r="QK19" s="154" t="s">
        <v>23</v>
      </c>
      <c r="QL19" s="166">
        <f>PY19+QL9</f>
        <v>153</v>
      </c>
      <c r="QM19" s="29"/>
      <c r="QN19" s="9"/>
      <c r="QO19" s="102" t="str">
        <f t="shared" si="35"/>
        <v/>
      </c>
      <c r="QP19" s="15" t="str">
        <f>IF(QP18="","",IF(QP18='（参考）【別紙２】'!$E$35,"",IF(MONTH(QP18)=MONTH(QP18+1),QP18+1,"")))</f>
        <v/>
      </c>
      <c r="QQ19" s="13" t="str">
        <f>IF(COUNTIF(祝日一覧!$E$2:$E$142,QP19),"○",IF(QT19&lt;&gt;"","○",""))</f>
        <v/>
      </c>
      <c r="QR19" s="25"/>
      <c r="QS19" s="45" t="str">
        <f t="shared" si="112"/>
        <v/>
      </c>
      <c r="QT19" s="45"/>
      <c r="QU19" s="167"/>
      <c r="QV19" s="168"/>
      <c r="QW19" s="9"/>
      <c r="QX19" s="154" t="s">
        <v>23</v>
      </c>
      <c r="QY19" s="166">
        <f>QL19+QY9</f>
        <v>153</v>
      </c>
      <c r="QZ19" s="29"/>
      <c r="RA19" s="9"/>
      <c r="RB19" s="102" t="str">
        <f t="shared" si="36"/>
        <v/>
      </c>
      <c r="RC19" s="15" t="str">
        <f>IF(RC18="","",IF(RC18='（参考）【別紙２】'!$E$35,"",IF(MONTH(RC18)=MONTH(RC18+1),RC18+1,"")))</f>
        <v/>
      </c>
      <c r="RD19" s="13" t="str">
        <f>IF(COUNTIF(祝日一覧!$E$2:$E$142,RC19),"○",IF(RG19&lt;&gt;"","○",""))</f>
        <v/>
      </c>
      <c r="RE19" s="25"/>
      <c r="RF19" s="45" t="str">
        <f t="shared" si="113"/>
        <v/>
      </c>
      <c r="RG19" s="45"/>
      <c r="RH19" s="167"/>
      <c r="RI19" s="168"/>
      <c r="RJ19" s="9"/>
      <c r="RK19" s="154" t="s">
        <v>23</v>
      </c>
      <c r="RL19" s="166">
        <f>QY19+RL9</f>
        <v>153</v>
      </c>
      <c r="RM19" s="29"/>
      <c r="RN19" s="9"/>
      <c r="RO19" s="102" t="str">
        <f t="shared" si="37"/>
        <v/>
      </c>
      <c r="RP19" s="15" t="str">
        <f>IF(RP18="","",IF(RP18='（参考）【別紙２】'!$E$35,"",IF(MONTH(RP18)=MONTH(RP18+1),RP18+1,"")))</f>
        <v/>
      </c>
      <c r="RQ19" s="13" t="str">
        <f>IF(COUNTIF(祝日一覧!$E$2:$E$142,RP19),"○",IF(RT19&lt;&gt;"","○",""))</f>
        <v/>
      </c>
      <c r="RR19" s="25"/>
      <c r="RS19" s="45" t="str">
        <f t="shared" si="114"/>
        <v/>
      </c>
      <c r="RT19" s="45"/>
      <c r="RU19" s="167"/>
      <c r="RV19" s="168"/>
      <c r="RW19" s="9"/>
      <c r="RX19" s="154" t="s">
        <v>23</v>
      </c>
      <c r="RY19" s="166">
        <f>RL19+RY9</f>
        <v>153</v>
      </c>
      <c r="RZ19" s="29"/>
      <c r="SA19" s="9"/>
      <c r="SB19" s="102" t="str">
        <f t="shared" si="38"/>
        <v/>
      </c>
      <c r="SC19" s="15" t="str">
        <f>IF(SC18="","",IF(SC18='（参考）【別紙２】'!$E$35,"",IF(MONTH(SC18)=MONTH(SC18+1),SC18+1,"")))</f>
        <v/>
      </c>
      <c r="SD19" s="13" t="str">
        <f>IF(COUNTIF(祝日一覧!$E$2:$E$142,SC19),"○",IF(SG19&lt;&gt;"","○",""))</f>
        <v/>
      </c>
      <c r="SE19" s="25"/>
      <c r="SF19" s="45" t="str">
        <f t="shared" si="115"/>
        <v/>
      </c>
      <c r="SG19" s="45"/>
      <c r="SH19" s="167"/>
      <c r="SI19" s="168"/>
      <c r="SJ19" s="9"/>
      <c r="SK19" s="154" t="s">
        <v>23</v>
      </c>
      <c r="SL19" s="166">
        <f>RY19+SL9</f>
        <v>153</v>
      </c>
      <c r="SM19" s="29"/>
    </row>
    <row r="20" spans="1:507" ht="15.6" customHeight="1">
      <c r="A20" s="9"/>
      <c r="B20" s="102" t="str">
        <f t="shared" si="0"/>
        <v>土</v>
      </c>
      <c r="C20" s="15">
        <f>IF(C19="","",IF(C19='（参考）【別紙２】'!$E$35,"",IF(MONTH(C19)=MONTH(C19+1),C19+1,"")))</f>
        <v>45759</v>
      </c>
      <c r="D20" s="13" t="str">
        <f>IF(COUNTIF(祝日一覧!$E$2:$E$142,C20),"○",IF(G20&lt;&gt;"","○",""))</f>
        <v/>
      </c>
      <c r="E20" s="26"/>
      <c r="F20" s="45" t="str">
        <f t="shared" si="39"/>
        <v>○</v>
      </c>
      <c r="G20" s="45"/>
      <c r="H20" s="167"/>
      <c r="I20" s="168"/>
      <c r="J20" s="43"/>
      <c r="K20" s="177"/>
      <c r="L20" s="179"/>
      <c r="M20" s="28"/>
      <c r="N20" s="9"/>
      <c r="O20" s="102" t="str">
        <f t="shared" si="1"/>
        <v>月</v>
      </c>
      <c r="P20" s="15">
        <f>IF(P19="","",IF(P19='（参考）【別紙２】'!$E$35,"",IF(MONTH(P19)=MONTH(P19+1),P19+1,"")))</f>
        <v>45789</v>
      </c>
      <c r="Q20" s="13" t="str">
        <f>IF(COUNTIF(祝日一覧!$E$2:$E$142,P20),"○",IF(T20&lt;&gt;"","○",""))</f>
        <v/>
      </c>
      <c r="R20" s="26"/>
      <c r="S20" s="45" t="str">
        <f t="shared" si="78"/>
        <v/>
      </c>
      <c r="T20" s="45"/>
      <c r="U20" s="167"/>
      <c r="V20" s="168"/>
      <c r="W20" s="9"/>
      <c r="X20" s="161"/>
      <c r="Y20" s="163"/>
      <c r="Z20" s="28"/>
      <c r="AA20" s="9"/>
      <c r="AB20" s="102" t="str">
        <f t="shared" si="2"/>
        <v>木</v>
      </c>
      <c r="AC20" s="15">
        <f>IF(AC19="","",IF(AC19='（参考）【別紙２】'!$E$35,"",IF(MONTH(AC19)=MONTH(AC19+1),AC19+1,"")))</f>
        <v>45820</v>
      </c>
      <c r="AD20" s="13" t="str">
        <f>IF(COUNTIF(祝日一覧!$E$2:$E$142,AC20),"○",IF(AG20&lt;&gt;"","○",""))</f>
        <v/>
      </c>
      <c r="AE20" s="26"/>
      <c r="AF20" s="45" t="str">
        <f t="shared" si="79"/>
        <v/>
      </c>
      <c r="AG20" s="45"/>
      <c r="AH20" s="167"/>
      <c r="AI20" s="168"/>
      <c r="AJ20" s="9"/>
      <c r="AK20" s="161"/>
      <c r="AL20" s="163"/>
      <c r="AM20" s="28"/>
      <c r="AN20" s="9"/>
      <c r="AO20" s="102" t="str">
        <f t="shared" si="3"/>
        <v>土</v>
      </c>
      <c r="AP20" s="15">
        <f>IF(AP19="","",IF(AP19='（参考）【別紙２】'!$E$35,"",IF(MONTH(AP19)=MONTH(AP19+1),AP19+1,"")))</f>
        <v>45850</v>
      </c>
      <c r="AQ20" s="13" t="str">
        <f>IF(COUNTIF(祝日一覧!$E$2:$E$142,AP20),"○",IF(AT20&lt;&gt;"","○",""))</f>
        <v/>
      </c>
      <c r="AR20" s="26"/>
      <c r="AS20" s="45" t="str">
        <f t="shared" si="80"/>
        <v>○</v>
      </c>
      <c r="AT20" s="45"/>
      <c r="AU20" s="167"/>
      <c r="AV20" s="168"/>
      <c r="AW20" s="9"/>
      <c r="AX20" s="161"/>
      <c r="AY20" s="163"/>
      <c r="AZ20" s="28"/>
      <c r="BA20" s="9"/>
      <c r="BB20" s="102" t="str">
        <f t="shared" si="4"/>
        <v>火</v>
      </c>
      <c r="BC20" s="15">
        <f>IF(BC19="","",IF(BC19='（参考）【別紙２】'!$E$35,"",IF(MONTH(BC19)=MONTH(BC19+1),BC19+1,"")))</f>
        <v>45881</v>
      </c>
      <c r="BD20" s="13" t="str">
        <f>IF(COUNTIF(祝日一覧!$E$2:$E$142,BC20),"○",IF(BG20&lt;&gt;"","○",""))</f>
        <v/>
      </c>
      <c r="BE20" s="26"/>
      <c r="BF20" s="45" t="str">
        <f t="shared" si="81"/>
        <v/>
      </c>
      <c r="BG20" s="45"/>
      <c r="BH20" s="167"/>
      <c r="BI20" s="168"/>
      <c r="BJ20" s="9"/>
      <c r="BK20" s="161"/>
      <c r="BL20" s="163"/>
      <c r="BM20" s="28"/>
      <c r="BN20" s="9"/>
      <c r="BO20" s="102" t="str">
        <f t="shared" si="5"/>
        <v/>
      </c>
      <c r="BP20" s="15" t="str">
        <f>IF(BP19="","",IF(BP19='（参考）【別紙２】'!$E$35,"",IF(MONTH(BP19)=MONTH(BP19+1),BP19+1,"")))</f>
        <v/>
      </c>
      <c r="BQ20" s="13" t="str">
        <f>IF(COUNTIF(祝日一覧!$E$2:$E$142,BP20),"○",IF(BT20&lt;&gt;"","○",""))</f>
        <v/>
      </c>
      <c r="BR20" s="26"/>
      <c r="BS20" s="45" t="str">
        <f t="shared" si="82"/>
        <v/>
      </c>
      <c r="BT20" s="45"/>
      <c r="BU20" s="167"/>
      <c r="BV20" s="168"/>
      <c r="BW20" s="9"/>
      <c r="BX20" s="161"/>
      <c r="BY20" s="163"/>
      <c r="BZ20" s="28"/>
      <c r="CA20" s="9"/>
      <c r="CB20" s="102" t="str">
        <f t="shared" si="6"/>
        <v/>
      </c>
      <c r="CC20" s="15" t="str">
        <f>IF(CC19="","",IF(CC19='（参考）【別紙２】'!$E$35,"",IF(MONTH(CC19)=MONTH(CC19+1),CC19+1,"")))</f>
        <v/>
      </c>
      <c r="CD20" s="13" t="str">
        <f>IF(COUNTIF(祝日一覧!$E$2:$E$142,CC20),"○",IF(CG20&lt;&gt;"","○",""))</f>
        <v/>
      </c>
      <c r="CE20" s="26"/>
      <c r="CF20" s="45" t="str">
        <f t="shared" si="83"/>
        <v/>
      </c>
      <c r="CG20" s="45"/>
      <c r="CH20" s="167"/>
      <c r="CI20" s="168"/>
      <c r="CJ20" s="9"/>
      <c r="CK20" s="161"/>
      <c r="CL20" s="163"/>
      <c r="CM20" s="28"/>
      <c r="CN20" s="9"/>
      <c r="CO20" s="102" t="str">
        <f t="shared" si="7"/>
        <v/>
      </c>
      <c r="CP20" s="15" t="str">
        <f>IF(CP19="","",IF(CP19='（参考）【別紙２】'!$E$35,"",IF(MONTH(CP19)=MONTH(CP19+1),CP19+1,"")))</f>
        <v/>
      </c>
      <c r="CQ20" s="13" t="str">
        <f>IF(COUNTIF(祝日一覧!$E$2:$E$142,CP20),"○",IF(CT20&lt;&gt;"","○",""))</f>
        <v/>
      </c>
      <c r="CR20" s="26"/>
      <c r="CS20" s="45" t="str">
        <f t="shared" si="84"/>
        <v/>
      </c>
      <c r="CT20" s="45"/>
      <c r="CU20" s="167"/>
      <c r="CV20" s="168"/>
      <c r="CW20" s="9"/>
      <c r="CX20" s="161"/>
      <c r="CY20" s="163"/>
      <c r="CZ20" s="28"/>
      <c r="DA20" s="9"/>
      <c r="DB20" s="102" t="str">
        <f t="shared" si="8"/>
        <v/>
      </c>
      <c r="DC20" s="15" t="str">
        <f>IF(DC19="","",IF(DC19='（参考）【別紙２】'!$E$35,"",IF(MONTH(DC19)=MONTH(DC19+1),DC19+1,"")))</f>
        <v/>
      </c>
      <c r="DD20" s="13" t="str">
        <f>IF(COUNTIF(祝日一覧!$E$2:$E$142,DC20),"○",IF(DG20&lt;&gt;"","○",""))</f>
        <v/>
      </c>
      <c r="DE20" s="26"/>
      <c r="DF20" s="45" t="str">
        <f t="shared" si="85"/>
        <v/>
      </c>
      <c r="DG20" s="45"/>
      <c r="DH20" s="167"/>
      <c r="DI20" s="168"/>
      <c r="DJ20" s="9"/>
      <c r="DK20" s="161"/>
      <c r="DL20" s="163"/>
      <c r="DM20" s="28"/>
      <c r="DN20" s="9"/>
      <c r="DO20" s="102" t="str">
        <f t="shared" si="9"/>
        <v/>
      </c>
      <c r="DP20" s="15" t="str">
        <f>IF(DP19="","",IF(DP19='（参考）【別紙２】'!$E$35,"",IF(MONTH(DP19)=MONTH(DP19+1),DP19+1,"")))</f>
        <v/>
      </c>
      <c r="DQ20" s="13" t="str">
        <f>IF(COUNTIF(祝日一覧!$E$2:$E$142,DP20),"○",IF(DT20&lt;&gt;"","○",""))</f>
        <v/>
      </c>
      <c r="DR20" s="26"/>
      <c r="DS20" s="45" t="str">
        <f t="shared" si="86"/>
        <v/>
      </c>
      <c r="DT20" s="45"/>
      <c r="DU20" s="167"/>
      <c r="DV20" s="168"/>
      <c r="DW20" s="9"/>
      <c r="DX20" s="161"/>
      <c r="DY20" s="163"/>
      <c r="DZ20" s="28"/>
      <c r="EA20" s="9"/>
      <c r="EB20" s="102" t="str">
        <f t="shared" si="10"/>
        <v/>
      </c>
      <c r="EC20" s="15" t="str">
        <f>IF(EC19="","",IF(EC19='（参考）【別紙２】'!$E$35,"",IF(MONTH(EC19)=MONTH(EC19+1),EC19+1,"")))</f>
        <v/>
      </c>
      <c r="ED20" s="13" t="str">
        <f>IF(COUNTIF(祝日一覧!$E$2:$E$142,EC20),"○",IF(EG20&lt;&gt;"","○",""))</f>
        <v/>
      </c>
      <c r="EE20" s="26"/>
      <c r="EF20" s="45" t="str">
        <f t="shared" si="87"/>
        <v/>
      </c>
      <c r="EG20" s="45"/>
      <c r="EH20" s="167"/>
      <c r="EI20" s="168"/>
      <c r="EJ20" s="9"/>
      <c r="EK20" s="161"/>
      <c r="EL20" s="163"/>
      <c r="EM20" s="28"/>
      <c r="EN20" s="9"/>
      <c r="EO20" s="102" t="str">
        <f t="shared" si="11"/>
        <v/>
      </c>
      <c r="EP20" s="15" t="str">
        <f>IF(EP19="","",IF(EP19='（参考）【別紙２】'!$E$35,"",IF(MONTH(EP19)=MONTH(EP19+1),EP19+1,"")))</f>
        <v/>
      </c>
      <c r="EQ20" s="13" t="str">
        <f>IF(COUNTIF(祝日一覧!$E$2:$E$142,EP20),"○",IF(ET20&lt;&gt;"","○",""))</f>
        <v/>
      </c>
      <c r="ER20" s="26"/>
      <c r="ES20" s="45" t="str">
        <f t="shared" si="88"/>
        <v/>
      </c>
      <c r="ET20" s="45"/>
      <c r="EU20" s="167"/>
      <c r="EV20" s="168"/>
      <c r="EW20" s="9"/>
      <c r="EX20" s="161"/>
      <c r="EY20" s="163"/>
      <c r="EZ20" s="28"/>
      <c r="FA20" s="9"/>
      <c r="FB20" s="102" t="str">
        <f t="shared" si="12"/>
        <v/>
      </c>
      <c r="FC20" s="15" t="str">
        <f>IF(FC19="","",IF(FC19='（参考）【別紙２】'!$E$35,"",IF(MONTH(FC19)=MONTH(FC19+1),FC19+1,"")))</f>
        <v/>
      </c>
      <c r="FD20" s="13" t="str">
        <f>IF(COUNTIF(祝日一覧!$E$2:$E$142,FC20),"○",IF(FG20&lt;&gt;"","○",""))</f>
        <v/>
      </c>
      <c r="FE20" s="26"/>
      <c r="FF20" s="45" t="str">
        <f t="shared" si="89"/>
        <v/>
      </c>
      <c r="FG20" s="45"/>
      <c r="FH20" s="167"/>
      <c r="FI20" s="168"/>
      <c r="FJ20" s="9"/>
      <c r="FK20" s="161"/>
      <c r="FL20" s="163"/>
      <c r="FM20" s="28"/>
      <c r="FN20" s="9"/>
      <c r="FO20" s="102" t="str">
        <f t="shared" si="13"/>
        <v/>
      </c>
      <c r="FP20" s="15" t="str">
        <f>IF(FP19="","",IF(FP19='（参考）【別紙２】'!$E$35,"",IF(MONTH(FP19)=MONTH(FP19+1),FP19+1,"")))</f>
        <v/>
      </c>
      <c r="FQ20" s="13" t="str">
        <f>IF(COUNTIF(祝日一覧!$E$2:$E$142,FP20),"○",IF(FT20&lt;&gt;"","○",""))</f>
        <v/>
      </c>
      <c r="FR20" s="26"/>
      <c r="FS20" s="45" t="str">
        <f t="shared" si="90"/>
        <v/>
      </c>
      <c r="FT20" s="45"/>
      <c r="FU20" s="167"/>
      <c r="FV20" s="168"/>
      <c r="FW20" s="9"/>
      <c r="FX20" s="161"/>
      <c r="FY20" s="163"/>
      <c r="FZ20" s="28"/>
      <c r="GA20" s="9"/>
      <c r="GB20" s="102" t="str">
        <f t="shared" si="14"/>
        <v/>
      </c>
      <c r="GC20" s="15" t="str">
        <f>IF(GC19="","",IF(GC19='（参考）【別紙２】'!$E$35,"",IF(MONTH(GC19)=MONTH(GC19+1),GC19+1,"")))</f>
        <v/>
      </c>
      <c r="GD20" s="13" t="str">
        <f>IF(COUNTIF(祝日一覧!$E$2:$E$142,GC20),"○",IF(GG20&lt;&gt;"","○",""))</f>
        <v/>
      </c>
      <c r="GE20" s="25"/>
      <c r="GF20" s="45" t="str">
        <f t="shared" si="91"/>
        <v/>
      </c>
      <c r="GG20" s="45"/>
      <c r="GH20" s="167"/>
      <c r="GI20" s="168"/>
      <c r="GJ20" s="9"/>
      <c r="GK20" s="161"/>
      <c r="GL20" s="163"/>
      <c r="GM20" s="28"/>
      <c r="GN20" s="9"/>
      <c r="GO20" s="102" t="str">
        <f t="shared" si="15"/>
        <v/>
      </c>
      <c r="GP20" s="15" t="str">
        <f>IF(GP19="","",IF(GP19='（参考）【別紙２】'!$E$35,"",IF(MONTH(GP19)=MONTH(GP19+1),GP19+1,"")))</f>
        <v/>
      </c>
      <c r="GQ20" s="13" t="str">
        <f>IF(COUNTIF(祝日一覧!$E$2:$E$142,GP20),"○",IF(GT20&lt;&gt;"","○",""))</f>
        <v/>
      </c>
      <c r="GR20" s="25"/>
      <c r="GS20" s="45" t="str">
        <f t="shared" si="92"/>
        <v/>
      </c>
      <c r="GT20" s="45"/>
      <c r="GU20" s="167"/>
      <c r="GV20" s="168"/>
      <c r="GW20" s="9"/>
      <c r="GX20" s="161"/>
      <c r="GY20" s="163"/>
      <c r="GZ20" s="28"/>
      <c r="HA20" s="9"/>
      <c r="HB20" s="102" t="str">
        <f t="shared" si="16"/>
        <v/>
      </c>
      <c r="HC20" s="15" t="str">
        <f>IF(HC19="","",IF(HC19='（参考）【別紙２】'!$E$35,"",IF(MONTH(HC19)=MONTH(HC19+1),HC19+1,"")))</f>
        <v/>
      </c>
      <c r="HD20" s="13" t="str">
        <f>IF(COUNTIF(祝日一覧!$E$2:$E$142,HC20),"○",IF(HG20&lt;&gt;"","○",""))</f>
        <v/>
      </c>
      <c r="HE20" s="26"/>
      <c r="HF20" s="45" t="str">
        <f t="shared" si="93"/>
        <v/>
      </c>
      <c r="HG20" s="45"/>
      <c r="HH20" s="167"/>
      <c r="HI20" s="168"/>
      <c r="HJ20" s="9"/>
      <c r="HK20" s="161"/>
      <c r="HL20" s="163"/>
      <c r="HM20" s="28"/>
      <c r="HN20" s="9"/>
      <c r="HO20" s="102" t="str">
        <f t="shared" si="17"/>
        <v/>
      </c>
      <c r="HP20" s="15" t="str">
        <f>IF(HP19="","",IF(HP19='（参考）【別紙２】'!$E$35,"",IF(MONTH(HP19)=MONTH(HP19+1),HP19+1,"")))</f>
        <v/>
      </c>
      <c r="HQ20" s="13" t="str">
        <f>IF(COUNTIF(祝日一覧!$E$2:$E$142,HP20),"○",IF(HT20&lt;&gt;"","○",""))</f>
        <v/>
      </c>
      <c r="HR20" s="25"/>
      <c r="HS20" s="45" t="str">
        <f t="shared" si="94"/>
        <v/>
      </c>
      <c r="HT20" s="45"/>
      <c r="HU20" s="167"/>
      <c r="HV20" s="168"/>
      <c r="HW20" s="9"/>
      <c r="HX20" s="161"/>
      <c r="HY20" s="163"/>
      <c r="HZ20" s="28"/>
      <c r="IA20" s="9"/>
      <c r="IB20" s="102" t="str">
        <f t="shared" si="18"/>
        <v/>
      </c>
      <c r="IC20" s="15" t="str">
        <f>IF(IC19="","",IF(IC19='（参考）【別紙２】'!$E$35,"",IF(MONTH(IC19)=MONTH(IC19+1),IC19+1,"")))</f>
        <v/>
      </c>
      <c r="ID20" s="13" t="str">
        <f>IF(COUNTIF(祝日一覧!$E$2:$E$142,IC20),"○",IF(IG20&lt;&gt;"","○",""))</f>
        <v/>
      </c>
      <c r="IE20" s="25"/>
      <c r="IF20" s="45" t="str">
        <f t="shared" si="95"/>
        <v/>
      </c>
      <c r="IG20" s="45"/>
      <c r="IH20" s="167"/>
      <c r="II20" s="168"/>
      <c r="IJ20" s="9"/>
      <c r="IK20" s="161"/>
      <c r="IL20" s="163"/>
      <c r="IM20" s="28"/>
      <c r="IN20" s="9"/>
      <c r="IO20" s="102" t="str">
        <f t="shared" si="19"/>
        <v/>
      </c>
      <c r="IP20" s="15" t="str">
        <f>IF(IP19="","",IF(IP19='（参考）【別紙２】'!$E$35,"",IF(MONTH(IP19)=MONTH(IP19+1),IP19+1,"")))</f>
        <v/>
      </c>
      <c r="IQ20" s="13" t="str">
        <f>IF(COUNTIF(祝日一覧!$E$2:$E$142,IP20),"○",IF(IT20&lt;&gt;"","○",""))</f>
        <v/>
      </c>
      <c r="IR20" s="25"/>
      <c r="IS20" s="45" t="str">
        <f t="shared" si="96"/>
        <v/>
      </c>
      <c r="IT20" s="45"/>
      <c r="IU20" s="167"/>
      <c r="IV20" s="168"/>
      <c r="IW20" s="9"/>
      <c r="IX20" s="161"/>
      <c r="IY20" s="163"/>
      <c r="IZ20" s="28"/>
      <c r="JA20" s="9"/>
      <c r="JB20" s="102" t="str">
        <f t="shared" si="20"/>
        <v/>
      </c>
      <c r="JC20" s="15" t="str">
        <f>IF(JC19="","",IF(JC19='（参考）【別紙２】'!$E$35,"",IF(MONTH(JC19)=MONTH(JC19+1),JC19+1,"")))</f>
        <v/>
      </c>
      <c r="JD20" s="13" t="str">
        <f>IF(COUNTIF(祝日一覧!$E$2:$E$142,JC20),"○",IF(JG20&lt;&gt;"","○",""))</f>
        <v/>
      </c>
      <c r="JE20" s="25"/>
      <c r="JF20" s="45" t="str">
        <f t="shared" si="97"/>
        <v/>
      </c>
      <c r="JG20" s="45"/>
      <c r="JH20" s="167"/>
      <c r="JI20" s="168"/>
      <c r="JJ20" s="9"/>
      <c r="JK20" s="161"/>
      <c r="JL20" s="163"/>
      <c r="JM20" s="28"/>
      <c r="JN20" s="9"/>
      <c r="JO20" s="102" t="str">
        <f t="shared" si="21"/>
        <v/>
      </c>
      <c r="JP20" s="15" t="str">
        <f>IF(JP19="","",IF(JP19='（参考）【別紙２】'!$E$35,"",IF(MONTH(JP19)=MONTH(JP19+1),JP19+1,"")))</f>
        <v/>
      </c>
      <c r="JQ20" s="13" t="str">
        <f>IF(COUNTIF(祝日一覧!$E$2:$E$142,JP20),"○",IF(JT20&lt;&gt;"","○",""))</f>
        <v/>
      </c>
      <c r="JR20" s="25"/>
      <c r="JS20" s="45" t="str">
        <f t="shared" si="98"/>
        <v/>
      </c>
      <c r="JT20" s="45"/>
      <c r="JU20" s="167"/>
      <c r="JV20" s="168"/>
      <c r="JW20" s="9"/>
      <c r="JX20" s="161"/>
      <c r="JY20" s="163"/>
      <c r="JZ20" s="28"/>
      <c r="KA20" s="9"/>
      <c r="KB20" s="102" t="str">
        <f t="shared" si="22"/>
        <v/>
      </c>
      <c r="KC20" s="15" t="str">
        <f>IF(KC19="","",IF(KC19='（参考）【別紙２】'!$E$35,"",IF(MONTH(KC19)=MONTH(KC19+1),KC19+1,"")))</f>
        <v/>
      </c>
      <c r="KD20" s="13" t="str">
        <f>IF(COUNTIF(祝日一覧!$E$2:$E$142,KC20),"○",IF(KG20&lt;&gt;"","○",""))</f>
        <v/>
      </c>
      <c r="KE20" s="25"/>
      <c r="KF20" s="45" t="str">
        <f t="shared" si="99"/>
        <v/>
      </c>
      <c r="KG20" s="45"/>
      <c r="KH20" s="167"/>
      <c r="KI20" s="168"/>
      <c r="KJ20" s="9"/>
      <c r="KK20" s="161"/>
      <c r="KL20" s="163"/>
      <c r="KM20" s="28"/>
      <c r="KN20" s="9"/>
      <c r="KO20" s="102" t="str">
        <f t="shared" si="23"/>
        <v/>
      </c>
      <c r="KP20" s="15" t="str">
        <f>IF(KP19="","",IF(KP19='（参考）【別紙２】'!$E$35,"",IF(MONTH(KP19)=MONTH(KP19+1),KP19+1,"")))</f>
        <v/>
      </c>
      <c r="KQ20" s="13" t="str">
        <f>IF(COUNTIF(祝日一覧!$E$2:$E$142,KP20),"○",IF(KT20&lt;&gt;"","○",""))</f>
        <v/>
      </c>
      <c r="KR20" s="25"/>
      <c r="KS20" s="45" t="str">
        <f t="shared" si="100"/>
        <v/>
      </c>
      <c r="KT20" s="45"/>
      <c r="KU20" s="167"/>
      <c r="KV20" s="168"/>
      <c r="KW20" s="9"/>
      <c r="KX20" s="161"/>
      <c r="KY20" s="163"/>
      <c r="KZ20" s="28"/>
      <c r="LA20" s="9"/>
      <c r="LB20" s="102" t="str">
        <f t="shared" si="24"/>
        <v/>
      </c>
      <c r="LC20" s="15" t="str">
        <f>IF(LC19="","",IF(LC19='（参考）【別紙２】'!$E$35,"",IF(MONTH(LC19)=MONTH(LC19+1),LC19+1,"")))</f>
        <v/>
      </c>
      <c r="LD20" s="13" t="str">
        <f>IF(COUNTIF(祝日一覧!$E$2:$E$142,LC20),"○",IF(LG20&lt;&gt;"","○",""))</f>
        <v/>
      </c>
      <c r="LE20" s="25"/>
      <c r="LF20" s="45" t="str">
        <f t="shared" si="101"/>
        <v/>
      </c>
      <c r="LG20" s="45"/>
      <c r="LH20" s="167"/>
      <c r="LI20" s="168"/>
      <c r="LJ20" s="9"/>
      <c r="LK20" s="161"/>
      <c r="LL20" s="163"/>
      <c r="LM20" s="28"/>
      <c r="LN20" s="9"/>
      <c r="LO20" s="102" t="str">
        <f t="shared" si="25"/>
        <v/>
      </c>
      <c r="LP20" s="15" t="str">
        <f>IF(LP19="","",IF(LP19='（参考）【別紙２】'!$E$35,"",IF(MONTH(LP19)=MONTH(LP19+1),LP19+1,"")))</f>
        <v/>
      </c>
      <c r="LQ20" s="13" t="str">
        <f>IF(COUNTIF(祝日一覧!$E$2:$E$142,LP20),"○",IF(LT20&lt;&gt;"","○",""))</f>
        <v/>
      </c>
      <c r="LR20" s="25"/>
      <c r="LS20" s="45" t="str">
        <f t="shared" si="102"/>
        <v/>
      </c>
      <c r="LT20" s="45"/>
      <c r="LU20" s="167"/>
      <c r="LV20" s="168"/>
      <c r="LW20" s="9"/>
      <c r="LX20" s="161"/>
      <c r="LY20" s="163"/>
      <c r="LZ20" s="28"/>
      <c r="MA20" s="9"/>
      <c r="MB20" s="102" t="str">
        <f t="shared" si="26"/>
        <v/>
      </c>
      <c r="MC20" s="15" t="str">
        <f>IF(MC19="","",IF(MC19='（参考）【別紙２】'!$E$35,"",IF(MONTH(MC19)=MONTH(MC19+1),MC19+1,"")))</f>
        <v/>
      </c>
      <c r="MD20" s="13" t="str">
        <f>IF(COUNTIF(祝日一覧!$E$2:$E$142,MC20),"○",IF(MG20&lt;&gt;"","○",""))</f>
        <v/>
      </c>
      <c r="ME20" s="25"/>
      <c r="MF20" s="45" t="str">
        <f t="shared" si="103"/>
        <v/>
      </c>
      <c r="MG20" s="45"/>
      <c r="MH20" s="167"/>
      <c r="MI20" s="168"/>
      <c r="MJ20" s="9"/>
      <c r="MK20" s="161"/>
      <c r="ML20" s="163"/>
      <c r="MM20" s="28"/>
      <c r="MN20" s="9"/>
      <c r="MO20" s="102" t="str">
        <f t="shared" si="27"/>
        <v/>
      </c>
      <c r="MP20" s="15" t="str">
        <f>IF(MP19="","",IF(MP19='（参考）【別紙２】'!$E$35,"",IF(MONTH(MP19)=MONTH(MP19+1),MP19+1,"")))</f>
        <v/>
      </c>
      <c r="MQ20" s="13" t="str">
        <f>IF(COUNTIF(祝日一覧!$E$2:$E$142,MP20),"○",IF(MT20&lt;&gt;"","○",""))</f>
        <v/>
      </c>
      <c r="MR20" s="25"/>
      <c r="MS20" s="45" t="str">
        <f t="shared" si="104"/>
        <v/>
      </c>
      <c r="MT20" s="45"/>
      <c r="MU20" s="167"/>
      <c r="MV20" s="168"/>
      <c r="MW20" s="9"/>
      <c r="MX20" s="161"/>
      <c r="MY20" s="163"/>
      <c r="MZ20" s="28"/>
      <c r="NA20" s="9"/>
      <c r="NB20" s="102" t="str">
        <f t="shared" si="28"/>
        <v/>
      </c>
      <c r="NC20" s="15" t="str">
        <f>IF(NC19="","",IF(NC19='（参考）【別紙２】'!$E$35,"",IF(MONTH(NC19)=MONTH(NC19+1),NC19+1,"")))</f>
        <v/>
      </c>
      <c r="ND20" s="13" t="str">
        <f>IF(COUNTIF(祝日一覧!$E$2:$E$142,NC20),"○",IF(NG20&lt;&gt;"","○",""))</f>
        <v/>
      </c>
      <c r="NE20" s="25"/>
      <c r="NF20" s="45" t="str">
        <f t="shared" si="105"/>
        <v/>
      </c>
      <c r="NG20" s="45"/>
      <c r="NH20" s="167"/>
      <c r="NI20" s="168"/>
      <c r="NJ20" s="9"/>
      <c r="NK20" s="161"/>
      <c r="NL20" s="163"/>
      <c r="NM20" s="28"/>
      <c r="NN20" s="9"/>
      <c r="NO20" s="102" t="str">
        <f t="shared" si="29"/>
        <v/>
      </c>
      <c r="NP20" s="15" t="str">
        <f>IF(NP19="","",IF(NP19='（参考）【別紙２】'!$E$35,"",IF(MONTH(NP19)=MONTH(NP19+1),NP19+1,"")))</f>
        <v/>
      </c>
      <c r="NQ20" s="13" t="str">
        <f>IF(COUNTIF(祝日一覧!$E$2:$E$142,NP20),"○",IF(NT20&lt;&gt;"","○",""))</f>
        <v/>
      </c>
      <c r="NR20" s="25"/>
      <c r="NS20" s="45" t="str">
        <f t="shared" si="106"/>
        <v/>
      </c>
      <c r="NT20" s="45"/>
      <c r="NU20" s="167"/>
      <c r="NV20" s="168"/>
      <c r="NW20" s="9"/>
      <c r="NX20" s="161"/>
      <c r="NY20" s="163"/>
      <c r="NZ20" s="28"/>
      <c r="OA20" s="9"/>
      <c r="OB20" s="102" t="str">
        <f t="shared" si="30"/>
        <v/>
      </c>
      <c r="OC20" s="15" t="str">
        <f>IF(OC19="","",IF(OC19='（参考）【別紙２】'!$E$35,"",IF(MONTH(OC19)=MONTH(OC19+1),OC19+1,"")))</f>
        <v/>
      </c>
      <c r="OD20" s="13" t="str">
        <f>IF(COUNTIF(祝日一覧!$E$2:$E$142,OC20),"○",IF(OG20&lt;&gt;"","○",""))</f>
        <v/>
      </c>
      <c r="OE20" s="25"/>
      <c r="OF20" s="45" t="str">
        <f t="shared" si="107"/>
        <v/>
      </c>
      <c r="OG20" s="45"/>
      <c r="OH20" s="167"/>
      <c r="OI20" s="168"/>
      <c r="OJ20" s="9"/>
      <c r="OK20" s="161"/>
      <c r="OL20" s="163"/>
      <c r="OM20" s="28"/>
      <c r="ON20" s="9"/>
      <c r="OO20" s="102" t="str">
        <f t="shared" si="31"/>
        <v/>
      </c>
      <c r="OP20" s="15" t="str">
        <f>IF(OP19="","",IF(OP19='（参考）【別紙２】'!$E$35,"",IF(MONTH(OP19)=MONTH(OP19+1),OP19+1,"")))</f>
        <v/>
      </c>
      <c r="OQ20" s="13" t="str">
        <f>IF(COUNTIF(祝日一覧!$E$2:$E$142,OP20),"○",IF(OT20&lt;&gt;"","○",""))</f>
        <v/>
      </c>
      <c r="OR20" s="25"/>
      <c r="OS20" s="45" t="str">
        <f t="shared" si="108"/>
        <v/>
      </c>
      <c r="OT20" s="45"/>
      <c r="OU20" s="167"/>
      <c r="OV20" s="168"/>
      <c r="OW20" s="9"/>
      <c r="OX20" s="161"/>
      <c r="OY20" s="163"/>
      <c r="OZ20" s="28"/>
      <c r="PA20" s="9"/>
      <c r="PB20" s="102" t="str">
        <f t="shared" si="32"/>
        <v/>
      </c>
      <c r="PC20" s="15" t="str">
        <f>IF(PC19="","",IF(PC19='（参考）【別紙２】'!$E$35,"",IF(MONTH(PC19)=MONTH(PC19+1),PC19+1,"")))</f>
        <v/>
      </c>
      <c r="PD20" s="13" t="str">
        <f>IF(COUNTIF(祝日一覧!$E$2:$E$142,PC20),"○",IF(PG20&lt;&gt;"","○",""))</f>
        <v/>
      </c>
      <c r="PE20" s="25"/>
      <c r="PF20" s="45" t="str">
        <f t="shared" si="109"/>
        <v/>
      </c>
      <c r="PG20" s="45"/>
      <c r="PH20" s="167"/>
      <c r="PI20" s="168"/>
      <c r="PJ20" s="9"/>
      <c r="PK20" s="161"/>
      <c r="PL20" s="163"/>
      <c r="PM20" s="28"/>
      <c r="PN20" s="9"/>
      <c r="PO20" s="102" t="str">
        <f t="shared" si="33"/>
        <v/>
      </c>
      <c r="PP20" s="15" t="str">
        <f>IF(PP19="","",IF(PP19='（参考）【別紙２】'!$E$35,"",IF(MONTH(PP19)=MONTH(PP19+1),PP19+1,"")))</f>
        <v/>
      </c>
      <c r="PQ20" s="13" t="str">
        <f>IF(COUNTIF(祝日一覧!$E$2:$E$142,PP20),"○",IF(PT20&lt;&gt;"","○",""))</f>
        <v/>
      </c>
      <c r="PR20" s="25"/>
      <c r="PS20" s="45" t="str">
        <f t="shared" si="110"/>
        <v/>
      </c>
      <c r="PT20" s="45"/>
      <c r="PU20" s="167"/>
      <c r="PV20" s="168"/>
      <c r="PW20" s="9"/>
      <c r="PX20" s="161"/>
      <c r="PY20" s="163"/>
      <c r="PZ20" s="28"/>
      <c r="QA20" s="9"/>
      <c r="QB20" s="102" t="str">
        <f t="shared" si="34"/>
        <v/>
      </c>
      <c r="QC20" s="15" t="str">
        <f>IF(QC19="","",IF(QC19='（参考）【別紙２】'!$E$35,"",IF(MONTH(QC19)=MONTH(QC19+1),QC19+1,"")))</f>
        <v/>
      </c>
      <c r="QD20" s="13" t="str">
        <f>IF(COUNTIF(祝日一覧!$E$2:$E$142,QC20),"○",IF(QG20&lt;&gt;"","○",""))</f>
        <v/>
      </c>
      <c r="QE20" s="25"/>
      <c r="QF20" s="45" t="str">
        <f t="shared" si="111"/>
        <v/>
      </c>
      <c r="QG20" s="45"/>
      <c r="QH20" s="167"/>
      <c r="QI20" s="168"/>
      <c r="QJ20" s="9"/>
      <c r="QK20" s="161"/>
      <c r="QL20" s="163"/>
      <c r="QM20" s="28"/>
      <c r="QN20" s="9"/>
      <c r="QO20" s="102" t="str">
        <f t="shared" si="35"/>
        <v/>
      </c>
      <c r="QP20" s="15" t="str">
        <f>IF(QP19="","",IF(QP19='（参考）【別紙２】'!$E$35,"",IF(MONTH(QP19)=MONTH(QP19+1),QP19+1,"")))</f>
        <v/>
      </c>
      <c r="QQ20" s="13" t="str">
        <f>IF(COUNTIF(祝日一覧!$E$2:$E$142,QP20),"○",IF(QT20&lt;&gt;"","○",""))</f>
        <v/>
      </c>
      <c r="QR20" s="25"/>
      <c r="QS20" s="45" t="str">
        <f t="shared" si="112"/>
        <v/>
      </c>
      <c r="QT20" s="45"/>
      <c r="QU20" s="167"/>
      <c r="QV20" s="168"/>
      <c r="QW20" s="9"/>
      <c r="QX20" s="161"/>
      <c r="QY20" s="163"/>
      <c r="QZ20" s="28"/>
      <c r="RA20" s="9"/>
      <c r="RB20" s="102" t="str">
        <f t="shared" si="36"/>
        <v/>
      </c>
      <c r="RC20" s="15" t="str">
        <f>IF(RC19="","",IF(RC19='（参考）【別紙２】'!$E$35,"",IF(MONTH(RC19)=MONTH(RC19+1),RC19+1,"")))</f>
        <v/>
      </c>
      <c r="RD20" s="13" t="str">
        <f>IF(COUNTIF(祝日一覧!$E$2:$E$142,RC20),"○",IF(RG20&lt;&gt;"","○",""))</f>
        <v/>
      </c>
      <c r="RE20" s="25"/>
      <c r="RF20" s="45" t="str">
        <f t="shared" si="113"/>
        <v/>
      </c>
      <c r="RG20" s="45"/>
      <c r="RH20" s="167"/>
      <c r="RI20" s="168"/>
      <c r="RJ20" s="9"/>
      <c r="RK20" s="161"/>
      <c r="RL20" s="163"/>
      <c r="RM20" s="28"/>
      <c r="RN20" s="9"/>
      <c r="RO20" s="102" t="str">
        <f t="shared" si="37"/>
        <v/>
      </c>
      <c r="RP20" s="15" t="str">
        <f>IF(RP19="","",IF(RP19='（参考）【別紙２】'!$E$35,"",IF(MONTH(RP19)=MONTH(RP19+1),RP19+1,"")))</f>
        <v/>
      </c>
      <c r="RQ20" s="13" t="str">
        <f>IF(COUNTIF(祝日一覧!$E$2:$E$142,RP20),"○",IF(RT20&lt;&gt;"","○",""))</f>
        <v/>
      </c>
      <c r="RR20" s="25"/>
      <c r="RS20" s="45" t="str">
        <f t="shared" si="114"/>
        <v/>
      </c>
      <c r="RT20" s="45"/>
      <c r="RU20" s="167"/>
      <c r="RV20" s="168"/>
      <c r="RW20" s="9"/>
      <c r="RX20" s="161"/>
      <c r="RY20" s="163"/>
      <c r="RZ20" s="28"/>
      <c r="SA20" s="9"/>
      <c r="SB20" s="102" t="str">
        <f t="shared" si="38"/>
        <v/>
      </c>
      <c r="SC20" s="15" t="str">
        <f>IF(SC19="","",IF(SC19='（参考）【別紙２】'!$E$35,"",IF(MONTH(SC19)=MONTH(SC19+1),SC19+1,"")))</f>
        <v/>
      </c>
      <c r="SD20" s="13" t="str">
        <f>IF(COUNTIF(祝日一覧!$E$2:$E$142,SC20),"○",IF(SG20&lt;&gt;"","○",""))</f>
        <v/>
      </c>
      <c r="SE20" s="25"/>
      <c r="SF20" s="45" t="str">
        <f t="shared" si="115"/>
        <v/>
      </c>
      <c r="SG20" s="45"/>
      <c r="SH20" s="167"/>
      <c r="SI20" s="168"/>
      <c r="SJ20" s="9"/>
      <c r="SK20" s="161"/>
      <c r="SL20" s="163"/>
      <c r="SM20" s="28"/>
    </row>
    <row r="21" spans="1:507" ht="15.6" customHeight="1">
      <c r="A21" s="9"/>
      <c r="B21" s="102" t="str">
        <f t="shared" si="0"/>
        <v>日</v>
      </c>
      <c r="C21" s="15">
        <f>IF(C20="","",IF(C20='（参考）【別紙２】'!$E$35,"",IF(MONTH(C20)=MONTH(C20+1),C20+1,"")))</f>
        <v>45760</v>
      </c>
      <c r="D21" s="13" t="str">
        <f>IF(COUNTIF(祝日一覧!$E$2:$E$142,C21),"○",IF(G21&lt;&gt;"","○",""))</f>
        <v/>
      </c>
      <c r="E21" s="26"/>
      <c r="F21" s="45" t="str">
        <f t="shared" si="39"/>
        <v>○</v>
      </c>
      <c r="G21" s="45"/>
      <c r="H21" s="167"/>
      <c r="I21" s="168"/>
      <c r="J21" s="42"/>
      <c r="K21" s="180" t="s">
        <v>99</v>
      </c>
      <c r="L21" s="182">
        <f>L11</f>
        <v>0</v>
      </c>
      <c r="M21" s="9"/>
      <c r="N21" s="9"/>
      <c r="O21" s="102" t="str">
        <f t="shared" si="1"/>
        <v>火</v>
      </c>
      <c r="P21" s="15">
        <f>IF(P20="","",IF(P20='（参考）【別紙２】'!$E$35,"",IF(MONTH(P20)=MONTH(P20+1),P20+1,"")))</f>
        <v>45790</v>
      </c>
      <c r="Q21" s="13" t="str">
        <f>IF(COUNTIF(祝日一覧!$E$2:$E$142,P21),"○",IF(T21&lt;&gt;"","○",""))</f>
        <v/>
      </c>
      <c r="R21" s="26"/>
      <c r="S21" s="45" t="str">
        <f t="shared" si="78"/>
        <v/>
      </c>
      <c r="T21" s="45"/>
      <c r="U21" s="167"/>
      <c r="V21" s="168"/>
      <c r="W21" s="9"/>
      <c r="X21" s="170" t="s">
        <v>99</v>
      </c>
      <c r="Y21" s="162">
        <f>L21+Y11</f>
        <v>0</v>
      </c>
      <c r="Z21" s="9"/>
      <c r="AA21" s="9"/>
      <c r="AB21" s="102" t="str">
        <f t="shared" si="2"/>
        <v>金</v>
      </c>
      <c r="AC21" s="15">
        <f>IF(AC20="","",IF(AC20='（参考）【別紙２】'!$E$35,"",IF(MONTH(AC20)=MONTH(AC20+1),AC20+1,"")))</f>
        <v>45821</v>
      </c>
      <c r="AD21" s="13" t="str">
        <f>IF(COUNTIF(祝日一覧!$E$2:$E$142,AC21),"○",IF(AG21&lt;&gt;"","○",""))</f>
        <v/>
      </c>
      <c r="AE21" s="26"/>
      <c r="AF21" s="45" t="str">
        <f t="shared" si="79"/>
        <v/>
      </c>
      <c r="AG21" s="45"/>
      <c r="AH21" s="167"/>
      <c r="AI21" s="168"/>
      <c r="AJ21" s="9"/>
      <c r="AK21" s="170" t="s">
        <v>99</v>
      </c>
      <c r="AL21" s="162">
        <f>Y21+AL11</f>
        <v>0</v>
      </c>
      <c r="AM21" s="9"/>
      <c r="AN21" s="9"/>
      <c r="AO21" s="102" t="str">
        <f t="shared" si="3"/>
        <v>日</v>
      </c>
      <c r="AP21" s="15">
        <f>IF(AP20="","",IF(AP20='（参考）【別紙２】'!$E$35,"",IF(MONTH(AP20)=MONTH(AP20+1),AP20+1,"")))</f>
        <v>45851</v>
      </c>
      <c r="AQ21" s="13" t="str">
        <f>IF(COUNTIF(祝日一覧!$E$2:$E$142,AP21),"○",IF(AT21&lt;&gt;"","○",""))</f>
        <v/>
      </c>
      <c r="AR21" s="26"/>
      <c r="AS21" s="45" t="str">
        <f t="shared" si="80"/>
        <v>○</v>
      </c>
      <c r="AT21" s="45"/>
      <c r="AU21" s="167"/>
      <c r="AV21" s="168"/>
      <c r="AW21" s="9"/>
      <c r="AX21" s="170" t="s">
        <v>99</v>
      </c>
      <c r="AY21" s="162">
        <f>AL21+AY11</f>
        <v>0</v>
      </c>
      <c r="AZ21" s="9"/>
      <c r="BA21" s="9"/>
      <c r="BB21" s="102" t="str">
        <f t="shared" si="4"/>
        <v>水</v>
      </c>
      <c r="BC21" s="15">
        <f>IF(BC20="","",IF(BC20='（参考）【別紙２】'!$E$35,"",IF(MONTH(BC20)=MONTH(BC20+1),BC20+1,"")))</f>
        <v>45882</v>
      </c>
      <c r="BD21" s="13" t="str">
        <f>IF(COUNTIF(祝日一覧!$E$2:$E$142,BC21),"○",IF(BG21&lt;&gt;"","○",""))</f>
        <v/>
      </c>
      <c r="BE21" s="26"/>
      <c r="BF21" s="45" t="str">
        <f t="shared" si="81"/>
        <v/>
      </c>
      <c r="BG21" s="45"/>
      <c r="BH21" s="167"/>
      <c r="BI21" s="168"/>
      <c r="BJ21" s="9"/>
      <c r="BK21" s="170" t="s">
        <v>99</v>
      </c>
      <c r="BL21" s="162">
        <f>AY21+BL11</f>
        <v>0</v>
      </c>
      <c r="BM21" s="9"/>
      <c r="BN21" s="9"/>
      <c r="BO21" s="102" t="str">
        <f t="shared" si="5"/>
        <v/>
      </c>
      <c r="BP21" s="15" t="str">
        <f>IF(BP20="","",IF(BP20='（参考）【別紙２】'!$E$35,"",IF(MONTH(BP20)=MONTH(BP20+1),BP20+1,"")))</f>
        <v/>
      </c>
      <c r="BQ21" s="13" t="str">
        <f>IF(COUNTIF(祝日一覧!$E$2:$E$142,BP21),"○",IF(BT21&lt;&gt;"","○",""))</f>
        <v/>
      </c>
      <c r="BR21" s="26"/>
      <c r="BS21" s="45" t="str">
        <f t="shared" si="82"/>
        <v/>
      </c>
      <c r="BT21" s="45"/>
      <c r="BU21" s="167"/>
      <c r="BV21" s="168"/>
      <c r="BW21" s="9"/>
      <c r="BX21" s="170" t="s">
        <v>99</v>
      </c>
      <c r="BY21" s="162">
        <f>BL21+BY11</f>
        <v>0</v>
      </c>
      <c r="BZ21" s="9"/>
      <c r="CA21" s="9"/>
      <c r="CB21" s="102" t="str">
        <f t="shared" si="6"/>
        <v/>
      </c>
      <c r="CC21" s="15" t="str">
        <f>IF(CC20="","",IF(CC20='（参考）【別紙２】'!$E$35,"",IF(MONTH(CC20)=MONTH(CC20+1),CC20+1,"")))</f>
        <v/>
      </c>
      <c r="CD21" s="13" t="str">
        <f>IF(COUNTIF(祝日一覧!$E$2:$E$142,CC21),"○",IF(CG21&lt;&gt;"","○",""))</f>
        <v/>
      </c>
      <c r="CE21" s="26"/>
      <c r="CF21" s="45" t="str">
        <f t="shared" si="83"/>
        <v/>
      </c>
      <c r="CG21" s="45"/>
      <c r="CH21" s="167"/>
      <c r="CI21" s="168"/>
      <c r="CJ21" s="9"/>
      <c r="CK21" s="170" t="s">
        <v>99</v>
      </c>
      <c r="CL21" s="162">
        <f>BY21+CL11</f>
        <v>0</v>
      </c>
      <c r="CM21" s="9"/>
      <c r="CN21" s="9"/>
      <c r="CO21" s="102" t="str">
        <f t="shared" si="7"/>
        <v/>
      </c>
      <c r="CP21" s="15" t="str">
        <f>IF(CP20="","",IF(CP20='（参考）【別紙２】'!$E$35,"",IF(MONTH(CP20)=MONTH(CP20+1),CP20+1,"")))</f>
        <v/>
      </c>
      <c r="CQ21" s="13" t="str">
        <f>IF(COUNTIF(祝日一覧!$E$2:$E$142,CP21),"○",IF(CT21&lt;&gt;"","○",""))</f>
        <v/>
      </c>
      <c r="CR21" s="26"/>
      <c r="CS21" s="45" t="str">
        <f t="shared" si="84"/>
        <v/>
      </c>
      <c r="CT21" s="45"/>
      <c r="CU21" s="167"/>
      <c r="CV21" s="168"/>
      <c r="CW21" s="9"/>
      <c r="CX21" s="170" t="s">
        <v>99</v>
      </c>
      <c r="CY21" s="162">
        <f>CL21+CY11</f>
        <v>0</v>
      </c>
      <c r="CZ21" s="9"/>
      <c r="DA21" s="9"/>
      <c r="DB21" s="102" t="str">
        <f t="shared" si="8"/>
        <v/>
      </c>
      <c r="DC21" s="15" t="str">
        <f>IF(DC20="","",IF(DC20='（参考）【別紙２】'!$E$35,"",IF(MONTH(DC20)=MONTH(DC20+1),DC20+1,"")))</f>
        <v/>
      </c>
      <c r="DD21" s="13" t="str">
        <f>IF(COUNTIF(祝日一覧!$E$2:$E$142,DC21),"○",IF(DG21&lt;&gt;"","○",""))</f>
        <v/>
      </c>
      <c r="DE21" s="26"/>
      <c r="DF21" s="45" t="str">
        <f t="shared" si="85"/>
        <v/>
      </c>
      <c r="DG21" s="45"/>
      <c r="DH21" s="167"/>
      <c r="DI21" s="168"/>
      <c r="DJ21" s="9"/>
      <c r="DK21" s="170" t="s">
        <v>99</v>
      </c>
      <c r="DL21" s="162">
        <f>CY21+DL11</f>
        <v>0</v>
      </c>
      <c r="DM21" s="9"/>
      <c r="DN21" s="9"/>
      <c r="DO21" s="102" t="str">
        <f t="shared" si="9"/>
        <v/>
      </c>
      <c r="DP21" s="15" t="str">
        <f>IF(DP20="","",IF(DP20='（参考）【別紙２】'!$E$35,"",IF(MONTH(DP20)=MONTH(DP20+1),DP20+1,"")))</f>
        <v/>
      </c>
      <c r="DQ21" s="13" t="str">
        <f>IF(COUNTIF(祝日一覧!$E$2:$E$142,DP21),"○",IF(DT21&lt;&gt;"","○",""))</f>
        <v/>
      </c>
      <c r="DR21" s="26"/>
      <c r="DS21" s="45" t="str">
        <f t="shared" si="86"/>
        <v/>
      </c>
      <c r="DT21" s="45"/>
      <c r="DU21" s="167"/>
      <c r="DV21" s="168"/>
      <c r="DW21" s="9"/>
      <c r="DX21" s="170" t="s">
        <v>99</v>
      </c>
      <c r="DY21" s="162">
        <f>DL21+DY11</f>
        <v>0</v>
      </c>
      <c r="DZ21" s="9"/>
      <c r="EA21" s="9"/>
      <c r="EB21" s="102" t="str">
        <f t="shared" si="10"/>
        <v/>
      </c>
      <c r="EC21" s="15" t="str">
        <f>IF(EC20="","",IF(EC20='（参考）【別紙２】'!$E$35,"",IF(MONTH(EC20)=MONTH(EC20+1),EC20+1,"")))</f>
        <v/>
      </c>
      <c r="ED21" s="13" t="str">
        <f>IF(COUNTIF(祝日一覧!$E$2:$E$142,EC21),"○",IF(EG21&lt;&gt;"","○",""))</f>
        <v/>
      </c>
      <c r="EE21" s="26"/>
      <c r="EF21" s="45" t="str">
        <f t="shared" si="87"/>
        <v/>
      </c>
      <c r="EG21" s="45"/>
      <c r="EH21" s="167"/>
      <c r="EI21" s="168"/>
      <c r="EJ21" s="9"/>
      <c r="EK21" s="170" t="s">
        <v>99</v>
      </c>
      <c r="EL21" s="162">
        <f>DY21+EL11</f>
        <v>0</v>
      </c>
      <c r="EM21" s="9"/>
      <c r="EN21" s="9"/>
      <c r="EO21" s="102" t="str">
        <f t="shared" si="11"/>
        <v/>
      </c>
      <c r="EP21" s="15" t="str">
        <f>IF(EP20="","",IF(EP20='（参考）【別紙２】'!$E$35,"",IF(MONTH(EP20)=MONTH(EP20+1),EP20+1,"")))</f>
        <v/>
      </c>
      <c r="EQ21" s="13" t="str">
        <f>IF(COUNTIF(祝日一覧!$E$2:$E$142,EP21),"○",IF(ET21&lt;&gt;"","○",""))</f>
        <v/>
      </c>
      <c r="ER21" s="26"/>
      <c r="ES21" s="45" t="str">
        <f t="shared" si="88"/>
        <v/>
      </c>
      <c r="ET21" s="45"/>
      <c r="EU21" s="167"/>
      <c r="EV21" s="168"/>
      <c r="EW21" s="9"/>
      <c r="EX21" s="170" t="s">
        <v>99</v>
      </c>
      <c r="EY21" s="162">
        <f>EL21+EY11</f>
        <v>0</v>
      </c>
      <c r="EZ21" s="9"/>
      <c r="FA21" s="9"/>
      <c r="FB21" s="102" t="str">
        <f t="shared" si="12"/>
        <v/>
      </c>
      <c r="FC21" s="15" t="str">
        <f>IF(FC20="","",IF(FC20='（参考）【別紙２】'!$E$35,"",IF(MONTH(FC20)=MONTH(FC20+1),FC20+1,"")))</f>
        <v/>
      </c>
      <c r="FD21" s="13" t="str">
        <f>IF(COUNTIF(祝日一覧!$E$2:$E$142,FC21),"○",IF(FG21&lt;&gt;"","○",""))</f>
        <v/>
      </c>
      <c r="FE21" s="26"/>
      <c r="FF21" s="45" t="str">
        <f t="shared" si="89"/>
        <v/>
      </c>
      <c r="FG21" s="45"/>
      <c r="FH21" s="167"/>
      <c r="FI21" s="168"/>
      <c r="FJ21" s="9"/>
      <c r="FK21" s="170" t="s">
        <v>99</v>
      </c>
      <c r="FL21" s="162">
        <f>EY21+FL11</f>
        <v>0</v>
      </c>
      <c r="FM21" s="9"/>
      <c r="FN21" s="9"/>
      <c r="FO21" s="102" t="str">
        <f t="shared" si="13"/>
        <v/>
      </c>
      <c r="FP21" s="15" t="str">
        <f>IF(FP20="","",IF(FP20='（参考）【別紙２】'!$E$35,"",IF(MONTH(FP20)=MONTH(FP20+1),FP20+1,"")))</f>
        <v/>
      </c>
      <c r="FQ21" s="13" t="str">
        <f>IF(COUNTIF(祝日一覧!$E$2:$E$142,FP21),"○",IF(FT21&lt;&gt;"","○",""))</f>
        <v/>
      </c>
      <c r="FR21" s="26"/>
      <c r="FS21" s="45" t="str">
        <f t="shared" si="90"/>
        <v/>
      </c>
      <c r="FT21" s="45"/>
      <c r="FU21" s="167"/>
      <c r="FV21" s="168"/>
      <c r="FW21" s="9"/>
      <c r="FX21" s="170" t="s">
        <v>99</v>
      </c>
      <c r="FY21" s="162">
        <f>FL21+FY11</f>
        <v>0</v>
      </c>
      <c r="FZ21" s="9"/>
      <c r="GA21" s="9"/>
      <c r="GB21" s="102" t="str">
        <f t="shared" si="14"/>
        <v/>
      </c>
      <c r="GC21" s="15" t="str">
        <f>IF(GC20="","",IF(GC20='（参考）【別紙２】'!$E$35,"",IF(MONTH(GC20)=MONTH(GC20+1),GC20+1,"")))</f>
        <v/>
      </c>
      <c r="GD21" s="13" t="str">
        <f>IF(COUNTIF(祝日一覧!$E$2:$E$142,GC21),"○",IF(GG21&lt;&gt;"","○",""))</f>
        <v/>
      </c>
      <c r="GE21" s="25"/>
      <c r="GF21" s="45" t="str">
        <f t="shared" si="91"/>
        <v/>
      </c>
      <c r="GG21" s="45"/>
      <c r="GH21" s="167"/>
      <c r="GI21" s="168"/>
      <c r="GJ21" s="9"/>
      <c r="GK21" s="170" t="s">
        <v>99</v>
      </c>
      <c r="GL21" s="162">
        <f>FY21+GL11</f>
        <v>0</v>
      </c>
      <c r="GM21" s="9"/>
      <c r="GN21" s="9"/>
      <c r="GO21" s="102" t="str">
        <f t="shared" si="15"/>
        <v/>
      </c>
      <c r="GP21" s="15" t="str">
        <f>IF(GP20="","",IF(GP20='（参考）【別紙２】'!$E$35,"",IF(MONTH(GP20)=MONTH(GP20+1),GP20+1,"")))</f>
        <v/>
      </c>
      <c r="GQ21" s="13" t="str">
        <f>IF(COUNTIF(祝日一覧!$E$2:$E$142,GP21),"○",IF(GT21&lt;&gt;"","○",""))</f>
        <v/>
      </c>
      <c r="GR21" s="25"/>
      <c r="GS21" s="45" t="str">
        <f t="shared" si="92"/>
        <v/>
      </c>
      <c r="GT21" s="45"/>
      <c r="GU21" s="167"/>
      <c r="GV21" s="168"/>
      <c r="GW21" s="9"/>
      <c r="GX21" s="170" t="s">
        <v>99</v>
      </c>
      <c r="GY21" s="162">
        <f>GL21+GY11</f>
        <v>0</v>
      </c>
      <c r="GZ21" s="9"/>
      <c r="HA21" s="9"/>
      <c r="HB21" s="102" t="str">
        <f t="shared" si="16"/>
        <v/>
      </c>
      <c r="HC21" s="15" t="str">
        <f>IF(HC20="","",IF(HC20='（参考）【別紙２】'!$E$35,"",IF(MONTH(HC20)=MONTH(HC20+1),HC20+1,"")))</f>
        <v/>
      </c>
      <c r="HD21" s="13" t="str">
        <f>IF(COUNTIF(祝日一覧!$E$2:$E$142,HC21),"○",IF(HG21&lt;&gt;"","○",""))</f>
        <v/>
      </c>
      <c r="HE21" s="26"/>
      <c r="HF21" s="45" t="str">
        <f t="shared" si="93"/>
        <v/>
      </c>
      <c r="HG21" s="45"/>
      <c r="HH21" s="167"/>
      <c r="HI21" s="168"/>
      <c r="HJ21" s="9"/>
      <c r="HK21" s="170" t="s">
        <v>99</v>
      </c>
      <c r="HL21" s="162">
        <f>GY21+HL11</f>
        <v>0</v>
      </c>
      <c r="HM21" s="9"/>
      <c r="HN21" s="9"/>
      <c r="HO21" s="102" t="str">
        <f t="shared" si="17"/>
        <v/>
      </c>
      <c r="HP21" s="15" t="str">
        <f>IF(HP20="","",IF(HP20='（参考）【別紙２】'!$E$35,"",IF(MONTH(HP20)=MONTH(HP20+1),HP20+1,"")))</f>
        <v/>
      </c>
      <c r="HQ21" s="13" t="str">
        <f>IF(COUNTIF(祝日一覧!$E$2:$E$142,HP21),"○",IF(HT21&lt;&gt;"","○",""))</f>
        <v/>
      </c>
      <c r="HR21" s="25"/>
      <c r="HS21" s="45" t="str">
        <f t="shared" si="94"/>
        <v/>
      </c>
      <c r="HT21" s="45"/>
      <c r="HU21" s="167"/>
      <c r="HV21" s="168"/>
      <c r="HW21" s="9"/>
      <c r="HX21" s="170" t="s">
        <v>99</v>
      </c>
      <c r="HY21" s="162">
        <f>HL21+HY11</f>
        <v>0</v>
      </c>
      <c r="HZ21" s="9"/>
      <c r="IA21" s="9"/>
      <c r="IB21" s="102" t="str">
        <f t="shared" si="18"/>
        <v/>
      </c>
      <c r="IC21" s="15" t="str">
        <f>IF(IC20="","",IF(IC20='（参考）【別紙２】'!$E$35,"",IF(MONTH(IC20)=MONTH(IC20+1),IC20+1,"")))</f>
        <v/>
      </c>
      <c r="ID21" s="13" t="str">
        <f>IF(COUNTIF(祝日一覧!$E$2:$E$142,IC21),"○",IF(IG21&lt;&gt;"","○",""))</f>
        <v/>
      </c>
      <c r="IE21" s="25"/>
      <c r="IF21" s="45" t="str">
        <f t="shared" si="95"/>
        <v/>
      </c>
      <c r="IG21" s="45"/>
      <c r="IH21" s="167"/>
      <c r="II21" s="168"/>
      <c r="IJ21" s="9"/>
      <c r="IK21" s="170" t="s">
        <v>99</v>
      </c>
      <c r="IL21" s="162">
        <f>HY21+IL11</f>
        <v>0</v>
      </c>
      <c r="IM21" s="9"/>
      <c r="IN21" s="9"/>
      <c r="IO21" s="102" t="str">
        <f t="shared" si="19"/>
        <v/>
      </c>
      <c r="IP21" s="15" t="str">
        <f>IF(IP20="","",IF(IP20='（参考）【別紙２】'!$E$35,"",IF(MONTH(IP20)=MONTH(IP20+1),IP20+1,"")))</f>
        <v/>
      </c>
      <c r="IQ21" s="13" t="str">
        <f>IF(COUNTIF(祝日一覧!$E$2:$E$142,IP21),"○",IF(IT21&lt;&gt;"","○",""))</f>
        <v/>
      </c>
      <c r="IR21" s="25"/>
      <c r="IS21" s="45" t="str">
        <f t="shared" si="96"/>
        <v/>
      </c>
      <c r="IT21" s="45"/>
      <c r="IU21" s="167"/>
      <c r="IV21" s="168"/>
      <c r="IW21" s="9"/>
      <c r="IX21" s="170" t="s">
        <v>99</v>
      </c>
      <c r="IY21" s="162">
        <f>IL21+IY11</f>
        <v>0</v>
      </c>
      <c r="IZ21" s="9"/>
      <c r="JA21" s="9"/>
      <c r="JB21" s="102" t="str">
        <f t="shared" si="20"/>
        <v/>
      </c>
      <c r="JC21" s="15" t="str">
        <f>IF(JC20="","",IF(JC20='（参考）【別紙２】'!$E$35,"",IF(MONTH(JC20)=MONTH(JC20+1),JC20+1,"")))</f>
        <v/>
      </c>
      <c r="JD21" s="13" t="str">
        <f>IF(COUNTIF(祝日一覧!$E$2:$E$142,JC21),"○",IF(JG21&lt;&gt;"","○",""))</f>
        <v/>
      </c>
      <c r="JE21" s="25"/>
      <c r="JF21" s="45" t="str">
        <f t="shared" si="97"/>
        <v/>
      </c>
      <c r="JG21" s="45"/>
      <c r="JH21" s="167"/>
      <c r="JI21" s="168"/>
      <c r="JJ21" s="9"/>
      <c r="JK21" s="170" t="s">
        <v>99</v>
      </c>
      <c r="JL21" s="162">
        <f>IY21+JL11</f>
        <v>0</v>
      </c>
      <c r="JM21" s="9"/>
      <c r="JN21" s="9"/>
      <c r="JO21" s="102" t="str">
        <f t="shared" si="21"/>
        <v/>
      </c>
      <c r="JP21" s="15" t="str">
        <f>IF(JP20="","",IF(JP20='（参考）【別紙２】'!$E$35,"",IF(MONTH(JP20)=MONTH(JP20+1),JP20+1,"")))</f>
        <v/>
      </c>
      <c r="JQ21" s="13" t="str">
        <f>IF(COUNTIF(祝日一覧!$E$2:$E$142,JP21),"○",IF(JT21&lt;&gt;"","○",""))</f>
        <v/>
      </c>
      <c r="JR21" s="25"/>
      <c r="JS21" s="45" t="str">
        <f t="shared" si="98"/>
        <v/>
      </c>
      <c r="JT21" s="45"/>
      <c r="JU21" s="167"/>
      <c r="JV21" s="168"/>
      <c r="JW21" s="9"/>
      <c r="JX21" s="170" t="s">
        <v>99</v>
      </c>
      <c r="JY21" s="162">
        <f>JL21+JY11</f>
        <v>0</v>
      </c>
      <c r="JZ21" s="9"/>
      <c r="KA21" s="9"/>
      <c r="KB21" s="102" t="str">
        <f t="shared" si="22"/>
        <v/>
      </c>
      <c r="KC21" s="15" t="str">
        <f>IF(KC20="","",IF(KC20='（参考）【別紙２】'!$E$35,"",IF(MONTH(KC20)=MONTH(KC20+1),KC20+1,"")))</f>
        <v/>
      </c>
      <c r="KD21" s="13" t="str">
        <f>IF(COUNTIF(祝日一覧!$E$2:$E$142,KC21),"○",IF(KG21&lt;&gt;"","○",""))</f>
        <v/>
      </c>
      <c r="KE21" s="25"/>
      <c r="KF21" s="45" t="str">
        <f t="shared" si="99"/>
        <v/>
      </c>
      <c r="KG21" s="45"/>
      <c r="KH21" s="167"/>
      <c r="KI21" s="168"/>
      <c r="KJ21" s="9"/>
      <c r="KK21" s="170" t="s">
        <v>99</v>
      </c>
      <c r="KL21" s="162">
        <f>JY21+KL11</f>
        <v>0</v>
      </c>
      <c r="KM21" s="9"/>
      <c r="KN21" s="9"/>
      <c r="KO21" s="102" t="str">
        <f t="shared" si="23"/>
        <v/>
      </c>
      <c r="KP21" s="15" t="str">
        <f>IF(KP20="","",IF(KP20='（参考）【別紙２】'!$E$35,"",IF(MONTH(KP20)=MONTH(KP20+1),KP20+1,"")))</f>
        <v/>
      </c>
      <c r="KQ21" s="13" t="str">
        <f>IF(COUNTIF(祝日一覧!$E$2:$E$142,KP21),"○",IF(KT21&lt;&gt;"","○",""))</f>
        <v/>
      </c>
      <c r="KR21" s="25"/>
      <c r="KS21" s="45" t="str">
        <f t="shared" si="100"/>
        <v/>
      </c>
      <c r="KT21" s="45"/>
      <c r="KU21" s="167"/>
      <c r="KV21" s="168"/>
      <c r="KW21" s="9"/>
      <c r="KX21" s="170" t="s">
        <v>99</v>
      </c>
      <c r="KY21" s="162">
        <f>KL21+KY11</f>
        <v>0</v>
      </c>
      <c r="KZ21" s="9"/>
      <c r="LA21" s="9"/>
      <c r="LB21" s="102" t="str">
        <f t="shared" si="24"/>
        <v/>
      </c>
      <c r="LC21" s="15" t="str">
        <f>IF(LC20="","",IF(LC20='（参考）【別紙２】'!$E$35,"",IF(MONTH(LC20)=MONTH(LC20+1),LC20+1,"")))</f>
        <v/>
      </c>
      <c r="LD21" s="13" t="str">
        <f>IF(COUNTIF(祝日一覧!$E$2:$E$142,LC21),"○",IF(LG21&lt;&gt;"","○",""))</f>
        <v/>
      </c>
      <c r="LE21" s="25"/>
      <c r="LF21" s="45" t="str">
        <f t="shared" si="101"/>
        <v/>
      </c>
      <c r="LG21" s="45"/>
      <c r="LH21" s="167"/>
      <c r="LI21" s="168"/>
      <c r="LJ21" s="9"/>
      <c r="LK21" s="170" t="s">
        <v>99</v>
      </c>
      <c r="LL21" s="162">
        <f>KY21+LL11</f>
        <v>0</v>
      </c>
      <c r="LM21" s="9"/>
      <c r="LN21" s="9"/>
      <c r="LO21" s="102" t="str">
        <f t="shared" si="25"/>
        <v/>
      </c>
      <c r="LP21" s="15" t="str">
        <f>IF(LP20="","",IF(LP20='（参考）【別紙２】'!$E$35,"",IF(MONTH(LP20)=MONTH(LP20+1),LP20+1,"")))</f>
        <v/>
      </c>
      <c r="LQ21" s="13" t="str">
        <f>IF(COUNTIF(祝日一覧!$E$2:$E$142,LP21),"○",IF(LT21&lt;&gt;"","○",""))</f>
        <v/>
      </c>
      <c r="LR21" s="25"/>
      <c r="LS21" s="45" t="str">
        <f t="shared" si="102"/>
        <v/>
      </c>
      <c r="LT21" s="45"/>
      <c r="LU21" s="167"/>
      <c r="LV21" s="168"/>
      <c r="LW21" s="9"/>
      <c r="LX21" s="170" t="s">
        <v>99</v>
      </c>
      <c r="LY21" s="162">
        <f>LL21+LY11</f>
        <v>0</v>
      </c>
      <c r="LZ21" s="9"/>
      <c r="MA21" s="9"/>
      <c r="MB21" s="102" t="str">
        <f t="shared" si="26"/>
        <v/>
      </c>
      <c r="MC21" s="15" t="str">
        <f>IF(MC20="","",IF(MC20='（参考）【別紙２】'!$E$35,"",IF(MONTH(MC20)=MONTH(MC20+1),MC20+1,"")))</f>
        <v/>
      </c>
      <c r="MD21" s="13" t="str">
        <f>IF(COUNTIF(祝日一覧!$E$2:$E$142,MC21),"○",IF(MG21&lt;&gt;"","○",""))</f>
        <v/>
      </c>
      <c r="ME21" s="25"/>
      <c r="MF21" s="45" t="str">
        <f t="shared" si="103"/>
        <v/>
      </c>
      <c r="MG21" s="45"/>
      <c r="MH21" s="167"/>
      <c r="MI21" s="168"/>
      <c r="MJ21" s="9"/>
      <c r="MK21" s="170" t="s">
        <v>99</v>
      </c>
      <c r="ML21" s="162">
        <f>LY21+ML11</f>
        <v>0</v>
      </c>
      <c r="MM21" s="9"/>
      <c r="MN21" s="9"/>
      <c r="MO21" s="102" t="str">
        <f t="shared" si="27"/>
        <v/>
      </c>
      <c r="MP21" s="15" t="str">
        <f>IF(MP20="","",IF(MP20='（参考）【別紙２】'!$E$35,"",IF(MONTH(MP20)=MONTH(MP20+1),MP20+1,"")))</f>
        <v/>
      </c>
      <c r="MQ21" s="13" t="str">
        <f>IF(COUNTIF(祝日一覧!$E$2:$E$142,MP21),"○",IF(MT21&lt;&gt;"","○",""))</f>
        <v/>
      </c>
      <c r="MR21" s="25"/>
      <c r="MS21" s="45" t="str">
        <f t="shared" si="104"/>
        <v/>
      </c>
      <c r="MT21" s="45"/>
      <c r="MU21" s="167"/>
      <c r="MV21" s="168"/>
      <c r="MW21" s="9"/>
      <c r="MX21" s="170" t="s">
        <v>99</v>
      </c>
      <c r="MY21" s="162">
        <f>ML21+MY11</f>
        <v>0</v>
      </c>
      <c r="MZ21" s="9"/>
      <c r="NA21" s="9"/>
      <c r="NB21" s="102" t="str">
        <f t="shared" si="28"/>
        <v/>
      </c>
      <c r="NC21" s="15" t="str">
        <f>IF(NC20="","",IF(NC20='（参考）【別紙２】'!$E$35,"",IF(MONTH(NC20)=MONTH(NC20+1),NC20+1,"")))</f>
        <v/>
      </c>
      <c r="ND21" s="13" t="str">
        <f>IF(COUNTIF(祝日一覧!$E$2:$E$142,NC21),"○",IF(NG21&lt;&gt;"","○",""))</f>
        <v/>
      </c>
      <c r="NE21" s="25"/>
      <c r="NF21" s="45" t="str">
        <f t="shared" si="105"/>
        <v/>
      </c>
      <c r="NG21" s="45"/>
      <c r="NH21" s="167"/>
      <c r="NI21" s="168"/>
      <c r="NJ21" s="9"/>
      <c r="NK21" s="170" t="s">
        <v>99</v>
      </c>
      <c r="NL21" s="162">
        <f>MY21+NL11</f>
        <v>0</v>
      </c>
      <c r="NM21" s="9"/>
      <c r="NN21" s="9"/>
      <c r="NO21" s="102" t="str">
        <f t="shared" si="29"/>
        <v/>
      </c>
      <c r="NP21" s="15" t="str">
        <f>IF(NP20="","",IF(NP20='（参考）【別紙２】'!$E$35,"",IF(MONTH(NP20)=MONTH(NP20+1),NP20+1,"")))</f>
        <v/>
      </c>
      <c r="NQ21" s="13" t="str">
        <f>IF(COUNTIF(祝日一覧!$E$2:$E$142,NP21),"○",IF(NT21&lt;&gt;"","○",""))</f>
        <v/>
      </c>
      <c r="NR21" s="25"/>
      <c r="NS21" s="45" t="str">
        <f t="shared" si="106"/>
        <v/>
      </c>
      <c r="NT21" s="45"/>
      <c r="NU21" s="167"/>
      <c r="NV21" s="168"/>
      <c r="NW21" s="9"/>
      <c r="NX21" s="170" t="s">
        <v>99</v>
      </c>
      <c r="NY21" s="162">
        <f>NL21+NY11</f>
        <v>0</v>
      </c>
      <c r="NZ21" s="9"/>
      <c r="OA21" s="9"/>
      <c r="OB21" s="102" t="str">
        <f t="shared" si="30"/>
        <v/>
      </c>
      <c r="OC21" s="15" t="str">
        <f>IF(OC20="","",IF(OC20='（参考）【別紙２】'!$E$35,"",IF(MONTH(OC20)=MONTH(OC20+1),OC20+1,"")))</f>
        <v/>
      </c>
      <c r="OD21" s="13" t="str">
        <f>IF(COUNTIF(祝日一覧!$E$2:$E$142,OC21),"○",IF(OG21&lt;&gt;"","○",""))</f>
        <v/>
      </c>
      <c r="OE21" s="25"/>
      <c r="OF21" s="45" t="str">
        <f t="shared" si="107"/>
        <v/>
      </c>
      <c r="OG21" s="45"/>
      <c r="OH21" s="167"/>
      <c r="OI21" s="168"/>
      <c r="OJ21" s="9"/>
      <c r="OK21" s="170" t="s">
        <v>99</v>
      </c>
      <c r="OL21" s="162">
        <f>NY21+OL11</f>
        <v>0</v>
      </c>
      <c r="OM21" s="9"/>
      <c r="ON21" s="9"/>
      <c r="OO21" s="102" t="str">
        <f t="shared" si="31"/>
        <v/>
      </c>
      <c r="OP21" s="15" t="str">
        <f>IF(OP20="","",IF(OP20='（参考）【別紙２】'!$E$35,"",IF(MONTH(OP20)=MONTH(OP20+1),OP20+1,"")))</f>
        <v/>
      </c>
      <c r="OQ21" s="13" t="str">
        <f>IF(COUNTIF(祝日一覧!$E$2:$E$142,OP21),"○",IF(OT21&lt;&gt;"","○",""))</f>
        <v/>
      </c>
      <c r="OR21" s="25"/>
      <c r="OS21" s="45" t="str">
        <f t="shared" si="108"/>
        <v/>
      </c>
      <c r="OT21" s="45"/>
      <c r="OU21" s="167"/>
      <c r="OV21" s="168"/>
      <c r="OW21" s="9"/>
      <c r="OX21" s="170" t="s">
        <v>99</v>
      </c>
      <c r="OY21" s="162">
        <f>OL21+OY11</f>
        <v>0</v>
      </c>
      <c r="OZ21" s="9"/>
      <c r="PA21" s="9"/>
      <c r="PB21" s="102" t="str">
        <f t="shared" si="32"/>
        <v/>
      </c>
      <c r="PC21" s="15" t="str">
        <f>IF(PC20="","",IF(PC20='（参考）【別紙２】'!$E$35,"",IF(MONTH(PC20)=MONTH(PC20+1),PC20+1,"")))</f>
        <v/>
      </c>
      <c r="PD21" s="13" t="str">
        <f>IF(COUNTIF(祝日一覧!$E$2:$E$142,PC21),"○",IF(PG21&lt;&gt;"","○",""))</f>
        <v/>
      </c>
      <c r="PE21" s="25"/>
      <c r="PF21" s="45" t="str">
        <f t="shared" si="109"/>
        <v/>
      </c>
      <c r="PG21" s="45"/>
      <c r="PH21" s="167"/>
      <c r="PI21" s="168"/>
      <c r="PJ21" s="9"/>
      <c r="PK21" s="170" t="s">
        <v>99</v>
      </c>
      <c r="PL21" s="162">
        <f>OY21+PL11</f>
        <v>0</v>
      </c>
      <c r="PM21" s="9"/>
      <c r="PN21" s="9"/>
      <c r="PO21" s="102" t="str">
        <f t="shared" si="33"/>
        <v/>
      </c>
      <c r="PP21" s="15" t="str">
        <f>IF(PP20="","",IF(PP20='（参考）【別紙２】'!$E$35,"",IF(MONTH(PP20)=MONTH(PP20+1),PP20+1,"")))</f>
        <v/>
      </c>
      <c r="PQ21" s="13" t="str">
        <f>IF(COUNTIF(祝日一覧!$E$2:$E$142,PP21),"○",IF(PT21&lt;&gt;"","○",""))</f>
        <v/>
      </c>
      <c r="PR21" s="25"/>
      <c r="PS21" s="45" t="str">
        <f t="shared" si="110"/>
        <v/>
      </c>
      <c r="PT21" s="45"/>
      <c r="PU21" s="167"/>
      <c r="PV21" s="168"/>
      <c r="PW21" s="9"/>
      <c r="PX21" s="170" t="s">
        <v>99</v>
      </c>
      <c r="PY21" s="162">
        <f>PL21+PY11</f>
        <v>0</v>
      </c>
      <c r="PZ21" s="9"/>
      <c r="QA21" s="9"/>
      <c r="QB21" s="102" t="str">
        <f t="shared" si="34"/>
        <v/>
      </c>
      <c r="QC21" s="15" t="str">
        <f>IF(QC20="","",IF(QC20='（参考）【別紙２】'!$E$35,"",IF(MONTH(QC20)=MONTH(QC20+1),QC20+1,"")))</f>
        <v/>
      </c>
      <c r="QD21" s="13" t="str">
        <f>IF(COUNTIF(祝日一覧!$E$2:$E$142,QC21),"○",IF(QG21&lt;&gt;"","○",""))</f>
        <v/>
      </c>
      <c r="QE21" s="25"/>
      <c r="QF21" s="45" t="str">
        <f t="shared" si="111"/>
        <v/>
      </c>
      <c r="QG21" s="45"/>
      <c r="QH21" s="167"/>
      <c r="QI21" s="168"/>
      <c r="QJ21" s="9"/>
      <c r="QK21" s="170" t="s">
        <v>99</v>
      </c>
      <c r="QL21" s="162">
        <f>PY21+QL11</f>
        <v>0</v>
      </c>
      <c r="QM21" s="9"/>
      <c r="QN21" s="9"/>
      <c r="QO21" s="102" t="str">
        <f t="shared" si="35"/>
        <v/>
      </c>
      <c r="QP21" s="15" t="str">
        <f>IF(QP20="","",IF(QP20='（参考）【別紙２】'!$E$35,"",IF(MONTH(QP20)=MONTH(QP20+1),QP20+1,"")))</f>
        <v/>
      </c>
      <c r="QQ21" s="13" t="str">
        <f>IF(COUNTIF(祝日一覧!$E$2:$E$142,QP21),"○",IF(QT21&lt;&gt;"","○",""))</f>
        <v/>
      </c>
      <c r="QR21" s="25"/>
      <c r="QS21" s="45" t="str">
        <f t="shared" si="112"/>
        <v/>
      </c>
      <c r="QT21" s="45"/>
      <c r="QU21" s="167"/>
      <c r="QV21" s="168"/>
      <c r="QW21" s="9"/>
      <c r="QX21" s="170" t="s">
        <v>99</v>
      </c>
      <c r="QY21" s="162">
        <f>QL21+QY11</f>
        <v>0</v>
      </c>
      <c r="QZ21" s="9"/>
      <c r="RA21" s="9"/>
      <c r="RB21" s="102" t="str">
        <f t="shared" si="36"/>
        <v/>
      </c>
      <c r="RC21" s="15" t="str">
        <f>IF(RC20="","",IF(RC20='（参考）【別紙２】'!$E$35,"",IF(MONTH(RC20)=MONTH(RC20+1),RC20+1,"")))</f>
        <v/>
      </c>
      <c r="RD21" s="13" t="str">
        <f>IF(COUNTIF(祝日一覧!$E$2:$E$142,RC21),"○",IF(RG21&lt;&gt;"","○",""))</f>
        <v/>
      </c>
      <c r="RE21" s="25"/>
      <c r="RF21" s="45" t="str">
        <f t="shared" si="113"/>
        <v/>
      </c>
      <c r="RG21" s="45"/>
      <c r="RH21" s="167"/>
      <c r="RI21" s="168"/>
      <c r="RJ21" s="9"/>
      <c r="RK21" s="170" t="s">
        <v>99</v>
      </c>
      <c r="RL21" s="162">
        <f>QY21+RL11</f>
        <v>0</v>
      </c>
      <c r="RM21" s="9"/>
      <c r="RN21" s="9"/>
      <c r="RO21" s="102" t="str">
        <f t="shared" si="37"/>
        <v/>
      </c>
      <c r="RP21" s="15" t="str">
        <f>IF(RP20="","",IF(RP20='（参考）【別紙２】'!$E$35,"",IF(MONTH(RP20)=MONTH(RP20+1),RP20+1,"")))</f>
        <v/>
      </c>
      <c r="RQ21" s="13" t="str">
        <f>IF(COUNTIF(祝日一覧!$E$2:$E$142,RP21),"○",IF(RT21&lt;&gt;"","○",""))</f>
        <v/>
      </c>
      <c r="RR21" s="25"/>
      <c r="RS21" s="45" t="str">
        <f t="shared" si="114"/>
        <v/>
      </c>
      <c r="RT21" s="45"/>
      <c r="RU21" s="167"/>
      <c r="RV21" s="168"/>
      <c r="RW21" s="9"/>
      <c r="RX21" s="170" t="s">
        <v>99</v>
      </c>
      <c r="RY21" s="162">
        <f>RL21+RY11</f>
        <v>0</v>
      </c>
      <c r="RZ21" s="9"/>
      <c r="SA21" s="9"/>
      <c r="SB21" s="102" t="str">
        <f t="shared" si="38"/>
        <v/>
      </c>
      <c r="SC21" s="15" t="str">
        <f>IF(SC20="","",IF(SC20='（参考）【別紙２】'!$E$35,"",IF(MONTH(SC20)=MONTH(SC20+1),SC20+1,"")))</f>
        <v/>
      </c>
      <c r="SD21" s="13" t="str">
        <f>IF(COUNTIF(祝日一覧!$E$2:$E$142,SC21),"○",IF(SG21&lt;&gt;"","○",""))</f>
        <v/>
      </c>
      <c r="SE21" s="25"/>
      <c r="SF21" s="45" t="str">
        <f t="shared" si="115"/>
        <v/>
      </c>
      <c r="SG21" s="45"/>
      <c r="SH21" s="167"/>
      <c r="SI21" s="168"/>
      <c r="SJ21" s="9"/>
      <c r="SK21" s="170" t="s">
        <v>99</v>
      </c>
      <c r="SL21" s="162">
        <f>RY21+SL11</f>
        <v>0</v>
      </c>
      <c r="SM21" s="9"/>
    </row>
    <row r="22" spans="1:507" ht="15.6" customHeight="1">
      <c r="A22" s="16"/>
      <c r="B22" s="102" t="str">
        <f t="shared" si="0"/>
        <v>月</v>
      </c>
      <c r="C22" s="15">
        <f>IF(C21="","",IF(C21='（参考）【別紙２】'!$E$35,"",IF(MONTH(C21)=MONTH(C21+1),C21+1,"")))</f>
        <v>45761</v>
      </c>
      <c r="D22" s="13" t="str">
        <f>IF(COUNTIF(祝日一覧!$E$2:$E$142,C22),"○",IF(G22&lt;&gt;"","○",""))</f>
        <v/>
      </c>
      <c r="E22" s="26"/>
      <c r="F22" s="45" t="str">
        <f t="shared" si="39"/>
        <v/>
      </c>
      <c r="G22" s="45"/>
      <c r="H22" s="167"/>
      <c r="I22" s="168"/>
      <c r="J22" s="42"/>
      <c r="K22" s="181"/>
      <c r="L22" s="179"/>
      <c r="M22" s="9"/>
      <c r="N22" s="16"/>
      <c r="O22" s="102" t="str">
        <f t="shared" si="1"/>
        <v>水</v>
      </c>
      <c r="P22" s="15">
        <f>IF(P21="","",IF(P21='（参考）【別紙２】'!$E$35,"",IF(MONTH(P21)=MONTH(P21+1),P21+1,"")))</f>
        <v>45791</v>
      </c>
      <c r="Q22" s="13" t="str">
        <f>IF(COUNTIF(祝日一覧!$E$2:$E$142,P22),"○",IF(T22&lt;&gt;"","○",""))</f>
        <v/>
      </c>
      <c r="R22" s="26"/>
      <c r="S22" s="45" t="str">
        <f t="shared" si="78"/>
        <v/>
      </c>
      <c r="T22" s="45"/>
      <c r="U22" s="167"/>
      <c r="V22" s="168"/>
      <c r="W22" s="9"/>
      <c r="X22" s="171"/>
      <c r="Y22" s="163"/>
      <c r="Z22" s="9"/>
      <c r="AA22" s="16"/>
      <c r="AB22" s="102" t="str">
        <f t="shared" si="2"/>
        <v>土</v>
      </c>
      <c r="AC22" s="15">
        <f>IF(AC21="","",IF(AC21='（参考）【別紙２】'!$E$35,"",IF(MONTH(AC21)=MONTH(AC21+1),AC21+1,"")))</f>
        <v>45822</v>
      </c>
      <c r="AD22" s="13" t="str">
        <f>IF(COUNTIF(祝日一覧!$E$2:$E$142,AC22),"○",IF(AG22&lt;&gt;"","○",""))</f>
        <v/>
      </c>
      <c r="AE22" s="26"/>
      <c r="AF22" s="45" t="str">
        <f t="shared" si="79"/>
        <v>○</v>
      </c>
      <c r="AG22" s="45"/>
      <c r="AH22" s="167"/>
      <c r="AI22" s="168"/>
      <c r="AJ22" s="9"/>
      <c r="AK22" s="171"/>
      <c r="AL22" s="163"/>
      <c r="AM22" s="9"/>
      <c r="AN22" s="16"/>
      <c r="AO22" s="102" t="str">
        <f t="shared" si="3"/>
        <v>月</v>
      </c>
      <c r="AP22" s="15">
        <f>IF(AP21="","",IF(AP21='（参考）【別紙２】'!$E$35,"",IF(MONTH(AP21)=MONTH(AP21+1),AP21+1,"")))</f>
        <v>45852</v>
      </c>
      <c r="AQ22" s="13" t="str">
        <f>IF(COUNTIF(祝日一覧!$E$2:$E$142,AP22),"○",IF(AT22&lt;&gt;"","○",""))</f>
        <v/>
      </c>
      <c r="AR22" s="26"/>
      <c r="AS22" s="45" t="str">
        <f t="shared" si="80"/>
        <v/>
      </c>
      <c r="AT22" s="45"/>
      <c r="AU22" s="167"/>
      <c r="AV22" s="168"/>
      <c r="AW22" s="9"/>
      <c r="AX22" s="171"/>
      <c r="AY22" s="163"/>
      <c r="AZ22" s="9"/>
      <c r="BA22" s="16"/>
      <c r="BB22" s="102" t="str">
        <f t="shared" si="4"/>
        <v>木</v>
      </c>
      <c r="BC22" s="15">
        <f>IF(BC21="","",IF(BC21='（参考）【別紙２】'!$E$35,"",IF(MONTH(BC21)=MONTH(BC21+1),BC21+1,"")))</f>
        <v>45883</v>
      </c>
      <c r="BD22" s="13" t="str">
        <f>IF(COUNTIF(祝日一覧!$E$2:$E$142,BC22),"○",IF(BG22&lt;&gt;"","○",""))</f>
        <v/>
      </c>
      <c r="BE22" s="26"/>
      <c r="BF22" s="45" t="str">
        <f t="shared" si="81"/>
        <v/>
      </c>
      <c r="BG22" s="45"/>
      <c r="BH22" s="167"/>
      <c r="BI22" s="168"/>
      <c r="BJ22" s="9"/>
      <c r="BK22" s="171"/>
      <c r="BL22" s="163"/>
      <c r="BM22" s="9"/>
      <c r="BN22" s="16"/>
      <c r="BO22" s="102" t="str">
        <f t="shared" si="5"/>
        <v/>
      </c>
      <c r="BP22" s="15" t="str">
        <f>IF(BP21="","",IF(BP21='（参考）【別紙２】'!$E$35,"",IF(MONTH(BP21)=MONTH(BP21+1),BP21+1,"")))</f>
        <v/>
      </c>
      <c r="BQ22" s="13" t="str">
        <f>IF(COUNTIF(祝日一覧!$E$2:$E$142,BP22),"○",IF(BT22&lt;&gt;"","○",""))</f>
        <v/>
      </c>
      <c r="BR22" s="26"/>
      <c r="BS22" s="45" t="str">
        <f t="shared" si="82"/>
        <v/>
      </c>
      <c r="BT22" s="45"/>
      <c r="BU22" s="167"/>
      <c r="BV22" s="168"/>
      <c r="BW22" s="9"/>
      <c r="BX22" s="171"/>
      <c r="BY22" s="163"/>
      <c r="BZ22" s="9"/>
      <c r="CA22" s="16"/>
      <c r="CB22" s="102" t="str">
        <f t="shared" si="6"/>
        <v/>
      </c>
      <c r="CC22" s="15" t="str">
        <f>IF(CC21="","",IF(CC21='（参考）【別紙２】'!$E$35,"",IF(MONTH(CC21)=MONTH(CC21+1),CC21+1,"")))</f>
        <v/>
      </c>
      <c r="CD22" s="13" t="str">
        <f>IF(COUNTIF(祝日一覧!$E$2:$E$142,CC22),"○",IF(CG22&lt;&gt;"","○",""))</f>
        <v/>
      </c>
      <c r="CE22" s="26"/>
      <c r="CF22" s="45" t="str">
        <f t="shared" si="83"/>
        <v/>
      </c>
      <c r="CG22" s="45"/>
      <c r="CH22" s="167"/>
      <c r="CI22" s="168"/>
      <c r="CJ22" s="9"/>
      <c r="CK22" s="171"/>
      <c r="CL22" s="163"/>
      <c r="CM22" s="9"/>
      <c r="CN22" s="16"/>
      <c r="CO22" s="102" t="str">
        <f t="shared" si="7"/>
        <v/>
      </c>
      <c r="CP22" s="15" t="str">
        <f>IF(CP21="","",IF(CP21='（参考）【別紙２】'!$E$35,"",IF(MONTH(CP21)=MONTH(CP21+1),CP21+1,"")))</f>
        <v/>
      </c>
      <c r="CQ22" s="13" t="str">
        <f>IF(COUNTIF(祝日一覧!$E$2:$E$142,CP22),"○",IF(CT22&lt;&gt;"","○",""))</f>
        <v/>
      </c>
      <c r="CR22" s="26"/>
      <c r="CS22" s="45" t="str">
        <f t="shared" si="84"/>
        <v/>
      </c>
      <c r="CT22" s="45"/>
      <c r="CU22" s="167"/>
      <c r="CV22" s="168"/>
      <c r="CW22" s="9"/>
      <c r="CX22" s="171"/>
      <c r="CY22" s="163"/>
      <c r="CZ22" s="9"/>
      <c r="DA22" s="16"/>
      <c r="DB22" s="102" t="str">
        <f t="shared" si="8"/>
        <v/>
      </c>
      <c r="DC22" s="15" t="str">
        <f>IF(DC21="","",IF(DC21='（参考）【別紙２】'!$E$35,"",IF(MONTH(DC21)=MONTH(DC21+1),DC21+1,"")))</f>
        <v/>
      </c>
      <c r="DD22" s="13" t="str">
        <f>IF(COUNTIF(祝日一覧!$E$2:$E$142,DC22),"○",IF(DG22&lt;&gt;"","○",""))</f>
        <v/>
      </c>
      <c r="DE22" s="26"/>
      <c r="DF22" s="45" t="str">
        <f t="shared" si="85"/>
        <v/>
      </c>
      <c r="DG22" s="45"/>
      <c r="DH22" s="167"/>
      <c r="DI22" s="168"/>
      <c r="DJ22" s="9"/>
      <c r="DK22" s="171"/>
      <c r="DL22" s="163"/>
      <c r="DM22" s="9"/>
      <c r="DN22" s="16"/>
      <c r="DO22" s="102" t="str">
        <f t="shared" si="9"/>
        <v/>
      </c>
      <c r="DP22" s="15" t="str">
        <f>IF(DP21="","",IF(DP21='（参考）【別紙２】'!$E$35,"",IF(MONTH(DP21)=MONTH(DP21+1),DP21+1,"")))</f>
        <v/>
      </c>
      <c r="DQ22" s="13" t="str">
        <f>IF(COUNTIF(祝日一覧!$E$2:$E$142,DP22),"○",IF(DT22&lt;&gt;"","○",""))</f>
        <v/>
      </c>
      <c r="DR22" s="26"/>
      <c r="DS22" s="45" t="str">
        <f t="shared" si="86"/>
        <v/>
      </c>
      <c r="DT22" s="45"/>
      <c r="DU22" s="167"/>
      <c r="DV22" s="168"/>
      <c r="DW22" s="9"/>
      <c r="DX22" s="171"/>
      <c r="DY22" s="163"/>
      <c r="DZ22" s="9"/>
      <c r="EA22" s="16"/>
      <c r="EB22" s="102" t="str">
        <f t="shared" si="10"/>
        <v/>
      </c>
      <c r="EC22" s="15" t="str">
        <f>IF(EC21="","",IF(EC21='（参考）【別紙２】'!$E$35,"",IF(MONTH(EC21)=MONTH(EC21+1),EC21+1,"")))</f>
        <v/>
      </c>
      <c r="ED22" s="13" t="str">
        <f>IF(COUNTIF(祝日一覧!$E$2:$E$142,EC22),"○",IF(EG22&lt;&gt;"","○",""))</f>
        <v/>
      </c>
      <c r="EE22" s="26"/>
      <c r="EF22" s="45" t="str">
        <f t="shared" si="87"/>
        <v/>
      </c>
      <c r="EG22" s="45"/>
      <c r="EH22" s="167"/>
      <c r="EI22" s="168"/>
      <c r="EJ22" s="9"/>
      <c r="EK22" s="171"/>
      <c r="EL22" s="163"/>
      <c r="EM22" s="9"/>
      <c r="EN22" s="16"/>
      <c r="EO22" s="102" t="str">
        <f t="shared" si="11"/>
        <v/>
      </c>
      <c r="EP22" s="15" t="str">
        <f>IF(EP21="","",IF(EP21='（参考）【別紙２】'!$E$35,"",IF(MONTH(EP21)=MONTH(EP21+1),EP21+1,"")))</f>
        <v/>
      </c>
      <c r="EQ22" s="13" t="str">
        <f>IF(COUNTIF(祝日一覧!$E$2:$E$142,EP22),"○",IF(ET22&lt;&gt;"","○",""))</f>
        <v/>
      </c>
      <c r="ER22" s="26"/>
      <c r="ES22" s="45" t="str">
        <f t="shared" si="88"/>
        <v/>
      </c>
      <c r="ET22" s="45"/>
      <c r="EU22" s="167"/>
      <c r="EV22" s="168"/>
      <c r="EW22" s="9"/>
      <c r="EX22" s="171"/>
      <c r="EY22" s="163"/>
      <c r="EZ22" s="9"/>
      <c r="FA22" s="16"/>
      <c r="FB22" s="102" t="str">
        <f t="shared" si="12"/>
        <v/>
      </c>
      <c r="FC22" s="15" t="str">
        <f>IF(FC21="","",IF(FC21='（参考）【別紙２】'!$E$35,"",IF(MONTH(FC21)=MONTH(FC21+1),FC21+1,"")))</f>
        <v/>
      </c>
      <c r="FD22" s="13" t="str">
        <f>IF(COUNTIF(祝日一覧!$E$2:$E$142,FC22),"○",IF(FG22&lt;&gt;"","○",""))</f>
        <v/>
      </c>
      <c r="FE22" s="26"/>
      <c r="FF22" s="45" t="str">
        <f t="shared" si="89"/>
        <v/>
      </c>
      <c r="FG22" s="45"/>
      <c r="FH22" s="167"/>
      <c r="FI22" s="168"/>
      <c r="FJ22" s="9"/>
      <c r="FK22" s="171"/>
      <c r="FL22" s="163"/>
      <c r="FM22" s="9"/>
      <c r="FN22" s="16"/>
      <c r="FO22" s="102" t="str">
        <f t="shared" si="13"/>
        <v/>
      </c>
      <c r="FP22" s="15" t="str">
        <f>IF(FP21="","",IF(FP21='（参考）【別紙２】'!$E$35,"",IF(MONTH(FP21)=MONTH(FP21+1),FP21+1,"")))</f>
        <v/>
      </c>
      <c r="FQ22" s="13" t="str">
        <f>IF(COUNTIF(祝日一覧!$E$2:$E$142,FP22),"○",IF(FT22&lt;&gt;"","○",""))</f>
        <v/>
      </c>
      <c r="FR22" s="26"/>
      <c r="FS22" s="45" t="str">
        <f t="shared" si="90"/>
        <v/>
      </c>
      <c r="FT22" s="45"/>
      <c r="FU22" s="167"/>
      <c r="FV22" s="168"/>
      <c r="FW22" s="9"/>
      <c r="FX22" s="171"/>
      <c r="FY22" s="163"/>
      <c r="FZ22" s="9"/>
      <c r="GA22" s="16"/>
      <c r="GB22" s="102" t="str">
        <f t="shared" si="14"/>
        <v/>
      </c>
      <c r="GC22" s="15" t="str">
        <f>IF(GC21="","",IF(GC21='（参考）【別紙２】'!$E$35,"",IF(MONTH(GC21)=MONTH(GC21+1),GC21+1,"")))</f>
        <v/>
      </c>
      <c r="GD22" s="13" t="str">
        <f>IF(COUNTIF(祝日一覧!$E$2:$E$142,GC22),"○",IF(GG22&lt;&gt;"","○",""))</f>
        <v/>
      </c>
      <c r="GE22" s="25"/>
      <c r="GF22" s="45" t="str">
        <f t="shared" si="91"/>
        <v/>
      </c>
      <c r="GG22" s="45"/>
      <c r="GH22" s="167"/>
      <c r="GI22" s="168"/>
      <c r="GJ22" s="9"/>
      <c r="GK22" s="171"/>
      <c r="GL22" s="163"/>
      <c r="GM22" s="9"/>
      <c r="GN22" s="16"/>
      <c r="GO22" s="102" t="str">
        <f t="shared" si="15"/>
        <v/>
      </c>
      <c r="GP22" s="15" t="str">
        <f>IF(GP21="","",IF(GP21='（参考）【別紙２】'!$E$35,"",IF(MONTH(GP21)=MONTH(GP21+1),GP21+1,"")))</f>
        <v/>
      </c>
      <c r="GQ22" s="13" t="str">
        <f>IF(COUNTIF(祝日一覧!$E$2:$E$142,GP22),"○",IF(GT22&lt;&gt;"","○",""))</f>
        <v/>
      </c>
      <c r="GR22" s="25"/>
      <c r="GS22" s="45" t="str">
        <f t="shared" si="92"/>
        <v/>
      </c>
      <c r="GT22" s="45"/>
      <c r="GU22" s="167"/>
      <c r="GV22" s="168"/>
      <c r="GW22" s="9"/>
      <c r="GX22" s="171"/>
      <c r="GY22" s="163"/>
      <c r="GZ22" s="9"/>
      <c r="HA22" s="16"/>
      <c r="HB22" s="102" t="str">
        <f t="shared" si="16"/>
        <v/>
      </c>
      <c r="HC22" s="15" t="str">
        <f>IF(HC21="","",IF(HC21='（参考）【別紙２】'!$E$35,"",IF(MONTH(HC21)=MONTH(HC21+1),HC21+1,"")))</f>
        <v/>
      </c>
      <c r="HD22" s="13" t="str">
        <f>IF(COUNTIF(祝日一覧!$E$2:$E$142,HC22),"○",IF(HG22&lt;&gt;"","○",""))</f>
        <v/>
      </c>
      <c r="HE22" s="26"/>
      <c r="HF22" s="45" t="str">
        <f t="shared" si="93"/>
        <v/>
      </c>
      <c r="HG22" s="45"/>
      <c r="HH22" s="167"/>
      <c r="HI22" s="168"/>
      <c r="HJ22" s="9"/>
      <c r="HK22" s="171"/>
      <c r="HL22" s="163"/>
      <c r="HM22" s="9"/>
      <c r="HN22" s="16"/>
      <c r="HO22" s="102" t="str">
        <f t="shared" si="17"/>
        <v/>
      </c>
      <c r="HP22" s="15" t="str">
        <f>IF(HP21="","",IF(HP21='（参考）【別紙２】'!$E$35,"",IF(MONTH(HP21)=MONTH(HP21+1),HP21+1,"")))</f>
        <v/>
      </c>
      <c r="HQ22" s="13" t="str">
        <f>IF(COUNTIF(祝日一覧!$E$2:$E$142,HP22),"○",IF(HT22&lt;&gt;"","○",""))</f>
        <v/>
      </c>
      <c r="HR22" s="25"/>
      <c r="HS22" s="45" t="str">
        <f t="shared" si="94"/>
        <v/>
      </c>
      <c r="HT22" s="45"/>
      <c r="HU22" s="167"/>
      <c r="HV22" s="168"/>
      <c r="HW22" s="9"/>
      <c r="HX22" s="171"/>
      <c r="HY22" s="163"/>
      <c r="HZ22" s="9"/>
      <c r="IA22" s="16"/>
      <c r="IB22" s="102" t="str">
        <f t="shared" si="18"/>
        <v/>
      </c>
      <c r="IC22" s="15" t="str">
        <f>IF(IC21="","",IF(IC21='（参考）【別紙２】'!$E$35,"",IF(MONTH(IC21)=MONTH(IC21+1),IC21+1,"")))</f>
        <v/>
      </c>
      <c r="ID22" s="13" t="str">
        <f>IF(COUNTIF(祝日一覧!$E$2:$E$142,IC22),"○",IF(IG22&lt;&gt;"","○",""))</f>
        <v/>
      </c>
      <c r="IE22" s="25"/>
      <c r="IF22" s="45" t="str">
        <f t="shared" si="95"/>
        <v/>
      </c>
      <c r="IG22" s="45"/>
      <c r="IH22" s="167"/>
      <c r="II22" s="168"/>
      <c r="IJ22" s="9"/>
      <c r="IK22" s="171"/>
      <c r="IL22" s="163"/>
      <c r="IM22" s="9"/>
      <c r="IN22" s="16"/>
      <c r="IO22" s="102" t="str">
        <f t="shared" si="19"/>
        <v/>
      </c>
      <c r="IP22" s="15" t="str">
        <f>IF(IP21="","",IF(IP21='（参考）【別紙２】'!$E$35,"",IF(MONTH(IP21)=MONTH(IP21+1),IP21+1,"")))</f>
        <v/>
      </c>
      <c r="IQ22" s="13" t="str">
        <f>IF(COUNTIF(祝日一覧!$E$2:$E$142,IP22),"○",IF(IT22&lt;&gt;"","○",""))</f>
        <v/>
      </c>
      <c r="IR22" s="25"/>
      <c r="IS22" s="45" t="str">
        <f t="shared" si="96"/>
        <v/>
      </c>
      <c r="IT22" s="45"/>
      <c r="IU22" s="167"/>
      <c r="IV22" s="168"/>
      <c r="IW22" s="9"/>
      <c r="IX22" s="171"/>
      <c r="IY22" s="163"/>
      <c r="IZ22" s="9"/>
      <c r="JA22" s="16"/>
      <c r="JB22" s="102" t="str">
        <f t="shared" si="20"/>
        <v/>
      </c>
      <c r="JC22" s="15" t="str">
        <f>IF(JC21="","",IF(JC21='（参考）【別紙２】'!$E$35,"",IF(MONTH(JC21)=MONTH(JC21+1),JC21+1,"")))</f>
        <v/>
      </c>
      <c r="JD22" s="13" t="str">
        <f>IF(COUNTIF(祝日一覧!$E$2:$E$142,JC22),"○",IF(JG22&lt;&gt;"","○",""))</f>
        <v/>
      </c>
      <c r="JE22" s="25"/>
      <c r="JF22" s="45" t="str">
        <f t="shared" si="97"/>
        <v/>
      </c>
      <c r="JG22" s="45"/>
      <c r="JH22" s="167"/>
      <c r="JI22" s="168"/>
      <c r="JJ22" s="9"/>
      <c r="JK22" s="171"/>
      <c r="JL22" s="163"/>
      <c r="JM22" s="9"/>
      <c r="JN22" s="16"/>
      <c r="JO22" s="102" t="str">
        <f t="shared" si="21"/>
        <v/>
      </c>
      <c r="JP22" s="15" t="str">
        <f>IF(JP21="","",IF(JP21='（参考）【別紙２】'!$E$35,"",IF(MONTH(JP21)=MONTH(JP21+1),JP21+1,"")))</f>
        <v/>
      </c>
      <c r="JQ22" s="13" t="str">
        <f>IF(COUNTIF(祝日一覧!$E$2:$E$142,JP22),"○",IF(JT22&lt;&gt;"","○",""))</f>
        <v/>
      </c>
      <c r="JR22" s="25"/>
      <c r="JS22" s="45" t="str">
        <f t="shared" si="98"/>
        <v/>
      </c>
      <c r="JT22" s="45"/>
      <c r="JU22" s="167"/>
      <c r="JV22" s="168"/>
      <c r="JW22" s="9"/>
      <c r="JX22" s="171"/>
      <c r="JY22" s="163"/>
      <c r="JZ22" s="9"/>
      <c r="KA22" s="16"/>
      <c r="KB22" s="102" t="str">
        <f t="shared" si="22"/>
        <v/>
      </c>
      <c r="KC22" s="15" t="str">
        <f>IF(KC21="","",IF(KC21='（参考）【別紙２】'!$E$35,"",IF(MONTH(KC21)=MONTH(KC21+1),KC21+1,"")))</f>
        <v/>
      </c>
      <c r="KD22" s="13" t="str">
        <f>IF(COUNTIF(祝日一覧!$E$2:$E$142,KC22),"○",IF(KG22&lt;&gt;"","○",""))</f>
        <v/>
      </c>
      <c r="KE22" s="25"/>
      <c r="KF22" s="45" t="str">
        <f t="shared" si="99"/>
        <v/>
      </c>
      <c r="KG22" s="45"/>
      <c r="KH22" s="167"/>
      <c r="KI22" s="168"/>
      <c r="KJ22" s="9"/>
      <c r="KK22" s="171"/>
      <c r="KL22" s="163"/>
      <c r="KM22" s="9"/>
      <c r="KN22" s="16"/>
      <c r="KO22" s="102" t="str">
        <f t="shared" si="23"/>
        <v/>
      </c>
      <c r="KP22" s="15" t="str">
        <f>IF(KP21="","",IF(KP21='（参考）【別紙２】'!$E$35,"",IF(MONTH(KP21)=MONTH(KP21+1),KP21+1,"")))</f>
        <v/>
      </c>
      <c r="KQ22" s="13" t="str">
        <f>IF(COUNTIF(祝日一覧!$E$2:$E$142,KP22),"○",IF(KT22&lt;&gt;"","○",""))</f>
        <v/>
      </c>
      <c r="KR22" s="25"/>
      <c r="KS22" s="45" t="str">
        <f t="shared" si="100"/>
        <v/>
      </c>
      <c r="KT22" s="45"/>
      <c r="KU22" s="167"/>
      <c r="KV22" s="168"/>
      <c r="KW22" s="9"/>
      <c r="KX22" s="171"/>
      <c r="KY22" s="163"/>
      <c r="KZ22" s="9"/>
      <c r="LA22" s="16"/>
      <c r="LB22" s="102" t="str">
        <f t="shared" si="24"/>
        <v/>
      </c>
      <c r="LC22" s="15" t="str">
        <f>IF(LC21="","",IF(LC21='（参考）【別紙２】'!$E$35,"",IF(MONTH(LC21)=MONTH(LC21+1),LC21+1,"")))</f>
        <v/>
      </c>
      <c r="LD22" s="13" t="str">
        <f>IF(COUNTIF(祝日一覧!$E$2:$E$142,LC22),"○",IF(LG22&lt;&gt;"","○",""))</f>
        <v/>
      </c>
      <c r="LE22" s="25"/>
      <c r="LF22" s="45" t="str">
        <f t="shared" si="101"/>
        <v/>
      </c>
      <c r="LG22" s="45"/>
      <c r="LH22" s="167"/>
      <c r="LI22" s="168"/>
      <c r="LJ22" s="9"/>
      <c r="LK22" s="171"/>
      <c r="LL22" s="163"/>
      <c r="LM22" s="9"/>
      <c r="LN22" s="16"/>
      <c r="LO22" s="102" t="str">
        <f t="shared" si="25"/>
        <v/>
      </c>
      <c r="LP22" s="15" t="str">
        <f>IF(LP21="","",IF(LP21='（参考）【別紙２】'!$E$35,"",IF(MONTH(LP21)=MONTH(LP21+1),LP21+1,"")))</f>
        <v/>
      </c>
      <c r="LQ22" s="13" t="str">
        <f>IF(COUNTIF(祝日一覧!$E$2:$E$142,LP22),"○",IF(LT22&lt;&gt;"","○",""))</f>
        <v/>
      </c>
      <c r="LR22" s="25"/>
      <c r="LS22" s="45" t="str">
        <f t="shared" si="102"/>
        <v/>
      </c>
      <c r="LT22" s="45"/>
      <c r="LU22" s="167"/>
      <c r="LV22" s="168"/>
      <c r="LW22" s="9"/>
      <c r="LX22" s="171"/>
      <c r="LY22" s="163"/>
      <c r="LZ22" s="9"/>
      <c r="MA22" s="16"/>
      <c r="MB22" s="102" t="str">
        <f t="shared" si="26"/>
        <v/>
      </c>
      <c r="MC22" s="15" t="str">
        <f>IF(MC21="","",IF(MC21='（参考）【別紙２】'!$E$35,"",IF(MONTH(MC21)=MONTH(MC21+1),MC21+1,"")))</f>
        <v/>
      </c>
      <c r="MD22" s="13" t="str">
        <f>IF(COUNTIF(祝日一覧!$E$2:$E$142,MC22),"○",IF(MG22&lt;&gt;"","○",""))</f>
        <v/>
      </c>
      <c r="ME22" s="25"/>
      <c r="MF22" s="45" t="str">
        <f t="shared" si="103"/>
        <v/>
      </c>
      <c r="MG22" s="45"/>
      <c r="MH22" s="167"/>
      <c r="MI22" s="168"/>
      <c r="MJ22" s="9"/>
      <c r="MK22" s="171"/>
      <c r="ML22" s="163"/>
      <c r="MM22" s="9"/>
      <c r="MN22" s="16"/>
      <c r="MO22" s="102" t="str">
        <f t="shared" si="27"/>
        <v/>
      </c>
      <c r="MP22" s="15" t="str">
        <f>IF(MP21="","",IF(MP21='（参考）【別紙２】'!$E$35,"",IF(MONTH(MP21)=MONTH(MP21+1),MP21+1,"")))</f>
        <v/>
      </c>
      <c r="MQ22" s="13" t="str">
        <f>IF(COUNTIF(祝日一覧!$E$2:$E$142,MP22),"○",IF(MT22&lt;&gt;"","○",""))</f>
        <v/>
      </c>
      <c r="MR22" s="25"/>
      <c r="MS22" s="45" t="str">
        <f t="shared" si="104"/>
        <v/>
      </c>
      <c r="MT22" s="45"/>
      <c r="MU22" s="167"/>
      <c r="MV22" s="168"/>
      <c r="MW22" s="9"/>
      <c r="MX22" s="171"/>
      <c r="MY22" s="163"/>
      <c r="MZ22" s="9"/>
      <c r="NA22" s="16"/>
      <c r="NB22" s="102" t="str">
        <f t="shared" si="28"/>
        <v/>
      </c>
      <c r="NC22" s="15" t="str">
        <f>IF(NC21="","",IF(NC21='（参考）【別紙２】'!$E$35,"",IF(MONTH(NC21)=MONTH(NC21+1),NC21+1,"")))</f>
        <v/>
      </c>
      <c r="ND22" s="13" t="str">
        <f>IF(COUNTIF(祝日一覧!$E$2:$E$142,NC22),"○",IF(NG22&lt;&gt;"","○",""))</f>
        <v/>
      </c>
      <c r="NE22" s="25"/>
      <c r="NF22" s="45" t="str">
        <f t="shared" si="105"/>
        <v/>
      </c>
      <c r="NG22" s="45"/>
      <c r="NH22" s="167"/>
      <c r="NI22" s="168"/>
      <c r="NJ22" s="9"/>
      <c r="NK22" s="171"/>
      <c r="NL22" s="163"/>
      <c r="NM22" s="9"/>
      <c r="NN22" s="16"/>
      <c r="NO22" s="102" t="str">
        <f t="shared" si="29"/>
        <v/>
      </c>
      <c r="NP22" s="15" t="str">
        <f>IF(NP21="","",IF(NP21='（参考）【別紙２】'!$E$35,"",IF(MONTH(NP21)=MONTH(NP21+1),NP21+1,"")))</f>
        <v/>
      </c>
      <c r="NQ22" s="13" t="str">
        <f>IF(COUNTIF(祝日一覧!$E$2:$E$142,NP22),"○",IF(NT22&lt;&gt;"","○",""))</f>
        <v/>
      </c>
      <c r="NR22" s="25"/>
      <c r="NS22" s="45" t="str">
        <f t="shared" si="106"/>
        <v/>
      </c>
      <c r="NT22" s="45"/>
      <c r="NU22" s="167"/>
      <c r="NV22" s="168"/>
      <c r="NW22" s="9"/>
      <c r="NX22" s="171"/>
      <c r="NY22" s="163"/>
      <c r="NZ22" s="9"/>
      <c r="OA22" s="16"/>
      <c r="OB22" s="102" t="str">
        <f t="shared" si="30"/>
        <v/>
      </c>
      <c r="OC22" s="15" t="str">
        <f>IF(OC21="","",IF(OC21='（参考）【別紙２】'!$E$35,"",IF(MONTH(OC21)=MONTH(OC21+1),OC21+1,"")))</f>
        <v/>
      </c>
      <c r="OD22" s="13" t="str">
        <f>IF(COUNTIF(祝日一覧!$E$2:$E$142,OC22),"○",IF(OG22&lt;&gt;"","○",""))</f>
        <v/>
      </c>
      <c r="OE22" s="25"/>
      <c r="OF22" s="45" t="str">
        <f t="shared" si="107"/>
        <v/>
      </c>
      <c r="OG22" s="45"/>
      <c r="OH22" s="167"/>
      <c r="OI22" s="168"/>
      <c r="OJ22" s="9"/>
      <c r="OK22" s="171"/>
      <c r="OL22" s="163"/>
      <c r="OM22" s="9"/>
      <c r="ON22" s="16"/>
      <c r="OO22" s="102" t="str">
        <f t="shared" si="31"/>
        <v/>
      </c>
      <c r="OP22" s="15" t="str">
        <f>IF(OP21="","",IF(OP21='（参考）【別紙２】'!$E$35,"",IF(MONTH(OP21)=MONTH(OP21+1),OP21+1,"")))</f>
        <v/>
      </c>
      <c r="OQ22" s="13" t="str">
        <f>IF(COUNTIF(祝日一覧!$E$2:$E$142,OP22),"○",IF(OT22&lt;&gt;"","○",""))</f>
        <v/>
      </c>
      <c r="OR22" s="25"/>
      <c r="OS22" s="45" t="str">
        <f t="shared" si="108"/>
        <v/>
      </c>
      <c r="OT22" s="45"/>
      <c r="OU22" s="167"/>
      <c r="OV22" s="168"/>
      <c r="OW22" s="9"/>
      <c r="OX22" s="171"/>
      <c r="OY22" s="163"/>
      <c r="OZ22" s="9"/>
      <c r="PA22" s="16"/>
      <c r="PB22" s="102" t="str">
        <f t="shared" si="32"/>
        <v/>
      </c>
      <c r="PC22" s="15" t="str">
        <f>IF(PC21="","",IF(PC21='（参考）【別紙２】'!$E$35,"",IF(MONTH(PC21)=MONTH(PC21+1),PC21+1,"")))</f>
        <v/>
      </c>
      <c r="PD22" s="13" t="str">
        <f>IF(COUNTIF(祝日一覧!$E$2:$E$142,PC22),"○",IF(PG22&lt;&gt;"","○",""))</f>
        <v/>
      </c>
      <c r="PE22" s="25"/>
      <c r="PF22" s="45" t="str">
        <f t="shared" si="109"/>
        <v/>
      </c>
      <c r="PG22" s="45"/>
      <c r="PH22" s="167"/>
      <c r="PI22" s="168"/>
      <c r="PJ22" s="9"/>
      <c r="PK22" s="171"/>
      <c r="PL22" s="163"/>
      <c r="PM22" s="9"/>
      <c r="PN22" s="16"/>
      <c r="PO22" s="102" t="str">
        <f t="shared" si="33"/>
        <v/>
      </c>
      <c r="PP22" s="15" t="str">
        <f>IF(PP21="","",IF(PP21='（参考）【別紙２】'!$E$35,"",IF(MONTH(PP21)=MONTH(PP21+1),PP21+1,"")))</f>
        <v/>
      </c>
      <c r="PQ22" s="13" t="str">
        <f>IF(COUNTIF(祝日一覧!$E$2:$E$142,PP22),"○",IF(PT22&lt;&gt;"","○",""))</f>
        <v/>
      </c>
      <c r="PR22" s="25"/>
      <c r="PS22" s="45" t="str">
        <f t="shared" si="110"/>
        <v/>
      </c>
      <c r="PT22" s="45"/>
      <c r="PU22" s="167"/>
      <c r="PV22" s="168"/>
      <c r="PW22" s="9"/>
      <c r="PX22" s="171"/>
      <c r="PY22" s="163"/>
      <c r="PZ22" s="9"/>
      <c r="QA22" s="16"/>
      <c r="QB22" s="102" t="str">
        <f t="shared" si="34"/>
        <v/>
      </c>
      <c r="QC22" s="15" t="str">
        <f>IF(QC21="","",IF(QC21='（参考）【別紙２】'!$E$35,"",IF(MONTH(QC21)=MONTH(QC21+1),QC21+1,"")))</f>
        <v/>
      </c>
      <c r="QD22" s="13" t="str">
        <f>IF(COUNTIF(祝日一覧!$E$2:$E$142,QC22),"○",IF(QG22&lt;&gt;"","○",""))</f>
        <v/>
      </c>
      <c r="QE22" s="25"/>
      <c r="QF22" s="45" t="str">
        <f t="shared" si="111"/>
        <v/>
      </c>
      <c r="QG22" s="45"/>
      <c r="QH22" s="167"/>
      <c r="QI22" s="168"/>
      <c r="QJ22" s="9"/>
      <c r="QK22" s="171"/>
      <c r="QL22" s="163"/>
      <c r="QM22" s="9"/>
      <c r="QN22" s="16"/>
      <c r="QO22" s="102" t="str">
        <f t="shared" si="35"/>
        <v/>
      </c>
      <c r="QP22" s="15" t="str">
        <f>IF(QP21="","",IF(QP21='（参考）【別紙２】'!$E$35,"",IF(MONTH(QP21)=MONTH(QP21+1),QP21+1,"")))</f>
        <v/>
      </c>
      <c r="QQ22" s="13" t="str">
        <f>IF(COUNTIF(祝日一覧!$E$2:$E$142,QP22),"○",IF(QT22&lt;&gt;"","○",""))</f>
        <v/>
      </c>
      <c r="QR22" s="25"/>
      <c r="QS22" s="45" t="str">
        <f t="shared" si="112"/>
        <v/>
      </c>
      <c r="QT22" s="45"/>
      <c r="QU22" s="167"/>
      <c r="QV22" s="168"/>
      <c r="QW22" s="9"/>
      <c r="QX22" s="171"/>
      <c r="QY22" s="163"/>
      <c r="QZ22" s="9"/>
      <c r="RA22" s="16"/>
      <c r="RB22" s="102" t="str">
        <f t="shared" si="36"/>
        <v/>
      </c>
      <c r="RC22" s="15" t="str">
        <f>IF(RC21="","",IF(RC21='（参考）【別紙２】'!$E$35,"",IF(MONTH(RC21)=MONTH(RC21+1),RC21+1,"")))</f>
        <v/>
      </c>
      <c r="RD22" s="13" t="str">
        <f>IF(COUNTIF(祝日一覧!$E$2:$E$142,RC22),"○",IF(RG22&lt;&gt;"","○",""))</f>
        <v/>
      </c>
      <c r="RE22" s="25"/>
      <c r="RF22" s="45" t="str">
        <f t="shared" si="113"/>
        <v/>
      </c>
      <c r="RG22" s="45"/>
      <c r="RH22" s="167"/>
      <c r="RI22" s="168"/>
      <c r="RJ22" s="9"/>
      <c r="RK22" s="171"/>
      <c r="RL22" s="163"/>
      <c r="RM22" s="9"/>
      <c r="RN22" s="16"/>
      <c r="RO22" s="102" t="str">
        <f t="shared" si="37"/>
        <v/>
      </c>
      <c r="RP22" s="15" t="str">
        <f>IF(RP21="","",IF(RP21='（参考）【別紙２】'!$E$35,"",IF(MONTH(RP21)=MONTH(RP21+1),RP21+1,"")))</f>
        <v/>
      </c>
      <c r="RQ22" s="13" t="str">
        <f>IF(COUNTIF(祝日一覧!$E$2:$E$142,RP22),"○",IF(RT22&lt;&gt;"","○",""))</f>
        <v/>
      </c>
      <c r="RR22" s="25"/>
      <c r="RS22" s="45" t="str">
        <f t="shared" si="114"/>
        <v/>
      </c>
      <c r="RT22" s="45"/>
      <c r="RU22" s="167"/>
      <c r="RV22" s="168"/>
      <c r="RW22" s="9"/>
      <c r="RX22" s="171"/>
      <c r="RY22" s="163"/>
      <c r="RZ22" s="9"/>
      <c r="SA22" s="16"/>
      <c r="SB22" s="102" t="str">
        <f t="shared" si="38"/>
        <v/>
      </c>
      <c r="SC22" s="15" t="str">
        <f>IF(SC21="","",IF(SC21='（参考）【別紙２】'!$E$35,"",IF(MONTH(SC21)=MONTH(SC21+1),SC21+1,"")))</f>
        <v/>
      </c>
      <c r="SD22" s="13" t="str">
        <f>IF(COUNTIF(祝日一覧!$E$2:$E$142,SC22),"○",IF(SG22&lt;&gt;"","○",""))</f>
        <v/>
      </c>
      <c r="SE22" s="25"/>
      <c r="SF22" s="45" t="str">
        <f t="shared" si="115"/>
        <v/>
      </c>
      <c r="SG22" s="45"/>
      <c r="SH22" s="167"/>
      <c r="SI22" s="168"/>
      <c r="SJ22" s="9"/>
      <c r="SK22" s="171"/>
      <c r="SL22" s="163"/>
      <c r="SM22" s="9"/>
    </row>
    <row r="23" spans="1:507" ht="15.6" customHeight="1">
      <c r="A23" s="16"/>
      <c r="B23" s="102" t="str">
        <f t="shared" si="0"/>
        <v>火</v>
      </c>
      <c r="C23" s="15">
        <f>IF(C22="","",IF(C22='（参考）【別紙２】'!$E$35,"",IF(MONTH(C22)=MONTH(C22+1),C22+1,"")))</f>
        <v>45762</v>
      </c>
      <c r="D23" s="13" t="str">
        <f>IF(COUNTIF(祝日一覧!$E$2:$E$142,C23),"○",IF(G23&lt;&gt;"","○",""))</f>
        <v/>
      </c>
      <c r="E23" s="26"/>
      <c r="F23" s="45" t="str">
        <f t="shared" si="39"/>
        <v/>
      </c>
      <c r="G23" s="45"/>
      <c r="H23" s="167"/>
      <c r="I23" s="168"/>
      <c r="J23" s="42"/>
      <c r="K23" s="181" t="s">
        <v>64</v>
      </c>
      <c r="L23" s="183">
        <f>L21/L19</f>
        <v>0</v>
      </c>
      <c r="M23" s="9"/>
      <c r="N23" s="16"/>
      <c r="O23" s="102" t="str">
        <f t="shared" si="1"/>
        <v>木</v>
      </c>
      <c r="P23" s="15">
        <f>IF(P22="","",IF(P22='（参考）【別紙２】'!$E$35,"",IF(MONTH(P22)=MONTH(P22+1),P22+1,"")))</f>
        <v>45792</v>
      </c>
      <c r="Q23" s="13" t="str">
        <f>IF(COUNTIF(祝日一覧!$E$2:$E$142,P23),"○",IF(T23&lt;&gt;"","○",""))</f>
        <v/>
      </c>
      <c r="R23" s="25"/>
      <c r="S23" s="45" t="str">
        <f t="shared" si="78"/>
        <v/>
      </c>
      <c r="T23" s="45"/>
      <c r="U23" s="167"/>
      <c r="V23" s="168"/>
      <c r="W23" s="9"/>
      <c r="X23" s="160" t="s">
        <v>64</v>
      </c>
      <c r="Y23" s="172">
        <f>Y21/Y19</f>
        <v>0</v>
      </c>
      <c r="Z23" s="9"/>
      <c r="AA23" s="16"/>
      <c r="AB23" s="102" t="str">
        <f t="shared" si="2"/>
        <v>日</v>
      </c>
      <c r="AC23" s="15">
        <f>IF(AC22="","",IF(AC22='（参考）【別紙２】'!$E$35,"",IF(MONTH(AC22)=MONTH(AC22+1),AC22+1,"")))</f>
        <v>45823</v>
      </c>
      <c r="AD23" s="13" t="str">
        <f>IF(COUNTIF(祝日一覧!$E$2:$E$142,AC23),"○",IF(AG23&lt;&gt;"","○",""))</f>
        <v/>
      </c>
      <c r="AE23" s="26"/>
      <c r="AF23" s="45" t="str">
        <f t="shared" si="79"/>
        <v>○</v>
      </c>
      <c r="AG23" s="45"/>
      <c r="AH23" s="167"/>
      <c r="AI23" s="168"/>
      <c r="AJ23" s="9"/>
      <c r="AK23" s="160" t="s">
        <v>64</v>
      </c>
      <c r="AL23" s="172">
        <f>AL21/AL19</f>
        <v>0</v>
      </c>
      <c r="AM23" s="9"/>
      <c r="AN23" s="16"/>
      <c r="AO23" s="102" t="str">
        <f t="shared" si="3"/>
        <v>火</v>
      </c>
      <c r="AP23" s="15">
        <f>IF(AP22="","",IF(AP22='（参考）【別紙２】'!$E$35,"",IF(MONTH(AP22)=MONTH(AP22+1),AP22+1,"")))</f>
        <v>45853</v>
      </c>
      <c r="AQ23" s="13" t="str">
        <f>IF(COUNTIF(祝日一覧!$E$2:$E$142,AP23),"○",IF(AT23&lt;&gt;"","○",""))</f>
        <v/>
      </c>
      <c r="AR23" s="26"/>
      <c r="AS23" s="45" t="str">
        <f t="shared" si="80"/>
        <v/>
      </c>
      <c r="AT23" s="45"/>
      <c r="AU23" s="167"/>
      <c r="AV23" s="168"/>
      <c r="AW23" s="9"/>
      <c r="AX23" s="160" t="s">
        <v>64</v>
      </c>
      <c r="AY23" s="172">
        <f>AY21/AY19</f>
        <v>0</v>
      </c>
      <c r="AZ23" s="9"/>
      <c r="BA23" s="16"/>
      <c r="BB23" s="102" t="str">
        <f t="shared" si="4"/>
        <v>金</v>
      </c>
      <c r="BC23" s="15">
        <f>IF(BC22="","",IF(BC22='（参考）【別紙２】'!$E$35,"",IF(MONTH(BC22)=MONTH(BC22+1),BC22+1,"")))</f>
        <v>45884</v>
      </c>
      <c r="BD23" s="13" t="str">
        <f>IF(COUNTIF(祝日一覧!$E$2:$E$142,BC23),"○",IF(BG23&lt;&gt;"","○",""))</f>
        <v/>
      </c>
      <c r="BE23" s="26"/>
      <c r="BF23" s="45" t="str">
        <f t="shared" si="81"/>
        <v/>
      </c>
      <c r="BG23" s="45"/>
      <c r="BH23" s="167"/>
      <c r="BI23" s="168"/>
      <c r="BJ23" s="9"/>
      <c r="BK23" s="160" t="s">
        <v>64</v>
      </c>
      <c r="BL23" s="172">
        <f>BL21/BL19</f>
        <v>0</v>
      </c>
      <c r="BM23" s="9"/>
      <c r="BN23" s="16"/>
      <c r="BO23" s="102" t="str">
        <f t="shared" si="5"/>
        <v/>
      </c>
      <c r="BP23" s="15" t="str">
        <f>IF(BP22="","",IF(BP22='（参考）【別紙２】'!$E$35,"",IF(MONTH(BP22)=MONTH(BP22+1),BP22+1,"")))</f>
        <v/>
      </c>
      <c r="BQ23" s="13" t="str">
        <f>IF(COUNTIF(祝日一覧!$E$2:$E$142,BP23),"○",IF(BT23&lt;&gt;"","○",""))</f>
        <v/>
      </c>
      <c r="BR23" s="26"/>
      <c r="BS23" s="45" t="str">
        <f t="shared" si="82"/>
        <v/>
      </c>
      <c r="BT23" s="45"/>
      <c r="BU23" s="167"/>
      <c r="BV23" s="168"/>
      <c r="BW23" s="9"/>
      <c r="BX23" s="160" t="s">
        <v>64</v>
      </c>
      <c r="BY23" s="172">
        <f>BY21/BY19</f>
        <v>0</v>
      </c>
      <c r="BZ23" s="9"/>
      <c r="CA23" s="16"/>
      <c r="CB23" s="102" t="str">
        <f t="shared" si="6"/>
        <v/>
      </c>
      <c r="CC23" s="15" t="str">
        <f>IF(CC22="","",IF(CC22='（参考）【別紙２】'!$E$35,"",IF(MONTH(CC22)=MONTH(CC22+1),CC22+1,"")))</f>
        <v/>
      </c>
      <c r="CD23" s="13" t="str">
        <f>IF(COUNTIF(祝日一覧!$E$2:$E$142,CC23),"○",IF(CG23&lt;&gt;"","○",""))</f>
        <v/>
      </c>
      <c r="CE23" s="26"/>
      <c r="CF23" s="45" t="str">
        <f t="shared" si="83"/>
        <v/>
      </c>
      <c r="CG23" s="45"/>
      <c r="CH23" s="167"/>
      <c r="CI23" s="168"/>
      <c r="CJ23" s="9"/>
      <c r="CK23" s="160" t="s">
        <v>64</v>
      </c>
      <c r="CL23" s="172">
        <f>CL21/CL19</f>
        <v>0</v>
      </c>
      <c r="CM23" s="9"/>
      <c r="CN23" s="16"/>
      <c r="CO23" s="102" t="str">
        <f t="shared" si="7"/>
        <v/>
      </c>
      <c r="CP23" s="15" t="str">
        <f>IF(CP22="","",IF(CP22='（参考）【別紙２】'!$E$35,"",IF(MONTH(CP22)=MONTH(CP22+1),CP22+1,"")))</f>
        <v/>
      </c>
      <c r="CQ23" s="13" t="str">
        <f>IF(COUNTIF(祝日一覧!$E$2:$E$142,CP23),"○",IF(CT23&lt;&gt;"","○",""))</f>
        <v/>
      </c>
      <c r="CR23" s="26"/>
      <c r="CS23" s="45" t="str">
        <f t="shared" si="84"/>
        <v/>
      </c>
      <c r="CT23" s="45"/>
      <c r="CU23" s="167"/>
      <c r="CV23" s="168"/>
      <c r="CW23" s="9"/>
      <c r="CX23" s="160" t="s">
        <v>64</v>
      </c>
      <c r="CY23" s="172">
        <f>CY21/CY19</f>
        <v>0</v>
      </c>
      <c r="CZ23" s="9"/>
      <c r="DA23" s="16"/>
      <c r="DB23" s="102" t="str">
        <f t="shared" si="8"/>
        <v/>
      </c>
      <c r="DC23" s="15" t="str">
        <f>IF(DC22="","",IF(DC22='（参考）【別紙２】'!$E$35,"",IF(MONTH(DC22)=MONTH(DC22+1),DC22+1,"")))</f>
        <v/>
      </c>
      <c r="DD23" s="13" t="str">
        <f>IF(COUNTIF(祝日一覧!$E$2:$E$142,DC23),"○",IF(DG23&lt;&gt;"","○",""))</f>
        <v/>
      </c>
      <c r="DE23" s="26"/>
      <c r="DF23" s="45" t="str">
        <f t="shared" si="85"/>
        <v/>
      </c>
      <c r="DG23" s="45"/>
      <c r="DH23" s="167"/>
      <c r="DI23" s="168"/>
      <c r="DJ23" s="9"/>
      <c r="DK23" s="160" t="s">
        <v>64</v>
      </c>
      <c r="DL23" s="172">
        <f>DL21/DL19</f>
        <v>0</v>
      </c>
      <c r="DM23" s="9"/>
      <c r="DN23" s="16"/>
      <c r="DO23" s="102" t="str">
        <f t="shared" si="9"/>
        <v/>
      </c>
      <c r="DP23" s="15" t="str">
        <f>IF(DP22="","",IF(DP22='（参考）【別紙２】'!$E$35,"",IF(MONTH(DP22)=MONTH(DP22+1),DP22+1,"")))</f>
        <v/>
      </c>
      <c r="DQ23" s="13" t="str">
        <f>IF(COUNTIF(祝日一覧!$E$2:$E$142,DP23),"○",IF(DT23&lt;&gt;"","○",""))</f>
        <v/>
      </c>
      <c r="DR23" s="26"/>
      <c r="DS23" s="45" t="str">
        <f t="shared" si="86"/>
        <v/>
      </c>
      <c r="DT23" s="45"/>
      <c r="DU23" s="167"/>
      <c r="DV23" s="168"/>
      <c r="DW23" s="9"/>
      <c r="DX23" s="160" t="s">
        <v>64</v>
      </c>
      <c r="DY23" s="172">
        <f>DY21/DY19</f>
        <v>0</v>
      </c>
      <c r="DZ23" s="9"/>
      <c r="EA23" s="16"/>
      <c r="EB23" s="102" t="str">
        <f t="shared" si="10"/>
        <v/>
      </c>
      <c r="EC23" s="15" t="str">
        <f>IF(EC22="","",IF(EC22='（参考）【別紙２】'!$E$35,"",IF(MONTH(EC22)=MONTH(EC22+1),EC22+1,"")))</f>
        <v/>
      </c>
      <c r="ED23" s="13" t="str">
        <f>IF(COUNTIF(祝日一覧!$E$2:$E$142,EC23),"○",IF(EG23&lt;&gt;"","○",""))</f>
        <v/>
      </c>
      <c r="EE23" s="26"/>
      <c r="EF23" s="45" t="str">
        <f t="shared" si="87"/>
        <v/>
      </c>
      <c r="EG23" s="45"/>
      <c r="EH23" s="167"/>
      <c r="EI23" s="168"/>
      <c r="EJ23" s="9"/>
      <c r="EK23" s="160" t="s">
        <v>64</v>
      </c>
      <c r="EL23" s="172">
        <f>EL21/EL19</f>
        <v>0</v>
      </c>
      <c r="EM23" s="9"/>
      <c r="EN23" s="16"/>
      <c r="EO23" s="102" t="str">
        <f t="shared" si="11"/>
        <v/>
      </c>
      <c r="EP23" s="15" t="str">
        <f>IF(EP22="","",IF(EP22='（参考）【別紙２】'!$E$35,"",IF(MONTH(EP22)=MONTH(EP22+1),EP22+1,"")))</f>
        <v/>
      </c>
      <c r="EQ23" s="13" t="str">
        <f>IF(COUNTIF(祝日一覧!$E$2:$E$142,EP23),"○",IF(ET23&lt;&gt;"","○",""))</f>
        <v/>
      </c>
      <c r="ER23" s="26"/>
      <c r="ES23" s="45" t="str">
        <f t="shared" si="88"/>
        <v/>
      </c>
      <c r="ET23" s="45"/>
      <c r="EU23" s="167"/>
      <c r="EV23" s="168"/>
      <c r="EW23" s="9"/>
      <c r="EX23" s="160" t="s">
        <v>64</v>
      </c>
      <c r="EY23" s="172">
        <f>EY21/EY19</f>
        <v>0</v>
      </c>
      <c r="EZ23" s="9"/>
      <c r="FA23" s="16"/>
      <c r="FB23" s="102" t="str">
        <f t="shared" si="12"/>
        <v/>
      </c>
      <c r="FC23" s="15" t="str">
        <f>IF(FC22="","",IF(FC22='（参考）【別紙２】'!$E$35,"",IF(MONTH(FC22)=MONTH(FC22+1),FC22+1,"")))</f>
        <v/>
      </c>
      <c r="FD23" s="13" t="str">
        <f>IF(COUNTIF(祝日一覧!$E$2:$E$142,FC23),"○",IF(FG23&lt;&gt;"","○",""))</f>
        <v/>
      </c>
      <c r="FE23" s="26"/>
      <c r="FF23" s="45" t="str">
        <f t="shared" si="89"/>
        <v/>
      </c>
      <c r="FG23" s="45"/>
      <c r="FH23" s="167"/>
      <c r="FI23" s="168"/>
      <c r="FJ23" s="9"/>
      <c r="FK23" s="160" t="s">
        <v>64</v>
      </c>
      <c r="FL23" s="172">
        <f>FL21/FL19</f>
        <v>0</v>
      </c>
      <c r="FM23" s="9"/>
      <c r="FN23" s="16"/>
      <c r="FO23" s="102" t="str">
        <f t="shared" si="13"/>
        <v/>
      </c>
      <c r="FP23" s="15" t="str">
        <f>IF(FP22="","",IF(FP22='（参考）【別紙２】'!$E$35,"",IF(MONTH(FP22)=MONTH(FP22+1),FP22+1,"")))</f>
        <v/>
      </c>
      <c r="FQ23" s="13" t="str">
        <f>IF(COUNTIF(祝日一覧!$E$2:$E$142,FP23),"○",IF(FT23&lt;&gt;"","○",""))</f>
        <v/>
      </c>
      <c r="FR23" s="26"/>
      <c r="FS23" s="45" t="str">
        <f t="shared" si="90"/>
        <v/>
      </c>
      <c r="FT23" s="45"/>
      <c r="FU23" s="167"/>
      <c r="FV23" s="168"/>
      <c r="FW23" s="9"/>
      <c r="FX23" s="160" t="s">
        <v>64</v>
      </c>
      <c r="FY23" s="172">
        <f>FY21/FY19</f>
        <v>0</v>
      </c>
      <c r="FZ23" s="9"/>
      <c r="GA23" s="16"/>
      <c r="GB23" s="102" t="str">
        <f t="shared" si="14"/>
        <v/>
      </c>
      <c r="GC23" s="15" t="str">
        <f>IF(GC22="","",IF(GC22='（参考）【別紙２】'!$E$35,"",IF(MONTH(GC22)=MONTH(GC22+1),GC22+1,"")))</f>
        <v/>
      </c>
      <c r="GD23" s="13" t="str">
        <f>IF(COUNTIF(祝日一覧!$E$2:$E$142,GC23),"○",IF(GG23&lt;&gt;"","○",""))</f>
        <v/>
      </c>
      <c r="GE23" s="25"/>
      <c r="GF23" s="45" t="str">
        <f t="shared" si="91"/>
        <v/>
      </c>
      <c r="GG23" s="45"/>
      <c r="GH23" s="167"/>
      <c r="GI23" s="168"/>
      <c r="GJ23" s="9"/>
      <c r="GK23" s="160" t="s">
        <v>64</v>
      </c>
      <c r="GL23" s="172">
        <f>GL21/GL19</f>
        <v>0</v>
      </c>
      <c r="GM23" s="9"/>
      <c r="GN23" s="16"/>
      <c r="GO23" s="102" t="str">
        <f t="shared" si="15"/>
        <v/>
      </c>
      <c r="GP23" s="15" t="str">
        <f>IF(GP22="","",IF(GP22='（参考）【別紙２】'!$E$35,"",IF(MONTH(GP22)=MONTH(GP22+1),GP22+1,"")))</f>
        <v/>
      </c>
      <c r="GQ23" s="13" t="str">
        <f>IF(COUNTIF(祝日一覧!$E$2:$E$142,GP23),"○",IF(GT23&lt;&gt;"","○",""))</f>
        <v/>
      </c>
      <c r="GR23" s="25"/>
      <c r="GS23" s="45" t="str">
        <f t="shared" si="92"/>
        <v/>
      </c>
      <c r="GT23" s="45"/>
      <c r="GU23" s="167"/>
      <c r="GV23" s="168"/>
      <c r="GW23" s="9"/>
      <c r="GX23" s="160" t="s">
        <v>64</v>
      </c>
      <c r="GY23" s="172">
        <f>GY21/GY19</f>
        <v>0</v>
      </c>
      <c r="GZ23" s="9"/>
      <c r="HA23" s="16"/>
      <c r="HB23" s="102" t="str">
        <f t="shared" si="16"/>
        <v/>
      </c>
      <c r="HC23" s="15" t="str">
        <f>IF(HC22="","",IF(HC22='（参考）【別紙２】'!$E$35,"",IF(MONTH(HC22)=MONTH(HC22+1),HC22+1,"")))</f>
        <v/>
      </c>
      <c r="HD23" s="13" t="str">
        <f>IF(COUNTIF(祝日一覧!$E$2:$E$142,HC23),"○",IF(HG23&lt;&gt;"","○",""))</f>
        <v/>
      </c>
      <c r="HE23" s="26"/>
      <c r="HF23" s="45" t="str">
        <f t="shared" si="93"/>
        <v/>
      </c>
      <c r="HG23" s="45"/>
      <c r="HH23" s="167"/>
      <c r="HI23" s="168"/>
      <c r="HJ23" s="9"/>
      <c r="HK23" s="160" t="s">
        <v>64</v>
      </c>
      <c r="HL23" s="172">
        <f>HL21/HL19</f>
        <v>0</v>
      </c>
      <c r="HM23" s="9"/>
      <c r="HN23" s="16"/>
      <c r="HO23" s="102" t="str">
        <f t="shared" si="17"/>
        <v/>
      </c>
      <c r="HP23" s="15" t="str">
        <f>IF(HP22="","",IF(HP22='（参考）【別紙２】'!$E$35,"",IF(MONTH(HP22)=MONTH(HP22+1),HP22+1,"")))</f>
        <v/>
      </c>
      <c r="HQ23" s="13" t="str">
        <f>IF(COUNTIF(祝日一覧!$E$2:$E$142,HP23),"○",IF(HT23&lt;&gt;"","○",""))</f>
        <v/>
      </c>
      <c r="HR23" s="25"/>
      <c r="HS23" s="45" t="str">
        <f t="shared" si="94"/>
        <v/>
      </c>
      <c r="HT23" s="45"/>
      <c r="HU23" s="167"/>
      <c r="HV23" s="168"/>
      <c r="HW23" s="9"/>
      <c r="HX23" s="160" t="s">
        <v>64</v>
      </c>
      <c r="HY23" s="172">
        <f>HY21/HY19</f>
        <v>0</v>
      </c>
      <c r="HZ23" s="9"/>
      <c r="IA23" s="16"/>
      <c r="IB23" s="102" t="str">
        <f t="shared" si="18"/>
        <v/>
      </c>
      <c r="IC23" s="15" t="str">
        <f>IF(IC22="","",IF(IC22='（参考）【別紙２】'!$E$35,"",IF(MONTH(IC22)=MONTH(IC22+1),IC22+1,"")))</f>
        <v/>
      </c>
      <c r="ID23" s="13" t="str">
        <f>IF(COUNTIF(祝日一覧!$E$2:$E$142,IC23),"○",IF(IG23&lt;&gt;"","○",""))</f>
        <v/>
      </c>
      <c r="IE23" s="25"/>
      <c r="IF23" s="45" t="str">
        <f t="shared" si="95"/>
        <v/>
      </c>
      <c r="IG23" s="45"/>
      <c r="IH23" s="167"/>
      <c r="II23" s="168"/>
      <c r="IJ23" s="9"/>
      <c r="IK23" s="160" t="s">
        <v>64</v>
      </c>
      <c r="IL23" s="172">
        <f>IL21/IL19</f>
        <v>0</v>
      </c>
      <c r="IM23" s="9"/>
      <c r="IN23" s="16"/>
      <c r="IO23" s="102" t="str">
        <f t="shared" si="19"/>
        <v/>
      </c>
      <c r="IP23" s="15" t="str">
        <f>IF(IP22="","",IF(IP22='（参考）【別紙２】'!$E$35,"",IF(MONTH(IP22)=MONTH(IP22+1),IP22+1,"")))</f>
        <v/>
      </c>
      <c r="IQ23" s="13" t="str">
        <f>IF(COUNTIF(祝日一覧!$E$2:$E$142,IP23),"○",IF(IT23&lt;&gt;"","○",""))</f>
        <v/>
      </c>
      <c r="IR23" s="25"/>
      <c r="IS23" s="45" t="str">
        <f t="shared" si="96"/>
        <v/>
      </c>
      <c r="IT23" s="45"/>
      <c r="IU23" s="167"/>
      <c r="IV23" s="168"/>
      <c r="IW23" s="9"/>
      <c r="IX23" s="160" t="s">
        <v>64</v>
      </c>
      <c r="IY23" s="172">
        <f>IY21/IY19</f>
        <v>0</v>
      </c>
      <c r="IZ23" s="9"/>
      <c r="JA23" s="16"/>
      <c r="JB23" s="102" t="str">
        <f t="shared" si="20"/>
        <v/>
      </c>
      <c r="JC23" s="15" t="str">
        <f>IF(JC22="","",IF(JC22='（参考）【別紙２】'!$E$35,"",IF(MONTH(JC22)=MONTH(JC22+1),JC22+1,"")))</f>
        <v/>
      </c>
      <c r="JD23" s="13" t="str">
        <f>IF(COUNTIF(祝日一覧!$E$2:$E$142,JC23),"○",IF(JG23&lt;&gt;"","○",""))</f>
        <v/>
      </c>
      <c r="JE23" s="25"/>
      <c r="JF23" s="45" t="str">
        <f t="shared" si="97"/>
        <v/>
      </c>
      <c r="JG23" s="45"/>
      <c r="JH23" s="167"/>
      <c r="JI23" s="168"/>
      <c r="JJ23" s="9"/>
      <c r="JK23" s="160" t="s">
        <v>64</v>
      </c>
      <c r="JL23" s="172">
        <f>JL21/JL19</f>
        <v>0</v>
      </c>
      <c r="JM23" s="9"/>
      <c r="JN23" s="16"/>
      <c r="JO23" s="102" t="str">
        <f t="shared" si="21"/>
        <v/>
      </c>
      <c r="JP23" s="15" t="str">
        <f>IF(JP22="","",IF(JP22='（参考）【別紙２】'!$E$35,"",IF(MONTH(JP22)=MONTH(JP22+1),JP22+1,"")))</f>
        <v/>
      </c>
      <c r="JQ23" s="13" t="str">
        <f>IF(COUNTIF(祝日一覧!$E$2:$E$142,JP23),"○",IF(JT23&lt;&gt;"","○",""))</f>
        <v/>
      </c>
      <c r="JR23" s="25"/>
      <c r="JS23" s="45" t="str">
        <f t="shared" si="98"/>
        <v/>
      </c>
      <c r="JT23" s="45"/>
      <c r="JU23" s="167"/>
      <c r="JV23" s="168"/>
      <c r="JW23" s="9"/>
      <c r="JX23" s="160" t="s">
        <v>64</v>
      </c>
      <c r="JY23" s="172">
        <f>JY21/JY19</f>
        <v>0</v>
      </c>
      <c r="JZ23" s="9"/>
      <c r="KA23" s="16"/>
      <c r="KB23" s="102" t="str">
        <f t="shared" si="22"/>
        <v/>
      </c>
      <c r="KC23" s="15" t="str">
        <f>IF(KC22="","",IF(KC22='（参考）【別紙２】'!$E$35,"",IF(MONTH(KC22)=MONTH(KC22+1),KC22+1,"")))</f>
        <v/>
      </c>
      <c r="KD23" s="13" t="str">
        <f>IF(COUNTIF(祝日一覧!$E$2:$E$142,KC23),"○",IF(KG23&lt;&gt;"","○",""))</f>
        <v/>
      </c>
      <c r="KE23" s="25"/>
      <c r="KF23" s="45" t="str">
        <f t="shared" si="99"/>
        <v/>
      </c>
      <c r="KG23" s="45"/>
      <c r="KH23" s="167"/>
      <c r="KI23" s="168"/>
      <c r="KJ23" s="9"/>
      <c r="KK23" s="160" t="s">
        <v>64</v>
      </c>
      <c r="KL23" s="172">
        <f>KL21/KL19</f>
        <v>0</v>
      </c>
      <c r="KM23" s="9"/>
      <c r="KN23" s="16"/>
      <c r="KO23" s="102" t="str">
        <f t="shared" si="23"/>
        <v/>
      </c>
      <c r="KP23" s="15" t="str">
        <f>IF(KP22="","",IF(KP22='（参考）【別紙２】'!$E$35,"",IF(MONTH(KP22)=MONTH(KP22+1),KP22+1,"")))</f>
        <v/>
      </c>
      <c r="KQ23" s="13" t="str">
        <f>IF(COUNTIF(祝日一覧!$E$2:$E$142,KP23),"○",IF(KT23&lt;&gt;"","○",""))</f>
        <v/>
      </c>
      <c r="KR23" s="25"/>
      <c r="KS23" s="45" t="str">
        <f t="shared" si="100"/>
        <v/>
      </c>
      <c r="KT23" s="45"/>
      <c r="KU23" s="167"/>
      <c r="KV23" s="168"/>
      <c r="KW23" s="9"/>
      <c r="KX23" s="160" t="s">
        <v>64</v>
      </c>
      <c r="KY23" s="172">
        <f>KY21/KY19</f>
        <v>0</v>
      </c>
      <c r="KZ23" s="9"/>
      <c r="LA23" s="16"/>
      <c r="LB23" s="102" t="str">
        <f t="shared" si="24"/>
        <v/>
      </c>
      <c r="LC23" s="15" t="str">
        <f>IF(LC22="","",IF(LC22='（参考）【別紙２】'!$E$35,"",IF(MONTH(LC22)=MONTH(LC22+1),LC22+1,"")))</f>
        <v/>
      </c>
      <c r="LD23" s="13" t="str">
        <f>IF(COUNTIF(祝日一覧!$E$2:$E$142,LC23),"○",IF(LG23&lt;&gt;"","○",""))</f>
        <v/>
      </c>
      <c r="LE23" s="25"/>
      <c r="LF23" s="45" t="str">
        <f t="shared" si="101"/>
        <v/>
      </c>
      <c r="LG23" s="45"/>
      <c r="LH23" s="167"/>
      <c r="LI23" s="168"/>
      <c r="LJ23" s="9"/>
      <c r="LK23" s="160" t="s">
        <v>64</v>
      </c>
      <c r="LL23" s="172">
        <f>LL21/LL19</f>
        <v>0</v>
      </c>
      <c r="LM23" s="9"/>
      <c r="LN23" s="16"/>
      <c r="LO23" s="102" t="str">
        <f t="shared" si="25"/>
        <v/>
      </c>
      <c r="LP23" s="15" t="str">
        <f>IF(LP22="","",IF(LP22='（参考）【別紙２】'!$E$35,"",IF(MONTH(LP22)=MONTH(LP22+1),LP22+1,"")))</f>
        <v/>
      </c>
      <c r="LQ23" s="13" t="str">
        <f>IF(COUNTIF(祝日一覧!$E$2:$E$142,LP23),"○",IF(LT23&lt;&gt;"","○",""))</f>
        <v/>
      </c>
      <c r="LR23" s="25"/>
      <c r="LS23" s="45" t="str">
        <f t="shared" si="102"/>
        <v/>
      </c>
      <c r="LT23" s="45"/>
      <c r="LU23" s="167"/>
      <c r="LV23" s="168"/>
      <c r="LW23" s="9"/>
      <c r="LX23" s="160" t="s">
        <v>64</v>
      </c>
      <c r="LY23" s="172">
        <f>LY21/LY19</f>
        <v>0</v>
      </c>
      <c r="LZ23" s="9"/>
      <c r="MA23" s="16"/>
      <c r="MB23" s="102" t="str">
        <f t="shared" si="26"/>
        <v/>
      </c>
      <c r="MC23" s="15" t="str">
        <f>IF(MC22="","",IF(MC22='（参考）【別紙２】'!$E$35,"",IF(MONTH(MC22)=MONTH(MC22+1),MC22+1,"")))</f>
        <v/>
      </c>
      <c r="MD23" s="13" t="str">
        <f>IF(COUNTIF(祝日一覧!$E$2:$E$142,MC23),"○",IF(MG23&lt;&gt;"","○",""))</f>
        <v/>
      </c>
      <c r="ME23" s="25"/>
      <c r="MF23" s="45" t="str">
        <f t="shared" si="103"/>
        <v/>
      </c>
      <c r="MG23" s="45"/>
      <c r="MH23" s="167"/>
      <c r="MI23" s="168"/>
      <c r="MJ23" s="9"/>
      <c r="MK23" s="160" t="s">
        <v>64</v>
      </c>
      <c r="ML23" s="172">
        <f>ML21/ML19</f>
        <v>0</v>
      </c>
      <c r="MM23" s="9"/>
      <c r="MN23" s="16"/>
      <c r="MO23" s="102" t="str">
        <f t="shared" si="27"/>
        <v/>
      </c>
      <c r="MP23" s="15" t="str">
        <f>IF(MP22="","",IF(MP22='（参考）【別紙２】'!$E$35,"",IF(MONTH(MP22)=MONTH(MP22+1),MP22+1,"")))</f>
        <v/>
      </c>
      <c r="MQ23" s="13" t="str">
        <f>IF(COUNTIF(祝日一覧!$E$2:$E$142,MP23),"○",IF(MT23&lt;&gt;"","○",""))</f>
        <v/>
      </c>
      <c r="MR23" s="25"/>
      <c r="MS23" s="45" t="str">
        <f t="shared" si="104"/>
        <v/>
      </c>
      <c r="MT23" s="45"/>
      <c r="MU23" s="167"/>
      <c r="MV23" s="168"/>
      <c r="MW23" s="9"/>
      <c r="MX23" s="160" t="s">
        <v>64</v>
      </c>
      <c r="MY23" s="172">
        <f>MY21/MY19</f>
        <v>0</v>
      </c>
      <c r="MZ23" s="9"/>
      <c r="NA23" s="16"/>
      <c r="NB23" s="102" t="str">
        <f t="shared" si="28"/>
        <v/>
      </c>
      <c r="NC23" s="15" t="str">
        <f>IF(NC22="","",IF(NC22='（参考）【別紙２】'!$E$35,"",IF(MONTH(NC22)=MONTH(NC22+1),NC22+1,"")))</f>
        <v/>
      </c>
      <c r="ND23" s="13" t="str">
        <f>IF(COUNTIF(祝日一覧!$E$2:$E$142,NC23),"○",IF(NG23&lt;&gt;"","○",""))</f>
        <v/>
      </c>
      <c r="NE23" s="25"/>
      <c r="NF23" s="45" t="str">
        <f t="shared" si="105"/>
        <v/>
      </c>
      <c r="NG23" s="45"/>
      <c r="NH23" s="167"/>
      <c r="NI23" s="168"/>
      <c r="NJ23" s="9"/>
      <c r="NK23" s="160" t="s">
        <v>64</v>
      </c>
      <c r="NL23" s="172">
        <f>NL21/NL19</f>
        <v>0</v>
      </c>
      <c r="NM23" s="9"/>
      <c r="NN23" s="16"/>
      <c r="NO23" s="102" t="str">
        <f t="shared" si="29"/>
        <v/>
      </c>
      <c r="NP23" s="15" t="str">
        <f>IF(NP22="","",IF(NP22='（参考）【別紙２】'!$E$35,"",IF(MONTH(NP22)=MONTH(NP22+1),NP22+1,"")))</f>
        <v/>
      </c>
      <c r="NQ23" s="13" t="str">
        <f>IF(COUNTIF(祝日一覧!$E$2:$E$142,NP23),"○",IF(NT23&lt;&gt;"","○",""))</f>
        <v/>
      </c>
      <c r="NR23" s="25"/>
      <c r="NS23" s="45" t="str">
        <f t="shared" si="106"/>
        <v/>
      </c>
      <c r="NT23" s="45"/>
      <c r="NU23" s="167"/>
      <c r="NV23" s="168"/>
      <c r="NW23" s="9"/>
      <c r="NX23" s="160" t="s">
        <v>64</v>
      </c>
      <c r="NY23" s="172">
        <f>NY21/NY19</f>
        <v>0</v>
      </c>
      <c r="NZ23" s="9"/>
      <c r="OA23" s="16"/>
      <c r="OB23" s="102" t="str">
        <f t="shared" si="30"/>
        <v/>
      </c>
      <c r="OC23" s="15" t="str">
        <f>IF(OC22="","",IF(OC22='（参考）【別紙２】'!$E$35,"",IF(MONTH(OC22)=MONTH(OC22+1),OC22+1,"")))</f>
        <v/>
      </c>
      <c r="OD23" s="13" t="str">
        <f>IF(COUNTIF(祝日一覧!$E$2:$E$142,OC23),"○",IF(OG23&lt;&gt;"","○",""))</f>
        <v/>
      </c>
      <c r="OE23" s="25"/>
      <c r="OF23" s="45" t="str">
        <f t="shared" si="107"/>
        <v/>
      </c>
      <c r="OG23" s="45"/>
      <c r="OH23" s="167"/>
      <c r="OI23" s="168"/>
      <c r="OJ23" s="9"/>
      <c r="OK23" s="160" t="s">
        <v>64</v>
      </c>
      <c r="OL23" s="172">
        <f>OL21/OL19</f>
        <v>0</v>
      </c>
      <c r="OM23" s="9"/>
      <c r="ON23" s="16"/>
      <c r="OO23" s="102" t="str">
        <f t="shared" si="31"/>
        <v/>
      </c>
      <c r="OP23" s="15" t="str">
        <f>IF(OP22="","",IF(OP22='（参考）【別紙２】'!$E$35,"",IF(MONTH(OP22)=MONTH(OP22+1),OP22+1,"")))</f>
        <v/>
      </c>
      <c r="OQ23" s="13" t="str">
        <f>IF(COUNTIF(祝日一覧!$E$2:$E$142,OP23),"○",IF(OT23&lt;&gt;"","○",""))</f>
        <v/>
      </c>
      <c r="OR23" s="25"/>
      <c r="OS23" s="45" t="str">
        <f t="shared" si="108"/>
        <v/>
      </c>
      <c r="OT23" s="45"/>
      <c r="OU23" s="167"/>
      <c r="OV23" s="168"/>
      <c r="OW23" s="9"/>
      <c r="OX23" s="160" t="s">
        <v>64</v>
      </c>
      <c r="OY23" s="172">
        <f>OY21/OY19</f>
        <v>0</v>
      </c>
      <c r="OZ23" s="9"/>
      <c r="PA23" s="16"/>
      <c r="PB23" s="102" t="str">
        <f t="shared" si="32"/>
        <v/>
      </c>
      <c r="PC23" s="15" t="str">
        <f>IF(PC22="","",IF(PC22='（参考）【別紙２】'!$E$35,"",IF(MONTH(PC22)=MONTH(PC22+1),PC22+1,"")))</f>
        <v/>
      </c>
      <c r="PD23" s="13" t="str">
        <f>IF(COUNTIF(祝日一覧!$E$2:$E$142,PC23),"○",IF(PG23&lt;&gt;"","○",""))</f>
        <v/>
      </c>
      <c r="PE23" s="25"/>
      <c r="PF23" s="45" t="str">
        <f t="shared" si="109"/>
        <v/>
      </c>
      <c r="PG23" s="45"/>
      <c r="PH23" s="167"/>
      <c r="PI23" s="168"/>
      <c r="PJ23" s="9"/>
      <c r="PK23" s="160" t="s">
        <v>64</v>
      </c>
      <c r="PL23" s="172">
        <f>PL21/PL19</f>
        <v>0</v>
      </c>
      <c r="PM23" s="9"/>
      <c r="PN23" s="16"/>
      <c r="PO23" s="102" t="str">
        <f t="shared" si="33"/>
        <v/>
      </c>
      <c r="PP23" s="15" t="str">
        <f>IF(PP22="","",IF(PP22='（参考）【別紙２】'!$E$35,"",IF(MONTH(PP22)=MONTH(PP22+1),PP22+1,"")))</f>
        <v/>
      </c>
      <c r="PQ23" s="13" t="str">
        <f>IF(COUNTIF(祝日一覧!$E$2:$E$142,PP23),"○",IF(PT23&lt;&gt;"","○",""))</f>
        <v/>
      </c>
      <c r="PR23" s="25"/>
      <c r="PS23" s="45" t="str">
        <f t="shared" si="110"/>
        <v/>
      </c>
      <c r="PT23" s="45"/>
      <c r="PU23" s="167"/>
      <c r="PV23" s="168"/>
      <c r="PW23" s="9"/>
      <c r="PX23" s="160" t="s">
        <v>64</v>
      </c>
      <c r="PY23" s="172">
        <f>PY21/PY19</f>
        <v>0</v>
      </c>
      <c r="PZ23" s="9"/>
      <c r="QA23" s="16"/>
      <c r="QB23" s="102" t="str">
        <f t="shared" si="34"/>
        <v/>
      </c>
      <c r="QC23" s="15" t="str">
        <f>IF(QC22="","",IF(QC22='（参考）【別紙２】'!$E$35,"",IF(MONTH(QC22)=MONTH(QC22+1),QC22+1,"")))</f>
        <v/>
      </c>
      <c r="QD23" s="13" t="str">
        <f>IF(COUNTIF(祝日一覧!$E$2:$E$142,QC23),"○",IF(QG23&lt;&gt;"","○",""))</f>
        <v/>
      </c>
      <c r="QE23" s="25"/>
      <c r="QF23" s="45" t="str">
        <f t="shared" si="111"/>
        <v/>
      </c>
      <c r="QG23" s="45"/>
      <c r="QH23" s="167"/>
      <c r="QI23" s="168"/>
      <c r="QJ23" s="9"/>
      <c r="QK23" s="160" t="s">
        <v>64</v>
      </c>
      <c r="QL23" s="172">
        <f>QL21/QL19</f>
        <v>0</v>
      </c>
      <c r="QM23" s="9"/>
      <c r="QN23" s="16"/>
      <c r="QO23" s="102" t="str">
        <f t="shared" si="35"/>
        <v/>
      </c>
      <c r="QP23" s="15" t="str">
        <f>IF(QP22="","",IF(QP22='（参考）【別紙２】'!$E$35,"",IF(MONTH(QP22)=MONTH(QP22+1),QP22+1,"")))</f>
        <v/>
      </c>
      <c r="QQ23" s="13" t="str">
        <f>IF(COUNTIF(祝日一覧!$E$2:$E$142,QP23),"○",IF(QT23&lt;&gt;"","○",""))</f>
        <v/>
      </c>
      <c r="QR23" s="25"/>
      <c r="QS23" s="45" t="str">
        <f t="shared" si="112"/>
        <v/>
      </c>
      <c r="QT23" s="45"/>
      <c r="QU23" s="167"/>
      <c r="QV23" s="168"/>
      <c r="QW23" s="9"/>
      <c r="QX23" s="160" t="s">
        <v>64</v>
      </c>
      <c r="QY23" s="172">
        <f>QY21/QY19</f>
        <v>0</v>
      </c>
      <c r="QZ23" s="9"/>
      <c r="RA23" s="16"/>
      <c r="RB23" s="102" t="str">
        <f t="shared" si="36"/>
        <v/>
      </c>
      <c r="RC23" s="15" t="str">
        <f>IF(RC22="","",IF(RC22='（参考）【別紙２】'!$E$35,"",IF(MONTH(RC22)=MONTH(RC22+1),RC22+1,"")))</f>
        <v/>
      </c>
      <c r="RD23" s="13" t="str">
        <f>IF(COUNTIF(祝日一覧!$E$2:$E$142,RC23),"○",IF(RG23&lt;&gt;"","○",""))</f>
        <v/>
      </c>
      <c r="RE23" s="25"/>
      <c r="RF23" s="45" t="str">
        <f t="shared" si="113"/>
        <v/>
      </c>
      <c r="RG23" s="45"/>
      <c r="RH23" s="167"/>
      <c r="RI23" s="168"/>
      <c r="RJ23" s="9"/>
      <c r="RK23" s="160" t="s">
        <v>64</v>
      </c>
      <c r="RL23" s="172">
        <f>RL21/RL19</f>
        <v>0</v>
      </c>
      <c r="RM23" s="9"/>
      <c r="RN23" s="16"/>
      <c r="RO23" s="102" t="str">
        <f t="shared" si="37"/>
        <v/>
      </c>
      <c r="RP23" s="15" t="str">
        <f>IF(RP22="","",IF(RP22='（参考）【別紙２】'!$E$35,"",IF(MONTH(RP22)=MONTH(RP22+1),RP22+1,"")))</f>
        <v/>
      </c>
      <c r="RQ23" s="13" t="str">
        <f>IF(COUNTIF(祝日一覧!$E$2:$E$142,RP23),"○",IF(RT23&lt;&gt;"","○",""))</f>
        <v/>
      </c>
      <c r="RR23" s="25"/>
      <c r="RS23" s="45" t="str">
        <f t="shared" si="114"/>
        <v/>
      </c>
      <c r="RT23" s="45"/>
      <c r="RU23" s="167"/>
      <c r="RV23" s="168"/>
      <c r="RW23" s="9"/>
      <c r="RX23" s="160" t="s">
        <v>64</v>
      </c>
      <c r="RY23" s="172">
        <f>RY21/RY19</f>
        <v>0</v>
      </c>
      <c r="RZ23" s="9"/>
      <c r="SA23" s="16"/>
      <c r="SB23" s="102" t="str">
        <f t="shared" si="38"/>
        <v/>
      </c>
      <c r="SC23" s="15" t="str">
        <f>IF(SC22="","",IF(SC22='（参考）【別紙２】'!$E$35,"",IF(MONTH(SC22)=MONTH(SC22+1),SC22+1,"")))</f>
        <v/>
      </c>
      <c r="SD23" s="13" t="str">
        <f>IF(COUNTIF(祝日一覧!$E$2:$E$142,SC23),"○",IF(SG23&lt;&gt;"","○",""))</f>
        <v/>
      </c>
      <c r="SE23" s="25"/>
      <c r="SF23" s="45" t="str">
        <f t="shared" si="115"/>
        <v/>
      </c>
      <c r="SG23" s="45"/>
      <c r="SH23" s="167"/>
      <c r="SI23" s="168"/>
      <c r="SJ23" s="9"/>
      <c r="SK23" s="160" t="s">
        <v>64</v>
      </c>
      <c r="SL23" s="172">
        <f>SL21/SL19</f>
        <v>0</v>
      </c>
      <c r="SM23" s="9"/>
    </row>
    <row r="24" spans="1:507" ht="15.6" customHeight="1">
      <c r="A24" s="16"/>
      <c r="B24" s="102" t="str">
        <f t="shared" si="0"/>
        <v>水</v>
      </c>
      <c r="C24" s="15">
        <f>IF(C23="","",IF(C23='（参考）【別紙２】'!$E$35,"",IF(MONTH(C23)=MONTH(C23+1),C23+1,"")))</f>
        <v>45763</v>
      </c>
      <c r="D24" s="13" t="str">
        <f>IF(COUNTIF(祝日一覧!$E$2:$E$142,C24),"○",IF(G24&lt;&gt;"","○",""))</f>
        <v/>
      </c>
      <c r="E24" s="26"/>
      <c r="F24" s="45" t="str">
        <f t="shared" si="39"/>
        <v/>
      </c>
      <c r="G24" s="45"/>
      <c r="H24" s="167"/>
      <c r="I24" s="168"/>
      <c r="J24" s="42"/>
      <c r="K24" s="181"/>
      <c r="L24" s="183"/>
      <c r="M24" s="9"/>
      <c r="N24" s="16"/>
      <c r="O24" s="102" t="str">
        <f t="shared" si="1"/>
        <v>金</v>
      </c>
      <c r="P24" s="15">
        <f>IF(P23="","",IF(P23='（参考）【別紙２】'!$E$35,"",IF(MONTH(P23)=MONTH(P23+1),P23+1,"")))</f>
        <v>45793</v>
      </c>
      <c r="Q24" s="13" t="str">
        <f>IF(COUNTIF(祝日一覧!$E$2:$E$142,P24),"○",IF(T24&lt;&gt;"","○",""))</f>
        <v/>
      </c>
      <c r="R24" s="26"/>
      <c r="S24" s="45" t="str">
        <f t="shared" si="78"/>
        <v/>
      </c>
      <c r="T24" s="45"/>
      <c r="U24" s="167"/>
      <c r="V24" s="168"/>
      <c r="W24" s="9"/>
      <c r="X24" s="161"/>
      <c r="Y24" s="184"/>
      <c r="Z24" s="9"/>
      <c r="AA24" s="16"/>
      <c r="AB24" s="102" t="str">
        <f t="shared" si="2"/>
        <v>月</v>
      </c>
      <c r="AC24" s="15">
        <f>IF(AC23="","",IF(AC23='（参考）【別紙２】'!$E$35,"",IF(MONTH(AC23)=MONTH(AC23+1),AC23+1,"")))</f>
        <v>45824</v>
      </c>
      <c r="AD24" s="13" t="str">
        <f>IF(COUNTIF(祝日一覧!$E$2:$E$142,AC24),"○",IF(AG24&lt;&gt;"","○",""))</f>
        <v/>
      </c>
      <c r="AE24" s="26"/>
      <c r="AF24" s="45" t="str">
        <f t="shared" si="79"/>
        <v/>
      </c>
      <c r="AG24" s="45"/>
      <c r="AH24" s="167"/>
      <c r="AI24" s="168"/>
      <c r="AJ24" s="9"/>
      <c r="AK24" s="161"/>
      <c r="AL24" s="184"/>
      <c r="AM24" s="9"/>
      <c r="AN24" s="16"/>
      <c r="AO24" s="102" t="str">
        <f t="shared" si="3"/>
        <v>水</v>
      </c>
      <c r="AP24" s="15">
        <f>IF(AP23="","",IF(AP23='（参考）【別紙２】'!$E$35,"",IF(MONTH(AP23)=MONTH(AP23+1),AP23+1,"")))</f>
        <v>45854</v>
      </c>
      <c r="AQ24" s="13" t="str">
        <f>IF(COUNTIF(祝日一覧!$E$2:$E$142,AP24),"○",IF(AT24&lt;&gt;"","○",""))</f>
        <v/>
      </c>
      <c r="AR24" s="26"/>
      <c r="AS24" s="45" t="str">
        <f t="shared" si="80"/>
        <v/>
      </c>
      <c r="AT24" s="45"/>
      <c r="AU24" s="167"/>
      <c r="AV24" s="168"/>
      <c r="AW24" s="9"/>
      <c r="AX24" s="161"/>
      <c r="AY24" s="184"/>
      <c r="AZ24" s="9"/>
      <c r="BA24" s="16"/>
      <c r="BB24" s="102" t="str">
        <f t="shared" si="4"/>
        <v>土</v>
      </c>
      <c r="BC24" s="15">
        <f>IF(BC23="","",IF(BC23='（参考）【別紙２】'!$E$35,"",IF(MONTH(BC23)=MONTH(BC23+1),BC23+1,"")))</f>
        <v>45885</v>
      </c>
      <c r="BD24" s="13" t="str">
        <f>IF(COUNTIF(祝日一覧!$E$2:$E$142,BC24),"○",IF(BG24&lt;&gt;"","○",""))</f>
        <v/>
      </c>
      <c r="BE24" s="26"/>
      <c r="BF24" s="45" t="str">
        <f t="shared" si="81"/>
        <v>○</v>
      </c>
      <c r="BG24" s="45"/>
      <c r="BH24" s="167"/>
      <c r="BI24" s="168"/>
      <c r="BJ24" s="9"/>
      <c r="BK24" s="161"/>
      <c r="BL24" s="184"/>
      <c r="BM24" s="9"/>
      <c r="BN24" s="16"/>
      <c r="BO24" s="102" t="str">
        <f t="shared" si="5"/>
        <v/>
      </c>
      <c r="BP24" s="15" t="str">
        <f>IF(BP23="","",IF(BP23='（参考）【別紙２】'!$E$35,"",IF(MONTH(BP23)=MONTH(BP23+1),BP23+1,"")))</f>
        <v/>
      </c>
      <c r="BQ24" s="13" t="str">
        <f>IF(COUNTIF(祝日一覧!$E$2:$E$142,BP24),"○",IF(BT24&lt;&gt;"","○",""))</f>
        <v/>
      </c>
      <c r="BR24" s="26"/>
      <c r="BS24" s="45" t="str">
        <f t="shared" si="82"/>
        <v/>
      </c>
      <c r="BT24" s="45"/>
      <c r="BU24" s="167"/>
      <c r="BV24" s="168"/>
      <c r="BW24" s="9"/>
      <c r="BX24" s="161"/>
      <c r="BY24" s="184"/>
      <c r="BZ24" s="9"/>
      <c r="CA24" s="16"/>
      <c r="CB24" s="102" t="str">
        <f t="shared" si="6"/>
        <v/>
      </c>
      <c r="CC24" s="15" t="str">
        <f>IF(CC23="","",IF(CC23='（参考）【別紙２】'!$E$35,"",IF(MONTH(CC23)=MONTH(CC23+1),CC23+1,"")))</f>
        <v/>
      </c>
      <c r="CD24" s="13" t="str">
        <f>IF(COUNTIF(祝日一覧!$E$2:$E$142,CC24),"○",IF(CG24&lt;&gt;"","○",""))</f>
        <v/>
      </c>
      <c r="CE24" s="26"/>
      <c r="CF24" s="45" t="str">
        <f t="shared" si="83"/>
        <v/>
      </c>
      <c r="CG24" s="45"/>
      <c r="CH24" s="167"/>
      <c r="CI24" s="168"/>
      <c r="CJ24" s="9"/>
      <c r="CK24" s="161"/>
      <c r="CL24" s="184"/>
      <c r="CM24" s="9"/>
      <c r="CN24" s="16"/>
      <c r="CO24" s="102" t="str">
        <f t="shared" si="7"/>
        <v/>
      </c>
      <c r="CP24" s="15" t="str">
        <f>IF(CP23="","",IF(CP23='（参考）【別紙２】'!$E$35,"",IF(MONTH(CP23)=MONTH(CP23+1),CP23+1,"")))</f>
        <v/>
      </c>
      <c r="CQ24" s="13" t="str">
        <f>IF(COUNTIF(祝日一覧!$E$2:$E$142,CP24),"○",IF(CT24&lt;&gt;"","○",""))</f>
        <v/>
      </c>
      <c r="CR24" s="26"/>
      <c r="CS24" s="45" t="str">
        <f t="shared" si="84"/>
        <v/>
      </c>
      <c r="CT24" s="45"/>
      <c r="CU24" s="167"/>
      <c r="CV24" s="168"/>
      <c r="CW24" s="9"/>
      <c r="CX24" s="161"/>
      <c r="CY24" s="184"/>
      <c r="CZ24" s="9"/>
      <c r="DA24" s="16"/>
      <c r="DB24" s="102" t="str">
        <f t="shared" si="8"/>
        <v/>
      </c>
      <c r="DC24" s="15" t="str">
        <f>IF(DC23="","",IF(DC23='（参考）【別紙２】'!$E$35,"",IF(MONTH(DC23)=MONTH(DC23+1),DC23+1,"")))</f>
        <v/>
      </c>
      <c r="DD24" s="13" t="str">
        <f>IF(COUNTIF(祝日一覧!$E$2:$E$142,DC24),"○",IF(DG24&lt;&gt;"","○",""))</f>
        <v/>
      </c>
      <c r="DE24" s="26"/>
      <c r="DF24" s="45" t="str">
        <f t="shared" si="85"/>
        <v/>
      </c>
      <c r="DG24" s="45"/>
      <c r="DH24" s="167"/>
      <c r="DI24" s="168"/>
      <c r="DJ24" s="9"/>
      <c r="DK24" s="161"/>
      <c r="DL24" s="184"/>
      <c r="DM24" s="9"/>
      <c r="DN24" s="16"/>
      <c r="DO24" s="102" t="str">
        <f t="shared" si="9"/>
        <v/>
      </c>
      <c r="DP24" s="15" t="str">
        <f>IF(DP23="","",IF(DP23='（参考）【別紙２】'!$E$35,"",IF(MONTH(DP23)=MONTH(DP23+1),DP23+1,"")))</f>
        <v/>
      </c>
      <c r="DQ24" s="13" t="str">
        <f>IF(COUNTIF(祝日一覧!$E$2:$E$142,DP24),"○",IF(DT24&lt;&gt;"","○",""))</f>
        <v/>
      </c>
      <c r="DR24" s="26"/>
      <c r="DS24" s="45" t="str">
        <f t="shared" si="86"/>
        <v/>
      </c>
      <c r="DT24" s="45"/>
      <c r="DU24" s="167"/>
      <c r="DV24" s="168"/>
      <c r="DW24" s="9"/>
      <c r="DX24" s="161"/>
      <c r="DY24" s="184"/>
      <c r="DZ24" s="9"/>
      <c r="EA24" s="16"/>
      <c r="EB24" s="102" t="str">
        <f t="shared" si="10"/>
        <v/>
      </c>
      <c r="EC24" s="15" t="str">
        <f>IF(EC23="","",IF(EC23='（参考）【別紙２】'!$E$35,"",IF(MONTH(EC23)=MONTH(EC23+1),EC23+1,"")))</f>
        <v/>
      </c>
      <c r="ED24" s="13" t="str">
        <f>IF(COUNTIF(祝日一覧!$E$2:$E$142,EC24),"○",IF(EG24&lt;&gt;"","○",""))</f>
        <v/>
      </c>
      <c r="EE24" s="26"/>
      <c r="EF24" s="45" t="str">
        <f t="shared" si="87"/>
        <v/>
      </c>
      <c r="EG24" s="45"/>
      <c r="EH24" s="167"/>
      <c r="EI24" s="168"/>
      <c r="EJ24" s="9"/>
      <c r="EK24" s="161"/>
      <c r="EL24" s="184"/>
      <c r="EM24" s="9"/>
      <c r="EN24" s="16"/>
      <c r="EO24" s="102" t="str">
        <f t="shared" si="11"/>
        <v/>
      </c>
      <c r="EP24" s="15" t="str">
        <f>IF(EP23="","",IF(EP23='（参考）【別紙２】'!$E$35,"",IF(MONTH(EP23)=MONTH(EP23+1),EP23+1,"")))</f>
        <v/>
      </c>
      <c r="EQ24" s="13" t="str">
        <f>IF(COUNTIF(祝日一覧!$E$2:$E$142,EP24),"○",IF(ET24&lt;&gt;"","○",""))</f>
        <v/>
      </c>
      <c r="ER24" s="26"/>
      <c r="ES24" s="45" t="str">
        <f t="shared" si="88"/>
        <v/>
      </c>
      <c r="ET24" s="45"/>
      <c r="EU24" s="167"/>
      <c r="EV24" s="168"/>
      <c r="EW24" s="9"/>
      <c r="EX24" s="161"/>
      <c r="EY24" s="184"/>
      <c r="EZ24" s="9"/>
      <c r="FA24" s="16"/>
      <c r="FB24" s="102" t="str">
        <f t="shared" si="12"/>
        <v/>
      </c>
      <c r="FC24" s="15" t="str">
        <f>IF(FC23="","",IF(FC23='（参考）【別紙２】'!$E$35,"",IF(MONTH(FC23)=MONTH(FC23+1),FC23+1,"")))</f>
        <v/>
      </c>
      <c r="FD24" s="13" t="str">
        <f>IF(COUNTIF(祝日一覧!$E$2:$E$142,FC24),"○",IF(FG24&lt;&gt;"","○",""))</f>
        <v/>
      </c>
      <c r="FE24" s="26"/>
      <c r="FF24" s="45" t="str">
        <f t="shared" si="89"/>
        <v/>
      </c>
      <c r="FG24" s="45"/>
      <c r="FH24" s="167"/>
      <c r="FI24" s="168"/>
      <c r="FJ24" s="9"/>
      <c r="FK24" s="161"/>
      <c r="FL24" s="184"/>
      <c r="FM24" s="9"/>
      <c r="FN24" s="16"/>
      <c r="FO24" s="102" t="str">
        <f t="shared" si="13"/>
        <v/>
      </c>
      <c r="FP24" s="15" t="str">
        <f>IF(FP23="","",IF(FP23='（参考）【別紙２】'!$E$35,"",IF(MONTH(FP23)=MONTH(FP23+1),FP23+1,"")))</f>
        <v/>
      </c>
      <c r="FQ24" s="13" t="str">
        <f>IF(COUNTIF(祝日一覧!$E$2:$E$142,FP24),"○",IF(FT24&lt;&gt;"","○",""))</f>
        <v/>
      </c>
      <c r="FR24" s="26"/>
      <c r="FS24" s="45" t="str">
        <f t="shared" si="90"/>
        <v/>
      </c>
      <c r="FT24" s="45"/>
      <c r="FU24" s="167"/>
      <c r="FV24" s="168"/>
      <c r="FW24" s="9"/>
      <c r="FX24" s="161"/>
      <c r="FY24" s="184"/>
      <c r="FZ24" s="9"/>
      <c r="GA24" s="16"/>
      <c r="GB24" s="102" t="str">
        <f t="shared" si="14"/>
        <v/>
      </c>
      <c r="GC24" s="15" t="str">
        <f>IF(GC23="","",IF(GC23='（参考）【別紙２】'!$E$35,"",IF(MONTH(GC23)=MONTH(GC23+1),GC23+1,"")))</f>
        <v/>
      </c>
      <c r="GD24" s="13" t="str">
        <f>IF(COUNTIF(祝日一覧!$E$2:$E$142,GC24),"○",IF(GG24&lt;&gt;"","○",""))</f>
        <v/>
      </c>
      <c r="GE24" s="25"/>
      <c r="GF24" s="45" t="str">
        <f t="shared" si="91"/>
        <v/>
      </c>
      <c r="GG24" s="45"/>
      <c r="GH24" s="167"/>
      <c r="GI24" s="168"/>
      <c r="GJ24" s="9"/>
      <c r="GK24" s="161"/>
      <c r="GL24" s="184"/>
      <c r="GM24" s="9"/>
      <c r="GN24" s="16"/>
      <c r="GO24" s="102" t="str">
        <f t="shared" si="15"/>
        <v/>
      </c>
      <c r="GP24" s="15" t="str">
        <f>IF(GP23="","",IF(GP23='（参考）【別紙２】'!$E$35,"",IF(MONTH(GP23)=MONTH(GP23+1),GP23+1,"")))</f>
        <v/>
      </c>
      <c r="GQ24" s="13" t="str">
        <f>IF(COUNTIF(祝日一覧!$E$2:$E$142,GP24),"○",IF(GT24&lt;&gt;"","○",""))</f>
        <v/>
      </c>
      <c r="GR24" s="25"/>
      <c r="GS24" s="45" t="str">
        <f t="shared" si="92"/>
        <v/>
      </c>
      <c r="GT24" s="45"/>
      <c r="GU24" s="167"/>
      <c r="GV24" s="168"/>
      <c r="GW24" s="9"/>
      <c r="GX24" s="161"/>
      <c r="GY24" s="184"/>
      <c r="GZ24" s="9"/>
      <c r="HA24" s="16"/>
      <c r="HB24" s="102" t="str">
        <f t="shared" si="16"/>
        <v/>
      </c>
      <c r="HC24" s="15" t="str">
        <f>IF(HC23="","",IF(HC23='（参考）【別紙２】'!$E$35,"",IF(MONTH(HC23)=MONTH(HC23+1),HC23+1,"")))</f>
        <v/>
      </c>
      <c r="HD24" s="13" t="str">
        <f>IF(COUNTIF(祝日一覧!$E$2:$E$142,HC24),"○",IF(HG24&lt;&gt;"","○",""))</f>
        <v/>
      </c>
      <c r="HE24" s="26"/>
      <c r="HF24" s="45" t="str">
        <f t="shared" si="93"/>
        <v/>
      </c>
      <c r="HG24" s="45"/>
      <c r="HH24" s="167"/>
      <c r="HI24" s="168"/>
      <c r="HJ24" s="9"/>
      <c r="HK24" s="161"/>
      <c r="HL24" s="184"/>
      <c r="HM24" s="9"/>
      <c r="HN24" s="16"/>
      <c r="HO24" s="102" t="str">
        <f t="shared" si="17"/>
        <v/>
      </c>
      <c r="HP24" s="15" t="str">
        <f>IF(HP23="","",IF(HP23='（参考）【別紙２】'!$E$35,"",IF(MONTH(HP23)=MONTH(HP23+1),HP23+1,"")))</f>
        <v/>
      </c>
      <c r="HQ24" s="13" t="str">
        <f>IF(COUNTIF(祝日一覧!$E$2:$E$142,HP24),"○",IF(HT24&lt;&gt;"","○",""))</f>
        <v/>
      </c>
      <c r="HR24" s="25"/>
      <c r="HS24" s="45" t="str">
        <f t="shared" si="94"/>
        <v/>
      </c>
      <c r="HT24" s="45"/>
      <c r="HU24" s="167"/>
      <c r="HV24" s="168"/>
      <c r="HW24" s="9"/>
      <c r="HX24" s="161"/>
      <c r="HY24" s="184"/>
      <c r="HZ24" s="9"/>
      <c r="IA24" s="16"/>
      <c r="IB24" s="102" t="str">
        <f t="shared" si="18"/>
        <v/>
      </c>
      <c r="IC24" s="15" t="str">
        <f>IF(IC23="","",IF(IC23='（参考）【別紙２】'!$E$35,"",IF(MONTH(IC23)=MONTH(IC23+1),IC23+1,"")))</f>
        <v/>
      </c>
      <c r="ID24" s="13" t="str">
        <f>IF(COUNTIF(祝日一覧!$E$2:$E$142,IC24),"○",IF(IG24&lt;&gt;"","○",""))</f>
        <v/>
      </c>
      <c r="IE24" s="25"/>
      <c r="IF24" s="45" t="str">
        <f t="shared" si="95"/>
        <v/>
      </c>
      <c r="IG24" s="45"/>
      <c r="IH24" s="167"/>
      <c r="II24" s="168"/>
      <c r="IJ24" s="9"/>
      <c r="IK24" s="161"/>
      <c r="IL24" s="184"/>
      <c r="IM24" s="9"/>
      <c r="IN24" s="16"/>
      <c r="IO24" s="102" t="str">
        <f t="shared" si="19"/>
        <v/>
      </c>
      <c r="IP24" s="15" t="str">
        <f>IF(IP23="","",IF(IP23='（参考）【別紙２】'!$E$35,"",IF(MONTH(IP23)=MONTH(IP23+1),IP23+1,"")))</f>
        <v/>
      </c>
      <c r="IQ24" s="13" t="str">
        <f>IF(COUNTIF(祝日一覧!$E$2:$E$142,IP24),"○",IF(IT24&lt;&gt;"","○",""))</f>
        <v/>
      </c>
      <c r="IR24" s="25"/>
      <c r="IS24" s="45" t="str">
        <f t="shared" si="96"/>
        <v/>
      </c>
      <c r="IT24" s="45"/>
      <c r="IU24" s="167"/>
      <c r="IV24" s="168"/>
      <c r="IW24" s="9"/>
      <c r="IX24" s="161"/>
      <c r="IY24" s="184"/>
      <c r="IZ24" s="9"/>
      <c r="JA24" s="16"/>
      <c r="JB24" s="102" t="str">
        <f t="shared" si="20"/>
        <v/>
      </c>
      <c r="JC24" s="15" t="str">
        <f>IF(JC23="","",IF(JC23='（参考）【別紙２】'!$E$35,"",IF(MONTH(JC23)=MONTH(JC23+1),JC23+1,"")))</f>
        <v/>
      </c>
      <c r="JD24" s="13" t="str">
        <f>IF(COUNTIF(祝日一覧!$E$2:$E$142,JC24),"○",IF(JG24&lt;&gt;"","○",""))</f>
        <v/>
      </c>
      <c r="JE24" s="25"/>
      <c r="JF24" s="45" t="str">
        <f t="shared" si="97"/>
        <v/>
      </c>
      <c r="JG24" s="45"/>
      <c r="JH24" s="167"/>
      <c r="JI24" s="168"/>
      <c r="JJ24" s="9"/>
      <c r="JK24" s="161"/>
      <c r="JL24" s="184"/>
      <c r="JM24" s="9"/>
      <c r="JN24" s="16"/>
      <c r="JO24" s="102" t="str">
        <f t="shared" si="21"/>
        <v/>
      </c>
      <c r="JP24" s="15" t="str">
        <f>IF(JP23="","",IF(JP23='（参考）【別紙２】'!$E$35,"",IF(MONTH(JP23)=MONTH(JP23+1),JP23+1,"")))</f>
        <v/>
      </c>
      <c r="JQ24" s="13" t="str">
        <f>IF(COUNTIF(祝日一覧!$E$2:$E$142,JP24),"○",IF(JT24&lt;&gt;"","○",""))</f>
        <v/>
      </c>
      <c r="JR24" s="25"/>
      <c r="JS24" s="45" t="str">
        <f t="shared" si="98"/>
        <v/>
      </c>
      <c r="JT24" s="45"/>
      <c r="JU24" s="167"/>
      <c r="JV24" s="168"/>
      <c r="JW24" s="9"/>
      <c r="JX24" s="161"/>
      <c r="JY24" s="184"/>
      <c r="JZ24" s="9"/>
      <c r="KA24" s="16"/>
      <c r="KB24" s="102" t="str">
        <f t="shared" si="22"/>
        <v/>
      </c>
      <c r="KC24" s="15" t="str">
        <f>IF(KC23="","",IF(KC23='（参考）【別紙２】'!$E$35,"",IF(MONTH(KC23)=MONTH(KC23+1),KC23+1,"")))</f>
        <v/>
      </c>
      <c r="KD24" s="13" t="str">
        <f>IF(COUNTIF(祝日一覧!$E$2:$E$142,KC24),"○",IF(KG24&lt;&gt;"","○",""))</f>
        <v/>
      </c>
      <c r="KE24" s="25"/>
      <c r="KF24" s="45" t="str">
        <f t="shared" si="99"/>
        <v/>
      </c>
      <c r="KG24" s="45"/>
      <c r="KH24" s="167"/>
      <c r="KI24" s="168"/>
      <c r="KJ24" s="9"/>
      <c r="KK24" s="161"/>
      <c r="KL24" s="184"/>
      <c r="KM24" s="9"/>
      <c r="KN24" s="16"/>
      <c r="KO24" s="102" t="str">
        <f t="shared" si="23"/>
        <v/>
      </c>
      <c r="KP24" s="15" t="str">
        <f>IF(KP23="","",IF(KP23='（参考）【別紙２】'!$E$35,"",IF(MONTH(KP23)=MONTH(KP23+1),KP23+1,"")))</f>
        <v/>
      </c>
      <c r="KQ24" s="13" t="str">
        <f>IF(COUNTIF(祝日一覧!$E$2:$E$142,KP24),"○",IF(KT24&lt;&gt;"","○",""))</f>
        <v/>
      </c>
      <c r="KR24" s="25"/>
      <c r="KS24" s="45" t="str">
        <f t="shared" si="100"/>
        <v/>
      </c>
      <c r="KT24" s="45"/>
      <c r="KU24" s="167"/>
      <c r="KV24" s="168"/>
      <c r="KW24" s="9"/>
      <c r="KX24" s="161"/>
      <c r="KY24" s="184"/>
      <c r="KZ24" s="9"/>
      <c r="LA24" s="16"/>
      <c r="LB24" s="102" t="str">
        <f t="shared" si="24"/>
        <v/>
      </c>
      <c r="LC24" s="15" t="str">
        <f>IF(LC23="","",IF(LC23='（参考）【別紙２】'!$E$35,"",IF(MONTH(LC23)=MONTH(LC23+1),LC23+1,"")))</f>
        <v/>
      </c>
      <c r="LD24" s="13" t="str">
        <f>IF(COUNTIF(祝日一覧!$E$2:$E$142,LC24),"○",IF(LG24&lt;&gt;"","○",""))</f>
        <v/>
      </c>
      <c r="LE24" s="25"/>
      <c r="LF24" s="45" t="str">
        <f t="shared" si="101"/>
        <v/>
      </c>
      <c r="LG24" s="45"/>
      <c r="LH24" s="167"/>
      <c r="LI24" s="168"/>
      <c r="LJ24" s="9"/>
      <c r="LK24" s="161"/>
      <c r="LL24" s="184"/>
      <c r="LM24" s="9"/>
      <c r="LN24" s="16"/>
      <c r="LO24" s="102" t="str">
        <f t="shared" si="25"/>
        <v/>
      </c>
      <c r="LP24" s="15" t="str">
        <f>IF(LP23="","",IF(LP23='（参考）【別紙２】'!$E$35,"",IF(MONTH(LP23)=MONTH(LP23+1),LP23+1,"")))</f>
        <v/>
      </c>
      <c r="LQ24" s="13" t="str">
        <f>IF(COUNTIF(祝日一覧!$E$2:$E$142,LP24),"○",IF(LT24&lt;&gt;"","○",""))</f>
        <v/>
      </c>
      <c r="LR24" s="25"/>
      <c r="LS24" s="45" t="str">
        <f t="shared" si="102"/>
        <v/>
      </c>
      <c r="LT24" s="45"/>
      <c r="LU24" s="167"/>
      <c r="LV24" s="168"/>
      <c r="LW24" s="9"/>
      <c r="LX24" s="161"/>
      <c r="LY24" s="184"/>
      <c r="LZ24" s="9"/>
      <c r="MA24" s="16"/>
      <c r="MB24" s="102" t="str">
        <f t="shared" si="26"/>
        <v/>
      </c>
      <c r="MC24" s="15" t="str">
        <f>IF(MC23="","",IF(MC23='（参考）【別紙２】'!$E$35,"",IF(MONTH(MC23)=MONTH(MC23+1),MC23+1,"")))</f>
        <v/>
      </c>
      <c r="MD24" s="13" t="str">
        <f>IF(COUNTIF(祝日一覧!$E$2:$E$142,MC24),"○",IF(MG24&lt;&gt;"","○",""))</f>
        <v/>
      </c>
      <c r="ME24" s="25"/>
      <c r="MF24" s="45" t="str">
        <f t="shared" si="103"/>
        <v/>
      </c>
      <c r="MG24" s="45"/>
      <c r="MH24" s="167"/>
      <c r="MI24" s="168"/>
      <c r="MJ24" s="9"/>
      <c r="MK24" s="161"/>
      <c r="ML24" s="184"/>
      <c r="MM24" s="9"/>
      <c r="MN24" s="16"/>
      <c r="MO24" s="102" t="str">
        <f t="shared" si="27"/>
        <v/>
      </c>
      <c r="MP24" s="15" t="str">
        <f>IF(MP23="","",IF(MP23='（参考）【別紙２】'!$E$35,"",IF(MONTH(MP23)=MONTH(MP23+1),MP23+1,"")))</f>
        <v/>
      </c>
      <c r="MQ24" s="13" t="str">
        <f>IF(COUNTIF(祝日一覧!$E$2:$E$142,MP24),"○",IF(MT24&lt;&gt;"","○",""))</f>
        <v/>
      </c>
      <c r="MR24" s="25"/>
      <c r="MS24" s="45" t="str">
        <f t="shared" si="104"/>
        <v/>
      </c>
      <c r="MT24" s="45"/>
      <c r="MU24" s="167"/>
      <c r="MV24" s="168"/>
      <c r="MW24" s="9"/>
      <c r="MX24" s="161"/>
      <c r="MY24" s="184"/>
      <c r="MZ24" s="9"/>
      <c r="NA24" s="16"/>
      <c r="NB24" s="102" t="str">
        <f t="shared" si="28"/>
        <v/>
      </c>
      <c r="NC24" s="15" t="str">
        <f>IF(NC23="","",IF(NC23='（参考）【別紙２】'!$E$35,"",IF(MONTH(NC23)=MONTH(NC23+1),NC23+1,"")))</f>
        <v/>
      </c>
      <c r="ND24" s="13" t="str">
        <f>IF(COUNTIF(祝日一覧!$E$2:$E$142,NC24),"○",IF(NG24&lt;&gt;"","○",""))</f>
        <v/>
      </c>
      <c r="NE24" s="25"/>
      <c r="NF24" s="45" t="str">
        <f t="shared" si="105"/>
        <v/>
      </c>
      <c r="NG24" s="45"/>
      <c r="NH24" s="167"/>
      <c r="NI24" s="168"/>
      <c r="NJ24" s="9"/>
      <c r="NK24" s="161"/>
      <c r="NL24" s="184"/>
      <c r="NM24" s="9"/>
      <c r="NN24" s="16"/>
      <c r="NO24" s="102" t="str">
        <f t="shared" si="29"/>
        <v/>
      </c>
      <c r="NP24" s="15" t="str">
        <f>IF(NP23="","",IF(NP23='（参考）【別紙２】'!$E$35,"",IF(MONTH(NP23)=MONTH(NP23+1),NP23+1,"")))</f>
        <v/>
      </c>
      <c r="NQ24" s="13" t="str">
        <f>IF(COUNTIF(祝日一覧!$E$2:$E$142,NP24),"○",IF(NT24&lt;&gt;"","○",""))</f>
        <v/>
      </c>
      <c r="NR24" s="25"/>
      <c r="NS24" s="45" t="str">
        <f t="shared" si="106"/>
        <v/>
      </c>
      <c r="NT24" s="45"/>
      <c r="NU24" s="167"/>
      <c r="NV24" s="168"/>
      <c r="NW24" s="9"/>
      <c r="NX24" s="161"/>
      <c r="NY24" s="184"/>
      <c r="NZ24" s="9"/>
      <c r="OA24" s="16"/>
      <c r="OB24" s="102" t="str">
        <f t="shared" si="30"/>
        <v/>
      </c>
      <c r="OC24" s="15" t="str">
        <f>IF(OC23="","",IF(OC23='（参考）【別紙２】'!$E$35,"",IF(MONTH(OC23)=MONTH(OC23+1),OC23+1,"")))</f>
        <v/>
      </c>
      <c r="OD24" s="13" t="str">
        <f>IF(COUNTIF(祝日一覧!$E$2:$E$142,OC24),"○",IF(OG24&lt;&gt;"","○",""))</f>
        <v/>
      </c>
      <c r="OE24" s="25"/>
      <c r="OF24" s="45" t="str">
        <f t="shared" si="107"/>
        <v/>
      </c>
      <c r="OG24" s="45"/>
      <c r="OH24" s="167"/>
      <c r="OI24" s="168"/>
      <c r="OJ24" s="9"/>
      <c r="OK24" s="161"/>
      <c r="OL24" s="184"/>
      <c r="OM24" s="9"/>
      <c r="ON24" s="16"/>
      <c r="OO24" s="102" t="str">
        <f t="shared" si="31"/>
        <v/>
      </c>
      <c r="OP24" s="15" t="str">
        <f>IF(OP23="","",IF(OP23='（参考）【別紙２】'!$E$35,"",IF(MONTH(OP23)=MONTH(OP23+1),OP23+1,"")))</f>
        <v/>
      </c>
      <c r="OQ24" s="13" t="str">
        <f>IF(COUNTIF(祝日一覧!$E$2:$E$142,OP24),"○",IF(OT24&lt;&gt;"","○",""))</f>
        <v/>
      </c>
      <c r="OR24" s="25"/>
      <c r="OS24" s="45" t="str">
        <f t="shared" si="108"/>
        <v/>
      </c>
      <c r="OT24" s="45"/>
      <c r="OU24" s="167"/>
      <c r="OV24" s="168"/>
      <c r="OW24" s="9"/>
      <c r="OX24" s="161"/>
      <c r="OY24" s="184"/>
      <c r="OZ24" s="9"/>
      <c r="PA24" s="16"/>
      <c r="PB24" s="102" t="str">
        <f t="shared" si="32"/>
        <v/>
      </c>
      <c r="PC24" s="15" t="str">
        <f>IF(PC23="","",IF(PC23='（参考）【別紙２】'!$E$35,"",IF(MONTH(PC23)=MONTH(PC23+1),PC23+1,"")))</f>
        <v/>
      </c>
      <c r="PD24" s="13" t="str">
        <f>IF(COUNTIF(祝日一覧!$E$2:$E$142,PC24),"○",IF(PG24&lt;&gt;"","○",""))</f>
        <v/>
      </c>
      <c r="PE24" s="25"/>
      <c r="PF24" s="45" t="str">
        <f t="shared" si="109"/>
        <v/>
      </c>
      <c r="PG24" s="45"/>
      <c r="PH24" s="167"/>
      <c r="PI24" s="168"/>
      <c r="PJ24" s="9"/>
      <c r="PK24" s="161"/>
      <c r="PL24" s="184"/>
      <c r="PM24" s="9"/>
      <c r="PN24" s="16"/>
      <c r="PO24" s="102" t="str">
        <f t="shared" si="33"/>
        <v/>
      </c>
      <c r="PP24" s="15" t="str">
        <f>IF(PP23="","",IF(PP23='（参考）【別紙２】'!$E$35,"",IF(MONTH(PP23)=MONTH(PP23+1),PP23+1,"")))</f>
        <v/>
      </c>
      <c r="PQ24" s="13" t="str">
        <f>IF(COUNTIF(祝日一覧!$E$2:$E$142,PP24),"○",IF(PT24&lt;&gt;"","○",""))</f>
        <v/>
      </c>
      <c r="PR24" s="25"/>
      <c r="PS24" s="45" t="str">
        <f t="shared" si="110"/>
        <v/>
      </c>
      <c r="PT24" s="45"/>
      <c r="PU24" s="167"/>
      <c r="PV24" s="168"/>
      <c r="PW24" s="9"/>
      <c r="PX24" s="161"/>
      <c r="PY24" s="184"/>
      <c r="PZ24" s="9"/>
      <c r="QA24" s="16"/>
      <c r="QB24" s="102" t="str">
        <f t="shared" si="34"/>
        <v/>
      </c>
      <c r="QC24" s="15" t="str">
        <f>IF(QC23="","",IF(QC23='（参考）【別紙２】'!$E$35,"",IF(MONTH(QC23)=MONTH(QC23+1),QC23+1,"")))</f>
        <v/>
      </c>
      <c r="QD24" s="13" t="str">
        <f>IF(COUNTIF(祝日一覧!$E$2:$E$142,QC24),"○",IF(QG24&lt;&gt;"","○",""))</f>
        <v/>
      </c>
      <c r="QE24" s="25"/>
      <c r="QF24" s="45" t="str">
        <f t="shared" si="111"/>
        <v/>
      </c>
      <c r="QG24" s="45"/>
      <c r="QH24" s="167"/>
      <c r="QI24" s="168"/>
      <c r="QJ24" s="9"/>
      <c r="QK24" s="161"/>
      <c r="QL24" s="184"/>
      <c r="QM24" s="9"/>
      <c r="QN24" s="16"/>
      <c r="QO24" s="102" t="str">
        <f t="shared" si="35"/>
        <v/>
      </c>
      <c r="QP24" s="15" t="str">
        <f>IF(QP23="","",IF(QP23='（参考）【別紙２】'!$E$35,"",IF(MONTH(QP23)=MONTH(QP23+1),QP23+1,"")))</f>
        <v/>
      </c>
      <c r="QQ24" s="13" t="str">
        <f>IF(COUNTIF(祝日一覧!$E$2:$E$142,QP24),"○",IF(QT24&lt;&gt;"","○",""))</f>
        <v/>
      </c>
      <c r="QR24" s="25"/>
      <c r="QS24" s="45" t="str">
        <f t="shared" si="112"/>
        <v/>
      </c>
      <c r="QT24" s="45"/>
      <c r="QU24" s="167"/>
      <c r="QV24" s="168"/>
      <c r="QW24" s="9"/>
      <c r="QX24" s="161"/>
      <c r="QY24" s="184"/>
      <c r="QZ24" s="9"/>
      <c r="RA24" s="16"/>
      <c r="RB24" s="102" t="str">
        <f t="shared" si="36"/>
        <v/>
      </c>
      <c r="RC24" s="15" t="str">
        <f>IF(RC23="","",IF(RC23='（参考）【別紙２】'!$E$35,"",IF(MONTH(RC23)=MONTH(RC23+1),RC23+1,"")))</f>
        <v/>
      </c>
      <c r="RD24" s="13" t="str">
        <f>IF(COUNTIF(祝日一覧!$E$2:$E$142,RC24),"○",IF(RG24&lt;&gt;"","○",""))</f>
        <v/>
      </c>
      <c r="RE24" s="25"/>
      <c r="RF24" s="45" t="str">
        <f t="shared" si="113"/>
        <v/>
      </c>
      <c r="RG24" s="45"/>
      <c r="RH24" s="167"/>
      <c r="RI24" s="168"/>
      <c r="RJ24" s="9"/>
      <c r="RK24" s="161"/>
      <c r="RL24" s="184"/>
      <c r="RM24" s="9"/>
      <c r="RN24" s="16"/>
      <c r="RO24" s="102" t="str">
        <f t="shared" si="37"/>
        <v/>
      </c>
      <c r="RP24" s="15" t="str">
        <f>IF(RP23="","",IF(RP23='（参考）【別紙２】'!$E$35,"",IF(MONTH(RP23)=MONTH(RP23+1),RP23+1,"")))</f>
        <v/>
      </c>
      <c r="RQ24" s="13" t="str">
        <f>IF(COUNTIF(祝日一覧!$E$2:$E$142,RP24),"○",IF(RT24&lt;&gt;"","○",""))</f>
        <v/>
      </c>
      <c r="RR24" s="25"/>
      <c r="RS24" s="45" t="str">
        <f t="shared" si="114"/>
        <v/>
      </c>
      <c r="RT24" s="45"/>
      <c r="RU24" s="167"/>
      <c r="RV24" s="168"/>
      <c r="RW24" s="9"/>
      <c r="RX24" s="161"/>
      <c r="RY24" s="184"/>
      <c r="RZ24" s="9"/>
      <c r="SA24" s="16"/>
      <c r="SB24" s="102" t="str">
        <f t="shared" si="38"/>
        <v/>
      </c>
      <c r="SC24" s="15" t="str">
        <f>IF(SC23="","",IF(SC23='（参考）【別紙２】'!$E$35,"",IF(MONTH(SC23)=MONTH(SC23+1),SC23+1,"")))</f>
        <v/>
      </c>
      <c r="SD24" s="13" t="str">
        <f>IF(COUNTIF(祝日一覧!$E$2:$E$142,SC24),"○",IF(SG24&lt;&gt;"","○",""))</f>
        <v/>
      </c>
      <c r="SE24" s="25"/>
      <c r="SF24" s="45" t="str">
        <f t="shared" si="115"/>
        <v/>
      </c>
      <c r="SG24" s="45"/>
      <c r="SH24" s="167"/>
      <c r="SI24" s="168"/>
      <c r="SJ24" s="9"/>
      <c r="SK24" s="161"/>
      <c r="SL24" s="184"/>
      <c r="SM24" s="9"/>
    </row>
    <row r="25" spans="1:507" ht="15.6" customHeight="1">
      <c r="A25" s="17"/>
      <c r="B25" s="102" t="str">
        <f t="shared" si="0"/>
        <v>木</v>
      </c>
      <c r="C25" s="15">
        <f>IF(C24="","",IF(C24='（参考）【別紙２】'!$E$35,"",IF(MONTH(C24)=MONTH(C24+1),C24+1,"")))</f>
        <v>45764</v>
      </c>
      <c r="D25" s="13" t="str">
        <f>IF(COUNTIF(祝日一覧!$E$2:$E$142,C25),"○",IF(G25&lt;&gt;"","○",""))</f>
        <v/>
      </c>
      <c r="E25" s="26"/>
      <c r="F25" s="45" t="str">
        <f t="shared" si="39"/>
        <v/>
      </c>
      <c r="G25" s="45"/>
      <c r="H25" s="167"/>
      <c r="I25" s="168"/>
      <c r="J25" s="42"/>
      <c r="K25" s="185" t="str">
        <f>IF(AND(L21/L19&gt;=0,L21/L19&lt;0.285),"未達成","通期の週休２日達成")</f>
        <v>未達成</v>
      </c>
      <c r="L25" s="186"/>
      <c r="M25" s="9"/>
      <c r="N25" s="17"/>
      <c r="O25" s="102" t="str">
        <f t="shared" si="1"/>
        <v>土</v>
      </c>
      <c r="P25" s="15">
        <f>IF(P24="","",IF(P24='（参考）【別紙２】'!$E$35,"",IF(MONTH(P24)=MONTH(P24+1),P24+1,"")))</f>
        <v>45794</v>
      </c>
      <c r="Q25" s="13" t="str">
        <f>IF(COUNTIF(祝日一覧!$E$2:$E$142,P25),"○",IF(T25&lt;&gt;"","○",""))</f>
        <v/>
      </c>
      <c r="R25" s="26"/>
      <c r="S25" s="45" t="str">
        <f t="shared" si="78"/>
        <v>○</v>
      </c>
      <c r="T25" s="45"/>
      <c r="U25" s="167"/>
      <c r="V25" s="168"/>
      <c r="W25" s="42"/>
      <c r="X25" s="185" t="str">
        <f>IF(AND(Y21/Y19&gt;=0,Y21/Y19&lt;0.285),"未達成","通期の週休２日達成")</f>
        <v>未達成</v>
      </c>
      <c r="Y25" s="186"/>
      <c r="Z25" s="9"/>
      <c r="AA25" s="17"/>
      <c r="AB25" s="102" t="str">
        <f t="shared" si="2"/>
        <v>火</v>
      </c>
      <c r="AC25" s="15">
        <f>IF(AC24="","",IF(AC24='（参考）【別紙２】'!$E$35,"",IF(MONTH(AC24)=MONTH(AC24+1),AC24+1,"")))</f>
        <v>45825</v>
      </c>
      <c r="AD25" s="13" t="str">
        <f>IF(COUNTIF(祝日一覧!$E$2:$E$142,AC25),"○",IF(AG25&lt;&gt;"","○",""))</f>
        <v/>
      </c>
      <c r="AE25" s="26"/>
      <c r="AF25" s="45" t="str">
        <f t="shared" si="79"/>
        <v/>
      </c>
      <c r="AG25" s="45"/>
      <c r="AH25" s="167"/>
      <c r="AI25" s="168"/>
      <c r="AJ25" s="9"/>
      <c r="AK25" s="185" t="str">
        <f>IF(AND(AL21/AL19&gt;=0,AL21/AL19&lt;0.285),"未達成","通期の週休２日達成")</f>
        <v>未達成</v>
      </c>
      <c r="AL25" s="186"/>
      <c r="AM25" s="9"/>
      <c r="AN25" s="17"/>
      <c r="AO25" s="102" t="str">
        <f t="shared" si="3"/>
        <v>木</v>
      </c>
      <c r="AP25" s="15">
        <f>IF(AP24="","",IF(AP24='（参考）【別紙２】'!$E$35,"",IF(MONTH(AP24)=MONTH(AP24+1),AP24+1,"")))</f>
        <v>45855</v>
      </c>
      <c r="AQ25" s="13" t="str">
        <f>IF(COUNTIF(祝日一覧!$E$2:$E$142,AP25),"○",IF(AT25&lt;&gt;"","○",""))</f>
        <v/>
      </c>
      <c r="AR25" s="26"/>
      <c r="AS25" s="45" t="str">
        <f t="shared" si="80"/>
        <v/>
      </c>
      <c r="AT25" s="45"/>
      <c r="AU25" s="167"/>
      <c r="AV25" s="168"/>
      <c r="AW25" s="9"/>
      <c r="AX25" s="185" t="str">
        <f>IF(AND(AY21/AY19&gt;=0,AY21/AY19&lt;0.285),"未達成","通期の週休２日達成")</f>
        <v>未達成</v>
      </c>
      <c r="AY25" s="186"/>
      <c r="AZ25" s="9"/>
      <c r="BA25" s="17"/>
      <c r="BB25" s="102" t="str">
        <f t="shared" si="4"/>
        <v>日</v>
      </c>
      <c r="BC25" s="15">
        <f>IF(BC24="","",IF(BC24='（参考）【別紙２】'!$E$35,"",IF(MONTH(BC24)=MONTH(BC24+1),BC24+1,"")))</f>
        <v>45886</v>
      </c>
      <c r="BD25" s="13" t="str">
        <f>IF(COUNTIF(祝日一覧!$E$2:$E$142,BC25),"○",IF(BG25&lt;&gt;"","○",""))</f>
        <v/>
      </c>
      <c r="BE25" s="26"/>
      <c r="BF25" s="45" t="str">
        <f t="shared" si="81"/>
        <v>○</v>
      </c>
      <c r="BG25" s="45"/>
      <c r="BH25" s="167"/>
      <c r="BI25" s="168"/>
      <c r="BJ25" s="9"/>
      <c r="BK25" s="185" t="str">
        <f>IF(AND(BL21/BL19&gt;=0,BL21/BL19&lt;0.285),"未達成","通期の週休２日達成")</f>
        <v>未達成</v>
      </c>
      <c r="BL25" s="186"/>
      <c r="BM25" s="9"/>
      <c r="BN25" s="17"/>
      <c r="BO25" s="102" t="str">
        <f t="shared" si="5"/>
        <v/>
      </c>
      <c r="BP25" s="15" t="str">
        <f>IF(BP24="","",IF(BP24='（参考）【別紙２】'!$E$35,"",IF(MONTH(BP24)=MONTH(BP24+1),BP24+1,"")))</f>
        <v/>
      </c>
      <c r="BQ25" s="13" t="str">
        <f>IF(COUNTIF(祝日一覧!$E$2:$E$142,BP25),"○",IF(BT25&lt;&gt;"","○",""))</f>
        <v/>
      </c>
      <c r="BR25" s="26"/>
      <c r="BS25" s="45" t="str">
        <f t="shared" si="82"/>
        <v/>
      </c>
      <c r="BT25" s="45"/>
      <c r="BU25" s="167"/>
      <c r="BV25" s="168"/>
      <c r="BW25" s="9"/>
      <c r="BX25" s="185" t="str">
        <f>IF(AND(BY21/BY19&gt;=0,BY21/BY19&lt;0.285),"未達成","通期の週休２日達成")</f>
        <v>未達成</v>
      </c>
      <c r="BY25" s="186"/>
      <c r="BZ25" s="9"/>
      <c r="CA25" s="17"/>
      <c r="CB25" s="102" t="str">
        <f t="shared" si="6"/>
        <v/>
      </c>
      <c r="CC25" s="15" t="str">
        <f>IF(CC24="","",IF(CC24='（参考）【別紙２】'!$E$35,"",IF(MONTH(CC24)=MONTH(CC24+1),CC24+1,"")))</f>
        <v/>
      </c>
      <c r="CD25" s="13" t="str">
        <f>IF(COUNTIF(祝日一覧!$E$2:$E$142,CC25),"○",IF(CG25&lt;&gt;"","○",""))</f>
        <v/>
      </c>
      <c r="CE25" s="26"/>
      <c r="CF25" s="45" t="str">
        <f t="shared" si="83"/>
        <v/>
      </c>
      <c r="CG25" s="45"/>
      <c r="CH25" s="167"/>
      <c r="CI25" s="168"/>
      <c r="CJ25" s="9"/>
      <c r="CK25" s="185" t="str">
        <f>IF(AND(CL21/CL19&gt;=0,CL21/CL19&lt;0.285),"未達成","通期の週休２日達成")</f>
        <v>未達成</v>
      </c>
      <c r="CL25" s="186"/>
      <c r="CM25" s="9"/>
      <c r="CN25" s="17"/>
      <c r="CO25" s="102" t="str">
        <f t="shared" si="7"/>
        <v/>
      </c>
      <c r="CP25" s="15" t="str">
        <f>IF(CP24="","",IF(CP24='（参考）【別紙２】'!$E$35,"",IF(MONTH(CP24)=MONTH(CP24+1),CP24+1,"")))</f>
        <v/>
      </c>
      <c r="CQ25" s="13" t="str">
        <f>IF(COUNTIF(祝日一覧!$E$2:$E$142,CP25),"○",IF(CT25&lt;&gt;"","○",""))</f>
        <v/>
      </c>
      <c r="CR25" s="26"/>
      <c r="CS25" s="45" t="str">
        <f t="shared" si="84"/>
        <v/>
      </c>
      <c r="CT25" s="45"/>
      <c r="CU25" s="167"/>
      <c r="CV25" s="168"/>
      <c r="CW25" s="9"/>
      <c r="CX25" s="185" t="str">
        <f>IF(AND(CY21/CY19&gt;=0,CY21/CY19&lt;0.285),"未達成","通期の週休２日達成")</f>
        <v>未達成</v>
      </c>
      <c r="CY25" s="186"/>
      <c r="CZ25" s="9"/>
      <c r="DA25" s="17"/>
      <c r="DB25" s="102" t="str">
        <f t="shared" si="8"/>
        <v/>
      </c>
      <c r="DC25" s="15" t="str">
        <f>IF(DC24="","",IF(DC24='（参考）【別紙２】'!$E$35,"",IF(MONTH(DC24)=MONTH(DC24+1),DC24+1,"")))</f>
        <v/>
      </c>
      <c r="DD25" s="13" t="str">
        <f>IF(COUNTIF(祝日一覧!$E$2:$E$142,DC25),"○",IF(DG25&lt;&gt;"","○",""))</f>
        <v/>
      </c>
      <c r="DE25" s="26"/>
      <c r="DF25" s="45" t="str">
        <f t="shared" si="85"/>
        <v/>
      </c>
      <c r="DG25" s="45"/>
      <c r="DH25" s="167"/>
      <c r="DI25" s="168"/>
      <c r="DJ25" s="9"/>
      <c r="DK25" s="185" t="str">
        <f>IF(AND(DL21/DL19&gt;=0,DL21/DL19&lt;0.285),"未達成","通期の週休２日達成")</f>
        <v>未達成</v>
      </c>
      <c r="DL25" s="186"/>
      <c r="DM25" s="9"/>
      <c r="DN25" s="17"/>
      <c r="DO25" s="102" t="str">
        <f t="shared" si="9"/>
        <v/>
      </c>
      <c r="DP25" s="15" t="str">
        <f>IF(DP24="","",IF(DP24='（参考）【別紙２】'!$E$35,"",IF(MONTH(DP24)=MONTH(DP24+1),DP24+1,"")))</f>
        <v/>
      </c>
      <c r="DQ25" s="13" t="str">
        <f>IF(COUNTIF(祝日一覧!$E$2:$E$142,DP25),"○",IF(DT25&lt;&gt;"","○",""))</f>
        <v/>
      </c>
      <c r="DR25" s="26"/>
      <c r="DS25" s="45" t="str">
        <f t="shared" si="86"/>
        <v/>
      </c>
      <c r="DT25" s="45"/>
      <c r="DU25" s="167"/>
      <c r="DV25" s="168"/>
      <c r="DW25" s="9"/>
      <c r="DX25" s="185" t="str">
        <f>IF(AND(DY21/DY19&gt;=0,DY21/DY19&lt;0.285),"未達成","通期の週休２日達成")</f>
        <v>未達成</v>
      </c>
      <c r="DY25" s="186"/>
      <c r="DZ25" s="9"/>
      <c r="EA25" s="17"/>
      <c r="EB25" s="102" t="str">
        <f t="shared" si="10"/>
        <v/>
      </c>
      <c r="EC25" s="15" t="str">
        <f>IF(EC24="","",IF(EC24='（参考）【別紙２】'!$E$35,"",IF(MONTH(EC24)=MONTH(EC24+1),EC24+1,"")))</f>
        <v/>
      </c>
      <c r="ED25" s="13" t="str">
        <f>IF(COUNTIF(祝日一覧!$E$2:$E$142,EC25),"○",IF(EG25&lt;&gt;"","○",""))</f>
        <v/>
      </c>
      <c r="EE25" s="26"/>
      <c r="EF25" s="45" t="str">
        <f t="shared" si="87"/>
        <v/>
      </c>
      <c r="EG25" s="45"/>
      <c r="EH25" s="167"/>
      <c r="EI25" s="168"/>
      <c r="EJ25" s="9"/>
      <c r="EK25" s="185" t="str">
        <f>IF(AND(EL21/EL19&gt;=0,EL21/EL19&lt;0.285),"未達成","通期の週休２日達成")</f>
        <v>未達成</v>
      </c>
      <c r="EL25" s="186"/>
      <c r="EM25" s="9"/>
      <c r="EN25" s="17"/>
      <c r="EO25" s="102" t="str">
        <f t="shared" si="11"/>
        <v/>
      </c>
      <c r="EP25" s="15" t="str">
        <f>IF(EP24="","",IF(EP24='（参考）【別紙２】'!$E$35,"",IF(MONTH(EP24)=MONTH(EP24+1),EP24+1,"")))</f>
        <v/>
      </c>
      <c r="EQ25" s="13" t="str">
        <f>IF(COUNTIF(祝日一覧!$E$2:$E$142,EP25),"○",IF(ET25&lt;&gt;"","○",""))</f>
        <v/>
      </c>
      <c r="ER25" s="26"/>
      <c r="ES25" s="45" t="str">
        <f t="shared" si="88"/>
        <v/>
      </c>
      <c r="ET25" s="45"/>
      <c r="EU25" s="167"/>
      <c r="EV25" s="168"/>
      <c r="EW25" s="9"/>
      <c r="EX25" s="185" t="str">
        <f>IF(AND(EY21/EY19&gt;=0,EY21/EY19&lt;0.285),"未達成","通期の週休２日達成")</f>
        <v>未達成</v>
      </c>
      <c r="EY25" s="186"/>
      <c r="EZ25" s="9"/>
      <c r="FA25" s="17"/>
      <c r="FB25" s="102" t="str">
        <f t="shared" si="12"/>
        <v/>
      </c>
      <c r="FC25" s="15" t="str">
        <f>IF(FC24="","",IF(FC24='（参考）【別紙２】'!$E$35,"",IF(MONTH(FC24)=MONTH(FC24+1),FC24+1,"")))</f>
        <v/>
      </c>
      <c r="FD25" s="13" t="str">
        <f>IF(COUNTIF(祝日一覧!$E$2:$E$142,FC25),"○",IF(FG25&lt;&gt;"","○",""))</f>
        <v/>
      </c>
      <c r="FE25" s="26"/>
      <c r="FF25" s="45" t="str">
        <f t="shared" si="89"/>
        <v/>
      </c>
      <c r="FG25" s="45"/>
      <c r="FH25" s="167"/>
      <c r="FI25" s="168"/>
      <c r="FJ25" s="9"/>
      <c r="FK25" s="185" t="str">
        <f>IF(AND(FL21/FL19&gt;=0,FL21/FL19&lt;0.285),"未達成","通期の週休２日達成")</f>
        <v>未達成</v>
      </c>
      <c r="FL25" s="186"/>
      <c r="FM25" s="9"/>
      <c r="FN25" s="17"/>
      <c r="FO25" s="102" t="str">
        <f t="shared" si="13"/>
        <v/>
      </c>
      <c r="FP25" s="15" t="str">
        <f>IF(FP24="","",IF(FP24='（参考）【別紙２】'!$E$35,"",IF(MONTH(FP24)=MONTH(FP24+1),FP24+1,"")))</f>
        <v/>
      </c>
      <c r="FQ25" s="13" t="str">
        <f>IF(COUNTIF(祝日一覧!$E$2:$E$142,FP25),"○",IF(FT25&lt;&gt;"","○",""))</f>
        <v/>
      </c>
      <c r="FR25" s="26"/>
      <c r="FS25" s="45" t="str">
        <f t="shared" si="90"/>
        <v/>
      </c>
      <c r="FT25" s="45"/>
      <c r="FU25" s="167"/>
      <c r="FV25" s="168"/>
      <c r="FW25" s="9"/>
      <c r="FX25" s="185" t="str">
        <f>IF(AND(FY21/FY19&gt;=0,FY21/FY19&lt;0.285),"未達成","通期の週休２日達成")</f>
        <v>未達成</v>
      </c>
      <c r="FY25" s="186"/>
      <c r="FZ25" s="9"/>
      <c r="GA25" s="17"/>
      <c r="GB25" s="102" t="str">
        <f t="shared" si="14"/>
        <v/>
      </c>
      <c r="GC25" s="15" t="str">
        <f>IF(GC24="","",IF(GC24='（参考）【別紙２】'!$E$35,"",IF(MONTH(GC24)=MONTH(GC24+1),GC24+1,"")))</f>
        <v/>
      </c>
      <c r="GD25" s="13" t="str">
        <f>IF(COUNTIF(祝日一覧!$E$2:$E$142,GC25),"○",IF(GG25&lt;&gt;"","○",""))</f>
        <v/>
      </c>
      <c r="GE25" s="25"/>
      <c r="GF25" s="45" t="str">
        <f t="shared" si="91"/>
        <v/>
      </c>
      <c r="GG25" s="45"/>
      <c r="GH25" s="167"/>
      <c r="GI25" s="168"/>
      <c r="GJ25" s="9"/>
      <c r="GK25" s="185" t="str">
        <f>IF(AND(GL21/GL19&gt;=0,GL21/GL19&lt;0.285),"未達成","通期の週休２日達成")</f>
        <v>未達成</v>
      </c>
      <c r="GL25" s="186"/>
      <c r="GM25" s="9"/>
      <c r="GN25" s="17"/>
      <c r="GO25" s="102" t="str">
        <f t="shared" si="15"/>
        <v/>
      </c>
      <c r="GP25" s="15" t="str">
        <f>IF(GP24="","",IF(GP24='（参考）【別紙２】'!$E$35,"",IF(MONTH(GP24)=MONTH(GP24+1),GP24+1,"")))</f>
        <v/>
      </c>
      <c r="GQ25" s="13" t="str">
        <f>IF(COUNTIF(祝日一覧!$E$2:$E$142,GP25),"○",IF(GT25&lt;&gt;"","○",""))</f>
        <v/>
      </c>
      <c r="GR25" s="25"/>
      <c r="GS25" s="45" t="str">
        <f t="shared" si="92"/>
        <v/>
      </c>
      <c r="GT25" s="45"/>
      <c r="GU25" s="167"/>
      <c r="GV25" s="168"/>
      <c r="GW25" s="9"/>
      <c r="GX25" s="185" t="str">
        <f>IF(AND(GY21/GY19&gt;=0,GY21/GY19&lt;0.285),"未達成","通期の週休２日達成")</f>
        <v>未達成</v>
      </c>
      <c r="GY25" s="186"/>
      <c r="GZ25" s="9"/>
      <c r="HA25" s="17"/>
      <c r="HB25" s="102" t="str">
        <f t="shared" si="16"/>
        <v/>
      </c>
      <c r="HC25" s="15" t="str">
        <f>IF(HC24="","",IF(HC24='（参考）【別紙２】'!$E$35,"",IF(MONTH(HC24)=MONTH(HC24+1),HC24+1,"")))</f>
        <v/>
      </c>
      <c r="HD25" s="13" t="str">
        <f>IF(COUNTIF(祝日一覧!$E$2:$E$142,HC25),"○",IF(HG25&lt;&gt;"","○",""))</f>
        <v/>
      </c>
      <c r="HE25" s="26"/>
      <c r="HF25" s="45" t="str">
        <f t="shared" si="93"/>
        <v/>
      </c>
      <c r="HG25" s="45"/>
      <c r="HH25" s="167"/>
      <c r="HI25" s="168"/>
      <c r="HJ25" s="9"/>
      <c r="HK25" s="185" t="str">
        <f>IF(AND(HL21/HL19&gt;=0,HL21/HL19&lt;0.285),"未達成","通期の週休２日達成")</f>
        <v>未達成</v>
      </c>
      <c r="HL25" s="186"/>
      <c r="HM25" s="9"/>
      <c r="HN25" s="17"/>
      <c r="HO25" s="102" t="str">
        <f t="shared" si="17"/>
        <v/>
      </c>
      <c r="HP25" s="15" t="str">
        <f>IF(HP24="","",IF(HP24='（参考）【別紙２】'!$E$35,"",IF(MONTH(HP24)=MONTH(HP24+1),HP24+1,"")))</f>
        <v/>
      </c>
      <c r="HQ25" s="13" t="str">
        <f>IF(COUNTIF(祝日一覧!$E$2:$E$142,HP25),"○",IF(HT25&lt;&gt;"","○",""))</f>
        <v/>
      </c>
      <c r="HR25" s="25"/>
      <c r="HS25" s="45" t="str">
        <f t="shared" si="94"/>
        <v/>
      </c>
      <c r="HT25" s="45"/>
      <c r="HU25" s="167"/>
      <c r="HV25" s="168"/>
      <c r="HW25" s="9"/>
      <c r="HX25" s="185" t="str">
        <f>IF(AND(HY21/HY19&gt;=0,HY21/HY19&lt;0.285),"未達成","通期の週休２日達成")</f>
        <v>未達成</v>
      </c>
      <c r="HY25" s="186"/>
      <c r="HZ25" s="9"/>
      <c r="IA25" s="17"/>
      <c r="IB25" s="102" t="str">
        <f t="shared" si="18"/>
        <v/>
      </c>
      <c r="IC25" s="15" t="str">
        <f>IF(IC24="","",IF(IC24='（参考）【別紙２】'!$E$35,"",IF(MONTH(IC24)=MONTH(IC24+1),IC24+1,"")))</f>
        <v/>
      </c>
      <c r="ID25" s="13" t="str">
        <f>IF(COUNTIF(祝日一覧!$E$2:$E$142,IC25),"○",IF(IG25&lt;&gt;"","○",""))</f>
        <v/>
      </c>
      <c r="IE25" s="25"/>
      <c r="IF25" s="45" t="str">
        <f t="shared" si="95"/>
        <v/>
      </c>
      <c r="IG25" s="45"/>
      <c r="IH25" s="167"/>
      <c r="II25" s="168"/>
      <c r="IJ25" s="9"/>
      <c r="IK25" s="185" t="str">
        <f>IF(AND(IL21/IL19&gt;=0,IL21/IL19&lt;0.285),"未達成","通期の週休２日達成")</f>
        <v>未達成</v>
      </c>
      <c r="IL25" s="186"/>
      <c r="IM25" s="9"/>
      <c r="IN25" s="17"/>
      <c r="IO25" s="102" t="str">
        <f t="shared" si="19"/>
        <v/>
      </c>
      <c r="IP25" s="15" t="str">
        <f>IF(IP24="","",IF(IP24='（参考）【別紙２】'!$E$35,"",IF(MONTH(IP24)=MONTH(IP24+1),IP24+1,"")))</f>
        <v/>
      </c>
      <c r="IQ25" s="13" t="str">
        <f>IF(COUNTIF(祝日一覧!$E$2:$E$142,IP25),"○",IF(IT25&lt;&gt;"","○",""))</f>
        <v/>
      </c>
      <c r="IR25" s="25"/>
      <c r="IS25" s="45" t="str">
        <f t="shared" si="96"/>
        <v/>
      </c>
      <c r="IT25" s="45"/>
      <c r="IU25" s="167"/>
      <c r="IV25" s="168"/>
      <c r="IW25" s="9"/>
      <c r="IX25" s="185" t="str">
        <f>IF(AND(IY21/IY19&gt;=0,IY21/IY19&lt;0.285),"未達成","通期の週休２日達成")</f>
        <v>未達成</v>
      </c>
      <c r="IY25" s="186"/>
      <c r="IZ25" s="9"/>
      <c r="JA25" s="17"/>
      <c r="JB25" s="102" t="str">
        <f t="shared" si="20"/>
        <v/>
      </c>
      <c r="JC25" s="15" t="str">
        <f>IF(JC24="","",IF(JC24='（参考）【別紙２】'!$E$35,"",IF(MONTH(JC24)=MONTH(JC24+1),JC24+1,"")))</f>
        <v/>
      </c>
      <c r="JD25" s="13" t="str">
        <f>IF(COUNTIF(祝日一覧!$E$2:$E$142,JC25),"○",IF(JG25&lt;&gt;"","○",""))</f>
        <v/>
      </c>
      <c r="JE25" s="25"/>
      <c r="JF25" s="45" t="str">
        <f t="shared" si="97"/>
        <v/>
      </c>
      <c r="JG25" s="45"/>
      <c r="JH25" s="167"/>
      <c r="JI25" s="168"/>
      <c r="JJ25" s="9"/>
      <c r="JK25" s="185" t="str">
        <f>IF(AND(JL21/JL19&gt;=0,JL21/JL19&lt;0.285),"未達成","通期の週休２日達成")</f>
        <v>未達成</v>
      </c>
      <c r="JL25" s="186"/>
      <c r="JM25" s="9"/>
      <c r="JN25" s="17"/>
      <c r="JO25" s="102" t="str">
        <f t="shared" si="21"/>
        <v/>
      </c>
      <c r="JP25" s="15" t="str">
        <f>IF(JP24="","",IF(JP24='（参考）【別紙２】'!$E$35,"",IF(MONTH(JP24)=MONTH(JP24+1),JP24+1,"")))</f>
        <v/>
      </c>
      <c r="JQ25" s="13" t="str">
        <f>IF(COUNTIF(祝日一覧!$E$2:$E$142,JP25),"○",IF(JT25&lt;&gt;"","○",""))</f>
        <v/>
      </c>
      <c r="JR25" s="25"/>
      <c r="JS25" s="45" t="str">
        <f t="shared" si="98"/>
        <v/>
      </c>
      <c r="JT25" s="45"/>
      <c r="JU25" s="167"/>
      <c r="JV25" s="168"/>
      <c r="JW25" s="9"/>
      <c r="JX25" s="185" t="str">
        <f>IF(AND(JY21/JY19&gt;=0,JY21/JY19&lt;0.285),"未達成","通期の週休２日達成")</f>
        <v>未達成</v>
      </c>
      <c r="JY25" s="186"/>
      <c r="JZ25" s="9"/>
      <c r="KA25" s="17"/>
      <c r="KB25" s="102" t="str">
        <f t="shared" si="22"/>
        <v/>
      </c>
      <c r="KC25" s="15" t="str">
        <f>IF(KC24="","",IF(KC24='（参考）【別紙２】'!$E$35,"",IF(MONTH(KC24)=MONTH(KC24+1),KC24+1,"")))</f>
        <v/>
      </c>
      <c r="KD25" s="13" t="str">
        <f>IF(COUNTIF(祝日一覧!$E$2:$E$142,KC25),"○",IF(KG25&lt;&gt;"","○",""))</f>
        <v/>
      </c>
      <c r="KE25" s="25"/>
      <c r="KF25" s="45" t="str">
        <f t="shared" si="99"/>
        <v/>
      </c>
      <c r="KG25" s="45"/>
      <c r="KH25" s="167"/>
      <c r="KI25" s="168"/>
      <c r="KJ25" s="9"/>
      <c r="KK25" s="185" t="str">
        <f>IF(AND(KL21/KL19&gt;=0,KL21/KL19&lt;0.285),"未達成","通期の週休２日達成")</f>
        <v>未達成</v>
      </c>
      <c r="KL25" s="186"/>
      <c r="KM25" s="9"/>
      <c r="KN25" s="17"/>
      <c r="KO25" s="102" t="str">
        <f t="shared" si="23"/>
        <v/>
      </c>
      <c r="KP25" s="15" t="str">
        <f>IF(KP24="","",IF(KP24='（参考）【別紙２】'!$E$35,"",IF(MONTH(KP24)=MONTH(KP24+1),KP24+1,"")))</f>
        <v/>
      </c>
      <c r="KQ25" s="13" t="str">
        <f>IF(COUNTIF(祝日一覧!$E$2:$E$142,KP25),"○",IF(KT25&lt;&gt;"","○",""))</f>
        <v/>
      </c>
      <c r="KR25" s="25"/>
      <c r="KS25" s="45" t="str">
        <f t="shared" si="100"/>
        <v/>
      </c>
      <c r="KT25" s="45"/>
      <c r="KU25" s="167"/>
      <c r="KV25" s="168"/>
      <c r="KW25" s="9"/>
      <c r="KX25" s="185" t="str">
        <f>IF(AND(KY21/KY19&gt;=0,KY21/KY19&lt;0.285),"未達成","通期の週休２日達成")</f>
        <v>未達成</v>
      </c>
      <c r="KY25" s="186"/>
      <c r="KZ25" s="9"/>
      <c r="LA25" s="17"/>
      <c r="LB25" s="102" t="str">
        <f t="shared" si="24"/>
        <v/>
      </c>
      <c r="LC25" s="15" t="str">
        <f>IF(LC24="","",IF(LC24='（参考）【別紙２】'!$E$35,"",IF(MONTH(LC24)=MONTH(LC24+1),LC24+1,"")))</f>
        <v/>
      </c>
      <c r="LD25" s="13" t="str">
        <f>IF(COUNTIF(祝日一覧!$E$2:$E$142,LC25),"○",IF(LG25&lt;&gt;"","○",""))</f>
        <v/>
      </c>
      <c r="LE25" s="25"/>
      <c r="LF25" s="45" t="str">
        <f t="shared" si="101"/>
        <v/>
      </c>
      <c r="LG25" s="45"/>
      <c r="LH25" s="167"/>
      <c r="LI25" s="168"/>
      <c r="LJ25" s="9"/>
      <c r="LK25" s="185" t="str">
        <f>IF(AND(LL21/LL19&gt;=0,LL21/LL19&lt;0.285),"未達成","通期の週休２日達成")</f>
        <v>未達成</v>
      </c>
      <c r="LL25" s="186"/>
      <c r="LM25" s="9"/>
      <c r="LN25" s="17"/>
      <c r="LO25" s="102" t="str">
        <f t="shared" si="25"/>
        <v/>
      </c>
      <c r="LP25" s="15" t="str">
        <f>IF(LP24="","",IF(LP24='（参考）【別紙２】'!$E$35,"",IF(MONTH(LP24)=MONTH(LP24+1),LP24+1,"")))</f>
        <v/>
      </c>
      <c r="LQ25" s="13" t="str">
        <f>IF(COUNTIF(祝日一覧!$E$2:$E$142,LP25),"○",IF(LT25&lt;&gt;"","○",""))</f>
        <v/>
      </c>
      <c r="LR25" s="25"/>
      <c r="LS25" s="45" t="str">
        <f t="shared" si="102"/>
        <v/>
      </c>
      <c r="LT25" s="45"/>
      <c r="LU25" s="167"/>
      <c r="LV25" s="168"/>
      <c r="LW25" s="9"/>
      <c r="LX25" s="185" t="str">
        <f>IF(AND(LY21/LY19&gt;=0,LY21/LY19&lt;0.285),"未達成","通期の週休２日達成")</f>
        <v>未達成</v>
      </c>
      <c r="LY25" s="186"/>
      <c r="LZ25" s="9"/>
      <c r="MA25" s="17"/>
      <c r="MB25" s="102" t="str">
        <f t="shared" si="26"/>
        <v/>
      </c>
      <c r="MC25" s="15" t="str">
        <f>IF(MC24="","",IF(MC24='（参考）【別紙２】'!$E$35,"",IF(MONTH(MC24)=MONTH(MC24+1),MC24+1,"")))</f>
        <v/>
      </c>
      <c r="MD25" s="13" t="str">
        <f>IF(COUNTIF(祝日一覧!$E$2:$E$142,MC25),"○",IF(MG25&lt;&gt;"","○",""))</f>
        <v/>
      </c>
      <c r="ME25" s="25"/>
      <c r="MF25" s="45" t="str">
        <f t="shared" si="103"/>
        <v/>
      </c>
      <c r="MG25" s="45"/>
      <c r="MH25" s="167"/>
      <c r="MI25" s="168"/>
      <c r="MJ25" s="9"/>
      <c r="MK25" s="185" t="str">
        <f>IF(AND(ML21/ML19&gt;=0,ML21/ML19&lt;0.285),"未達成","通期の週休２日達成")</f>
        <v>未達成</v>
      </c>
      <c r="ML25" s="186"/>
      <c r="MM25" s="9"/>
      <c r="MN25" s="17"/>
      <c r="MO25" s="102" t="str">
        <f t="shared" si="27"/>
        <v/>
      </c>
      <c r="MP25" s="15" t="str">
        <f>IF(MP24="","",IF(MP24='（参考）【別紙２】'!$E$35,"",IF(MONTH(MP24)=MONTH(MP24+1),MP24+1,"")))</f>
        <v/>
      </c>
      <c r="MQ25" s="13" t="str">
        <f>IF(COUNTIF(祝日一覧!$E$2:$E$142,MP25),"○",IF(MT25&lt;&gt;"","○",""))</f>
        <v/>
      </c>
      <c r="MR25" s="25"/>
      <c r="MS25" s="45" t="str">
        <f t="shared" si="104"/>
        <v/>
      </c>
      <c r="MT25" s="45"/>
      <c r="MU25" s="167"/>
      <c r="MV25" s="168"/>
      <c r="MW25" s="9"/>
      <c r="MX25" s="185" t="str">
        <f>IF(AND(MY21/MY19&gt;=0,MY21/MY19&lt;0.285),"未達成","通期の週休２日達成")</f>
        <v>未達成</v>
      </c>
      <c r="MY25" s="186"/>
      <c r="MZ25" s="9"/>
      <c r="NA25" s="17"/>
      <c r="NB25" s="102" t="str">
        <f t="shared" si="28"/>
        <v/>
      </c>
      <c r="NC25" s="15" t="str">
        <f>IF(NC24="","",IF(NC24='（参考）【別紙２】'!$E$35,"",IF(MONTH(NC24)=MONTH(NC24+1),NC24+1,"")))</f>
        <v/>
      </c>
      <c r="ND25" s="13" t="str">
        <f>IF(COUNTIF(祝日一覧!$E$2:$E$142,NC25),"○",IF(NG25&lt;&gt;"","○",""))</f>
        <v/>
      </c>
      <c r="NE25" s="25"/>
      <c r="NF25" s="45" t="str">
        <f t="shared" si="105"/>
        <v/>
      </c>
      <c r="NG25" s="45"/>
      <c r="NH25" s="167"/>
      <c r="NI25" s="168"/>
      <c r="NJ25" s="9"/>
      <c r="NK25" s="185" t="str">
        <f>IF(AND(NL21/NL19&gt;=0,NL21/NL19&lt;0.285),"未達成","通期の週休２日達成")</f>
        <v>未達成</v>
      </c>
      <c r="NL25" s="186"/>
      <c r="NM25" s="9"/>
      <c r="NN25" s="17"/>
      <c r="NO25" s="102" t="str">
        <f t="shared" si="29"/>
        <v/>
      </c>
      <c r="NP25" s="15" t="str">
        <f>IF(NP24="","",IF(NP24='（参考）【別紙２】'!$E$35,"",IF(MONTH(NP24)=MONTH(NP24+1),NP24+1,"")))</f>
        <v/>
      </c>
      <c r="NQ25" s="13" t="str">
        <f>IF(COUNTIF(祝日一覧!$E$2:$E$142,NP25),"○",IF(NT25&lt;&gt;"","○",""))</f>
        <v/>
      </c>
      <c r="NR25" s="25"/>
      <c r="NS25" s="45" t="str">
        <f t="shared" si="106"/>
        <v/>
      </c>
      <c r="NT25" s="45"/>
      <c r="NU25" s="167"/>
      <c r="NV25" s="168"/>
      <c r="NW25" s="9"/>
      <c r="NX25" s="185" t="str">
        <f>IF(AND(NY21/NY19&gt;=0,NY21/NY19&lt;0.285),"未達成","通期の週休２日達成")</f>
        <v>未達成</v>
      </c>
      <c r="NY25" s="186"/>
      <c r="NZ25" s="9"/>
      <c r="OA25" s="17"/>
      <c r="OB25" s="102" t="str">
        <f t="shared" si="30"/>
        <v/>
      </c>
      <c r="OC25" s="15" t="str">
        <f>IF(OC24="","",IF(OC24='（参考）【別紙２】'!$E$35,"",IF(MONTH(OC24)=MONTH(OC24+1),OC24+1,"")))</f>
        <v/>
      </c>
      <c r="OD25" s="13" t="str">
        <f>IF(COUNTIF(祝日一覧!$E$2:$E$142,OC25),"○",IF(OG25&lt;&gt;"","○",""))</f>
        <v/>
      </c>
      <c r="OE25" s="25"/>
      <c r="OF25" s="45" t="str">
        <f t="shared" si="107"/>
        <v/>
      </c>
      <c r="OG25" s="45"/>
      <c r="OH25" s="167"/>
      <c r="OI25" s="168"/>
      <c r="OJ25" s="9"/>
      <c r="OK25" s="185" t="str">
        <f>IF(AND(OL21/OL19&gt;=0,OL21/OL19&lt;0.285),"未達成","通期の週休２日達成")</f>
        <v>未達成</v>
      </c>
      <c r="OL25" s="186"/>
      <c r="OM25" s="9"/>
      <c r="ON25" s="17"/>
      <c r="OO25" s="102" t="str">
        <f t="shared" si="31"/>
        <v/>
      </c>
      <c r="OP25" s="15" t="str">
        <f>IF(OP24="","",IF(OP24='（参考）【別紙２】'!$E$35,"",IF(MONTH(OP24)=MONTH(OP24+1),OP24+1,"")))</f>
        <v/>
      </c>
      <c r="OQ25" s="13" t="str">
        <f>IF(COUNTIF(祝日一覧!$E$2:$E$142,OP25),"○",IF(OT25&lt;&gt;"","○",""))</f>
        <v/>
      </c>
      <c r="OR25" s="25"/>
      <c r="OS25" s="45" t="str">
        <f t="shared" si="108"/>
        <v/>
      </c>
      <c r="OT25" s="45"/>
      <c r="OU25" s="167"/>
      <c r="OV25" s="168"/>
      <c r="OW25" s="9"/>
      <c r="OX25" s="185" t="str">
        <f>IF(AND(OY21/OY19&gt;=0,OY21/OY19&lt;0.285),"未達成","通期の週休２日達成")</f>
        <v>未達成</v>
      </c>
      <c r="OY25" s="186"/>
      <c r="OZ25" s="9"/>
      <c r="PA25" s="17"/>
      <c r="PB25" s="102" t="str">
        <f t="shared" si="32"/>
        <v/>
      </c>
      <c r="PC25" s="15" t="str">
        <f>IF(PC24="","",IF(PC24='（参考）【別紙２】'!$E$35,"",IF(MONTH(PC24)=MONTH(PC24+1),PC24+1,"")))</f>
        <v/>
      </c>
      <c r="PD25" s="13" t="str">
        <f>IF(COUNTIF(祝日一覧!$E$2:$E$142,PC25),"○",IF(PG25&lt;&gt;"","○",""))</f>
        <v/>
      </c>
      <c r="PE25" s="25"/>
      <c r="PF25" s="45" t="str">
        <f t="shared" si="109"/>
        <v/>
      </c>
      <c r="PG25" s="45"/>
      <c r="PH25" s="167"/>
      <c r="PI25" s="168"/>
      <c r="PJ25" s="9"/>
      <c r="PK25" s="185" t="str">
        <f>IF(AND(PL21/PL19&gt;=0,PL21/PL19&lt;0.285),"未達成","通期の週休２日達成")</f>
        <v>未達成</v>
      </c>
      <c r="PL25" s="186"/>
      <c r="PM25" s="9"/>
      <c r="PN25" s="17"/>
      <c r="PO25" s="102" t="str">
        <f t="shared" si="33"/>
        <v/>
      </c>
      <c r="PP25" s="15" t="str">
        <f>IF(PP24="","",IF(PP24='（参考）【別紙２】'!$E$35,"",IF(MONTH(PP24)=MONTH(PP24+1),PP24+1,"")))</f>
        <v/>
      </c>
      <c r="PQ25" s="13" t="str">
        <f>IF(COUNTIF(祝日一覧!$E$2:$E$142,PP25),"○",IF(PT25&lt;&gt;"","○",""))</f>
        <v/>
      </c>
      <c r="PR25" s="25"/>
      <c r="PS25" s="45" t="str">
        <f t="shared" si="110"/>
        <v/>
      </c>
      <c r="PT25" s="45"/>
      <c r="PU25" s="167"/>
      <c r="PV25" s="168"/>
      <c r="PW25" s="9"/>
      <c r="PX25" s="185" t="str">
        <f>IF(AND(PY21/PY19&gt;=0,PY21/PY19&lt;0.285),"未達成","通期の週休２日達成")</f>
        <v>未達成</v>
      </c>
      <c r="PY25" s="186"/>
      <c r="PZ25" s="9"/>
      <c r="QA25" s="17"/>
      <c r="QB25" s="102" t="str">
        <f t="shared" si="34"/>
        <v/>
      </c>
      <c r="QC25" s="15" t="str">
        <f>IF(QC24="","",IF(QC24='（参考）【別紙２】'!$E$35,"",IF(MONTH(QC24)=MONTH(QC24+1),QC24+1,"")))</f>
        <v/>
      </c>
      <c r="QD25" s="13" t="str">
        <f>IF(COUNTIF(祝日一覧!$E$2:$E$142,QC25),"○",IF(QG25&lt;&gt;"","○",""))</f>
        <v/>
      </c>
      <c r="QE25" s="25"/>
      <c r="QF25" s="45" t="str">
        <f t="shared" si="111"/>
        <v/>
      </c>
      <c r="QG25" s="45"/>
      <c r="QH25" s="167"/>
      <c r="QI25" s="168"/>
      <c r="QJ25" s="9"/>
      <c r="QK25" s="185" t="str">
        <f>IF(AND(QL21/QL19&gt;=0,QL21/QL19&lt;0.285),"未達成","通期の週休２日達成")</f>
        <v>未達成</v>
      </c>
      <c r="QL25" s="186"/>
      <c r="QM25" s="9"/>
      <c r="QN25" s="17"/>
      <c r="QO25" s="102" t="str">
        <f t="shared" si="35"/>
        <v/>
      </c>
      <c r="QP25" s="15" t="str">
        <f>IF(QP24="","",IF(QP24='（参考）【別紙２】'!$E$35,"",IF(MONTH(QP24)=MONTH(QP24+1),QP24+1,"")))</f>
        <v/>
      </c>
      <c r="QQ25" s="13" t="str">
        <f>IF(COUNTIF(祝日一覧!$E$2:$E$142,QP25),"○",IF(QT25&lt;&gt;"","○",""))</f>
        <v/>
      </c>
      <c r="QR25" s="25"/>
      <c r="QS25" s="45" t="str">
        <f t="shared" si="112"/>
        <v/>
      </c>
      <c r="QT25" s="45"/>
      <c r="QU25" s="167"/>
      <c r="QV25" s="168"/>
      <c r="QW25" s="9"/>
      <c r="QX25" s="185" t="str">
        <f>IF(AND(QY21/QY19&gt;=0,QY21/QY19&lt;0.285),"未達成","通期の週休２日達成")</f>
        <v>未達成</v>
      </c>
      <c r="QY25" s="186"/>
      <c r="QZ25" s="9"/>
      <c r="RA25" s="17"/>
      <c r="RB25" s="102" t="str">
        <f t="shared" si="36"/>
        <v/>
      </c>
      <c r="RC25" s="15" t="str">
        <f>IF(RC24="","",IF(RC24='（参考）【別紙２】'!$E$35,"",IF(MONTH(RC24)=MONTH(RC24+1),RC24+1,"")))</f>
        <v/>
      </c>
      <c r="RD25" s="13" t="str">
        <f>IF(COUNTIF(祝日一覧!$E$2:$E$142,RC25),"○",IF(RG25&lt;&gt;"","○",""))</f>
        <v/>
      </c>
      <c r="RE25" s="25"/>
      <c r="RF25" s="45" t="str">
        <f t="shared" si="113"/>
        <v/>
      </c>
      <c r="RG25" s="45"/>
      <c r="RH25" s="167"/>
      <c r="RI25" s="168"/>
      <c r="RJ25" s="9"/>
      <c r="RK25" s="185" t="str">
        <f>IF(AND(RL21/RL19&gt;=0,RL21/RL19&lt;0.285),"未達成","通期の週休２日達成")</f>
        <v>未達成</v>
      </c>
      <c r="RL25" s="186"/>
      <c r="RM25" s="9"/>
      <c r="RN25" s="17"/>
      <c r="RO25" s="102" t="str">
        <f t="shared" si="37"/>
        <v/>
      </c>
      <c r="RP25" s="15" t="str">
        <f>IF(RP24="","",IF(RP24='（参考）【別紙２】'!$E$35,"",IF(MONTH(RP24)=MONTH(RP24+1),RP24+1,"")))</f>
        <v/>
      </c>
      <c r="RQ25" s="13" t="str">
        <f>IF(COUNTIF(祝日一覧!$E$2:$E$142,RP25),"○",IF(RT25&lt;&gt;"","○",""))</f>
        <v/>
      </c>
      <c r="RR25" s="25"/>
      <c r="RS25" s="45" t="str">
        <f t="shared" si="114"/>
        <v/>
      </c>
      <c r="RT25" s="45"/>
      <c r="RU25" s="167"/>
      <c r="RV25" s="168"/>
      <c r="RW25" s="9"/>
      <c r="RX25" s="185" t="str">
        <f>IF(AND(RY21/RY19&gt;=0,RY21/RY19&lt;0.285),"未達成","通期の週休２日達成")</f>
        <v>未達成</v>
      </c>
      <c r="RY25" s="186"/>
      <c r="RZ25" s="9"/>
      <c r="SA25" s="17"/>
      <c r="SB25" s="102" t="str">
        <f t="shared" si="38"/>
        <v/>
      </c>
      <c r="SC25" s="15" t="str">
        <f>IF(SC24="","",IF(SC24='（参考）【別紙２】'!$E$35,"",IF(MONTH(SC24)=MONTH(SC24+1),SC24+1,"")))</f>
        <v/>
      </c>
      <c r="SD25" s="13" t="str">
        <f>IF(COUNTIF(祝日一覧!$E$2:$E$142,SC25),"○",IF(SG25&lt;&gt;"","○",""))</f>
        <v/>
      </c>
      <c r="SE25" s="25"/>
      <c r="SF25" s="45" t="str">
        <f t="shared" si="115"/>
        <v/>
      </c>
      <c r="SG25" s="45"/>
      <c r="SH25" s="167"/>
      <c r="SI25" s="168"/>
      <c r="SJ25" s="9"/>
      <c r="SK25" s="185" t="str">
        <f>IF(AND(SL21/SL19&gt;=0,SL21/SL19&lt;0.285),"未達成","通期の週休２日達成")</f>
        <v>未達成</v>
      </c>
      <c r="SL25" s="186"/>
      <c r="SM25" s="9"/>
    </row>
    <row r="26" spans="1:507" ht="15.6" customHeight="1">
      <c r="A26" s="17"/>
      <c r="B26" s="102" t="str">
        <f t="shared" si="0"/>
        <v>金</v>
      </c>
      <c r="C26" s="15">
        <f>IF(C25="","",IF(C25='（参考）【別紙２】'!$E$35,"",IF(MONTH(C25)=MONTH(C25+1),C25+1,"")))</f>
        <v>45765</v>
      </c>
      <c r="D26" s="13" t="str">
        <f>IF(COUNTIF(祝日一覧!$E$2:$E$142,C26),"○",IF(G26&lt;&gt;"","○",""))</f>
        <v/>
      </c>
      <c r="E26" s="26"/>
      <c r="F26" s="45" t="str">
        <f t="shared" si="39"/>
        <v/>
      </c>
      <c r="G26" s="45"/>
      <c r="H26" s="167"/>
      <c r="I26" s="168"/>
      <c r="J26" s="42"/>
      <c r="K26" s="153"/>
      <c r="L26" s="151"/>
      <c r="M26" s="9"/>
      <c r="N26" s="17"/>
      <c r="O26" s="102" t="str">
        <f t="shared" si="1"/>
        <v>日</v>
      </c>
      <c r="P26" s="15">
        <f>IF(P25="","",IF(P25='（参考）【別紙２】'!$E$35,"",IF(MONTH(P25)=MONTH(P25+1),P25+1,"")))</f>
        <v>45795</v>
      </c>
      <c r="Q26" s="13" t="str">
        <f>IF(COUNTIF(祝日一覧!$E$2:$E$142,P26),"○",IF(T26&lt;&gt;"","○",""))</f>
        <v/>
      </c>
      <c r="R26" s="26"/>
      <c r="S26" s="45" t="str">
        <f t="shared" si="78"/>
        <v>○</v>
      </c>
      <c r="T26" s="45"/>
      <c r="U26" s="167"/>
      <c r="V26" s="168"/>
      <c r="W26" s="42"/>
      <c r="X26" s="153"/>
      <c r="Y26" s="151"/>
      <c r="Z26" s="9"/>
      <c r="AA26" s="17"/>
      <c r="AB26" s="102" t="str">
        <f t="shared" si="2"/>
        <v>水</v>
      </c>
      <c r="AC26" s="15">
        <f>IF(AC25="","",IF(AC25='（参考）【別紙２】'!$E$35,"",IF(MONTH(AC25)=MONTH(AC25+1),AC25+1,"")))</f>
        <v>45826</v>
      </c>
      <c r="AD26" s="13" t="str">
        <f>IF(COUNTIF(祝日一覧!$E$2:$E$142,AC26),"○",IF(AG26&lt;&gt;"","○",""))</f>
        <v/>
      </c>
      <c r="AE26" s="26"/>
      <c r="AF26" s="45" t="str">
        <f t="shared" si="79"/>
        <v/>
      </c>
      <c r="AG26" s="45"/>
      <c r="AH26" s="167"/>
      <c r="AI26" s="168"/>
      <c r="AJ26" s="9"/>
      <c r="AK26" s="153"/>
      <c r="AL26" s="151"/>
      <c r="AM26" s="9"/>
      <c r="AN26" s="17"/>
      <c r="AO26" s="102" t="str">
        <f t="shared" si="3"/>
        <v>金</v>
      </c>
      <c r="AP26" s="15">
        <f>IF(AP25="","",IF(AP25='（参考）【別紙２】'!$E$35,"",IF(MONTH(AP25)=MONTH(AP25+1),AP25+1,"")))</f>
        <v>45856</v>
      </c>
      <c r="AQ26" s="13" t="str">
        <f>IF(COUNTIF(祝日一覧!$E$2:$E$142,AP26),"○",IF(AT26&lt;&gt;"","○",""))</f>
        <v/>
      </c>
      <c r="AR26" s="26"/>
      <c r="AS26" s="45" t="str">
        <f t="shared" si="80"/>
        <v/>
      </c>
      <c r="AT26" s="45"/>
      <c r="AU26" s="167"/>
      <c r="AV26" s="168"/>
      <c r="AW26" s="9"/>
      <c r="AX26" s="153"/>
      <c r="AY26" s="151"/>
      <c r="AZ26" s="9"/>
      <c r="BA26" s="17"/>
      <c r="BB26" s="102" t="str">
        <f t="shared" si="4"/>
        <v>月</v>
      </c>
      <c r="BC26" s="15">
        <f>IF(BC25="","",IF(BC25='（参考）【別紙２】'!$E$35,"",IF(MONTH(BC25)=MONTH(BC25+1),BC25+1,"")))</f>
        <v>45887</v>
      </c>
      <c r="BD26" s="13" t="str">
        <f>IF(COUNTIF(祝日一覧!$E$2:$E$142,BC26),"○",IF(BG26&lt;&gt;"","○",""))</f>
        <v/>
      </c>
      <c r="BE26" s="26"/>
      <c r="BF26" s="45" t="str">
        <f t="shared" si="81"/>
        <v/>
      </c>
      <c r="BG26" s="45"/>
      <c r="BH26" s="167"/>
      <c r="BI26" s="168"/>
      <c r="BJ26" s="9"/>
      <c r="BK26" s="153"/>
      <c r="BL26" s="151"/>
      <c r="BM26" s="9"/>
      <c r="BN26" s="17"/>
      <c r="BO26" s="102" t="str">
        <f t="shared" si="5"/>
        <v/>
      </c>
      <c r="BP26" s="15" t="str">
        <f>IF(BP25="","",IF(BP25='（参考）【別紙２】'!$E$35,"",IF(MONTH(BP25)=MONTH(BP25+1),BP25+1,"")))</f>
        <v/>
      </c>
      <c r="BQ26" s="13" t="str">
        <f>IF(COUNTIF(祝日一覧!$E$2:$E$142,BP26),"○",IF(BT26&lt;&gt;"","○",""))</f>
        <v/>
      </c>
      <c r="BR26" s="26"/>
      <c r="BS26" s="45" t="str">
        <f t="shared" si="82"/>
        <v/>
      </c>
      <c r="BT26" s="45"/>
      <c r="BU26" s="167"/>
      <c r="BV26" s="168"/>
      <c r="BW26" s="9"/>
      <c r="BX26" s="153"/>
      <c r="BY26" s="151"/>
      <c r="BZ26" s="9"/>
      <c r="CA26" s="17"/>
      <c r="CB26" s="102" t="str">
        <f t="shared" si="6"/>
        <v/>
      </c>
      <c r="CC26" s="15" t="str">
        <f>IF(CC25="","",IF(CC25='（参考）【別紙２】'!$E$35,"",IF(MONTH(CC25)=MONTH(CC25+1),CC25+1,"")))</f>
        <v/>
      </c>
      <c r="CD26" s="13" t="str">
        <f>IF(COUNTIF(祝日一覧!$E$2:$E$142,CC26),"○",IF(CG26&lt;&gt;"","○",""))</f>
        <v/>
      </c>
      <c r="CE26" s="26"/>
      <c r="CF26" s="45" t="str">
        <f t="shared" si="83"/>
        <v/>
      </c>
      <c r="CG26" s="45"/>
      <c r="CH26" s="167"/>
      <c r="CI26" s="168"/>
      <c r="CJ26" s="9"/>
      <c r="CK26" s="153"/>
      <c r="CL26" s="151"/>
      <c r="CM26" s="9"/>
      <c r="CN26" s="17"/>
      <c r="CO26" s="102" t="str">
        <f t="shared" si="7"/>
        <v/>
      </c>
      <c r="CP26" s="15" t="str">
        <f>IF(CP25="","",IF(CP25='（参考）【別紙２】'!$E$35,"",IF(MONTH(CP25)=MONTH(CP25+1),CP25+1,"")))</f>
        <v/>
      </c>
      <c r="CQ26" s="13" t="str">
        <f>IF(COUNTIF(祝日一覧!$E$2:$E$142,CP26),"○",IF(CT26&lt;&gt;"","○",""))</f>
        <v/>
      </c>
      <c r="CR26" s="26"/>
      <c r="CS26" s="45" t="str">
        <f t="shared" si="84"/>
        <v/>
      </c>
      <c r="CT26" s="45"/>
      <c r="CU26" s="167"/>
      <c r="CV26" s="168"/>
      <c r="CW26" s="9"/>
      <c r="CX26" s="153"/>
      <c r="CY26" s="151"/>
      <c r="CZ26" s="9"/>
      <c r="DA26" s="17"/>
      <c r="DB26" s="102" t="str">
        <f t="shared" si="8"/>
        <v/>
      </c>
      <c r="DC26" s="15" t="str">
        <f>IF(DC25="","",IF(DC25='（参考）【別紙２】'!$E$35,"",IF(MONTH(DC25)=MONTH(DC25+1),DC25+1,"")))</f>
        <v/>
      </c>
      <c r="DD26" s="13" t="str">
        <f>IF(COUNTIF(祝日一覧!$E$2:$E$142,DC26),"○",IF(DG26&lt;&gt;"","○",""))</f>
        <v/>
      </c>
      <c r="DE26" s="26"/>
      <c r="DF26" s="45" t="str">
        <f t="shared" si="85"/>
        <v/>
      </c>
      <c r="DG26" s="45"/>
      <c r="DH26" s="167"/>
      <c r="DI26" s="168"/>
      <c r="DJ26" s="9"/>
      <c r="DK26" s="153"/>
      <c r="DL26" s="151"/>
      <c r="DM26" s="9"/>
      <c r="DN26" s="17"/>
      <c r="DO26" s="102" t="str">
        <f t="shared" si="9"/>
        <v/>
      </c>
      <c r="DP26" s="15" t="str">
        <f>IF(DP25="","",IF(DP25='（参考）【別紙２】'!$E$35,"",IF(MONTH(DP25)=MONTH(DP25+1),DP25+1,"")))</f>
        <v/>
      </c>
      <c r="DQ26" s="13" t="str">
        <f>IF(COUNTIF(祝日一覧!$E$2:$E$142,DP26),"○",IF(DT26&lt;&gt;"","○",""))</f>
        <v/>
      </c>
      <c r="DR26" s="26"/>
      <c r="DS26" s="45" t="str">
        <f t="shared" si="86"/>
        <v/>
      </c>
      <c r="DT26" s="45"/>
      <c r="DU26" s="167"/>
      <c r="DV26" s="168"/>
      <c r="DW26" s="9"/>
      <c r="DX26" s="153"/>
      <c r="DY26" s="151"/>
      <c r="DZ26" s="9"/>
      <c r="EA26" s="17"/>
      <c r="EB26" s="102" t="str">
        <f t="shared" si="10"/>
        <v/>
      </c>
      <c r="EC26" s="15" t="str">
        <f>IF(EC25="","",IF(EC25='（参考）【別紙２】'!$E$35,"",IF(MONTH(EC25)=MONTH(EC25+1),EC25+1,"")))</f>
        <v/>
      </c>
      <c r="ED26" s="13" t="str">
        <f>IF(COUNTIF(祝日一覧!$E$2:$E$142,EC26),"○",IF(EG26&lt;&gt;"","○",""))</f>
        <v/>
      </c>
      <c r="EE26" s="26"/>
      <c r="EF26" s="45" t="str">
        <f t="shared" si="87"/>
        <v/>
      </c>
      <c r="EG26" s="45"/>
      <c r="EH26" s="167"/>
      <c r="EI26" s="168"/>
      <c r="EJ26" s="9"/>
      <c r="EK26" s="153"/>
      <c r="EL26" s="151"/>
      <c r="EM26" s="9"/>
      <c r="EN26" s="17"/>
      <c r="EO26" s="102" t="str">
        <f t="shared" si="11"/>
        <v/>
      </c>
      <c r="EP26" s="15" t="str">
        <f>IF(EP25="","",IF(EP25='（参考）【別紙２】'!$E$35,"",IF(MONTH(EP25)=MONTH(EP25+1),EP25+1,"")))</f>
        <v/>
      </c>
      <c r="EQ26" s="13" t="str">
        <f>IF(COUNTIF(祝日一覧!$E$2:$E$142,EP26),"○",IF(ET26&lt;&gt;"","○",""))</f>
        <v/>
      </c>
      <c r="ER26" s="26"/>
      <c r="ES26" s="45" t="str">
        <f t="shared" si="88"/>
        <v/>
      </c>
      <c r="ET26" s="45"/>
      <c r="EU26" s="167"/>
      <c r="EV26" s="168"/>
      <c r="EW26" s="9"/>
      <c r="EX26" s="153"/>
      <c r="EY26" s="151"/>
      <c r="EZ26" s="9"/>
      <c r="FA26" s="17"/>
      <c r="FB26" s="102" t="str">
        <f t="shared" si="12"/>
        <v/>
      </c>
      <c r="FC26" s="15" t="str">
        <f>IF(FC25="","",IF(FC25='（参考）【別紙２】'!$E$35,"",IF(MONTH(FC25)=MONTH(FC25+1),FC25+1,"")))</f>
        <v/>
      </c>
      <c r="FD26" s="13" t="str">
        <f>IF(COUNTIF(祝日一覧!$E$2:$E$142,FC26),"○",IF(FG26&lt;&gt;"","○",""))</f>
        <v/>
      </c>
      <c r="FE26" s="26"/>
      <c r="FF26" s="45" t="str">
        <f t="shared" si="89"/>
        <v/>
      </c>
      <c r="FG26" s="45"/>
      <c r="FH26" s="167"/>
      <c r="FI26" s="168"/>
      <c r="FJ26" s="9"/>
      <c r="FK26" s="153"/>
      <c r="FL26" s="151"/>
      <c r="FM26" s="9"/>
      <c r="FN26" s="17"/>
      <c r="FO26" s="102" t="str">
        <f t="shared" si="13"/>
        <v/>
      </c>
      <c r="FP26" s="15" t="str">
        <f>IF(FP25="","",IF(FP25='（参考）【別紙２】'!$E$35,"",IF(MONTH(FP25)=MONTH(FP25+1),FP25+1,"")))</f>
        <v/>
      </c>
      <c r="FQ26" s="13" t="str">
        <f>IF(COUNTIF(祝日一覧!$E$2:$E$142,FP26),"○",IF(FT26&lt;&gt;"","○",""))</f>
        <v/>
      </c>
      <c r="FR26" s="26"/>
      <c r="FS26" s="45" t="str">
        <f t="shared" si="90"/>
        <v/>
      </c>
      <c r="FT26" s="45"/>
      <c r="FU26" s="167"/>
      <c r="FV26" s="168"/>
      <c r="FW26" s="9"/>
      <c r="FX26" s="153"/>
      <c r="FY26" s="151"/>
      <c r="FZ26" s="9"/>
      <c r="GA26" s="17"/>
      <c r="GB26" s="102" t="str">
        <f t="shared" si="14"/>
        <v/>
      </c>
      <c r="GC26" s="15" t="str">
        <f>IF(GC25="","",IF(GC25='（参考）【別紙２】'!$E$35,"",IF(MONTH(GC25)=MONTH(GC25+1),GC25+1,"")))</f>
        <v/>
      </c>
      <c r="GD26" s="13" t="str">
        <f>IF(COUNTIF(祝日一覧!$E$2:$E$142,GC26),"○",IF(GG26&lt;&gt;"","○",""))</f>
        <v/>
      </c>
      <c r="GE26" s="25"/>
      <c r="GF26" s="45" t="str">
        <f t="shared" si="91"/>
        <v/>
      </c>
      <c r="GG26" s="45"/>
      <c r="GH26" s="167"/>
      <c r="GI26" s="168"/>
      <c r="GJ26" s="9"/>
      <c r="GK26" s="153"/>
      <c r="GL26" s="151"/>
      <c r="GM26" s="9"/>
      <c r="GN26" s="17"/>
      <c r="GO26" s="102" t="str">
        <f t="shared" si="15"/>
        <v/>
      </c>
      <c r="GP26" s="15" t="str">
        <f>IF(GP25="","",IF(GP25='（参考）【別紙２】'!$E$35,"",IF(MONTH(GP25)=MONTH(GP25+1),GP25+1,"")))</f>
        <v/>
      </c>
      <c r="GQ26" s="13" t="str">
        <f>IF(COUNTIF(祝日一覧!$E$2:$E$142,GP26),"○",IF(GT26&lt;&gt;"","○",""))</f>
        <v/>
      </c>
      <c r="GR26" s="25"/>
      <c r="GS26" s="45" t="str">
        <f t="shared" si="92"/>
        <v/>
      </c>
      <c r="GT26" s="45"/>
      <c r="GU26" s="167"/>
      <c r="GV26" s="168"/>
      <c r="GW26" s="9"/>
      <c r="GX26" s="153"/>
      <c r="GY26" s="151"/>
      <c r="GZ26" s="9"/>
      <c r="HA26" s="17"/>
      <c r="HB26" s="102" t="str">
        <f t="shared" si="16"/>
        <v/>
      </c>
      <c r="HC26" s="15" t="str">
        <f>IF(HC25="","",IF(HC25='（参考）【別紙２】'!$E$35,"",IF(MONTH(HC25)=MONTH(HC25+1),HC25+1,"")))</f>
        <v/>
      </c>
      <c r="HD26" s="13" t="str">
        <f>IF(COUNTIF(祝日一覧!$E$2:$E$142,HC26),"○",IF(HG26&lt;&gt;"","○",""))</f>
        <v/>
      </c>
      <c r="HE26" s="26"/>
      <c r="HF26" s="45" t="str">
        <f t="shared" si="93"/>
        <v/>
      </c>
      <c r="HG26" s="45"/>
      <c r="HH26" s="167"/>
      <c r="HI26" s="168"/>
      <c r="HJ26" s="9"/>
      <c r="HK26" s="153"/>
      <c r="HL26" s="151"/>
      <c r="HM26" s="9"/>
      <c r="HN26" s="17"/>
      <c r="HO26" s="102" t="str">
        <f t="shared" si="17"/>
        <v/>
      </c>
      <c r="HP26" s="15" t="str">
        <f>IF(HP25="","",IF(HP25='（参考）【別紙２】'!$E$35,"",IF(MONTH(HP25)=MONTH(HP25+1),HP25+1,"")))</f>
        <v/>
      </c>
      <c r="HQ26" s="13" t="str">
        <f>IF(COUNTIF(祝日一覧!$E$2:$E$142,HP26),"○",IF(HT26&lt;&gt;"","○",""))</f>
        <v/>
      </c>
      <c r="HR26" s="25"/>
      <c r="HS26" s="45" t="str">
        <f t="shared" si="94"/>
        <v/>
      </c>
      <c r="HT26" s="45"/>
      <c r="HU26" s="167"/>
      <c r="HV26" s="168"/>
      <c r="HW26" s="9"/>
      <c r="HX26" s="153"/>
      <c r="HY26" s="151"/>
      <c r="HZ26" s="9"/>
      <c r="IA26" s="17"/>
      <c r="IB26" s="102" t="str">
        <f t="shared" si="18"/>
        <v/>
      </c>
      <c r="IC26" s="15" t="str">
        <f>IF(IC25="","",IF(IC25='（参考）【別紙２】'!$E$35,"",IF(MONTH(IC25)=MONTH(IC25+1),IC25+1,"")))</f>
        <v/>
      </c>
      <c r="ID26" s="13" t="str">
        <f>IF(COUNTIF(祝日一覧!$E$2:$E$142,IC26),"○",IF(IG26&lt;&gt;"","○",""))</f>
        <v/>
      </c>
      <c r="IE26" s="25"/>
      <c r="IF26" s="45" t="str">
        <f t="shared" si="95"/>
        <v/>
      </c>
      <c r="IG26" s="45"/>
      <c r="IH26" s="167"/>
      <c r="II26" s="168"/>
      <c r="IJ26" s="9"/>
      <c r="IK26" s="153"/>
      <c r="IL26" s="151"/>
      <c r="IM26" s="9"/>
      <c r="IN26" s="17"/>
      <c r="IO26" s="102" t="str">
        <f t="shared" si="19"/>
        <v/>
      </c>
      <c r="IP26" s="15" t="str">
        <f>IF(IP25="","",IF(IP25='（参考）【別紙２】'!$E$35,"",IF(MONTH(IP25)=MONTH(IP25+1),IP25+1,"")))</f>
        <v/>
      </c>
      <c r="IQ26" s="13" t="str">
        <f>IF(COUNTIF(祝日一覧!$E$2:$E$142,IP26),"○",IF(IT26&lt;&gt;"","○",""))</f>
        <v/>
      </c>
      <c r="IR26" s="25"/>
      <c r="IS26" s="45" t="str">
        <f t="shared" si="96"/>
        <v/>
      </c>
      <c r="IT26" s="45"/>
      <c r="IU26" s="167"/>
      <c r="IV26" s="168"/>
      <c r="IW26" s="9"/>
      <c r="IX26" s="153"/>
      <c r="IY26" s="151"/>
      <c r="IZ26" s="9"/>
      <c r="JA26" s="17"/>
      <c r="JB26" s="102" t="str">
        <f t="shared" si="20"/>
        <v/>
      </c>
      <c r="JC26" s="15" t="str">
        <f>IF(JC25="","",IF(JC25='（参考）【別紙２】'!$E$35,"",IF(MONTH(JC25)=MONTH(JC25+1),JC25+1,"")))</f>
        <v/>
      </c>
      <c r="JD26" s="13" t="str">
        <f>IF(COUNTIF(祝日一覧!$E$2:$E$142,JC26),"○",IF(JG26&lt;&gt;"","○",""))</f>
        <v/>
      </c>
      <c r="JE26" s="25"/>
      <c r="JF26" s="45" t="str">
        <f t="shared" si="97"/>
        <v/>
      </c>
      <c r="JG26" s="45"/>
      <c r="JH26" s="167"/>
      <c r="JI26" s="168"/>
      <c r="JJ26" s="9"/>
      <c r="JK26" s="153"/>
      <c r="JL26" s="151"/>
      <c r="JM26" s="9"/>
      <c r="JN26" s="17"/>
      <c r="JO26" s="102" t="str">
        <f t="shared" si="21"/>
        <v/>
      </c>
      <c r="JP26" s="15" t="str">
        <f>IF(JP25="","",IF(JP25='（参考）【別紙２】'!$E$35,"",IF(MONTH(JP25)=MONTH(JP25+1),JP25+1,"")))</f>
        <v/>
      </c>
      <c r="JQ26" s="13" t="str">
        <f>IF(COUNTIF(祝日一覧!$E$2:$E$142,JP26),"○",IF(JT26&lt;&gt;"","○",""))</f>
        <v/>
      </c>
      <c r="JR26" s="25"/>
      <c r="JS26" s="45" t="str">
        <f t="shared" si="98"/>
        <v/>
      </c>
      <c r="JT26" s="45"/>
      <c r="JU26" s="167"/>
      <c r="JV26" s="168"/>
      <c r="JW26" s="9"/>
      <c r="JX26" s="153"/>
      <c r="JY26" s="151"/>
      <c r="JZ26" s="9"/>
      <c r="KA26" s="17"/>
      <c r="KB26" s="102" t="str">
        <f t="shared" si="22"/>
        <v/>
      </c>
      <c r="KC26" s="15" t="str">
        <f>IF(KC25="","",IF(KC25='（参考）【別紙２】'!$E$35,"",IF(MONTH(KC25)=MONTH(KC25+1),KC25+1,"")))</f>
        <v/>
      </c>
      <c r="KD26" s="13" t="str">
        <f>IF(COUNTIF(祝日一覧!$E$2:$E$142,KC26),"○",IF(KG26&lt;&gt;"","○",""))</f>
        <v/>
      </c>
      <c r="KE26" s="25"/>
      <c r="KF26" s="45" t="str">
        <f t="shared" si="99"/>
        <v/>
      </c>
      <c r="KG26" s="45"/>
      <c r="KH26" s="167"/>
      <c r="KI26" s="168"/>
      <c r="KJ26" s="9"/>
      <c r="KK26" s="153"/>
      <c r="KL26" s="151"/>
      <c r="KM26" s="9"/>
      <c r="KN26" s="17"/>
      <c r="KO26" s="102" t="str">
        <f t="shared" si="23"/>
        <v/>
      </c>
      <c r="KP26" s="15" t="str">
        <f>IF(KP25="","",IF(KP25='（参考）【別紙２】'!$E$35,"",IF(MONTH(KP25)=MONTH(KP25+1),KP25+1,"")))</f>
        <v/>
      </c>
      <c r="KQ26" s="13" t="str">
        <f>IF(COUNTIF(祝日一覧!$E$2:$E$142,KP26),"○",IF(KT26&lt;&gt;"","○",""))</f>
        <v/>
      </c>
      <c r="KR26" s="25"/>
      <c r="KS26" s="45" t="str">
        <f t="shared" si="100"/>
        <v/>
      </c>
      <c r="KT26" s="45"/>
      <c r="KU26" s="167"/>
      <c r="KV26" s="168"/>
      <c r="KW26" s="9"/>
      <c r="KX26" s="153"/>
      <c r="KY26" s="151"/>
      <c r="KZ26" s="9"/>
      <c r="LA26" s="17"/>
      <c r="LB26" s="102" t="str">
        <f t="shared" si="24"/>
        <v/>
      </c>
      <c r="LC26" s="15" t="str">
        <f>IF(LC25="","",IF(LC25='（参考）【別紙２】'!$E$35,"",IF(MONTH(LC25)=MONTH(LC25+1),LC25+1,"")))</f>
        <v/>
      </c>
      <c r="LD26" s="13" t="str">
        <f>IF(COUNTIF(祝日一覧!$E$2:$E$142,LC26),"○",IF(LG26&lt;&gt;"","○",""))</f>
        <v/>
      </c>
      <c r="LE26" s="25"/>
      <c r="LF26" s="45" t="str">
        <f t="shared" si="101"/>
        <v/>
      </c>
      <c r="LG26" s="45"/>
      <c r="LH26" s="167"/>
      <c r="LI26" s="168"/>
      <c r="LJ26" s="9"/>
      <c r="LK26" s="153"/>
      <c r="LL26" s="151"/>
      <c r="LM26" s="9"/>
      <c r="LN26" s="17"/>
      <c r="LO26" s="102" t="str">
        <f t="shared" si="25"/>
        <v/>
      </c>
      <c r="LP26" s="15" t="str">
        <f>IF(LP25="","",IF(LP25='（参考）【別紙２】'!$E$35,"",IF(MONTH(LP25)=MONTH(LP25+1),LP25+1,"")))</f>
        <v/>
      </c>
      <c r="LQ26" s="13" t="str">
        <f>IF(COUNTIF(祝日一覧!$E$2:$E$142,LP26),"○",IF(LT26&lt;&gt;"","○",""))</f>
        <v/>
      </c>
      <c r="LR26" s="25"/>
      <c r="LS26" s="45" t="str">
        <f t="shared" si="102"/>
        <v/>
      </c>
      <c r="LT26" s="45"/>
      <c r="LU26" s="167"/>
      <c r="LV26" s="168"/>
      <c r="LW26" s="9"/>
      <c r="LX26" s="153"/>
      <c r="LY26" s="151"/>
      <c r="LZ26" s="9"/>
      <c r="MA26" s="17"/>
      <c r="MB26" s="102" t="str">
        <f t="shared" si="26"/>
        <v/>
      </c>
      <c r="MC26" s="15" t="str">
        <f>IF(MC25="","",IF(MC25='（参考）【別紙２】'!$E$35,"",IF(MONTH(MC25)=MONTH(MC25+1),MC25+1,"")))</f>
        <v/>
      </c>
      <c r="MD26" s="13" t="str">
        <f>IF(COUNTIF(祝日一覧!$E$2:$E$142,MC26),"○",IF(MG26&lt;&gt;"","○",""))</f>
        <v/>
      </c>
      <c r="ME26" s="25"/>
      <c r="MF26" s="45" t="str">
        <f t="shared" si="103"/>
        <v/>
      </c>
      <c r="MG26" s="45"/>
      <c r="MH26" s="167"/>
      <c r="MI26" s="168"/>
      <c r="MJ26" s="9"/>
      <c r="MK26" s="153"/>
      <c r="ML26" s="151"/>
      <c r="MM26" s="9"/>
      <c r="MN26" s="17"/>
      <c r="MO26" s="102" t="str">
        <f t="shared" si="27"/>
        <v/>
      </c>
      <c r="MP26" s="15" t="str">
        <f>IF(MP25="","",IF(MP25='（参考）【別紙２】'!$E$35,"",IF(MONTH(MP25)=MONTH(MP25+1),MP25+1,"")))</f>
        <v/>
      </c>
      <c r="MQ26" s="13" t="str">
        <f>IF(COUNTIF(祝日一覧!$E$2:$E$142,MP26),"○",IF(MT26&lt;&gt;"","○",""))</f>
        <v/>
      </c>
      <c r="MR26" s="25"/>
      <c r="MS26" s="45" t="str">
        <f t="shared" si="104"/>
        <v/>
      </c>
      <c r="MT26" s="45"/>
      <c r="MU26" s="167"/>
      <c r="MV26" s="168"/>
      <c r="MW26" s="9"/>
      <c r="MX26" s="153"/>
      <c r="MY26" s="151"/>
      <c r="MZ26" s="9"/>
      <c r="NA26" s="17"/>
      <c r="NB26" s="102" t="str">
        <f t="shared" si="28"/>
        <v/>
      </c>
      <c r="NC26" s="15" t="str">
        <f>IF(NC25="","",IF(NC25='（参考）【別紙２】'!$E$35,"",IF(MONTH(NC25)=MONTH(NC25+1),NC25+1,"")))</f>
        <v/>
      </c>
      <c r="ND26" s="13" t="str">
        <f>IF(COUNTIF(祝日一覧!$E$2:$E$142,NC26),"○",IF(NG26&lt;&gt;"","○",""))</f>
        <v/>
      </c>
      <c r="NE26" s="25"/>
      <c r="NF26" s="45" t="str">
        <f t="shared" si="105"/>
        <v/>
      </c>
      <c r="NG26" s="45"/>
      <c r="NH26" s="167"/>
      <c r="NI26" s="168"/>
      <c r="NJ26" s="9"/>
      <c r="NK26" s="153"/>
      <c r="NL26" s="151"/>
      <c r="NM26" s="9"/>
      <c r="NN26" s="17"/>
      <c r="NO26" s="102" t="str">
        <f t="shared" si="29"/>
        <v/>
      </c>
      <c r="NP26" s="15" t="str">
        <f>IF(NP25="","",IF(NP25='（参考）【別紙２】'!$E$35,"",IF(MONTH(NP25)=MONTH(NP25+1),NP25+1,"")))</f>
        <v/>
      </c>
      <c r="NQ26" s="13" t="str">
        <f>IF(COUNTIF(祝日一覧!$E$2:$E$142,NP26),"○",IF(NT26&lt;&gt;"","○",""))</f>
        <v/>
      </c>
      <c r="NR26" s="25"/>
      <c r="NS26" s="45" t="str">
        <f t="shared" si="106"/>
        <v/>
      </c>
      <c r="NT26" s="45"/>
      <c r="NU26" s="167"/>
      <c r="NV26" s="168"/>
      <c r="NW26" s="9"/>
      <c r="NX26" s="153"/>
      <c r="NY26" s="151"/>
      <c r="NZ26" s="9"/>
      <c r="OA26" s="17"/>
      <c r="OB26" s="102" t="str">
        <f t="shared" si="30"/>
        <v/>
      </c>
      <c r="OC26" s="15" t="str">
        <f>IF(OC25="","",IF(OC25='（参考）【別紙２】'!$E$35,"",IF(MONTH(OC25)=MONTH(OC25+1),OC25+1,"")))</f>
        <v/>
      </c>
      <c r="OD26" s="13" t="str">
        <f>IF(COUNTIF(祝日一覧!$E$2:$E$142,OC26),"○",IF(OG26&lt;&gt;"","○",""))</f>
        <v/>
      </c>
      <c r="OE26" s="25"/>
      <c r="OF26" s="45" t="str">
        <f t="shared" si="107"/>
        <v/>
      </c>
      <c r="OG26" s="45"/>
      <c r="OH26" s="167"/>
      <c r="OI26" s="168"/>
      <c r="OJ26" s="9"/>
      <c r="OK26" s="153"/>
      <c r="OL26" s="151"/>
      <c r="OM26" s="9"/>
      <c r="ON26" s="17"/>
      <c r="OO26" s="102" t="str">
        <f t="shared" si="31"/>
        <v/>
      </c>
      <c r="OP26" s="15" t="str">
        <f>IF(OP25="","",IF(OP25='（参考）【別紙２】'!$E$35,"",IF(MONTH(OP25)=MONTH(OP25+1),OP25+1,"")))</f>
        <v/>
      </c>
      <c r="OQ26" s="13" t="str">
        <f>IF(COUNTIF(祝日一覧!$E$2:$E$142,OP26),"○",IF(OT26&lt;&gt;"","○",""))</f>
        <v/>
      </c>
      <c r="OR26" s="25"/>
      <c r="OS26" s="45" t="str">
        <f t="shared" si="108"/>
        <v/>
      </c>
      <c r="OT26" s="45"/>
      <c r="OU26" s="167"/>
      <c r="OV26" s="168"/>
      <c r="OW26" s="9"/>
      <c r="OX26" s="153"/>
      <c r="OY26" s="151"/>
      <c r="OZ26" s="9"/>
      <c r="PA26" s="17"/>
      <c r="PB26" s="102" t="str">
        <f t="shared" si="32"/>
        <v/>
      </c>
      <c r="PC26" s="15" t="str">
        <f>IF(PC25="","",IF(PC25='（参考）【別紙２】'!$E$35,"",IF(MONTH(PC25)=MONTH(PC25+1),PC25+1,"")))</f>
        <v/>
      </c>
      <c r="PD26" s="13" t="str">
        <f>IF(COUNTIF(祝日一覧!$E$2:$E$142,PC26),"○",IF(PG26&lt;&gt;"","○",""))</f>
        <v/>
      </c>
      <c r="PE26" s="25"/>
      <c r="PF26" s="45" t="str">
        <f t="shared" si="109"/>
        <v/>
      </c>
      <c r="PG26" s="45"/>
      <c r="PH26" s="167"/>
      <c r="PI26" s="168"/>
      <c r="PJ26" s="9"/>
      <c r="PK26" s="153"/>
      <c r="PL26" s="151"/>
      <c r="PM26" s="9"/>
      <c r="PN26" s="17"/>
      <c r="PO26" s="102" t="str">
        <f t="shared" si="33"/>
        <v/>
      </c>
      <c r="PP26" s="15" t="str">
        <f>IF(PP25="","",IF(PP25='（参考）【別紙２】'!$E$35,"",IF(MONTH(PP25)=MONTH(PP25+1),PP25+1,"")))</f>
        <v/>
      </c>
      <c r="PQ26" s="13" t="str">
        <f>IF(COUNTIF(祝日一覧!$E$2:$E$142,PP26),"○",IF(PT26&lt;&gt;"","○",""))</f>
        <v/>
      </c>
      <c r="PR26" s="25"/>
      <c r="PS26" s="45" t="str">
        <f t="shared" si="110"/>
        <v/>
      </c>
      <c r="PT26" s="45"/>
      <c r="PU26" s="167"/>
      <c r="PV26" s="168"/>
      <c r="PW26" s="9"/>
      <c r="PX26" s="153"/>
      <c r="PY26" s="151"/>
      <c r="PZ26" s="9"/>
      <c r="QA26" s="17"/>
      <c r="QB26" s="102" t="str">
        <f t="shared" si="34"/>
        <v/>
      </c>
      <c r="QC26" s="15" t="str">
        <f>IF(QC25="","",IF(QC25='（参考）【別紙２】'!$E$35,"",IF(MONTH(QC25)=MONTH(QC25+1),QC25+1,"")))</f>
        <v/>
      </c>
      <c r="QD26" s="13" t="str">
        <f>IF(COUNTIF(祝日一覧!$E$2:$E$142,QC26),"○",IF(QG26&lt;&gt;"","○",""))</f>
        <v/>
      </c>
      <c r="QE26" s="25"/>
      <c r="QF26" s="45" t="str">
        <f t="shared" si="111"/>
        <v/>
      </c>
      <c r="QG26" s="45"/>
      <c r="QH26" s="167"/>
      <c r="QI26" s="168"/>
      <c r="QJ26" s="9"/>
      <c r="QK26" s="153"/>
      <c r="QL26" s="151"/>
      <c r="QM26" s="9"/>
      <c r="QN26" s="17"/>
      <c r="QO26" s="102" t="str">
        <f t="shared" si="35"/>
        <v/>
      </c>
      <c r="QP26" s="15" t="str">
        <f>IF(QP25="","",IF(QP25='（参考）【別紙２】'!$E$35,"",IF(MONTH(QP25)=MONTH(QP25+1),QP25+1,"")))</f>
        <v/>
      </c>
      <c r="QQ26" s="13" t="str">
        <f>IF(COUNTIF(祝日一覧!$E$2:$E$142,QP26),"○",IF(QT26&lt;&gt;"","○",""))</f>
        <v/>
      </c>
      <c r="QR26" s="25"/>
      <c r="QS26" s="45" t="str">
        <f t="shared" si="112"/>
        <v/>
      </c>
      <c r="QT26" s="45"/>
      <c r="QU26" s="167"/>
      <c r="QV26" s="168"/>
      <c r="QW26" s="9"/>
      <c r="QX26" s="153"/>
      <c r="QY26" s="151"/>
      <c r="QZ26" s="9"/>
      <c r="RA26" s="17"/>
      <c r="RB26" s="102" t="str">
        <f t="shared" si="36"/>
        <v/>
      </c>
      <c r="RC26" s="15" t="str">
        <f>IF(RC25="","",IF(RC25='（参考）【別紙２】'!$E$35,"",IF(MONTH(RC25)=MONTH(RC25+1),RC25+1,"")))</f>
        <v/>
      </c>
      <c r="RD26" s="13" t="str">
        <f>IF(COUNTIF(祝日一覧!$E$2:$E$142,RC26),"○",IF(RG26&lt;&gt;"","○",""))</f>
        <v/>
      </c>
      <c r="RE26" s="25"/>
      <c r="RF26" s="45" t="str">
        <f t="shared" si="113"/>
        <v/>
      </c>
      <c r="RG26" s="45"/>
      <c r="RH26" s="167"/>
      <c r="RI26" s="168"/>
      <c r="RJ26" s="9"/>
      <c r="RK26" s="153"/>
      <c r="RL26" s="151"/>
      <c r="RM26" s="9"/>
      <c r="RN26" s="17"/>
      <c r="RO26" s="102" t="str">
        <f t="shared" si="37"/>
        <v/>
      </c>
      <c r="RP26" s="15" t="str">
        <f>IF(RP25="","",IF(RP25='（参考）【別紙２】'!$E$35,"",IF(MONTH(RP25)=MONTH(RP25+1),RP25+1,"")))</f>
        <v/>
      </c>
      <c r="RQ26" s="13" t="str">
        <f>IF(COUNTIF(祝日一覧!$E$2:$E$142,RP26),"○",IF(RT26&lt;&gt;"","○",""))</f>
        <v/>
      </c>
      <c r="RR26" s="25"/>
      <c r="RS26" s="45" t="str">
        <f t="shared" si="114"/>
        <v/>
      </c>
      <c r="RT26" s="45"/>
      <c r="RU26" s="167"/>
      <c r="RV26" s="168"/>
      <c r="RW26" s="9"/>
      <c r="RX26" s="153"/>
      <c r="RY26" s="151"/>
      <c r="RZ26" s="9"/>
      <c r="SA26" s="17"/>
      <c r="SB26" s="102" t="str">
        <f t="shared" si="38"/>
        <v/>
      </c>
      <c r="SC26" s="15" t="str">
        <f>IF(SC25="","",IF(SC25='（参考）【別紙２】'!$E$35,"",IF(MONTH(SC25)=MONTH(SC25+1),SC25+1,"")))</f>
        <v/>
      </c>
      <c r="SD26" s="13" t="str">
        <f>IF(COUNTIF(祝日一覧!$E$2:$E$142,SC26),"○",IF(SG26&lt;&gt;"","○",""))</f>
        <v/>
      </c>
      <c r="SE26" s="25"/>
      <c r="SF26" s="45" t="str">
        <f t="shared" si="115"/>
        <v/>
      </c>
      <c r="SG26" s="45"/>
      <c r="SH26" s="167"/>
      <c r="SI26" s="168"/>
      <c r="SJ26" s="9"/>
      <c r="SK26" s="153"/>
      <c r="SL26" s="151"/>
      <c r="SM26" s="9"/>
    </row>
    <row r="27" spans="1:507" ht="15.6" customHeight="1">
      <c r="A27" s="17"/>
      <c r="B27" s="102" t="str">
        <f t="shared" si="0"/>
        <v>土</v>
      </c>
      <c r="C27" s="15">
        <f>IF(C26="","",IF(C26='（参考）【別紙２】'!$E$35,"",IF(MONTH(C26)=MONTH(C26+1),C26+1,"")))</f>
        <v>45766</v>
      </c>
      <c r="D27" s="13" t="str">
        <f>IF(COUNTIF(祝日一覧!$E$2:$E$142,C27),"○",IF(G27&lt;&gt;"","○",""))</f>
        <v/>
      </c>
      <c r="E27" s="26"/>
      <c r="F27" s="45" t="str">
        <f t="shared" si="39"/>
        <v>○</v>
      </c>
      <c r="G27" s="45"/>
      <c r="H27" s="167"/>
      <c r="I27" s="168"/>
      <c r="J27" s="43"/>
      <c r="K27" s="113"/>
      <c r="L27" s="113"/>
      <c r="M27" s="9"/>
      <c r="N27" s="17"/>
      <c r="O27" s="102" t="str">
        <f t="shared" si="1"/>
        <v>月</v>
      </c>
      <c r="P27" s="15">
        <f>IF(P26="","",IF(P26='（参考）【別紙２】'!$E$35,"",IF(MONTH(P26)=MONTH(P26+1),P26+1,"")))</f>
        <v>45796</v>
      </c>
      <c r="Q27" s="13" t="str">
        <f>IF(COUNTIF(祝日一覧!$E$2:$E$142,P27),"○",IF(T27&lt;&gt;"","○",""))</f>
        <v/>
      </c>
      <c r="R27" s="26"/>
      <c r="S27" s="45" t="str">
        <f t="shared" si="78"/>
        <v/>
      </c>
      <c r="T27" s="45"/>
      <c r="U27" s="167"/>
      <c r="V27" s="168"/>
      <c r="W27" s="9"/>
      <c r="Z27" s="9"/>
      <c r="AA27" s="17"/>
      <c r="AB27" s="102" t="str">
        <f t="shared" si="2"/>
        <v>木</v>
      </c>
      <c r="AC27" s="15">
        <f>IF(AC26="","",IF(AC26='（参考）【別紙２】'!$E$35,"",IF(MONTH(AC26)=MONTH(AC26+1),AC26+1,"")))</f>
        <v>45827</v>
      </c>
      <c r="AD27" s="13" t="str">
        <f>IF(COUNTIF(祝日一覧!$E$2:$E$142,AC27),"○",IF(AG27&lt;&gt;"","○",""))</f>
        <v/>
      </c>
      <c r="AE27" s="26"/>
      <c r="AF27" s="45" t="str">
        <f t="shared" si="79"/>
        <v/>
      </c>
      <c r="AG27" s="45"/>
      <c r="AH27" s="167"/>
      <c r="AI27" s="168"/>
      <c r="AJ27" s="9"/>
      <c r="AK27" s="9"/>
      <c r="AL27" s="9"/>
      <c r="AM27" s="9"/>
      <c r="AN27" s="17"/>
      <c r="AO27" s="102" t="str">
        <f t="shared" si="3"/>
        <v>土</v>
      </c>
      <c r="AP27" s="15">
        <f>IF(AP26="","",IF(AP26='（参考）【別紙２】'!$E$35,"",IF(MONTH(AP26)=MONTH(AP26+1),AP26+1,"")))</f>
        <v>45857</v>
      </c>
      <c r="AQ27" s="13" t="str">
        <f>IF(COUNTIF(祝日一覧!$E$2:$E$142,AP27),"○",IF(AT27&lt;&gt;"","○",""))</f>
        <v/>
      </c>
      <c r="AR27" s="26"/>
      <c r="AS27" s="45" t="str">
        <f t="shared" si="80"/>
        <v>○</v>
      </c>
      <c r="AT27" s="45"/>
      <c r="AU27" s="167"/>
      <c r="AV27" s="168"/>
      <c r="AW27" s="9"/>
      <c r="AX27" s="9"/>
      <c r="AY27" s="9"/>
      <c r="AZ27" s="9"/>
      <c r="BA27" s="17"/>
      <c r="BB27" s="102" t="str">
        <f t="shared" si="4"/>
        <v>火</v>
      </c>
      <c r="BC27" s="15">
        <f>IF(BC26="","",IF(BC26='（参考）【別紙２】'!$E$35,"",IF(MONTH(BC26)=MONTH(BC26+1),BC26+1,"")))</f>
        <v>45888</v>
      </c>
      <c r="BD27" s="13" t="str">
        <f>IF(COUNTIF(祝日一覧!$E$2:$E$142,BC27),"○",IF(BG27&lt;&gt;"","○",""))</f>
        <v/>
      </c>
      <c r="BE27" s="26"/>
      <c r="BF27" s="45" t="str">
        <f t="shared" si="81"/>
        <v/>
      </c>
      <c r="BG27" s="45"/>
      <c r="BH27" s="167"/>
      <c r="BI27" s="168"/>
      <c r="BJ27" s="9"/>
      <c r="BK27" s="9"/>
      <c r="BL27" s="9"/>
      <c r="BM27" s="9"/>
      <c r="BN27" s="17"/>
      <c r="BO27" s="102" t="str">
        <f t="shared" si="5"/>
        <v/>
      </c>
      <c r="BP27" s="15" t="str">
        <f>IF(BP26="","",IF(BP26='（参考）【別紙２】'!$E$35,"",IF(MONTH(BP26)=MONTH(BP26+1),BP26+1,"")))</f>
        <v/>
      </c>
      <c r="BQ27" s="13" t="str">
        <f>IF(COUNTIF(祝日一覧!$E$2:$E$142,BP27),"○",IF(BT27&lt;&gt;"","○",""))</f>
        <v/>
      </c>
      <c r="BR27" s="26"/>
      <c r="BS27" s="45" t="str">
        <f t="shared" si="82"/>
        <v/>
      </c>
      <c r="BT27" s="45"/>
      <c r="BU27" s="167"/>
      <c r="BV27" s="168"/>
      <c r="BW27" s="9"/>
      <c r="BX27" s="9"/>
      <c r="BY27" s="9"/>
      <c r="BZ27" s="9"/>
      <c r="CA27" s="17"/>
      <c r="CB27" s="102" t="str">
        <f t="shared" si="6"/>
        <v/>
      </c>
      <c r="CC27" s="15" t="str">
        <f>IF(CC26="","",IF(CC26='（参考）【別紙２】'!$E$35,"",IF(MONTH(CC26)=MONTH(CC26+1),CC26+1,"")))</f>
        <v/>
      </c>
      <c r="CD27" s="13" t="str">
        <f>IF(COUNTIF(祝日一覧!$E$2:$E$142,CC27),"○",IF(CG27&lt;&gt;"","○",""))</f>
        <v/>
      </c>
      <c r="CE27" s="26"/>
      <c r="CF27" s="45" t="str">
        <f t="shared" si="83"/>
        <v/>
      </c>
      <c r="CG27" s="45"/>
      <c r="CH27" s="167"/>
      <c r="CI27" s="168"/>
      <c r="CJ27" s="9"/>
      <c r="CK27" s="9"/>
      <c r="CL27" s="9"/>
      <c r="CM27" s="9"/>
      <c r="CN27" s="17"/>
      <c r="CO27" s="102" t="str">
        <f t="shared" si="7"/>
        <v/>
      </c>
      <c r="CP27" s="15" t="str">
        <f>IF(CP26="","",IF(CP26='（参考）【別紙２】'!$E$35,"",IF(MONTH(CP26)=MONTH(CP26+1),CP26+1,"")))</f>
        <v/>
      </c>
      <c r="CQ27" s="13" t="str">
        <f>IF(COUNTIF(祝日一覧!$E$2:$E$142,CP27),"○",IF(CT27&lt;&gt;"","○",""))</f>
        <v/>
      </c>
      <c r="CR27" s="26"/>
      <c r="CS27" s="45" t="str">
        <f t="shared" si="84"/>
        <v/>
      </c>
      <c r="CT27" s="45"/>
      <c r="CU27" s="167"/>
      <c r="CV27" s="168"/>
      <c r="CW27" s="9"/>
      <c r="CX27" s="9"/>
      <c r="CY27" s="9"/>
      <c r="CZ27" s="9"/>
      <c r="DA27" s="17"/>
      <c r="DB27" s="102" t="str">
        <f t="shared" si="8"/>
        <v/>
      </c>
      <c r="DC27" s="15" t="str">
        <f>IF(DC26="","",IF(DC26='（参考）【別紙２】'!$E$35,"",IF(MONTH(DC26)=MONTH(DC26+1),DC26+1,"")))</f>
        <v/>
      </c>
      <c r="DD27" s="13" t="str">
        <f>IF(COUNTIF(祝日一覧!$E$2:$E$142,DC27),"○",IF(DG27&lt;&gt;"","○",""))</f>
        <v/>
      </c>
      <c r="DE27" s="26"/>
      <c r="DF27" s="45" t="str">
        <f t="shared" si="85"/>
        <v/>
      </c>
      <c r="DG27" s="45"/>
      <c r="DH27" s="167"/>
      <c r="DI27" s="168"/>
      <c r="DJ27" s="9"/>
      <c r="DK27" s="9"/>
      <c r="DL27" s="9"/>
      <c r="DM27" s="9"/>
      <c r="DN27" s="17"/>
      <c r="DO27" s="102" t="str">
        <f t="shared" si="9"/>
        <v/>
      </c>
      <c r="DP27" s="15" t="str">
        <f>IF(DP26="","",IF(DP26='（参考）【別紙２】'!$E$35,"",IF(MONTH(DP26)=MONTH(DP26+1),DP26+1,"")))</f>
        <v/>
      </c>
      <c r="DQ27" s="13" t="str">
        <f>IF(COUNTIF(祝日一覧!$E$2:$E$142,DP27),"○",IF(DT27&lt;&gt;"","○",""))</f>
        <v/>
      </c>
      <c r="DR27" s="26"/>
      <c r="DS27" s="45" t="str">
        <f t="shared" si="86"/>
        <v/>
      </c>
      <c r="DT27" s="45"/>
      <c r="DU27" s="167"/>
      <c r="DV27" s="168"/>
      <c r="DW27" s="9"/>
      <c r="DX27" s="9"/>
      <c r="DY27" s="9"/>
      <c r="DZ27" s="9"/>
      <c r="EA27" s="17"/>
      <c r="EB27" s="102" t="str">
        <f t="shared" si="10"/>
        <v/>
      </c>
      <c r="EC27" s="15" t="str">
        <f>IF(EC26="","",IF(EC26='（参考）【別紙２】'!$E$35,"",IF(MONTH(EC26)=MONTH(EC26+1),EC26+1,"")))</f>
        <v/>
      </c>
      <c r="ED27" s="13" t="str">
        <f>IF(COUNTIF(祝日一覧!$E$2:$E$142,EC27),"○",IF(EG27&lt;&gt;"","○",""))</f>
        <v/>
      </c>
      <c r="EE27" s="26"/>
      <c r="EF27" s="45" t="str">
        <f t="shared" si="87"/>
        <v/>
      </c>
      <c r="EG27" s="45"/>
      <c r="EH27" s="167"/>
      <c r="EI27" s="168"/>
      <c r="EJ27" s="9"/>
      <c r="EK27" s="9"/>
      <c r="EL27" s="9"/>
      <c r="EM27" s="9"/>
      <c r="EN27" s="17"/>
      <c r="EO27" s="102" t="str">
        <f t="shared" si="11"/>
        <v/>
      </c>
      <c r="EP27" s="15" t="str">
        <f>IF(EP26="","",IF(EP26='（参考）【別紙２】'!$E$35,"",IF(MONTH(EP26)=MONTH(EP26+1),EP26+1,"")))</f>
        <v/>
      </c>
      <c r="EQ27" s="13" t="str">
        <f>IF(COUNTIF(祝日一覧!$E$2:$E$142,EP27),"○",IF(ET27&lt;&gt;"","○",""))</f>
        <v/>
      </c>
      <c r="ER27" s="26"/>
      <c r="ES27" s="45" t="str">
        <f t="shared" si="88"/>
        <v/>
      </c>
      <c r="ET27" s="45"/>
      <c r="EU27" s="167"/>
      <c r="EV27" s="168"/>
      <c r="EW27" s="9"/>
      <c r="EX27" s="9"/>
      <c r="EY27" s="9"/>
      <c r="EZ27" s="9"/>
      <c r="FA27" s="17"/>
      <c r="FB27" s="102" t="str">
        <f t="shared" si="12"/>
        <v/>
      </c>
      <c r="FC27" s="15" t="str">
        <f>IF(FC26="","",IF(FC26='（参考）【別紙２】'!$E$35,"",IF(MONTH(FC26)=MONTH(FC26+1),FC26+1,"")))</f>
        <v/>
      </c>
      <c r="FD27" s="13" t="str">
        <f>IF(COUNTIF(祝日一覧!$E$2:$E$142,FC27),"○",IF(FG27&lt;&gt;"","○",""))</f>
        <v/>
      </c>
      <c r="FE27" s="26"/>
      <c r="FF27" s="45" t="str">
        <f t="shared" si="89"/>
        <v/>
      </c>
      <c r="FG27" s="45"/>
      <c r="FH27" s="167"/>
      <c r="FI27" s="168"/>
      <c r="FJ27" s="9"/>
      <c r="FK27" s="9"/>
      <c r="FL27" s="9"/>
      <c r="FM27" s="9"/>
      <c r="FN27" s="17"/>
      <c r="FO27" s="102" t="str">
        <f t="shared" si="13"/>
        <v/>
      </c>
      <c r="FP27" s="15" t="str">
        <f>IF(FP26="","",IF(FP26='（参考）【別紙２】'!$E$35,"",IF(MONTH(FP26)=MONTH(FP26+1),FP26+1,"")))</f>
        <v/>
      </c>
      <c r="FQ27" s="13" t="str">
        <f>IF(COUNTIF(祝日一覧!$E$2:$E$142,FP27),"○",IF(FT27&lt;&gt;"","○",""))</f>
        <v/>
      </c>
      <c r="FR27" s="26"/>
      <c r="FS27" s="45" t="str">
        <f t="shared" si="90"/>
        <v/>
      </c>
      <c r="FT27" s="45"/>
      <c r="FU27" s="167"/>
      <c r="FV27" s="168"/>
      <c r="FW27" s="9"/>
      <c r="FX27" s="9"/>
      <c r="FY27" s="9"/>
      <c r="FZ27" s="9"/>
      <c r="GA27" s="17"/>
      <c r="GB27" s="102" t="str">
        <f t="shared" si="14"/>
        <v/>
      </c>
      <c r="GC27" s="15" t="str">
        <f>IF(GC26="","",IF(GC26='（参考）【別紙２】'!$E$35,"",IF(MONTH(GC26)=MONTH(GC26+1),GC26+1,"")))</f>
        <v/>
      </c>
      <c r="GD27" s="13" t="str">
        <f>IF(COUNTIF(祝日一覧!$E$2:$E$142,GC27),"○",IF(GG27&lt;&gt;"","○",""))</f>
        <v/>
      </c>
      <c r="GE27" s="25"/>
      <c r="GF27" s="45" t="str">
        <f t="shared" si="91"/>
        <v/>
      </c>
      <c r="GG27" s="45"/>
      <c r="GH27" s="167"/>
      <c r="GI27" s="168"/>
      <c r="GJ27" s="9"/>
      <c r="GK27" s="9"/>
      <c r="GL27" s="9"/>
      <c r="GM27" s="9"/>
      <c r="GN27" s="17"/>
      <c r="GO27" s="102" t="str">
        <f t="shared" si="15"/>
        <v/>
      </c>
      <c r="GP27" s="15" t="str">
        <f>IF(GP26="","",IF(GP26='（参考）【別紙２】'!$E$35,"",IF(MONTH(GP26)=MONTH(GP26+1),GP26+1,"")))</f>
        <v/>
      </c>
      <c r="GQ27" s="13" t="str">
        <f>IF(COUNTIF(祝日一覧!$E$2:$E$142,GP27),"○",IF(GT27&lt;&gt;"","○",""))</f>
        <v/>
      </c>
      <c r="GR27" s="25"/>
      <c r="GS27" s="45" t="str">
        <f t="shared" si="92"/>
        <v/>
      </c>
      <c r="GT27" s="45"/>
      <c r="GU27" s="167"/>
      <c r="GV27" s="168"/>
      <c r="GW27" s="9"/>
      <c r="GX27" s="9"/>
      <c r="GY27" s="9"/>
      <c r="GZ27" s="9"/>
      <c r="HA27" s="17"/>
      <c r="HB27" s="102" t="str">
        <f t="shared" si="16"/>
        <v/>
      </c>
      <c r="HC27" s="15" t="str">
        <f>IF(HC26="","",IF(HC26='（参考）【別紙２】'!$E$35,"",IF(MONTH(HC26)=MONTH(HC26+1),HC26+1,"")))</f>
        <v/>
      </c>
      <c r="HD27" s="13" t="str">
        <f>IF(COUNTIF(祝日一覧!$E$2:$E$142,HC27),"○",IF(HG27&lt;&gt;"","○",""))</f>
        <v/>
      </c>
      <c r="HE27" s="26"/>
      <c r="HF27" s="45" t="str">
        <f t="shared" si="93"/>
        <v/>
      </c>
      <c r="HG27" s="45"/>
      <c r="HH27" s="167"/>
      <c r="HI27" s="168"/>
      <c r="HJ27" s="9"/>
      <c r="HK27" s="9"/>
      <c r="HL27" s="9"/>
      <c r="HM27" s="9"/>
      <c r="HN27" s="17"/>
      <c r="HO27" s="102" t="str">
        <f t="shared" si="17"/>
        <v/>
      </c>
      <c r="HP27" s="15" t="str">
        <f>IF(HP26="","",IF(HP26='（参考）【別紙２】'!$E$35,"",IF(MONTH(HP26)=MONTH(HP26+1),HP26+1,"")))</f>
        <v/>
      </c>
      <c r="HQ27" s="13" t="str">
        <f>IF(COUNTIF(祝日一覧!$E$2:$E$142,HP27),"○",IF(HT27&lt;&gt;"","○",""))</f>
        <v/>
      </c>
      <c r="HR27" s="25"/>
      <c r="HS27" s="45" t="str">
        <f t="shared" si="94"/>
        <v/>
      </c>
      <c r="HT27" s="45"/>
      <c r="HU27" s="167"/>
      <c r="HV27" s="168"/>
      <c r="HW27" s="9"/>
      <c r="HX27" s="9"/>
      <c r="HY27" s="9"/>
      <c r="HZ27" s="9"/>
      <c r="IA27" s="17"/>
      <c r="IB27" s="102" t="str">
        <f t="shared" si="18"/>
        <v/>
      </c>
      <c r="IC27" s="15" t="str">
        <f>IF(IC26="","",IF(IC26='（参考）【別紙２】'!$E$35,"",IF(MONTH(IC26)=MONTH(IC26+1),IC26+1,"")))</f>
        <v/>
      </c>
      <c r="ID27" s="13" t="str">
        <f>IF(COUNTIF(祝日一覧!$E$2:$E$142,IC27),"○",IF(IG27&lt;&gt;"","○",""))</f>
        <v/>
      </c>
      <c r="IE27" s="25"/>
      <c r="IF27" s="45" t="str">
        <f t="shared" si="95"/>
        <v/>
      </c>
      <c r="IG27" s="45"/>
      <c r="IH27" s="167"/>
      <c r="II27" s="168"/>
      <c r="IJ27" s="9"/>
      <c r="IK27" s="9"/>
      <c r="IL27" s="9"/>
      <c r="IM27" s="9"/>
      <c r="IN27" s="17"/>
      <c r="IO27" s="102" t="str">
        <f t="shared" si="19"/>
        <v/>
      </c>
      <c r="IP27" s="15" t="str">
        <f>IF(IP26="","",IF(IP26='（参考）【別紙２】'!$E$35,"",IF(MONTH(IP26)=MONTH(IP26+1),IP26+1,"")))</f>
        <v/>
      </c>
      <c r="IQ27" s="13" t="str">
        <f>IF(COUNTIF(祝日一覧!$E$2:$E$142,IP27),"○",IF(IT27&lt;&gt;"","○",""))</f>
        <v/>
      </c>
      <c r="IR27" s="25"/>
      <c r="IS27" s="45" t="str">
        <f t="shared" si="96"/>
        <v/>
      </c>
      <c r="IT27" s="45"/>
      <c r="IU27" s="167"/>
      <c r="IV27" s="168"/>
      <c r="IW27" s="9"/>
      <c r="IX27" s="9"/>
      <c r="IY27" s="9"/>
      <c r="IZ27" s="9"/>
      <c r="JA27" s="17"/>
      <c r="JB27" s="102" t="str">
        <f t="shared" si="20"/>
        <v/>
      </c>
      <c r="JC27" s="15" t="str">
        <f>IF(JC26="","",IF(JC26='（参考）【別紙２】'!$E$35,"",IF(MONTH(JC26)=MONTH(JC26+1),JC26+1,"")))</f>
        <v/>
      </c>
      <c r="JD27" s="13" t="str">
        <f>IF(COUNTIF(祝日一覧!$E$2:$E$142,JC27),"○",IF(JG27&lt;&gt;"","○",""))</f>
        <v/>
      </c>
      <c r="JE27" s="25"/>
      <c r="JF27" s="45" t="str">
        <f t="shared" si="97"/>
        <v/>
      </c>
      <c r="JG27" s="45"/>
      <c r="JH27" s="167"/>
      <c r="JI27" s="168"/>
      <c r="JJ27" s="9"/>
      <c r="JK27" s="9"/>
      <c r="JL27" s="9"/>
      <c r="JM27" s="9"/>
      <c r="JN27" s="17"/>
      <c r="JO27" s="102" t="str">
        <f t="shared" si="21"/>
        <v/>
      </c>
      <c r="JP27" s="15" t="str">
        <f>IF(JP26="","",IF(JP26='（参考）【別紙２】'!$E$35,"",IF(MONTH(JP26)=MONTH(JP26+1),JP26+1,"")))</f>
        <v/>
      </c>
      <c r="JQ27" s="13" t="str">
        <f>IF(COUNTIF(祝日一覧!$E$2:$E$142,JP27),"○",IF(JT27&lt;&gt;"","○",""))</f>
        <v/>
      </c>
      <c r="JR27" s="25"/>
      <c r="JS27" s="45" t="str">
        <f t="shared" si="98"/>
        <v/>
      </c>
      <c r="JT27" s="45"/>
      <c r="JU27" s="167"/>
      <c r="JV27" s="168"/>
      <c r="JW27" s="9"/>
      <c r="JX27" s="9"/>
      <c r="JY27" s="9"/>
      <c r="JZ27" s="9"/>
      <c r="KA27" s="17"/>
      <c r="KB27" s="102" t="str">
        <f t="shared" si="22"/>
        <v/>
      </c>
      <c r="KC27" s="15" t="str">
        <f>IF(KC26="","",IF(KC26='（参考）【別紙２】'!$E$35,"",IF(MONTH(KC26)=MONTH(KC26+1),KC26+1,"")))</f>
        <v/>
      </c>
      <c r="KD27" s="13" t="str">
        <f>IF(COUNTIF(祝日一覧!$E$2:$E$142,KC27),"○",IF(KG27&lt;&gt;"","○",""))</f>
        <v/>
      </c>
      <c r="KE27" s="25"/>
      <c r="KF27" s="45" t="str">
        <f t="shared" si="99"/>
        <v/>
      </c>
      <c r="KG27" s="45"/>
      <c r="KH27" s="167"/>
      <c r="KI27" s="168"/>
      <c r="KJ27" s="9"/>
      <c r="KK27" s="9"/>
      <c r="KL27" s="9"/>
      <c r="KM27" s="9"/>
      <c r="KN27" s="17"/>
      <c r="KO27" s="102" t="str">
        <f t="shared" si="23"/>
        <v/>
      </c>
      <c r="KP27" s="15" t="str">
        <f>IF(KP26="","",IF(KP26='（参考）【別紙２】'!$E$35,"",IF(MONTH(KP26)=MONTH(KP26+1),KP26+1,"")))</f>
        <v/>
      </c>
      <c r="KQ27" s="13" t="str">
        <f>IF(COUNTIF(祝日一覧!$E$2:$E$142,KP27),"○",IF(KT27&lt;&gt;"","○",""))</f>
        <v/>
      </c>
      <c r="KR27" s="25"/>
      <c r="KS27" s="45" t="str">
        <f t="shared" si="100"/>
        <v/>
      </c>
      <c r="KT27" s="45"/>
      <c r="KU27" s="167"/>
      <c r="KV27" s="168"/>
      <c r="KW27" s="9"/>
      <c r="KX27" s="9"/>
      <c r="KY27" s="9"/>
      <c r="KZ27" s="9"/>
      <c r="LA27" s="17"/>
      <c r="LB27" s="102" t="str">
        <f t="shared" si="24"/>
        <v/>
      </c>
      <c r="LC27" s="15" t="str">
        <f>IF(LC26="","",IF(LC26='（参考）【別紙２】'!$E$35,"",IF(MONTH(LC26)=MONTH(LC26+1),LC26+1,"")))</f>
        <v/>
      </c>
      <c r="LD27" s="13" t="str">
        <f>IF(COUNTIF(祝日一覧!$E$2:$E$142,LC27),"○",IF(LG27&lt;&gt;"","○",""))</f>
        <v/>
      </c>
      <c r="LE27" s="25"/>
      <c r="LF27" s="45" t="str">
        <f t="shared" si="101"/>
        <v/>
      </c>
      <c r="LG27" s="45"/>
      <c r="LH27" s="167"/>
      <c r="LI27" s="168"/>
      <c r="LJ27" s="9"/>
      <c r="LK27" s="9"/>
      <c r="LL27" s="9"/>
      <c r="LM27" s="9"/>
      <c r="LN27" s="17"/>
      <c r="LO27" s="102" t="str">
        <f t="shared" si="25"/>
        <v/>
      </c>
      <c r="LP27" s="15" t="str">
        <f>IF(LP26="","",IF(LP26='（参考）【別紙２】'!$E$35,"",IF(MONTH(LP26)=MONTH(LP26+1),LP26+1,"")))</f>
        <v/>
      </c>
      <c r="LQ27" s="13" t="str">
        <f>IF(COUNTIF(祝日一覧!$E$2:$E$142,LP27),"○",IF(LT27&lt;&gt;"","○",""))</f>
        <v/>
      </c>
      <c r="LR27" s="25"/>
      <c r="LS27" s="45" t="str">
        <f t="shared" si="102"/>
        <v/>
      </c>
      <c r="LT27" s="45"/>
      <c r="LU27" s="167"/>
      <c r="LV27" s="168"/>
      <c r="LW27" s="9"/>
      <c r="LX27" s="9"/>
      <c r="LY27" s="9"/>
      <c r="LZ27" s="9"/>
      <c r="MA27" s="17"/>
      <c r="MB27" s="102" t="str">
        <f t="shared" si="26"/>
        <v/>
      </c>
      <c r="MC27" s="15" t="str">
        <f>IF(MC26="","",IF(MC26='（参考）【別紙２】'!$E$35,"",IF(MONTH(MC26)=MONTH(MC26+1),MC26+1,"")))</f>
        <v/>
      </c>
      <c r="MD27" s="13" t="str">
        <f>IF(COUNTIF(祝日一覧!$E$2:$E$142,MC27),"○",IF(MG27&lt;&gt;"","○",""))</f>
        <v/>
      </c>
      <c r="ME27" s="25"/>
      <c r="MF27" s="45" t="str">
        <f t="shared" si="103"/>
        <v/>
      </c>
      <c r="MG27" s="45"/>
      <c r="MH27" s="167"/>
      <c r="MI27" s="168"/>
      <c r="MJ27" s="9"/>
      <c r="MK27" s="9"/>
      <c r="ML27" s="9"/>
      <c r="MM27" s="9"/>
      <c r="MN27" s="17"/>
      <c r="MO27" s="102" t="str">
        <f t="shared" si="27"/>
        <v/>
      </c>
      <c r="MP27" s="15" t="str">
        <f>IF(MP26="","",IF(MP26='（参考）【別紙２】'!$E$35,"",IF(MONTH(MP26)=MONTH(MP26+1),MP26+1,"")))</f>
        <v/>
      </c>
      <c r="MQ27" s="13" t="str">
        <f>IF(COUNTIF(祝日一覧!$E$2:$E$142,MP27),"○",IF(MT27&lt;&gt;"","○",""))</f>
        <v/>
      </c>
      <c r="MR27" s="25"/>
      <c r="MS27" s="45" t="str">
        <f t="shared" si="104"/>
        <v/>
      </c>
      <c r="MT27" s="45"/>
      <c r="MU27" s="167"/>
      <c r="MV27" s="168"/>
      <c r="MW27" s="9"/>
      <c r="MX27" s="9"/>
      <c r="MY27" s="9"/>
      <c r="MZ27" s="9"/>
      <c r="NA27" s="17"/>
      <c r="NB27" s="102" t="str">
        <f t="shared" si="28"/>
        <v/>
      </c>
      <c r="NC27" s="15" t="str">
        <f>IF(NC26="","",IF(NC26='（参考）【別紙２】'!$E$35,"",IF(MONTH(NC26)=MONTH(NC26+1),NC26+1,"")))</f>
        <v/>
      </c>
      <c r="ND27" s="13" t="str">
        <f>IF(COUNTIF(祝日一覧!$E$2:$E$142,NC27),"○",IF(NG27&lt;&gt;"","○",""))</f>
        <v/>
      </c>
      <c r="NE27" s="25"/>
      <c r="NF27" s="45" t="str">
        <f t="shared" si="105"/>
        <v/>
      </c>
      <c r="NG27" s="45"/>
      <c r="NH27" s="167"/>
      <c r="NI27" s="168"/>
      <c r="NJ27" s="9"/>
      <c r="NK27" s="9"/>
      <c r="NL27" s="9"/>
      <c r="NM27" s="9"/>
      <c r="NN27" s="17"/>
      <c r="NO27" s="102" t="str">
        <f t="shared" si="29"/>
        <v/>
      </c>
      <c r="NP27" s="15" t="str">
        <f>IF(NP26="","",IF(NP26='（参考）【別紙２】'!$E$35,"",IF(MONTH(NP26)=MONTH(NP26+1),NP26+1,"")))</f>
        <v/>
      </c>
      <c r="NQ27" s="13" t="str">
        <f>IF(COUNTIF(祝日一覧!$E$2:$E$142,NP27),"○",IF(NT27&lt;&gt;"","○",""))</f>
        <v/>
      </c>
      <c r="NR27" s="25"/>
      <c r="NS27" s="45" t="str">
        <f t="shared" si="106"/>
        <v/>
      </c>
      <c r="NT27" s="45"/>
      <c r="NU27" s="167"/>
      <c r="NV27" s="168"/>
      <c r="NW27" s="9"/>
      <c r="NX27" s="9"/>
      <c r="NY27" s="9"/>
      <c r="NZ27" s="9"/>
      <c r="OA27" s="17"/>
      <c r="OB27" s="102" t="str">
        <f t="shared" si="30"/>
        <v/>
      </c>
      <c r="OC27" s="15" t="str">
        <f>IF(OC26="","",IF(OC26='（参考）【別紙２】'!$E$35,"",IF(MONTH(OC26)=MONTH(OC26+1),OC26+1,"")))</f>
        <v/>
      </c>
      <c r="OD27" s="13" t="str">
        <f>IF(COUNTIF(祝日一覧!$E$2:$E$142,OC27),"○",IF(OG27&lt;&gt;"","○",""))</f>
        <v/>
      </c>
      <c r="OE27" s="25"/>
      <c r="OF27" s="45" t="str">
        <f t="shared" si="107"/>
        <v/>
      </c>
      <c r="OG27" s="45"/>
      <c r="OH27" s="167"/>
      <c r="OI27" s="168"/>
      <c r="OJ27" s="9"/>
      <c r="OK27" s="9"/>
      <c r="OL27" s="9"/>
      <c r="OM27" s="9"/>
      <c r="ON27" s="17"/>
      <c r="OO27" s="102" t="str">
        <f t="shared" si="31"/>
        <v/>
      </c>
      <c r="OP27" s="15" t="str">
        <f>IF(OP26="","",IF(OP26='（参考）【別紙２】'!$E$35,"",IF(MONTH(OP26)=MONTH(OP26+1),OP26+1,"")))</f>
        <v/>
      </c>
      <c r="OQ27" s="13" t="str">
        <f>IF(COUNTIF(祝日一覧!$E$2:$E$142,OP27),"○",IF(OT27&lt;&gt;"","○",""))</f>
        <v/>
      </c>
      <c r="OR27" s="25"/>
      <c r="OS27" s="45" t="str">
        <f t="shared" si="108"/>
        <v/>
      </c>
      <c r="OT27" s="45"/>
      <c r="OU27" s="167"/>
      <c r="OV27" s="168"/>
      <c r="OW27" s="9"/>
      <c r="OX27" s="9"/>
      <c r="OY27" s="9"/>
      <c r="OZ27" s="9"/>
      <c r="PA27" s="17"/>
      <c r="PB27" s="102" t="str">
        <f t="shared" si="32"/>
        <v/>
      </c>
      <c r="PC27" s="15" t="str">
        <f>IF(PC26="","",IF(PC26='（参考）【別紙２】'!$E$35,"",IF(MONTH(PC26)=MONTH(PC26+1),PC26+1,"")))</f>
        <v/>
      </c>
      <c r="PD27" s="13" t="str">
        <f>IF(COUNTIF(祝日一覧!$E$2:$E$142,PC27),"○",IF(PG27&lt;&gt;"","○",""))</f>
        <v/>
      </c>
      <c r="PE27" s="25"/>
      <c r="PF27" s="45" t="str">
        <f t="shared" si="109"/>
        <v/>
      </c>
      <c r="PG27" s="45"/>
      <c r="PH27" s="167"/>
      <c r="PI27" s="168"/>
      <c r="PJ27" s="9"/>
      <c r="PK27" s="9"/>
      <c r="PL27" s="9"/>
      <c r="PM27" s="9"/>
      <c r="PN27" s="17"/>
      <c r="PO27" s="102" t="str">
        <f t="shared" si="33"/>
        <v/>
      </c>
      <c r="PP27" s="15" t="str">
        <f>IF(PP26="","",IF(PP26='（参考）【別紙２】'!$E$35,"",IF(MONTH(PP26)=MONTH(PP26+1),PP26+1,"")))</f>
        <v/>
      </c>
      <c r="PQ27" s="13" t="str">
        <f>IF(COUNTIF(祝日一覧!$E$2:$E$142,PP27),"○",IF(PT27&lt;&gt;"","○",""))</f>
        <v/>
      </c>
      <c r="PR27" s="25"/>
      <c r="PS27" s="45" t="str">
        <f t="shared" si="110"/>
        <v/>
      </c>
      <c r="PT27" s="45"/>
      <c r="PU27" s="167"/>
      <c r="PV27" s="168"/>
      <c r="PW27" s="9"/>
      <c r="PX27" s="9"/>
      <c r="PY27" s="9"/>
      <c r="PZ27" s="9"/>
      <c r="QA27" s="17"/>
      <c r="QB27" s="102" t="str">
        <f t="shared" si="34"/>
        <v/>
      </c>
      <c r="QC27" s="15" t="str">
        <f>IF(QC26="","",IF(QC26='（参考）【別紙２】'!$E$35,"",IF(MONTH(QC26)=MONTH(QC26+1),QC26+1,"")))</f>
        <v/>
      </c>
      <c r="QD27" s="13" t="str">
        <f>IF(COUNTIF(祝日一覧!$E$2:$E$142,QC27),"○",IF(QG27&lt;&gt;"","○",""))</f>
        <v/>
      </c>
      <c r="QE27" s="25"/>
      <c r="QF27" s="45" t="str">
        <f t="shared" si="111"/>
        <v/>
      </c>
      <c r="QG27" s="45"/>
      <c r="QH27" s="167"/>
      <c r="QI27" s="168"/>
      <c r="QJ27" s="9"/>
      <c r="QK27" s="9"/>
      <c r="QL27" s="9"/>
      <c r="QM27" s="9"/>
      <c r="QN27" s="17"/>
      <c r="QO27" s="102" t="str">
        <f t="shared" si="35"/>
        <v/>
      </c>
      <c r="QP27" s="15" t="str">
        <f>IF(QP26="","",IF(QP26='（参考）【別紙２】'!$E$35,"",IF(MONTH(QP26)=MONTH(QP26+1),QP26+1,"")))</f>
        <v/>
      </c>
      <c r="QQ27" s="13" t="str">
        <f>IF(COUNTIF(祝日一覧!$E$2:$E$142,QP27),"○",IF(QT27&lt;&gt;"","○",""))</f>
        <v/>
      </c>
      <c r="QR27" s="25"/>
      <c r="QS27" s="45" t="str">
        <f t="shared" si="112"/>
        <v/>
      </c>
      <c r="QT27" s="45"/>
      <c r="QU27" s="167"/>
      <c r="QV27" s="168"/>
      <c r="QW27" s="9"/>
      <c r="QX27" s="9"/>
      <c r="QY27" s="9"/>
      <c r="QZ27" s="9"/>
      <c r="RA27" s="17"/>
      <c r="RB27" s="102" t="str">
        <f t="shared" si="36"/>
        <v/>
      </c>
      <c r="RC27" s="15" t="str">
        <f>IF(RC26="","",IF(RC26='（参考）【別紙２】'!$E$35,"",IF(MONTH(RC26)=MONTH(RC26+1),RC26+1,"")))</f>
        <v/>
      </c>
      <c r="RD27" s="13" t="str">
        <f>IF(COUNTIF(祝日一覧!$E$2:$E$142,RC27),"○",IF(RG27&lt;&gt;"","○",""))</f>
        <v/>
      </c>
      <c r="RE27" s="25"/>
      <c r="RF27" s="45" t="str">
        <f t="shared" si="113"/>
        <v/>
      </c>
      <c r="RG27" s="45"/>
      <c r="RH27" s="167"/>
      <c r="RI27" s="168"/>
      <c r="RJ27" s="9"/>
      <c r="RK27" s="9"/>
      <c r="RL27" s="9"/>
      <c r="RM27" s="9"/>
      <c r="RN27" s="17"/>
      <c r="RO27" s="102" t="str">
        <f t="shared" si="37"/>
        <v/>
      </c>
      <c r="RP27" s="15" t="str">
        <f>IF(RP26="","",IF(RP26='（参考）【別紙２】'!$E$35,"",IF(MONTH(RP26)=MONTH(RP26+1),RP26+1,"")))</f>
        <v/>
      </c>
      <c r="RQ27" s="13" t="str">
        <f>IF(COUNTIF(祝日一覧!$E$2:$E$142,RP27),"○",IF(RT27&lt;&gt;"","○",""))</f>
        <v/>
      </c>
      <c r="RR27" s="25"/>
      <c r="RS27" s="45" t="str">
        <f t="shared" si="114"/>
        <v/>
      </c>
      <c r="RT27" s="45"/>
      <c r="RU27" s="167"/>
      <c r="RV27" s="168"/>
      <c r="RW27" s="9"/>
      <c r="RX27" s="9"/>
      <c r="RY27" s="9"/>
      <c r="RZ27" s="9"/>
      <c r="SA27" s="17"/>
      <c r="SB27" s="102" t="str">
        <f t="shared" si="38"/>
        <v/>
      </c>
      <c r="SC27" s="15" t="str">
        <f>IF(SC26="","",IF(SC26='（参考）【別紙２】'!$E$35,"",IF(MONTH(SC26)=MONTH(SC26+1),SC26+1,"")))</f>
        <v/>
      </c>
      <c r="SD27" s="13" t="str">
        <f>IF(COUNTIF(祝日一覧!$E$2:$E$142,SC27),"○",IF(SG27&lt;&gt;"","○",""))</f>
        <v/>
      </c>
      <c r="SE27" s="25"/>
      <c r="SF27" s="45" t="str">
        <f t="shared" si="115"/>
        <v/>
      </c>
      <c r="SG27" s="45"/>
      <c r="SH27" s="167"/>
      <c r="SI27" s="168"/>
      <c r="SJ27" s="9"/>
      <c r="SK27" s="9"/>
      <c r="SL27" s="9"/>
      <c r="SM27" s="9"/>
    </row>
    <row r="28" spans="1:507" ht="15.6" customHeight="1">
      <c r="A28" s="17"/>
      <c r="B28" s="102" t="str">
        <f t="shared" si="0"/>
        <v>日</v>
      </c>
      <c r="C28" s="15">
        <f>IF(C27="","",IF(C27='（参考）【別紙２】'!$E$35,"",IF(MONTH(C27)=MONTH(C27+1),C27+1,"")))</f>
        <v>45767</v>
      </c>
      <c r="D28" s="13" t="str">
        <f>IF(COUNTIF(祝日一覧!$E$2:$E$142,C28),"○",IF(G28&lt;&gt;"","○",""))</f>
        <v/>
      </c>
      <c r="E28" s="26"/>
      <c r="F28" s="45" t="str">
        <f t="shared" si="39"/>
        <v>○</v>
      </c>
      <c r="G28" s="45"/>
      <c r="H28" s="167"/>
      <c r="I28" s="168"/>
      <c r="J28" s="43"/>
      <c r="K28" s="175" t="s">
        <v>112</v>
      </c>
      <c r="L28" s="187"/>
      <c r="M28" s="9"/>
      <c r="N28" s="17"/>
      <c r="O28" s="102" t="str">
        <f t="shared" si="1"/>
        <v>火</v>
      </c>
      <c r="P28" s="15">
        <f>IF(P27="","",IF(P27='（参考）【別紙２】'!$E$35,"",IF(MONTH(P27)=MONTH(P27+1),P27+1,"")))</f>
        <v>45797</v>
      </c>
      <c r="Q28" s="13" t="str">
        <f>IF(COUNTIF(祝日一覧!$E$2:$E$142,P28),"○",IF(T28&lt;&gt;"","○",""))</f>
        <v/>
      </c>
      <c r="R28" s="26"/>
      <c r="S28" s="45" t="str">
        <f t="shared" si="78"/>
        <v/>
      </c>
      <c r="T28" s="45"/>
      <c r="U28" s="167"/>
      <c r="V28" s="168"/>
      <c r="W28" s="9"/>
      <c r="X28" s="175" t="s">
        <v>112</v>
      </c>
      <c r="Y28" s="187"/>
      <c r="Z28" s="9"/>
      <c r="AA28" s="17"/>
      <c r="AB28" s="102" t="str">
        <f t="shared" si="2"/>
        <v>金</v>
      </c>
      <c r="AC28" s="15">
        <f>IF(AC27="","",IF(AC27='（参考）【別紙２】'!$E$35,"",IF(MONTH(AC27)=MONTH(AC27+1),AC27+1,"")))</f>
        <v>45828</v>
      </c>
      <c r="AD28" s="13" t="str">
        <f>IF(COUNTIF(祝日一覧!$E$2:$E$142,AC28),"○",IF(AG28&lt;&gt;"","○",""))</f>
        <v/>
      </c>
      <c r="AE28" s="26"/>
      <c r="AF28" s="45" t="str">
        <f t="shared" si="79"/>
        <v/>
      </c>
      <c r="AG28" s="45"/>
      <c r="AH28" s="167"/>
      <c r="AI28" s="168"/>
      <c r="AJ28" s="9"/>
      <c r="AK28" s="175" t="s">
        <v>112</v>
      </c>
      <c r="AL28" s="187"/>
      <c r="AM28" s="9"/>
      <c r="AN28" s="17"/>
      <c r="AO28" s="102" t="str">
        <f t="shared" si="3"/>
        <v>日</v>
      </c>
      <c r="AP28" s="15">
        <f>IF(AP27="","",IF(AP27='（参考）【別紙２】'!$E$35,"",IF(MONTH(AP27)=MONTH(AP27+1),AP27+1,"")))</f>
        <v>45858</v>
      </c>
      <c r="AQ28" s="13" t="str">
        <f>IF(COUNTIF(祝日一覧!$E$2:$E$142,AP28),"○",IF(AT28&lt;&gt;"","○",""))</f>
        <v/>
      </c>
      <c r="AR28" s="26"/>
      <c r="AS28" s="45" t="str">
        <f t="shared" si="80"/>
        <v>○</v>
      </c>
      <c r="AT28" s="45"/>
      <c r="AU28" s="167"/>
      <c r="AV28" s="168"/>
      <c r="AW28" s="9"/>
      <c r="AX28" s="175" t="s">
        <v>112</v>
      </c>
      <c r="AY28" s="187"/>
      <c r="AZ28" s="9"/>
      <c r="BA28" s="17"/>
      <c r="BB28" s="102" t="str">
        <f t="shared" si="4"/>
        <v>水</v>
      </c>
      <c r="BC28" s="15">
        <f>IF(BC27="","",IF(BC27='（参考）【別紙２】'!$E$35,"",IF(MONTH(BC27)=MONTH(BC27+1),BC27+1,"")))</f>
        <v>45889</v>
      </c>
      <c r="BD28" s="13" t="str">
        <f>IF(COUNTIF(祝日一覧!$E$2:$E$142,BC28),"○",IF(BG28&lt;&gt;"","○",""))</f>
        <v/>
      </c>
      <c r="BE28" s="26"/>
      <c r="BF28" s="45" t="str">
        <f t="shared" si="81"/>
        <v/>
      </c>
      <c r="BG28" s="45"/>
      <c r="BH28" s="167"/>
      <c r="BI28" s="168"/>
      <c r="BJ28" s="9"/>
      <c r="BK28" s="175" t="s">
        <v>112</v>
      </c>
      <c r="BL28" s="187"/>
      <c r="BM28" s="9"/>
      <c r="BN28" s="17"/>
      <c r="BO28" s="102" t="str">
        <f t="shared" si="5"/>
        <v/>
      </c>
      <c r="BP28" s="15" t="str">
        <f>IF(BP27="","",IF(BP27='（参考）【別紙２】'!$E$35,"",IF(MONTH(BP27)=MONTH(BP27+1),BP27+1,"")))</f>
        <v/>
      </c>
      <c r="BQ28" s="13" t="str">
        <f>IF(COUNTIF(祝日一覧!$E$2:$E$142,BP28),"○",IF(BT28&lt;&gt;"","○",""))</f>
        <v/>
      </c>
      <c r="BR28" s="26"/>
      <c r="BS28" s="45" t="str">
        <f t="shared" si="82"/>
        <v/>
      </c>
      <c r="BT28" s="45"/>
      <c r="BU28" s="167"/>
      <c r="BV28" s="168"/>
      <c r="BW28" s="9"/>
      <c r="BX28" s="175" t="s">
        <v>112</v>
      </c>
      <c r="BY28" s="187"/>
      <c r="BZ28" s="9"/>
      <c r="CA28" s="17"/>
      <c r="CB28" s="102" t="str">
        <f t="shared" si="6"/>
        <v/>
      </c>
      <c r="CC28" s="15" t="str">
        <f>IF(CC27="","",IF(CC27='（参考）【別紙２】'!$E$35,"",IF(MONTH(CC27)=MONTH(CC27+1),CC27+1,"")))</f>
        <v/>
      </c>
      <c r="CD28" s="13" t="str">
        <f>IF(COUNTIF(祝日一覧!$E$2:$E$142,CC28),"○",IF(CG28&lt;&gt;"","○",""))</f>
        <v/>
      </c>
      <c r="CE28" s="26"/>
      <c r="CF28" s="45" t="str">
        <f t="shared" si="83"/>
        <v/>
      </c>
      <c r="CG28" s="45"/>
      <c r="CH28" s="167"/>
      <c r="CI28" s="168"/>
      <c r="CJ28" s="9"/>
      <c r="CK28" s="175" t="s">
        <v>112</v>
      </c>
      <c r="CL28" s="187"/>
      <c r="CM28" s="9"/>
      <c r="CN28" s="17"/>
      <c r="CO28" s="102" t="str">
        <f t="shared" si="7"/>
        <v/>
      </c>
      <c r="CP28" s="15" t="str">
        <f>IF(CP27="","",IF(CP27='（参考）【別紙２】'!$E$35,"",IF(MONTH(CP27)=MONTH(CP27+1),CP27+1,"")))</f>
        <v/>
      </c>
      <c r="CQ28" s="13" t="str">
        <f>IF(COUNTIF(祝日一覧!$E$2:$E$142,CP28),"○",IF(CT28&lt;&gt;"","○",""))</f>
        <v/>
      </c>
      <c r="CR28" s="26"/>
      <c r="CS28" s="45" t="str">
        <f t="shared" si="84"/>
        <v/>
      </c>
      <c r="CT28" s="45"/>
      <c r="CU28" s="167"/>
      <c r="CV28" s="168"/>
      <c r="CW28" s="9"/>
      <c r="CX28" s="175" t="s">
        <v>112</v>
      </c>
      <c r="CY28" s="187"/>
      <c r="CZ28" s="9"/>
      <c r="DA28" s="17"/>
      <c r="DB28" s="102" t="str">
        <f t="shared" si="8"/>
        <v/>
      </c>
      <c r="DC28" s="15" t="str">
        <f>IF(DC27="","",IF(DC27='（参考）【別紙２】'!$E$35,"",IF(MONTH(DC27)=MONTH(DC27+1),DC27+1,"")))</f>
        <v/>
      </c>
      <c r="DD28" s="13" t="str">
        <f>IF(COUNTIF(祝日一覧!$E$2:$E$142,DC28),"○",IF(DG28&lt;&gt;"","○",""))</f>
        <v/>
      </c>
      <c r="DE28" s="26"/>
      <c r="DF28" s="45" t="str">
        <f t="shared" si="85"/>
        <v/>
      </c>
      <c r="DG28" s="45"/>
      <c r="DH28" s="167"/>
      <c r="DI28" s="168"/>
      <c r="DJ28" s="9"/>
      <c r="DK28" s="175" t="s">
        <v>112</v>
      </c>
      <c r="DL28" s="187"/>
      <c r="DM28" s="9"/>
      <c r="DN28" s="17"/>
      <c r="DO28" s="102" t="str">
        <f t="shared" si="9"/>
        <v/>
      </c>
      <c r="DP28" s="15" t="str">
        <f>IF(DP27="","",IF(DP27='（参考）【別紙２】'!$E$35,"",IF(MONTH(DP27)=MONTH(DP27+1),DP27+1,"")))</f>
        <v/>
      </c>
      <c r="DQ28" s="13" t="str">
        <f>IF(COUNTIF(祝日一覧!$E$2:$E$142,DP28),"○",IF(DT28&lt;&gt;"","○",""))</f>
        <v/>
      </c>
      <c r="DR28" s="26"/>
      <c r="DS28" s="45" t="str">
        <f t="shared" si="86"/>
        <v/>
      </c>
      <c r="DT28" s="45"/>
      <c r="DU28" s="167"/>
      <c r="DV28" s="168"/>
      <c r="DW28" s="9"/>
      <c r="DX28" s="175" t="s">
        <v>112</v>
      </c>
      <c r="DY28" s="187"/>
      <c r="DZ28" s="9"/>
      <c r="EA28" s="17"/>
      <c r="EB28" s="102" t="str">
        <f t="shared" si="10"/>
        <v/>
      </c>
      <c r="EC28" s="15" t="str">
        <f>IF(EC27="","",IF(EC27='（参考）【別紙２】'!$E$35,"",IF(MONTH(EC27)=MONTH(EC27+1),EC27+1,"")))</f>
        <v/>
      </c>
      <c r="ED28" s="13" t="str">
        <f>IF(COUNTIF(祝日一覧!$E$2:$E$142,EC28),"○",IF(EG28&lt;&gt;"","○",""))</f>
        <v/>
      </c>
      <c r="EE28" s="26"/>
      <c r="EF28" s="45" t="str">
        <f t="shared" si="87"/>
        <v/>
      </c>
      <c r="EG28" s="45"/>
      <c r="EH28" s="167"/>
      <c r="EI28" s="168"/>
      <c r="EJ28" s="9"/>
      <c r="EK28" s="175" t="s">
        <v>112</v>
      </c>
      <c r="EL28" s="187"/>
      <c r="EM28" s="9"/>
      <c r="EN28" s="17"/>
      <c r="EO28" s="102" t="str">
        <f t="shared" si="11"/>
        <v/>
      </c>
      <c r="EP28" s="15" t="str">
        <f>IF(EP27="","",IF(EP27='（参考）【別紙２】'!$E$35,"",IF(MONTH(EP27)=MONTH(EP27+1),EP27+1,"")))</f>
        <v/>
      </c>
      <c r="EQ28" s="13" t="str">
        <f>IF(COUNTIF(祝日一覧!$E$2:$E$142,EP28),"○",IF(ET28&lt;&gt;"","○",""))</f>
        <v/>
      </c>
      <c r="ER28" s="26"/>
      <c r="ES28" s="45" t="str">
        <f t="shared" si="88"/>
        <v/>
      </c>
      <c r="ET28" s="45"/>
      <c r="EU28" s="167"/>
      <c r="EV28" s="168"/>
      <c r="EW28" s="9"/>
      <c r="EX28" s="175" t="s">
        <v>112</v>
      </c>
      <c r="EY28" s="187"/>
      <c r="EZ28" s="9"/>
      <c r="FA28" s="17"/>
      <c r="FB28" s="102" t="str">
        <f t="shared" si="12"/>
        <v/>
      </c>
      <c r="FC28" s="15" t="str">
        <f>IF(FC27="","",IF(FC27='（参考）【別紙２】'!$E$35,"",IF(MONTH(FC27)=MONTH(FC27+1),FC27+1,"")))</f>
        <v/>
      </c>
      <c r="FD28" s="13" t="str">
        <f>IF(COUNTIF(祝日一覧!$E$2:$E$142,FC28),"○",IF(FG28&lt;&gt;"","○",""))</f>
        <v/>
      </c>
      <c r="FE28" s="26"/>
      <c r="FF28" s="45" t="str">
        <f t="shared" si="89"/>
        <v/>
      </c>
      <c r="FG28" s="45"/>
      <c r="FH28" s="167"/>
      <c r="FI28" s="168"/>
      <c r="FJ28" s="9"/>
      <c r="FK28" s="175" t="s">
        <v>112</v>
      </c>
      <c r="FL28" s="187"/>
      <c r="FM28" s="9"/>
      <c r="FN28" s="17"/>
      <c r="FO28" s="102" t="str">
        <f t="shared" si="13"/>
        <v/>
      </c>
      <c r="FP28" s="15" t="str">
        <f>IF(FP27="","",IF(FP27='（参考）【別紙２】'!$E$35,"",IF(MONTH(FP27)=MONTH(FP27+1),FP27+1,"")))</f>
        <v/>
      </c>
      <c r="FQ28" s="13" t="str">
        <f>IF(COUNTIF(祝日一覧!$E$2:$E$142,FP28),"○",IF(FT28&lt;&gt;"","○",""))</f>
        <v/>
      </c>
      <c r="FR28" s="26"/>
      <c r="FS28" s="45" t="str">
        <f t="shared" si="90"/>
        <v/>
      </c>
      <c r="FT28" s="45"/>
      <c r="FU28" s="167"/>
      <c r="FV28" s="168"/>
      <c r="FW28" s="9"/>
      <c r="FX28" s="175" t="s">
        <v>112</v>
      </c>
      <c r="FY28" s="187"/>
      <c r="FZ28" s="9"/>
      <c r="GA28" s="17"/>
      <c r="GB28" s="102" t="str">
        <f t="shared" si="14"/>
        <v/>
      </c>
      <c r="GC28" s="15" t="str">
        <f>IF(GC27="","",IF(GC27='（参考）【別紙２】'!$E$35,"",IF(MONTH(GC27)=MONTH(GC27+1),GC27+1,"")))</f>
        <v/>
      </c>
      <c r="GD28" s="13" t="str">
        <f>IF(COUNTIF(祝日一覧!$E$2:$E$142,GC28),"○",IF(GG28&lt;&gt;"","○",""))</f>
        <v/>
      </c>
      <c r="GE28" s="25"/>
      <c r="GF28" s="45" t="str">
        <f t="shared" si="91"/>
        <v/>
      </c>
      <c r="GG28" s="45"/>
      <c r="GH28" s="167"/>
      <c r="GI28" s="168"/>
      <c r="GJ28" s="9"/>
      <c r="GK28" s="175" t="s">
        <v>112</v>
      </c>
      <c r="GL28" s="187"/>
      <c r="GM28" s="9"/>
      <c r="GN28" s="17"/>
      <c r="GO28" s="102" t="str">
        <f t="shared" si="15"/>
        <v/>
      </c>
      <c r="GP28" s="15" t="str">
        <f>IF(GP27="","",IF(GP27='（参考）【別紙２】'!$E$35,"",IF(MONTH(GP27)=MONTH(GP27+1),GP27+1,"")))</f>
        <v/>
      </c>
      <c r="GQ28" s="13" t="str">
        <f>IF(COUNTIF(祝日一覧!$E$2:$E$142,GP28),"○",IF(GT28&lt;&gt;"","○",""))</f>
        <v/>
      </c>
      <c r="GR28" s="25"/>
      <c r="GS28" s="45" t="str">
        <f t="shared" si="92"/>
        <v/>
      </c>
      <c r="GT28" s="45"/>
      <c r="GU28" s="167"/>
      <c r="GV28" s="168"/>
      <c r="GW28" s="9"/>
      <c r="GX28" s="175" t="s">
        <v>112</v>
      </c>
      <c r="GY28" s="187"/>
      <c r="GZ28" s="9"/>
      <c r="HA28" s="17"/>
      <c r="HB28" s="102" t="str">
        <f t="shared" si="16"/>
        <v/>
      </c>
      <c r="HC28" s="15" t="str">
        <f>IF(HC27="","",IF(HC27='（参考）【別紙２】'!$E$35,"",IF(MONTH(HC27)=MONTH(HC27+1),HC27+1,"")))</f>
        <v/>
      </c>
      <c r="HD28" s="13" t="str">
        <f>IF(COUNTIF(祝日一覧!$E$2:$E$142,HC28),"○",IF(HG28&lt;&gt;"","○",""))</f>
        <v/>
      </c>
      <c r="HE28" s="26"/>
      <c r="HF28" s="45" t="str">
        <f t="shared" si="93"/>
        <v/>
      </c>
      <c r="HG28" s="45"/>
      <c r="HH28" s="167"/>
      <c r="HI28" s="168"/>
      <c r="HJ28" s="9"/>
      <c r="HK28" s="175" t="s">
        <v>112</v>
      </c>
      <c r="HL28" s="187"/>
      <c r="HM28" s="9"/>
      <c r="HN28" s="17"/>
      <c r="HO28" s="102" t="str">
        <f t="shared" si="17"/>
        <v/>
      </c>
      <c r="HP28" s="15" t="str">
        <f>IF(HP27="","",IF(HP27='（参考）【別紙２】'!$E$35,"",IF(MONTH(HP27)=MONTH(HP27+1),HP27+1,"")))</f>
        <v/>
      </c>
      <c r="HQ28" s="13" t="str">
        <f>IF(COUNTIF(祝日一覧!$E$2:$E$142,HP28),"○",IF(HT28&lt;&gt;"","○",""))</f>
        <v/>
      </c>
      <c r="HR28" s="25"/>
      <c r="HS28" s="45" t="str">
        <f t="shared" si="94"/>
        <v/>
      </c>
      <c r="HT28" s="45"/>
      <c r="HU28" s="167"/>
      <c r="HV28" s="168"/>
      <c r="HW28" s="9"/>
      <c r="HX28" s="175" t="s">
        <v>112</v>
      </c>
      <c r="HY28" s="187"/>
      <c r="HZ28" s="9"/>
      <c r="IA28" s="17"/>
      <c r="IB28" s="102" t="str">
        <f t="shared" si="18"/>
        <v/>
      </c>
      <c r="IC28" s="15" t="str">
        <f>IF(IC27="","",IF(IC27='（参考）【別紙２】'!$E$35,"",IF(MONTH(IC27)=MONTH(IC27+1),IC27+1,"")))</f>
        <v/>
      </c>
      <c r="ID28" s="13" t="str">
        <f>IF(COUNTIF(祝日一覧!$E$2:$E$142,IC28),"○",IF(IG28&lt;&gt;"","○",""))</f>
        <v/>
      </c>
      <c r="IE28" s="25"/>
      <c r="IF28" s="45" t="str">
        <f t="shared" si="95"/>
        <v/>
      </c>
      <c r="IG28" s="45"/>
      <c r="IH28" s="167"/>
      <c r="II28" s="168"/>
      <c r="IJ28" s="9"/>
      <c r="IK28" s="175" t="s">
        <v>112</v>
      </c>
      <c r="IL28" s="187"/>
      <c r="IM28" s="9"/>
      <c r="IN28" s="17"/>
      <c r="IO28" s="102" t="str">
        <f t="shared" si="19"/>
        <v/>
      </c>
      <c r="IP28" s="15" t="str">
        <f>IF(IP27="","",IF(IP27='（参考）【別紙２】'!$E$35,"",IF(MONTH(IP27)=MONTH(IP27+1),IP27+1,"")))</f>
        <v/>
      </c>
      <c r="IQ28" s="13" t="str">
        <f>IF(COUNTIF(祝日一覧!$E$2:$E$142,IP28),"○",IF(IT28&lt;&gt;"","○",""))</f>
        <v/>
      </c>
      <c r="IR28" s="25"/>
      <c r="IS28" s="45" t="str">
        <f t="shared" si="96"/>
        <v/>
      </c>
      <c r="IT28" s="45"/>
      <c r="IU28" s="167"/>
      <c r="IV28" s="168"/>
      <c r="IW28" s="9"/>
      <c r="IX28" s="175" t="s">
        <v>112</v>
      </c>
      <c r="IY28" s="187"/>
      <c r="IZ28" s="9"/>
      <c r="JA28" s="17"/>
      <c r="JB28" s="102" t="str">
        <f t="shared" si="20"/>
        <v/>
      </c>
      <c r="JC28" s="15" t="str">
        <f>IF(JC27="","",IF(JC27='（参考）【別紙２】'!$E$35,"",IF(MONTH(JC27)=MONTH(JC27+1),JC27+1,"")))</f>
        <v/>
      </c>
      <c r="JD28" s="13" t="str">
        <f>IF(COUNTIF(祝日一覧!$E$2:$E$142,JC28),"○",IF(JG28&lt;&gt;"","○",""))</f>
        <v/>
      </c>
      <c r="JE28" s="25"/>
      <c r="JF28" s="45" t="str">
        <f t="shared" si="97"/>
        <v/>
      </c>
      <c r="JG28" s="45"/>
      <c r="JH28" s="167"/>
      <c r="JI28" s="168"/>
      <c r="JJ28" s="9"/>
      <c r="JK28" s="175" t="s">
        <v>112</v>
      </c>
      <c r="JL28" s="187"/>
      <c r="JM28" s="9"/>
      <c r="JN28" s="17"/>
      <c r="JO28" s="102" t="str">
        <f t="shared" si="21"/>
        <v/>
      </c>
      <c r="JP28" s="15" t="str">
        <f>IF(JP27="","",IF(JP27='（参考）【別紙２】'!$E$35,"",IF(MONTH(JP27)=MONTH(JP27+1),JP27+1,"")))</f>
        <v/>
      </c>
      <c r="JQ28" s="13" t="str">
        <f>IF(COUNTIF(祝日一覧!$E$2:$E$142,JP28),"○",IF(JT28&lt;&gt;"","○",""))</f>
        <v/>
      </c>
      <c r="JR28" s="25"/>
      <c r="JS28" s="45" t="str">
        <f t="shared" si="98"/>
        <v/>
      </c>
      <c r="JT28" s="45"/>
      <c r="JU28" s="167"/>
      <c r="JV28" s="168"/>
      <c r="JW28" s="9"/>
      <c r="JX28" s="175" t="s">
        <v>112</v>
      </c>
      <c r="JY28" s="187"/>
      <c r="JZ28" s="9"/>
      <c r="KA28" s="17"/>
      <c r="KB28" s="102" t="str">
        <f t="shared" si="22"/>
        <v/>
      </c>
      <c r="KC28" s="15" t="str">
        <f>IF(KC27="","",IF(KC27='（参考）【別紙２】'!$E$35,"",IF(MONTH(KC27)=MONTH(KC27+1),KC27+1,"")))</f>
        <v/>
      </c>
      <c r="KD28" s="13" t="str">
        <f>IF(COUNTIF(祝日一覧!$E$2:$E$142,KC28),"○",IF(KG28&lt;&gt;"","○",""))</f>
        <v/>
      </c>
      <c r="KE28" s="25"/>
      <c r="KF28" s="45" t="str">
        <f t="shared" si="99"/>
        <v/>
      </c>
      <c r="KG28" s="45"/>
      <c r="KH28" s="167"/>
      <c r="KI28" s="168"/>
      <c r="KJ28" s="9"/>
      <c r="KK28" s="175" t="s">
        <v>112</v>
      </c>
      <c r="KL28" s="187"/>
      <c r="KM28" s="9"/>
      <c r="KN28" s="17"/>
      <c r="KO28" s="102" t="str">
        <f t="shared" si="23"/>
        <v/>
      </c>
      <c r="KP28" s="15" t="str">
        <f>IF(KP27="","",IF(KP27='（参考）【別紙２】'!$E$35,"",IF(MONTH(KP27)=MONTH(KP27+1),KP27+1,"")))</f>
        <v/>
      </c>
      <c r="KQ28" s="13" t="str">
        <f>IF(COUNTIF(祝日一覧!$E$2:$E$142,KP28),"○",IF(KT28&lt;&gt;"","○",""))</f>
        <v/>
      </c>
      <c r="KR28" s="25"/>
      <c r="KS28" s="45" t="str">
        <f t="shared" si="100"/>
        <v/>
      </c>
      <c r="KT28" s="45"/>
      <c r="KU28" s="167"/>
      <c r="KV28" s="168"/>
      <c r="KW28" s="9"/>
      <c r="KX28" s="175" t="s">
        <v>112</v>
      </c>
      <c r="KY28" s="187"/>
      <c r="KZ28" s="9"/>
      <c r="LA28" s="17"/>
      <c r="LB28" s="102" t="str">
        <f t="shared" si="24"/>
        <v/>
      </c>
      <c r="LC28" s="15" t="str">
        <f>IF(LC27="","",IF(LC27='（参考）【別紙２】'!$E$35,"",IF(MONTH(LC27)=MONTH(LC27+1),LC27+1,"")))</f>
        <v/>
      </c>
      <c r="LD28" s="13" t="str">
        <f>IF(COUNTIF(祝日一覧!$E$2:$E$142,LC28),"○",IF(LG28&lt;&gt;"","○",""))</f>
        <v/>
      </c>
      <c r="LE28" s="25"/>
      <c r="LF28" s="45" t="str">
        <f t="shared" si="101"/>
        <v/>
      </c>
      <c r="LG28" s="45"/>
      <c r="LH28" s="167"/>
      <c r="LI28" s="168"/>
      <c r="LJ28" s="9"/>
      <c r="LK28" s="175" t="s">
        <v>112</v>
      </c>
      <c r="LL28" s="187"/>
      <c r="LM28" s="9"/>
      <c r="LN28" s="17"/>
      <c r="LO28" s="102" t="str">
        <f t="shared" si="25"/>
        <v/>
      </c>
      <c r="LP28" s="15" t="str">
        <f>IF(LP27="","",IF(LP27='（参考）【別紙２】'!$E$35,"",IF(MONTH(LP27)=MONTH(LP27+1),LP27+1,"")))</f>
        <v/>
      </c>
      <c r="LQ28" s="13" t="str">
        <f>IF(COUNTIF(祝日一覧!$E$2:$E$142,LP28),"○",IF(LT28&lt;&gt;"","○",""))</f>
        <v/>
      </c>
      <c r="LR28" s="25"/>
      <c r="LS28" s="45" t="str">
        <f t="shared" si="102"/>
        <v/>
      </c>
      <c r="LT28" s="45"/>
      <c r="LU28" s="167"/>
      <c r="LV28" s="168"/>
      <c r="LW28" s="9"/>
      <c r="LX28" s="175" t="s">
        <v>112</v>
      </c>
      <c r="LY28" s="187"/>
      <c r="LZ28" s="9"/>
      <c r="MA28" s="17"/>
      <c r="MB28" s="102" t="str">
        <f t="shared" si="26"/>
        <v/>
      </c>
      <c r="MC28" s="15" t="str">
        <f>IF(MC27="","",IF(MC27='（参考）【別紙２】'!$E$35,"",IF(MONTH(MC27)=MONTH(MC27+1),MC27+1,"")))</f>
        <v/>
      </c>
      <c r="MD28" s="13" t="str">
        <f>IF(COUNTIF(祝日一覧!$E$2:$E$142,MC28),"○",IF(MG28&lt;&gt;"","○",""))</f>
        <v/>
      </c>
      <c r="ME28" s="25"/>
      <c r="MF28" s="45" t="str">
        <f t="shared" si="103"/>
        <v/>
      </c>
      <c r="MG28" s="45"/>
      <c r="MH28" s="167"/>
      <c r="MI28" s="168"/>
      <c r="MJ28" s="9"/>
      <c r="MK28" s="175" t="s">
        <v>112</v>
      </c>
      <c r="ML28" s="187"/>
      <c r="MM28" s="9"/>
      <c r="MN28" s="17"/>
      <c r="MO28" s="102" t="str">
        <f t="shared" si="27"/>
        <v/>
      </c>
      <c r="MP28" s="15" t="str">
        <f>IF(MP27="","",IF(MP27='（参考）【別紙２】'!$E$35,"",IF(MONTH(MP27)=MONTH(MP27+1),MP27+1,"")))</f>
        <v/>
      </c>
      <c r="MQ28" s="13" t="str">
        <f>IF(COUNTIF(祝日一覧!$E$2:$E$142,MP28),"○",IF(MT28&lt;&gt;"","○",""))</f>
        <v/>
      </c>
      <c r="MR28" s="25"/>
      <c r="MS28" s="45" t="str">
        <f t="shared" si="104"/>
        <v/>
      </c>
      <c r="MT28" s="45"/>
      <c r="MU28" s="167"/>
      <c r="MV28" s="168"/>
      <c r="MW28" s="9"/>
      <c r="MX28" s="175" t="s">
        <v>112</v>
      </c>
      <c r="MY28" s="187"/>
      <c r="MZ28" s="9"/>
      <c r="NA28" s="17"/>
      <c r="NB28" s="102" t="str">
        <f t="shared" si="28"/>
        <v/>
      </c>
      <c r="NC28" s="15" t="str">
        <f>IF(NC27="","",IF(NC27='（参考）【別紙２】'!$E$35,"",IF(MONTH(NC27)=MONTH(NC27+1),NC27+1,"")))</f>
        <v/>
      </c>
      <c r="ND28" s="13" t="str">
        <f>IF(COUNTIF(祝日一覧!$E$2:$E$142,NC28),"○",IF(NG28&lt;&gt;"","○",""))</f>
        <v/>
      </c>
      <c r="NE28" s="25"/>
      <c r="NF28" s="45" t="str">
        <f t="shared" si="105"/>
        <v/>
      </c>
      <c r="NG28" s="45"/>
      <c r="NH28" s="167"/>
      <c r="NI28" s="168"/>
      <c r="NJ28" s="9"/>
      <c r="NK28" s="175" t="s">
        <v>112</v>
      </c>
      <c r="NL28" s="187"/>
      <c r="NM28" s="9"/>
      <c r="NN28" s="17"/>
      <c r="NO28" s="102" t="str">
        <f t="shared" si="29"/>
        <v/>
      </c>
      <c r="NP28" s="15" t="str">
        <f>IF(NP27="","",IF(NP27='（参考）【別紙２】'!$E$35,"",IF(MONTH(NP27)=MONTH(NP27+1),NP27+1,"")))</f>
        <v/>
      </c>
      <c r="NQ28" s="13" t="str">
        <f>IF(COUNTIF(祝日一覧!$E$2:$E$142,NP28),"○",IF(NT28&lt;&gt;"","○",""))</f>
        <v/>
      </c>
      <c r="NR28" s="25"/>
      <c r="NS28" s="45" t="str">
        <f t="shared" si="106"/>
        <v/>
      </c>
      <c r="NT28" s="45"/>
      <c r="NU28" s="167"/>
      <c r="NV28" s="168"/>
      <c r="NW28" s="9"/>
      <c r="NX28" s="175" t="s">
        <v>112</v>
      </c>
      <c r="NY28" s="187"/>
      <c r="NZ28" s="9"/>
      <c r="OA28" s="17"/>
      <c r="OB28" s="102" t="str">
        <f t="shared" si="30"/>
        <v/>
      </c>
      <c r="OC28" s="15" t="str">
        <f>IF(OC27="","",IF(OC27='（参考）【別紙２】'!$E$35,"",IF(MONTH(OC27)=MONTH(OC27+1),OC27+1,"")))</f>
        <v/>
      </c>
      <c r="OD28" s="13" t="str">
        <f>IF(COUNTIF(祝日一覧!$E$2:$E$142,OC28),"○",IF(OG28&lt;&gt;"","○",""))</f>
        <v/>
      </c>
      <c r="OE28" s="25"/>
      <c r="OF28" s="45" t="str">
        <f t="shared" si="107"/>
        <v/>
      </c>
      <c r="OG28" s="45"/>
      <c r="OH28" s="167"/>
      <c r="OI28" s="168"/>
      <c r="OJ28" s="9"/>
      <c r="OK28" s="175" t="s">
        <v>112</v>
      </c>
      <c r="OL28" s="187"/>
      <c r="OM28" s="9"/>
      <c r="ON28" s="17"/>
      <c r="OO28" s="102" t="str">
        <f t="shared" si="31"/>
        <v/>
      </c>
      <c r="OP28" s="15" t="str">
        <f>IF(OP27="","",IF(OP27='（参考）【別紙２】'!$E$35,"",IF(MONTH(OP27)=MONTH(OP27+1),OP27+1,"")))</f>
        <v/>
      </c>
      <c r="OQ28" s="13" t="str">
        <f>IF(COUNTIF(祝日一覧!$E$2:$E$142,OP28),"○",IF(OT28&lt;&gt;"","○",""))</f>
        <v/>
      </c>
      <c r="OR28" s="25"/>
      <c r="OS28" s="45" t="str">
        <f t="shared" si="108"/>
        <v/>
      </c>
      <c r="OT28" s="45"/>
      <c r="OU28" s="167"/>
      <c r="OV28" s="168"/>
      <c r="OW28" s="9"/>
      <c r="OX28" s="175" t="s">
        <v>112</v>
      </c>
      <c r="OY28" s="187"/>
      <c r="OZ28" s="9"/>
      <c r="PA28" s="17"/>
      <c r="PB28" s="102" t="str">
        <f t="shared" si="32"/>
        <v/>
      </c>
      <c r="PC28" s="15" t="str">
        <f>IF(PC27="","",IF(PC27='（参考）【別紙２】'!$E$35,"",IF(MONTH(PC27)=MONTH(PC27+1),PC27+1,"")))</f>
        <v/>
      </c>
      <c r="PD28" s="13" t="str">
        <f>IF(COUNTIF(祝日一覧!$E$2:$E$142,PC28),"○",IF(PG28&lt;&gt;"","○",""))</f>
        <v/>
      </c>
      <c r="PE28" s="25"/>
      <c r="PF28" s="45" t="str">
        <f t="shared" si="109"/>
        <v/>
      </c>
      <c r="PG28" s="45"/>
      <c r="PH28" s="167"/>
      <c r="PI28" s="168"/>
      <c r="PJ28" s="9"/>
      <c r="PK28" s="175" t="s">
        <v>112</v>
      </c>
      <c r="PL28" s="187"/>
      <c r="PM28" s="9"/>
      <c r="PN28" s="17"/>
      <c r="PO28" s="102" t="str">
        <f t="shared" si="33"/>
        <v/>
      </c>
      <c r="PP28" s="15" t="str">
        <f>IF(PP27="","",IF(PP27='（参考）【別紙２】'!$E$35,"",IF(MONTH(PP27)=MONTH(PP27+1),PP27+1,"")))</f>
        <v/>
      </c>
      <c r="PQ28" s="13" t="str">
        <f>IF(COUNTIF(祝日一覧!$E$2:$E$142,PP28),"○",IF(PT28&lt;&gt;"","○",""))</f>
        <v/>
      </c>
      <c r="PR28" s="25"/>
      <c r="PS28" s="45" t="str">
        <f t="shared" si="110"/>
        <v/>
      </c>
      <c r="PT28" s="45"/>
      <c r="PU28" s="167"/>
      <c r="PV28" s="168"/>
      <c r="PW28" s="9"/>
      <c r="PX28" s="175" t="s">
        <v>112</v>
      </c>
      <c r="PY28" s="187"/>
      <c r="PZ28" s="9"/>
      <c r="QA28" s="17"/>
      <c r="QB28" s="102" t="str">
        <f t="shared" si="34"/>
        <v/>
      </c>
      <c r="QC28" s="15" t="str">
        <f>IF(QC27="","",IF(QC27='（参考）【別紙２】'!$E$35,"",IF(MONTH(QC27)=MONTH(QC27+1),QC27+1,"")))</f>
        <v/>
      </c>
      <c r="QD28" s="13" t="str">
        <f>IF(COUNTIF(祝日一覧!$E$2:$E$142,QC28),"○",IF(QG28&lt;&gt;"","○",""))</f>
        <v/>
      </c>
      <c r="QE28" s="25"/>
      <c r="QF28" s="45" t="str">
        <f t="shared" si="111"/>
        <v/>
      </c>
      <c r="QG28" s="45"/>
      <c r="QH28" s="167"/>
      <c r="QI28" s="168"/>
      <c r="QJ28" s="9"/>
      <c r="QK28" s="175" t="s">
        <v>112</v>
      </c>
      <c r="QL28" s="187"/>
      <c r="QM28" s="9"/>
      <c r="QN28" s="17"/>
      <c r="QO28" s="102" t="str">
        <f t="shared" si="35"/>
        <v/>
      </c>
      <c r="QP28" s="15" t="str">
        <f>IF(QP27="","",IF(QP27='（参考）【別紙２】'!$E$35,"",IF(MONTH(QP27)=MONTH(QP27+1),QP27+1,"")))</f>
        <v/>
      </c>
      <c r="QQ28" s="13" t="str">
        <f>IF(COUNTIF(祝日一覧!$E$2:$E$142,QP28),"○",IF(QT28&lt;&gt;"","○",""))</f>
        <v/>
      </c>
      <c r="QR28" s="25"/>
      <c r="QS28" s="45" t="str">
        <f t="shared" si="112"/>
        <v/>
      </c>
      <c r="QT28" s="45"/>
      <c r="QU28" s="167"/>
      <c r="QV28" s="168"/>
      <c r="QW28" s="9"/>
      <c r="QX28" s="175" t="s">
        <v>112</v>
      </c>
      <c r="QY28" s="187"/>
      <c r="QZ28" s="9"/>
      <c r="RA28" s="17"/>
      <c r="RB28" s="102" t="str">
        <f t="shared" si="36"/>
        <v/>
      </c>
      <c r="RC28" s="15" t="str">
        <f>IF(RC27="","",IF(RC27='（参考）【別紙２】'!$E$35,"",IF(MONTH(RC27)=MONTH(RC27+1),RC27+1,"")))</f>
        <v/>
      </c>
      <c r="RD28" s="13" t="str">
        <f>IF(COUNTIF(祝日一覧!$E$2:$E$142,RC28),"○",IF(RG28&lt;&gt;"","○",""))</f>
        <v/>
      </c>
      <c r="RE28" s="25"/>
      <c r="RF28" s="45" t="str">
        <f t="shared" si="113"/>
        <v/>
      </c>
      <c r="RG28" s="45"/>
      <c r="RH28" s="167"/>
      <c r="RI28" s="168"/>
      <c r="RJ28" s="9"/>
      <c r="RK28" s="175" t="s">
        <v>112</v>
      </c>
      <c r="RL28" s="187"/>
      <c r="RM28" s="9"/>
      <c r="RN28" s="17"/>
      <c r="RO28" s="102" t="str">
        <f t="shared" si="37"/>
        <v/>
      </c>
      <c r="RP28" s="15" t="str">
        <f>IF(RP27="","",IF(RP27='（参考）【別紙２】'!$E$35,"",IF(MONTH(RP27)=MONTH(RP27+1),RP27+1,"")))</f>
        <v/>
      </c>
      <c r="RQ28" s="13" t="str">
        <f>IF(COUNTIF(祝日一覧!$E$2:$E$142,RP28),"○",IF(RT28&lt;&gt;"","○",""))</f>
        <v/>
      </c>
      <c r="RR28" s="25"/>
      <c r="RS28" s="45" t="str">
        <f t="shared" si="114"/>
        <v/>
      </c>
      <c r="RT28" s="45"/>
      <c r="RU28" s="167"/>
      <c r="RV28" s="168"/>
      <c r="RW28" s="9"/>
      <c r="RX28" s="175" t="s">
        <v>112</v>
      </c>
      <c r="RY28" s="187"/>
      <c r="RZ28" s="9"/>
      <c r="SA28" s="17"/>
      <c r="SB28" s="102" t="str">
        <f t="shared" si="38"/>
        <v/>
      </c>
      <c r="SC28" s="15" t="str">
        <f>IF(SC27="","",IF(SC27='（参考）【別紙２】'!$E$35,"",IF(MONTH(SC27)=MONTH(SC27+1),SC27+1,"")))</f>
        <v/>
      </c>
      <c r="SD28" s="13" t="str">
        <f>IF(COUNTIF(祝日一覧!$E$2:$E$142,SC28),"○",IF(SG28&lt;&gt;"","○",""))</f>
        <v/>
      </c>
      <c r="SE28" s="25"/>
      <c r="SF28" s="45" t="str">
        <f t="shared" si="115"/>
        <v/>
      </c>
      <c r="SG28" s="45"/>
      <c r="SH28" s="167"/>
      <c r="SI28" s="168"/>
      <c r="SJ28" s="9"/>
      <c r="SK28" s="175" t="s">
        <v>112</v>
      </c>
      <c r="SL28" s="187"/>
      <c r="SM28" s="9"/>
    </row>
    <row r="29" spans="1:507" ht="15.6" customHeight="1">
      <c r="A29" s="17"/>
      <c r="B29" s="102" t="str">
        <f t="shared" si="0"/>
        <v>月</v>
      </c>
      <c r="C29" s="15">
        <f>IF(C28="","",IF(C28='（参考）【別紙２】'!$E$35,"",IF(MONTH(C28)=MONTH(C28+1),C28+1,"")))</f>
        <v>45768</v>
      </c>
      <c r="D29" s="13" t="str">
        <f>IF(COUNTIF(祝日一覧!$E$2:$E$142,C29),"○",IF(G29&lt;&gt;"","○",""))</f>
        <v/>
      </c>
      <c r="E29" s="26"/>
      <c r="F29" s="45" t="str">
        <f t="shared" si="39"/>
        <v/>
      </c>
      <c r="G29" s="45"/>
      <c r="H29" s="167"/>
      <c r="I29" s="168"/>
      <c r="J29" s="43"/>
      <c r="K29" s="188"/>
      <c r="L29" s="188"/>
      <c r="M29" s="9"/>
      <c r="N29" s="17"/>
      <c r="O29" s="102" t="str">
        <f t="shared" si="1"/>
        <v>水</v>
      </c>
      <c r="P29" s="15">
        <f>IF(P28="","",IF(P28='（参考）【別紙２】'!$E$35,"",IF(MONTH(P28)=MONTH(P28+1),P28+1,"")))</f>
        <v>45798</v>
      </c>
      <c r="Q29" s="13" t="str">
        <f>IF(COUNTIF(祝日一覧!$E$2:$E$142,P29),"○",IF(T29&lt;&gt;"","○",""))</f>
        <v/>
      </c>
      <c r="R29" s="26"/>
      <c r="S29" s="45" t="str">
        <f t="shared" si="78"/>
        <v/>
      </c>
      <c r="T29" s="45"/>
      <c r="U29" s="167"/>
      <c r="V29" s="168"/>
      <c r="W29" s="9"/>
      <c r="X29" s="188"/>
      <c r="Y29" s="188"/>
      <c r="Z29" s="9"/>
      <c r="AA29" s="17"/>
      <c r="AB29" s="102" t="str">
        <f t="shared" si="2"/>
        <v>土</v>
      </c>
      <c r="AC29" s="15">
        <f>IF(AC28="","",IF(AC28='（参考）【別紙２】'!$E$35,"",IF(MONTH(AC28)=MONTH(AC28+1),AC28+1,"")))</f>
        <v>45829</v>
      </c>
      <c r="AD29" s="13" t="str">
        <f>IF(COUNTIF(祝日一覧!$E$2:$E$142,AC29),"○",IF(AG29&lt;&gt;"","○",""))</f>
        <v/>
      </c>
      <c r="AE29" s="26"/>
      <c r="AF29" s="45" t="str">
        <f t="shared" si="79"/>
        <v>○</v>
      </c>
      <c r="AG29" s="45"/>
      <c r="AH29" s="167"/>
      <c r="AI29" s="168"/>
      <c r="AJ29" s="9"/>
      <c r="AK29" s="188"/>
      <c r="AL29" s="188"/>
      <c r="AM29" s="9"/>
      <c r="AN29" s="17"/>
      <c r="AO29" s="102" t="str">
        <f t="shared" si="3"/>
        <v>月</v>
      </c>
      <c r="AP29" s="15">
        <f>IF(AP28="","",IF(AP28='（参考）【別紙２】'!$E$35,"",IF(MONTH(AP28)=MONTH(AP28+1),AP28+1,"")))</f>
        <v>45859</v>
      </c>
      <c r="AQ29" s="13" t="str">
        <f>IF(COUNTIF(祝日一覧!$E$2:$E$142,AP29),"○",IF(AT29&lt;&gt;"","○",""))</f>
        <v/>
      </c>
      <c r="AR29" s="26"/>
      <c r="AS29" s="45" t="str">
        <f t="shared" si="80"/>
        <v/>
      </c>
      <c r="AT29" s="45"/>
      <c r="AU29" s="167"/>
      <c r="AV29" s="168"/>
      <c r="AW29" s="9"/>
      <c r="AX29" s="188"/>
      <c r="AY29" s="188"/>
      <c r="AZ29" s="9"/>
      <c r="BA29" s="17"/>
      <c r="BB29" s="102" t="str">
        <f t="shared" si="4"/>
        <v>木</v>
      </c>
      <c r="BC29" s="15">
        <f>IF(BC28="","",IF(BC28='（参考）【別紙２】'!$E$35,"",IF(MONTH(BC28)=MONTH(BC28+1),BC28+1,"")))</f>
        <v>45890</v>
      </c>
      <c r="BD29" s="13" t="str">
        <f>IF(COUNTIF(祝日一覧!$E$2:$E$142,BC29),"○",IF(BG29&lt;&gt;"","○",""))</f>
        <v/>
      </c>
      <c r="BE29" s="26"/>
      <c r="BF29" s="45" t="str">
        <f t="shared" si="81"/>
        <v/>
      </c>
      <c r="BG29" s="45"/>
      <c r="BH29" s="167"/>
      <c r="BI29" s="168"/>
      <c r="BJ29" s="9"/>
      <c r="BK29" s="188"/>
      <c r="BL29" s="188"/>
      <c r="BM29" s="9"/>
      <c r="BN29" s="17"/>
      <c r="BO29" s="102" t="str">
        <f t="shared" si="5"/>
        <v/>
      </c>
      <c r="BP29" s="15" t="str">
        <f>IF(BP28="","",IF(BP28='（参考）【別紙２】'!$E$35,"",IF(MONTH(BP28)=MONTH(BP28+1),BP28+1,"")))</f>
        <v/>
      </c>
      <c r="BQ29" s="13" t="str">
        <f>IF(COUNTIF(祝日一覧!$E$2:$E$142,BP29),"○",IF(BT29&lt;&gt;"","○",""))</f>
        <v/>
      </c>
      <c r="BR29" s="26"/>
      <c r="BS29" s="45" t="str">
        <f t="shared" si="82"/>
        <v/>
      </c>
      <c r="BT29" s="45"/>
      <c r="BU29" s="167"/>
      <c r="BV29" s="168"/>
      <c r="BW29" s="9"/>
      <c r="BX29" s="188"/>
      <c r="BY29" s="188"/>
      <c r="BZ29" s="9"/>
      <c r="CA29" s="17"/>
      <c r="CB29" s="102" t="str">
        <f t="shared" si="6"/>
        <v/>
      </c>
      <c r="CC29" s="15" t="str">
        <f>IF(CC28="","",IF(CC28='（参考）【別紙２】'!$E$35,"",IF(MONTH(CC28)=MONTH(CC28+1),CC28+1,"")))</f>
        <v/>
      </c>
      <c r="CD29" s="13" t="str">
        <f>IF(COUNTIF(祝日一覧!$E$2:$E$142,CC29),"○",IF(CG29&lt;&gt;"","○",""))</f>
        <v/>
      </c>
      <c r="CE29" s="26"/>
      <c r="CF29" s="45" t="str">
        <f t="shared" si="83"/>
        <v/>
      </c>
      <c r="CG29" s="45"/>
      <c r="CH29" s="167"/>
      <c r="CI29" s="168"/>
      <c r="CJ29" s="9"/>
      <c r="CK29" s="188"/>
      <c r="CL29" s="188"/>
      <c r="CM29" s="9"/>
      <c r="CN29" s="17"/>
      <c r="CO29" s="102" t="str">
        <f t="shared" si="7"/>
        <v/>
      </c>
      <c r="CP29" s="15" t="str">
        <f>IF(CP28="","",IF(CP28='（参考）【別紙２】'!$E$35,"",IF(MONTH(CP28)=MONTH(CP28+1),CP28+1,"")))</f>
        <v/>
      </c>
      <c r="CQ29" s="13" t="str">
        <f>IF(COUNTIF(祝日一覧!$E$2:$E$142,CP29),"○",IF(CT29&lt;&gt;"","○",""))</f>
        <v/>
      </c>
      <c r="CR29" s="26"/>
      <c r="CS29" s="45" t="str">
        <f t="shared" si="84"/>
        <v/>
      </c>
      <c r="CT29" s="45"/>
      <c r="CU29" s="167"/>
      <c r="CV29" s="168"/>
      <c r="CW29" s="9"/>
      <c r="CX29" s="188"/>
      <c r="CY29" s="188"/>
      <c r="CZ29" s="9"/>
      <c r="DA29" s="17"/>
      <c r="DB29" s="102" t="str">
        <f t="shared" si="8"/>
        <v/>
      </c>
      <c r="DC29" s="15" t="str">
        <f>IF(DC28="","",IF(DC28='（参考）【別紙２】'!$E$35,"",IF(MONTH(DC28)=MONTH(DC28+1),DC28+1,"")))</f>
        <v/>
      </c>
      <c r="DD29" s="13" t="str">
        <f>IF(COUNTIF(祝日一覧!$E$2:$E$142,DC29),"○",IF(DG29&lt;&gt;"","○",""))</f>
        <v/>
      </c>
      <c r="DE29" s="26"/>
      <c r="DF29" s="45" t="str">
        <f t="shared" si="85"/>
        <v/>
      </c>
      <c r="DG29" s="45"/>
      <c r="DH29" s="167"/>
      <c r="DI29" s="168"/>
      <c r="DJ29" s="9"/>
      <c r="DK29" s="188"/>
      <c r="DL29" s="188"/>
      <c r="DM29" s="9"/>
      <c r="DN29" s="17"/>
      <c r="DO29" s="102" t="str">
        <f t="shared" si="9"/>
        <v/>
      </c>
      <c r="DP29" s="15" t="str">
        <f>IF(DP28="","",IF(DP28='（参考）【別紙２】'!$E$35,"",IF(MONTH(DP28)=MONTH(DP28+1),DP28+1,"")))</f>
        <v/>
      </c>
      <c r="DQ29" s="13" t="str">
        <f>IF(COUNTIF(祝日一覧!$E$2:$E$142,DP29),"○",IF(DT29&lt;&gt;"","○",""))</f>
        <v/>
      </c>
      <c r="DR29" s="26"/>
      <c r="DS29" s="45" t="str">
        <f t="shared" si="86"/>
        <v/>
      </c>
      <c r="DT29" s="45"/>
      <c r="DU29" s="167"/>
      <c r="DV29" s="168"/>
      <c r="DW29" s="9"/>
      <c r="DX29" s="188"/>
      <c r="DY29" s="188"/>
      <c r="DZ29" s="9"/>
      <c r="EA29" s="17"/>
      <c r="EB29" s="102" t="str">
        <f t="shared" si="10"/>
        <v/>
      </c>
      <c r="EC29" s="15" t="str">
        <f>IF(EC28="","",IF(EC28='（参考）【別紙２】'!$E$35,"",IF(MONTH(EC28)=MONTH(EC28+1),EC28+1,"")))</f>
        <v/>
      </c>
      <c r="ED29" s="13" t="str">
        <f>IF(COUNTIF(祝日一覧!$E$2:$E$142,EC29),"○",IF(EG29&lt;&gt;"","○",""))</f>
        <v/>
      </c>
      <c r="EE29" s="26"/>
      <c r="EF29" s="45" t="str">
        <f t="shared" si="87"/>
        <v/>
      </c>
      <c r="EG29" s="45"/>
      <c r="EH29" s="167"/>
      <c r="EI29" s="168"/>
      <c r="EJ29" s="9"/>
      <c r="EK29" s="188"/>
      <c r="EL29" s="188"/>
      <c r="EM29" s="9"/>
      <c r="EN29" s="17"/>
      <c r="EO29" s="102" t="str">
        <f t="shared" si="11"/>
        <v/>
      </c>
      <c r="EP29" s="15" t="str">
        <f>IF(EP28="","",IF(EP28='（参考）【別紙２】'!$E$35,"",IF(MONTH(EP28)=MONTH(EP28+1),EP28+1,"")))</f>
        <v/>
      </c>
      <c r="EQ29" s="13" t="str">
        <f>IF(COUNTIF(祝日一覧!$E$2:$E$142,EP29),"○",IF(ET29&lt;&gt;"","○",""))</f>
        <v/>
      </c>
      <c r="ER29" s="26"/>
      <c r="ES29" s="45" t="str">
        <f t="shared" si="88"/>
        <v/>
      </c>
      <c r="ET29" s="45"/>
      <c r="EU29" s="167"/>
      <c r="EV29" s="168"/>
      <c r="EW29" s="9"/>
      <c r="EX29" s="188"/>
      <c r="EY29" s="188"/>
      <c r="EZ29" s="9"/>
      <c r="FA29" s="17"/>
      <c r="FB29" s="102" t="str">
        <f t="shared" si="12"/>
        <v/>
      </c>
      <c r="FC29" s="15" t="str">
        <f>IF(FC28="","",IF(FC28='（参考）【別紙２】'!$E$35,"",IF(MONTH(FC28)=MONTH(FC28+1),FC28+1,"")))</f>
        <v/>
      </c>
      <c r="FD29" s="13" t="str">
        <f>IF(COUNTIF(祝日一覧!$E$2:$E$142,FC29),"○",IF(FG29&lt;&gt;"","○",""))</f>
        <v/>
      </c>
      <c r="FE29" s="26"/>
      <c r="FF29" s="45" t="str">
        <f t="shared" si="89"/>
        <v/>
      </c>
      <c r="FG29" s="45"/>
      <c r="FH29" s="167"/>
      <c r="FI29" s="168"/>
      <c r="FJ29" s="9"/>
      <c r="FK29" s="188"/>
      <c r="FL29" s="188"/>
      <c r="FM29" s="9"/>
      <c r="FN29" s="17"/>
      <c r="FO29" s="102" t="str">
        <f t="shared" si="13"/>
        <v/>
      </c>
      <c r="FP29" s="15" t="str">
        <f>IF(FP28="","",IF(FP28='（参考）【別紙２】'!$E$35,"",IF(MONTH(FP28)=MONTH(FP28+1),FP28+1,"")))</f>
        <v/>
      </c>
      <c r="FQ29" s="13" t="str">
        <f>IF(COUNTIF(祝日一覧!$E$2:$E$142,FP29),"○",IF(FT29&lt;&gt;"","○",""))</f>
        <v/>
      </c>
      <c r="FR29" s="26"/>
      <c r="FS29" s="45" t="str">
        <f t="shared" si="90"/>
        <v/>
      </c>
      <c r="FT29" s="45"/>
      <c r="FU29" s="167"/>
      <c r="FV29" s="168"/>
      <c r="FW29" s="9"/>
      <c r="FX29" s="188"/>
      <c r="FY29" s="188"/>
      <c r="FZ29" s="9"/>
      <c r="GA29" s="17"/>
      <c r="GB29" s="102" t="str">
        <f t="shared" si="14"/>
        <v/>
      </c>
      <c r="GC29" s="15" t="str">
        <f>IF(GC28="","",IF(GC28='（参考）【別紙２】'!$E$35,"",IF(MONTH(GC28)=MONTH(GC28+1),GC28+1,"")))</f>
        <v/>
      </c>
      <c r="GD29" s="13" t="str">
        <f>IF(COUNTIF(祝日一覧!$E$2:$E$142,GC29),"○",IF(GG29&lt;&gt;"","○",""))</f>
        <v/>
      </c>
      <c r="GE29" s="25"/>
      <c r="GF29" s="45" t="str">
        <f t="shared" si="91"/>
        <v/>
      </c>
      <c r="GG29" s="45"/>
      <c r="GH29" s="167"/>
      <c r="GI29" s="168"/>
      <c r="GJ29" s="9"/>
      <c r="GK29" s="188"/>
      <c r="GL29" s="188"/>
      <c r="GM29" s="9"/>
      <c r="GN29" s="17"/>
      <c r="GO29" s="102" t="str">
        <f t="shared" si="15"/>
        <v/>
      </c>
      <c r="GP29" s="15" t="str">
        <f>IF(GP28="","",IF(GP28='（参考）【別紙２】'!$E$35,"",IF(MONTH(GP28)=MONTH(GP28+1),GP28+1,"")))</f>
        <v/>
      </c>
      <c r="GQ29" s="13" t="str">
        <f>IF(COUNTIF(祝日一覧!$E$2:$E$142,GP29),"○",IF(GT29&lt;&gt;"","○",""))</f>
        <v/>
      </c>
      <c r="GR29" s="25"/>
      <c r="GS29" s="45" t="str">
        <f t="shared" si="92"/>
        <v/>
      </c>
      <c r="GT29" s="45"/>
      <c r="GU29" s="167"/>
      <c r="GV29" s="168"/>
      <c r="GW29" s="9"/>
      <c r="GX29" s="188"/>
      <c r="GY29" s="188"/>
      <c r="GZ29" s="9"/>
      <c r="HA29" s="17"/>
      <c r="HB29" s="102" t="str">
        <f t="shared" si="16"/>
        <v/>
      </c>
      <c r="HC29" s="15" t="str">
        <f>IF(HC28="","",IF(HC28='（参考）【別紙２】'!$E$35,"",IF(MONTH(HC28)=MONTH(HC28+1),HC28+1,"")))</f>
        <v/>
      </c>
      <c r="HD29" s="13" t="str">
        <f>IF(COUNTIF(祝日一覧!$E$2:$E$142,HC29),"○",IF(HG29&lt;&gt;"","○",""))</f>
        <v/>
      </c>
      <c r="HE29" s="26"/>
      <c r="HF29" s="45" t="str">
        <f t="shared" si="93"/>
        <v/>
      </c>
      <c r="HG29" s="45"/>
      <c r="HH29" s="167"/>
      <c r="HI29" s="168"/>
      <c r="HJ29" s="9"/>
      <c r="HK29" s="188"/>
      <c r="HL29" s="188"/>
      <c r="HM29" s="9"/>
      <c r="HN29" s="17"/>
      <c r="HO29" s="102" t="str">
        <f t="shared" si="17"/>
        <v/>
      </c>
      <c r="HP29" s="15" t="str">
        <f>IF(HP28="","",IF(HP28='（参考）【別紙２】'!$E$35,"",IF(MONTH(HP28)=MONTH(HP28+1),HP28+1,"")))</f>
        <v/>
      </c>
      <c r="HQ29" s="13" t="str">
        <f>IF(COUNTIF(祝日一覧!$E$2:$E$142,HP29),"○",IF(HT29&lt;&gt;"","○",""))</f>
        <v/>
      </c>
      <c r="HR29" s="25"/>
      <c r="HS29" s="45" t="str">
        <f t="shared" si="94"/>
        <v/>
      </c>
      <c r="HT29" s="45"/>
      <c r="HU29" s="167"/>
      <c r="HV29" s="168"/>
      <c r="HW29" s="9"/>
      <c r="HX29" s="188"/>
      <c r="HY29" s="188"/>
      <c r="HZ29" s="9"/>
      <c r="IA29" s="17"/>
      <c r="IB29" s="102" t="str">
        <f t="shared" si="18"/>
        <v/>
      </c>
      <c r="IC29" s="15" t="str">
        <f>IF(IC28="","",IF(IC28='（参考）【別紙２】'!$E$35,"",IF(MONTH(IC28)=MONTH(IC28+1),IC28+1,"")))</f>
        <v/>
      </c>
      <c r="ID29" s="13" t="str">
        <f>IF(COUNTIF(祝日一覧!$E$2:$E$142,IC29),"○",IF(IG29&lt;&gt;"","○",""))</f>
        <v/>
      </c>
      <c r="IE29" s="25"/>
      <c r="IF29" s="45" t="str">
        <f t="shared" si="95"/>
        <v/>
      </c>
      <c r="IG29" s="45"/>
      <c r="IH29" s="167"/>
      <c r="II29" s="168"/>
      <c r="IJ29" s="9"/>
      <c r="IK29" s="188"/>
      <c r="IL29" s="188"/>
      <c r="IM29" s="9"/>
      <c r="IN29" s="17"/>
      <c r="IO29" s="102" t="str">
        <f t="shared" si="19"/>
        <v/>
      </c>
      <c r="IP29" s="15" t="str">
        <f>IF(IP28="","",IF(IP28='（参考）【別紙２】'!$E$35,"",IF(MONTH(IP28)=MONTH(IP28+1),IP28+1,"")))</f>
        <v/>
      </c>
      <c r="IQ29" s="13" t="str">
        <f>IF(COUNTIF(祝日一覧!$E$2:$E$142,IP29),"○",IF(IT29&lt;&gt;"","○",""))</f>
        <v/>
      </c>
      <c r="IR29" s="25"/>
      <c r="IS29" s="45" t="str">
        <f t="shared" si="96"/>
        <v/>
      </c>
      <c r="IT29" s="45"/>
      <c r="IU29" s="167"/>
      <c r="IV29" s="168"/>
      <c r="IW29" s="9"/>
      <c r="IX29" s="188"/>
      <c r="IY29" s="188"/>
      <c r="IZ29" s="9"/>
      <c r="JA29" s="17"/>
      <c r="JB29" s="102" t="str">
        <f t="shared" si="20"/>
        <v/>
      </c>
      <c r="JC29" s="15" t="str">
        <f>IF(JC28="","",IF(JC28='（参考）【別紙２】'!$E$35,"",IF(MONTH(JC28)=MONTH(JC28+1),JC28+1,"")))</f>
        <v/>
      </c>
      <c r="JD29" s="13" t="str">
        <f>IF(COUNTIF(祝日一覧!$E$2:$E$142,JC29),"○",IF(JG29&lt;&gt;"","○",""))</f>
        <v/>
      </c>
      <c r="JE29" s="25"/>
      <c r="JF29" s="45" t="str">
        <f t="shared" si="97"/>
        <v/>
      </c>
      <c r="JG29" s="45"/>
      <c r="JH29" s="167"/>
      <c r="JI29" s="168"/>
      <c r="JJ29" s="9"/>
      <c r="JK29" s="188"/>
      <c r="JL29" s="188"/>
      <c r="JM29" s="9"/>
      <c r="JN29" s="17"/>
      <c r="JO29" s="102" t="str">
        <f t="shared" si="21"/>
        <v/>
      </c>
      <c r="JP29" s="15" t="str">
        <f>IF(JP28="","",IF(JP28='（参考）【別紙２】'!$E$35,"",IF(MONTH(JP28)=MONTH(JP28+1),JP28+1,"")))</f>
        <v/>
      </c>
      <c r="JQ29" s="13" t="str">
        <f>IF(COUNTIF(祝日一覧!$E$2:$E$142,JP29),"○",IF(JT29&lt;&gt;"","○",""))</f>
        <v/>
      </c>
      <c r="JR29" s="25"/>
      <c r="JS29" s="45" t="str">
        <f t="shared" si="98"/>
        <v/>
      </c>
      <c r="JT29" s="45"/>
      <c r="JU29" s="167"/>
      <c r="JV29" s="168"/>
      <c r="JW29" s="9"/>
      <c r="JX29" s="188"/>
      <c r="JY29" s="188"/>
      <c r="JZ29" s="9"/>
      <c r="KA29" s="17"/>
      <c r="KB29" s="102" t="str">
        <f t="shared" si="22"/>
        <v/>
      </c>
      <c r="KC29" s="15" t="str">
        <f>IF(KC28="","",IF(KC28='（参考）【別紙２】'!$E$35,"",IF(MONTH(KC28)=MONTH(KC28+1),KC28+1,"")))</f>
        <v/>
      </c>
      <c r="KD29" s="13" t="str">
        <f>IF(COUNTIF(祝日一覧!$E$2:$E$142,KC29),"○",IF(KG29&lt;&gt;"","○",""))</f>
        <v/>
      </c>
      <c r="KE29" s="25"/>
      <c r="KF29" s="45" t="str">
        <f t="shared" si="99"/>
        <v/>
      </c>
      <c r="KG29" s="45"/>
      <c r="KH29" s="167"/>
      <c r="KI29" s="168"/>
      <c r="KJ29" s="9"/>
      <c r="KK29" s="188"/>
      <c r="KL29" s="188"/>
      <c r="KM29" s="9"/>
      <c r="KN29" s="17"/>
      <c r="KO29" s="102" t="str">
        <f t="shared" si="23"/>
        <v/>
      </c>
      <c r="KP29" s="15" t="str">
        <f>IF(KP28="","",IF(KP28='（参考）【別紙２】'!$E$35,"",IF(MONTH(KP28)=MONTH(KP28+1),KP28+1,"")))</f>
        <v/>
      </c>
      <c r="KQ29" s="13" t="str">
        <f>IF(COUNTIF(祝日一覧!$E$2:$E$142,KP29),"○",IF(KT29&lt;&gt;"","○",""))</f>
        <v/>
      </c>
      <c r="KR29" s="25"/>
      <c r="KS29" s="45" t="str">
        <f t="shared" si="100"/>
        <v/>
      </c>
      <c r="KT29" s="45"/>
      <c r="KU29" s="167"/>
      <c r="KV29" s="168"/>
      <c r="KW29" s="9"/>
      <c r="KX29" s="188"/>
      <c r="KY29" s="188"/>
      <c r="KZ29" s="9"/>
      <c r="LA29" s="17"/>
      <c r="LB29" s="102" t="str">
        <f t="shared" si="24"/>
        <v/>
      </c>
      <c r="LC29" s="15" t="str">
        <f>IF(LC28="","",IF(LC28='（参考）【別紙２】'!$E$35,"",IF(MONTH(LC28)=MONTH(LC28+1),LC28+1,"")))</f>
        <v/>
      </c>
      <c r="LD29" s="13" t="str">
        <f>IF(COUNTIF(祝日一覧!$E$2:$E$142,LC29),"○",IF(LG29&lt;&gt;"","○",""))</f>
        <v/>
      </c>
      <c r="LE29" s="25"/>
      <c r="LF29" s="45" t="str">
        <f t="shared" si="101"/>
        <v/>
      </c>
      <c r="LG29" s="45"/>
      <c r="LH29" s="167"/>
      <c r="LI29" s="168"/>
      <c r="LJ29" s="9"/>
      <c r="LK29" s="188"/>
      <c r="LL29" s="188"/>
      <c r="LM29" s="9"/>
      <c r="LN29" s="17"/>
      <c r="LO29" s="102" t="str">
        <f t="shared" si="25"/>
        <v/>
      </c>
      <c r="LP29" s="15" t="str">
        <f>IF(LP28="","",IF(LP28='（参考）【別紙２】'!$E$35,"",IF(MONTH(LP28)=MONTH(LP28+1),LP28+1,"")))</f>
        <v/>
      </c>
      <c r="LQ29" s="13" t="str">
        <f>IF(COUNTIF(祝日一覧!$E$2:$E$142,LP29),"○",IF(LT29&lt;&gt;"","○",""))</f>
        <v/>
      </c>
      <c r="LR29" s="25"/>
      <c r="LS29" s="45" t="str">
        <f t="shared" si="102"/>
        <v/>
      </c>
      <c r="LT29" s="45"/>
      <c r="LU29" s="167"/>
      <c r="LV29" s="168"/>
      <c r="LW29" s="9"/>
      <c r="LX29" s="188"/>
      <c r="LY29" s="188"/>
      <c r="LZ29" s="9"/>
      <c r="MA29" s="17"/>
      <c r="MB29" s="102" t="str">
        <f t="shared" si="26"/>
        <v/>
      </c>
      <c r="MC29" s="15" t="str">
        <f>IF(MC28="","",IF(MC28='（参考）【別紙２】'!$E$35,"",IF(MONTH(MC28)=MONTH(MC28+1),MC28+1,"")))</f>
        <v/>
      </c>
      <c r="MD29" s="13" t="str">
        <f>IF(COUNTIF(祝日一覧!$E$2:$E$142,MC29),"○",IF(MG29&lt;&gt;"","○",""))</f>
        <v/>
      </c>
      <c r="ME29" s="25"/>
      <c r="MF29" s="45" t="str">
        <f t="shared" si="103"/>
        <v/>
      </c>
      <c r="MG29" s="45"/>
      <c r="MH29" s="167"/>
      <c r="MI29" s="168"/>
      <c r="MJ29" s="9"/>
      <c r="MK29" s="188"/>
      <c r="ML29" s="188"/>
      <c r="MM29" s="9"/>
      <c r="MN29" s="17"/>
      <c r="MO29" s="102" t="str">
        <f t="shared" si="27"/>
        <v/>
      </c>
      <c r="MP29" s="15" t="str">
        <f>IF(MP28="","",IF(MP28='（参考）【別紙２】'!$E$35,"",IF(MONTH(MP28)=MONTH(MP28+1),MP28+1,"")))</f>
        <v/>
      </c>
      <c r="MQ29" s="13" t="str">
        <f>IF(COUNTIF(祝日一覧!$E$2:$E$142,MP29),"○",IF(MT29&lt;&gt;"","○",""))</f>
        <v/>
      </c>
      <c r="MR29" s="25"/>
      <c r="MS29" s="45" t="str">
        <f t="shared" si="104"/>
        <v/>
      </c>
      <c r="MT29" s="45"/>
      <c r="MU29" s="167"/>
      <c r="MV29" s="168"/>
      <c r="MW29" s="9"/>
      <c r="MX29" s="188"/>
      <c r="MY29" s="188"/>
      <c r="MZ29" s="9"/>
      <c r="NA29" s="17"/>
      <c r="NB29" s="102" t="str">
        <f t="shared" si="28"/>
        <v/>
      </c>
      <c r="NC29" s="15" t="str">
        <f>IF(NC28="","",IF(NC28='（参考）【別紙２】'!$E$35,"",IF(MONTH(NC28)=MONTH(NC28+1),NC28+1,"")))</f>
        <v/>
      </c>
      <c r="ND29" s="13" t="str">
        <f>IF(COUNTIF(祝日一覧!$E$2:$E$142,NC29),"○",IF(NG29&lt;&gt;"","○",""))</f>
        <v/>
      </c>
      <c r="NE29" s="25"/>
      <c r="NF29" s="45" t="str">
        <f t="shared" si="105"/>
        <v/>
      </c>
      <c r="NG29" s="45"/>
      <c r="NH29" s="167"/>
      <c r="NI29" s="168"/>
      <c r="NJ29" s="9"/>
      <c r="NK29" s="188"/>
      <c r="NL29" s="188"/>
      <c r="NM29" s="9"/>
      <c r="NN29" s="17"/>
      <c r="NO29" s="102" t="str">
        <f t="shared" si="29"/>
        <v/>
      </c>
      <c r="NP29" s="15" t="str">
        <f>IF(NP28="","",IF(NP28='（参考）【別紙２】'!$E$35,"",IF(MONTH(NP28)=MONTH(NP28+1),NP28+1,"")))</f>
        <v/>
      </c>
      <c r="NQ29" s="13" t="str">
        <f>IF(COUNTIF(祝日一覧!$E$2:$E$142,NP29),"○",IF(NT29&lt;&gt;"","○",""))</f>
        <v/>
      </c>
      <c r="NR29" s="25"/>
      <c r="NS29" s="45" t="str">
        <f t="shared" si="106"/>
        <v/>
      </c>
      <c r="NT29" s="45"/>
      <c r="NU29" s="167"/>
      <c r="NV29" s="168"/>
      <c r="NW29" s="9"/>
      <c r="NX29" s="188"/>
      <c r="NY29" s="188"/>
      <c r="NZ29" s="9"/>
      <c r="OA29" s="17"/>
      <c r="OB29" s="102" t="str">
        <f t="shared" si="30"/>
        <v/>
      </c>
      <c r="OC29" s="15" t="str">
        <f>IF(OC28="","",IF(OC28='（参考）【別紙２】'!$E$35,"",IF(MONTH(OC28)=MONTH(OC28+1),OC28+1,"")))</f>
        <v/>
      </c>
      <c r="OD29" s="13" t="str">
        <f>IF(COUNTIF(祝日一覧!$E$2:$E$142,OC29),"○",IF(OG29&lt;&gt;"","○",""))</f>
        <v/>
      </c>
      <c r="OE29" s="25"/>
      <c r="OF29" s="45" t="str">
        <f t="shared" si="107"/>
        <v/>
      </c>
      <c r="OG29" s="45"/>
      <c r="OH29" s="167"/>
      <c r="OI29" s="168"/>
      <c r="OJ29" s="9"/>
      <c r="OK29" s="188"/>
      <c r="OL29" s="188"/>
      <c r="OM29" s="9"/>
      <c r="ON29" s="17"/>
      <c r="OO29" s="102" t="str">
        <f t="shared" si="31"/>
        <v/>
      </c>
      <c r="OP29" s="15" t="str">
        <f>IF(OP28="","",IF(OP28='（参考）【別紙２】'!$E$35,"",IF(MONTH(OP28)=MONTH(OP28+1),OP28+1,"")))</f>
        <v/>
      </c>
      <c r="OQ29" s="13" t="str">
        <f>IF(COUNTIF(祝日一覧!$E$2:$E$142,OP29),"○",IF(OT29&lt;&gt;"","○",""))</f>
        <v/>
      </c>
      <c r="OR29" s="25"/>
      <c r="OS29" s="45" t="str">
        <f t="shared" si="108"/>
        <v/>
      </c>
      <c r="OT29" s="45"/>
      <c r="OU29" s="167"/>
      <c r="OV29" s="168"/>
      <c r="OW29" s="9"/>
      <c r="OX29" s="188"/>
      <c r="OY29" s="188"/>
      <c r="OZ29" s="9"/>
      <c r="PA29" s="17"/>
      <c r="PB29" s="102" t="str">
        <f t="shared" si="32"/>
        <v/>
      </c>
      <c r="PC29" s="15" t="str">
        <f>IF(PC28="","",IF(PC28='（参考）【別紙２】'!$E$35,"",IF(MONTH(PC28)=MONTH(PC28+1),PC28+1,"")))</f>
        <v/>
      </c>
      <c r="PD29" s="13" t="str">
        <f>IF(COUNTIF(祝日一覧!$E$2:$E$142,PC29),"○",IF(PG29&lt;&gt;"","○",""))</f>
        <v/>
      </c>
      <c r="PE29" s="25"/>
      <c r="PF29" s="45" t="str">
        <f t="shared" si="109"/>
        <v/>
      </c>
      <c r="PG29" s="45"/>
      <c r="PH29" s="167"/>
      <c r="PI29" s="168"/>
      <c r="PJ29" s="9"/>
      <c r="PK29" s="188"/>
      <c r="PL29" s="188"/>
      <c r="PM29" s="9"/>
      <c r="PN29" s="17"/>
      <c r="PO29" s="102" t="str">
        <f t="shared" si="33"/>
        <v/>
      </c>
      <c r="PP29" s="15" t="str">
        <f>IF(PP28="","",IF(PP28='（参考）【別紙２】'!$E$35,"",IF(MONTH(PP28)=MONTH(PP28+1),PP28+1,"")))</f>
        <v/>
      </c>
      <c r="PQ29" s="13" t="str">
        <f>IF(COUNTIF(祝日一覧!$E$2:$E$142,PP29),"○",IF(PT29&lt;&gt;"","○",""))</f>
        <v/>
      </c>
      <c r="PR29" s="25"/>
      <c r="PS29" s="45" t="str">
        <f t="shared" si="110"/>
        <v/>
      </c>
      <c r="PT29" s="45"/>
      <c r="PU29" s="167"/>
      <c r="PV29" s="168"/>
      <c r="PW29" s="9"/>
      <c r="PX29" s="188"/>
      <c r="PY29" s="188"/>
      <c r="PZ29" s="9"/>
      <c r="QA29" s="17"/>
      <c r="QB29" s="102" t="str">
        <f t="shared" si="34"/>
        <v/>
      </c>
      <c r="QC29" s="15" t="str">
        <f>IF(QC28="","",IF(QC28='（参考）【別紙２】'!$E$35,"",IF(MONTH(QC28)=MONTH(QC28+1),QC28+1,"")))</f>
        <v/>
      </c>
      <c r="QD29" s="13" t="str">
        <f>IF(COUNTIF(祝日一覧!$E$2:$E$142,QC29),"○",IF(QG29&lt;&gt;"","○",""))</f>
        <v/>
      </c>
      <c r="QE29" s="25"/>
      <c r="QF29" s="45" t="str">
        <f t="shared" si="111"/>
        <v/>
      </c>
      <c r="QG29" s="45"/>
      <c r="QH29" s="167"/>
      <c r="QI29" s="168"/>
      <c r="QJ29" s="9"/>
      <c r="QK29" s="188"/>
      <c r="QL29" s="188"/>
      <c r="QM29" s="9"/>
      <c r="QN29" s="17"/>
      <c r="QO29" s="102" t="str">
        <f t="shared" si="35"/>
        <v/>
      </c>
      <c r="QP29" s="15" t="str">
        <f>IF(QP28="","",IF(QP28='（参考）【別紙２】'!$E$35,"",IF(MONTH(QP28)=MONTH(QP28+1),QP28+1,"")))</f>
        <v/>
      </c>
      <c r="QQ29" s="13" t="str">
        <f>IF(COUNTIF(祝日一覧!$E$2:$E$142,QP29),"○",IF(QT29&lt;&gt;"","○",""))</f>
        <v/>
      </c>
      <c r="QR29" s="25"/>
      <c r="QS29" s="45" t="str">
        <f t="shared" si="112"/>
        <v/>
      </c>
      <c r="QT29" s="45"/>
      <c r="QU29" s="167"/>
      <c r="QV29" s="168"/>
      <c r="QW29" s="9"/>
      <c r="QX29" s="188"/>
      <c r="QY29" s="188"/>
      <c r="QZ29" s="9"/>
      <c r="RA29" s="17"/>
      <c r="RB29" s="102" t="str">
        <f t="shared" si="36"/>
        <v/>
      </c>
      <c r="RC29" s="15" t="str">
        <f>IF(RC28="","",IF(RC28='（参考）【別紙２】'!$E$35,"",IF(MONTH(RC28)=MONTH(RC28+1),RC28+1,"")))</f>
        <v/>
      </c>
      <c r="RD29" s="13" t="str">
        <f>IF(COUNTIF(祝日一覧!$E$2:$E$142,RC29),"○",IF(RG29&lt;&gt;"","○",""))</f>
        <v/>
      </c>
      <c r="RE29" s="25"/>
      <c r="RF29" s="45" t="str">
        <f t="shared" si="113"/>
        <v/>
      </c>
      <c r="RG29" s="45"/>
      <c r="RH29" s="167"/>
      <c r="RI29" s="168"/>
      <c r="RJ29" s="9"/>
      <c r="RK29" s="188"/>
      <c r="RL29" s="188"/>
      <c r="RM29" s="9"/>
      <c r="RN29" s="17"/>
      <c r="RO29" s="102" t="str">
        <f t="shared" si="37"/>
        <v/>
      </c>
      <c r="RP29" s="15" t="str">
        <f>IF(RP28="","",IF(RP28='（参考）【別紙２】'!$E$35,"",IF(MONTH(RP28)=MONTH(RP28+1),RP28+1,"")))</f>
        <v/>
      </c>
      <c r="RQ29" s="13" t="str">
        <f>IF(COUNTIF(祝日一覧!$E$2:$E$142,RP29),"○",IF(RT29&lt;&gt;"","○",""))</f>
        <v/>
      </c>
      <c r="RR29" s="25"/>
      <c r="RS29" s="45" t="str">
        <f t="shared" si="114"/>
        <v/>
      </c>
      <c r="RT29" s="45"/>
      <c r="RU29" s="167"/>
      <c r="RV29" s="168"/>
      <c r="RW29" s="9"/>
      <c r="RX29" s="188"/>
      <c r="RY29" s="188"/>
      <c r="RZ29" s="9"/>
      <c r="SA29" s="17"/>
      <c r="SB29" s="102" t="str">
        <f t="shared" si="38"/>
        <v/>
      </c>
      <c r="SC29" s="15" t="str">
        <f>IF(SC28="","",IF(SC28='（参考）【別紙２】'!$E$35,"",IF(MONTH(SC28)=MONTH(SC28+1),SC28+1,"")))</f>
        <v/>
      </c>
      <c r="SD29" s="13" t="str">
        <f>IF(COUNTIF(祝日一覧!$E$2:$E$142,SC29),"○",IF(SG29&lt;&gt;"","○",""))</f>
        <v/>
      </c>
      <c r="SE29" s="25"/>
      <c r="SF29" s="45" t="str">
        <f t="shared" si="115"/>
        <v/>
      </c>
      <c r="SG29" s="45"/>
      <c r="SH29" s="167"/>
      <c r="SI29" s="168"/>
      <c r="SJ29" s="9"/>
      <c r="SK29" s="188"/>
      <c r="SL29" s="188"/>
      <c r="SM29" s="9"/>
    </row>
    <row r="30" spans="1:507" ht="15.6" customHeight="1">
      <c r="A30" s="17"/>
      <c r="B30" s="102" t="str">
        <f t="shared" si="0"/>
        <v>火</v>
      </c>
      <c r="C30" s="15">
        <f>IF(C29="","",IF(C29='（参考）【別紙２】'!$E$35,"",IF(MONTH(C29)=MONTH(C29+1),C29+1,"")))</f>
        <v>45769</v>
      </c>
      <c r="D30" s="13" t="str">
        <f>IF(COUNTIF(祝日一覧!$E$2:$E$142,C30),"○",IF(G30&lt;&gt;"","○",""))</f>
        <v/>
      </c>
      <c r="E30" s="26"/>
      <c r="F30" s="45" t="str">
        <f t="shared" si="39"/>
        <v/>
      </c>
      <c r="G30" s="45"/>
      <c r="H30" s="167"/>
      <c r="I30" s="168"/>
      <c r="J30" s="42"/>
      <c r="K30" s="193" t="s">
        <v>104</v>
      </c>
      <c r="L30" s="195" t="s">
        <v>105</v>
      </c>
      <c r="M30" s="9"/>
      <c r="N30" s="17"/>
      <c r="O30" s="102" t="str">
        <f t="shared" si="1"/>
        <v>木</v>
      </c>
      <c r="P30" s="15">
        <f>IF(P29="","",IF(P29='（参考）【別紙２】'!$E$35,"",IF(MONTH(P29)=MONTH(P29+1),P29+1,"")))</f>
        <v>45799</v>
      </c>
      <c r="Q30" s="13" t="str">
        <f>IF(COUNTIF(祝日一覧!$E$2:$E$142,P30),"○",IF(T30&lt;&gt;"","○",""))</f>
        <v/>
      </c>
      <c r="R30" s="25"/>
      <c r="S30" s="45" t="str">
        <f t="shared" si="78"/>
        <v/>
      </c>
      <c r="T30" s="45"/>
      <c r="U30" s="167"/>
      <c r="V30" s="168"/>
      <c r="W30" s="43"/>
      <c r="X30" s="191" t="s">
        <v>104</v>
      </c>
      <c r="Y30" s="189" t="str">
        <f>IF(K38="月単位の週休２日達成","○","×")</f>
        <v>×</v>
      </c>
      <c r="Z30" s="9"/>
      <c r="AA30" s="17"/>
      <c r="AB30" s="102" t="str">
        <f t="shared" si="2"/>
        <v>日</v>
      </c>
      <c r="AC30" s="15">
        <f>IF(AC29="","",IF(AC29='（参考）【別紙２】'!$E$35,"",IF(MONTH(AC29)=MONTH(AC29+1),AC29+1,"")))</f>
        <v>45830</v>
      </c>
      <c r="AD30" s="13" t="str">
        <f>IF(COUNTIF(祝日一覧!$E$2:$E$142,AC30),"○",IF(AG30&lt;&gt;"","○",""))</f>
        <v/>
      </c>
      <c r="AE30" s="26"/>
      <c r="AF30" s="45" t="str">
        <f t="shared" si="79"/>
        <v>○</v>
      </c>
      <c r="AG30" s="45"/>
      <c r="AH30" s="167"/>
      <c r="AI30" s="168"/>
      <c r="AJ30" s="43"/>
      <c r="AK30" s="191" t="s">
        <v>104</v>
      </c>
      <c r="AL30" s="189" t="str">
        <f>IF(X38="月単位の週休２日達成","○","×")</f>
        <v>×</v>
      </c>
      <c r="AM30" s="9"/>
      <c r="AN30" s="17"/>
      <c r="AO30" s="102" t="str">
        <f t="shared" si="3"/>
        <v>火</v>
      </c>
      <c r="AP30" s="15">
        <f>IF(AP29="","",IF(AP29='（参考）【別紙２】'!$E$35,"",IF(MONTH(AP29)=MONTH(AP29+1),AP29+1,"")))</f>
        <v>45860</v>
      </c>
      <c r="AQ30" s="13" t="str">
        <f>IF(COUNTIF(祝日一覧!$E$2:$E$142,AP30),"○",IF(AT30&lt;&gt;"","○",""))</f>
        <v/>
      </c>
      <c r="AR30" s="26"/>
      <c r="AS30" s="45" t="str">
        <f t="shared" si="80"/>
        <v/>
      </c>
      <c r="AT30" s="45"/>
      <c r="AU30" s="167"/>
      <c r="AV30" s="168"/>
      <c r="AW30" s="43"/>
      <c r="AX30" s="191" t="s">
        <v>104</v>
      </c>
      <c r="AY30" s="189" t="str">
        <f>IF(AK38="月単位の週休２日達成","○","×")</f>
        <v>×</v>
      </c>
      <c r="AZ30" s="9"/>
      <c r="BA30" s="17"/>
      <c r="BB30" s="102" t="str">
        <f t="shared" si="4"/>
        <v>金</v>
      </c>
      <c r="BC30" s="15">
        <f>IF(BC29="","",IF(BC29='（参考）【別紙２】'!$E$35,"",IF(MONTH(BC29)=MONTH(BC29+1),BC29+1,"")))</f>
        <v>45891</v>
      </c>
      <c r="BD30" s="13" t="str">
        <f>IF(COUNTIF(祝日一覧!$E$2:$E$142,BC30),"○",IF(BG30&lt;&gt;"","○",""))</f>
        <v/>
      </c>
      <c r="BE30" s="26"/>
      <c r="BF30" s="45" t="str">
        <f t="shared" si="81"/>
        <v/>
      </c>
      <c r="BG30" s="45"/>
      <c r="BH30" s="167"/>
      <c r="BI30" s="168"/>
      <c r="BJ30" s="43"/>
      <c r="BK30" s="191" t="s">
        <v>104</v>
      </c>
      <c r="BL30" s="189" t="str">
        <f>IF(AX38="月単位の週休２日達成","○","×")</f>
        <v>×</v>
      </c>
      <c r="BM30" s="9"/>
      <c r="BN30" s="17"/>
      <c r="BO30" s="102" t="str">
        <f t="shared" si="5"/>
        <v/>
      </c>
      <c r="BP30" s="15" t="str">
        <f>IF(BP29="","",IF(BP29='（参考）【別紙２】'!$E$35,"",IF(MONTH(BP29)=MONTH(BP29+1),BP29+1,"")))</f>
        <v/>
      </c>
      <c r="BQ30" s="13" t="str">
        <f>IF(COUNTIF(祝日一覧!$E$2:$E$142,BP30),"○",IF(BT30&lt;&gt;"","○",""))</f>
        <v/>
      </c>
      <c r="BR30" s="26"/>
      <c r="BS30" s="45" t="str">
        <f t="shared" si="82"/>
        <v/>
      </c>
      <c r="BT30" s="45"/>
      <c r="BU30" s="167"/>
      <c r="BV30" s="168"/>
      <c r="BW30" s="43"/>
      <c r="BX30" s="191" t="s">
        <v>104</v>
      </c>
      <c r="BY30" s="189" t="str">
        <f>IF(BK38="月単位の週休２日達成","○","×")</f>
        <v>×</v>
      </c>
      <c r="BZ30" s="9"/>
      <c r="CA30" s="17"/>
      <c r="CB30" s="102" t="str">
        <f t="shared" si="6"/>
        <v/>
      </c>
      <c r="CC30" s="15" t="str">
        <f>IF(CC29="","",IF(CC29='（参考）【別紙２】'!$E$35,"",IF(MONTH(CC29)=MONTH(CC29+1),CC29+1,"")))</f>
        <v/>
      </c>
      <c r="CD30" s="13" t="str">
        <f>IF(COUNTIF(祝日一覧!$E$2:$E$142,CC30),"○",IF(CG30&lt;&gt;"","○",""))</f>
        <v/>
      </c>
      <c r="CE30" s="26"/>
      <c r="CF30" s="45" t="str">
        <f t="shared" si="83"/>
        <v/>
      </c>
      <c r="CG30" s="45"/>
      <c r="CH30" s="167"/>
      <c r="CI30" s="168"/>
      <c r="CJ30" s="43"/>
      <c r="CK30" s="191" t="s">
        <v>104</v>
      </c>
      <c r="CL30" s="189" t="str">
        <f>IF(BX38="月単位の週休２日達成","○","×")</f>
        <v>×</v>
      </c>
      <c r="CM30" s="9"/>
      <c r="CN30" s="17"/>
      <c r="CO30" s="102" t="str">
        <f t="shared" si="7"/>
        <v/>
      </c>
      <c r="CP30" s="15" t="str">
        <f>IF(CP29="","",IF(CP29='（参考）【別紙２】'!$E$35,"",IF(MONTH(CP29)=MONTH(CP29+1),CP29+1,"")))</f>
        <v/>
      </c>
      <c r="CQ30" s="13" t="str">
        <f>IF(COUNTIF(祝日一覧!$E$2:$E$142,CP30),"○",IF(CT30&lt;&gt;"","○",""))</f>
        <v/>
      </c>
      <c r="CR30" s="26"/>
      <c r="CS30" s="45" t="str">
        <f t="shared" si="84"/>
        <v/>
      </c>
      <c r="CT30" s="45"/>
      <c r="CU30" s="167"/>
      <c r="CV30" s="168"/>
      <c r="CW30" s="43"/>
      <c r="CX30" s="191" t="s">
        <v>104</v>
      </c>
      <c r="CY30" s="189" t="str">
        <f>IF(CK38="月単位の週休２日達成","○","×")</f>
        <v>×</v>
      </c>
      <c r="CZ30" s="9"/>
      <c r="DA30" s="17"/>
      <c r="DB30" s="102" t="str">
        <f t="shared" si="8"/>
        <v/>
      </c>
      <c r="DC30" s="15" t="str">
        <f>IF(DC29="","",IF(DC29='（参考）【別紙２】'!$E$35,"",IF(MONTH(DC29)=MONTH(DC29+1),DC29+1,"")))</f>
        <v/>
      </c>
      <c r="DD30" s="13" t="str">
        <f>IF(COUNTIF(祝日一覧!$E$2:$E$142,DC30),"○",IF(DG30&lt;&gt;"","○",""))</f>
        <v/>
      </c>
      <c r="DE30" s="26"/>
      <c r="DF30" s="45" t="str">
        <f t="shared" si="85"/>
        <v/>
      </c>
      <c r="DG30" s="45"/>
      <c r="DH30" s="167"/>
      <c r="DI30" s="168"/>
      <c r="DJ30" s="43"/>
      <c r="DK30" s="191" t="s">
        <v>104</v>
      </c>
      <c r="DL30" s="189" t="str">
        <f>IF(CX38="月単位の週休２日達成","○","×")</f>
        <v>×</v>
      </c>
      <c r="DM30" s="9"/>
      <c r="DN30" s="17"/>
      <c r="DO30" s="102" t="str">
        <f t="shared" si="9"/>
        <v/>
      </c>
      <c r="DP30" s="15" t="str">
        <f>IF(DP29="","",IF(DP29='（参考）【別紙２】'!$E$35,"",IF(MONTH(DP29)=MONTH(DP29+1),DP29+1,"")))</f>
        <v/>
      </c>
      <c r="DQ30" s="13" t="str">
        <f>IF(COUNTIF(祝日一覧!$E$2:$E$142,DP30),"○",IF(DT30&lt;&gt;"","○",""))</f>
        <v/>
      </c>
      <c r="DR30" s="26"/>
      <c r="DS30" s="45" t="str">
        <f t="shared" si="86"/>
        <v/>
      </c>
      <c r="DT30" s="45"/>
      <c r="DU30" s="167"/>
      <c r="DV30" s="168"/>
      <c r="DW30" s="43"/>
      <c r="DX30" s="191" t="s">
        <v>104</v>
      </c>
      <c r="DY30" s="189" t="str">
        <f>IF(DK38="月単位の週休２日達成","○","×")</f>
        <v>×</v>
      </c>
      <c r="DZ30" s="9"/>
      <c r="EA30" s="17"/>
      <c r="EB30" s="102" t="str">
        <f t="shared" si="10"/>
        <v/>
      </c>
      <c r="EC30" s="15" t="str">
        <f>IF(EC29="","",IF(EC29='（参考）【別紙２】'!$E$35,"",IF(MONTH(EC29)=MONTH(EC29+1),EC29+1,"")))</f>
        <v/>
      </c>
      <c r="ED30" s="13" t="str">
        <f>IF(COUNTIF(祝日一覧!$E$2:$E$142,EC30),"○",IF(EG30&lt;&gt;"","○",""))</f>
        <v/>
      </c>
      <c r="EE30" s="26"/>
      <c r="EF30" s="45" t="str">
        <f t="shared" si="87"/>
        <v/>
      </c>
      <c r="EG30" s="45"/>
      <c r="EH30" s="167"/>
      <c r="EI30" s="168"/>
      <c r="EJ30" s="43"/>
      <c r="EK30" s="191" t="s">
        <v>104</v>
      </c>
      <c r="EL30" s="189" t="str">
        <f>IF(DX38="月単位の週休２日達成","○","×")</f>
        <v>×</v>
      </c>
      <c r="EM30" s="9"/>
      <c r="EN30" s="17"/>
      <c r="EO30" s="102" t="str">
        <f t="shared" si="11"/>
        <v/>
      </c>
      <c r="EP30" s="15" t="str">
        <f>IF(EP29="","",IF(EP29='（参考）【別紙２】'!$E$35,"",IF(MONTH(EP29)=MONTH(EP29+1),EP29+1,"")))</f>
        <v/>
      </c>
      <c r="EQ30" s="13" t="str">
        <f>IF(COUNTIF(祝日一覧!$E$2:$E$142,EP30),"○",IF(ET30&lt;&gt;"","○",""))</f>
        <v/>
      </c>
      <c r="ER30" s="26"/>
      <c r="ES30" s="45" t="str">
        <f t="shared" si="88"/>
        <v/>
      </c>
      <c r="ET30" s="45"/>
      <c r="EU30" s="167"/>
      <c r="EV30" s="168"/>
      <c r="EW30" s="43"/>
      <c r="EX30" s="191" t="s">
        <v>104</v>
      </c>
      <c r="EY30" s="189" t="str">
        <f>IF(EK38="月単位の週休２日達成","○","×")</f>
        <v>×</v>
      </c>
      <c r="EZ30" s="9"/>
      <c r="FA30" s="17"/>
      <c r="FB30" s="102" t="str">
        <f t="shared" si="12"/>
        <v/>
      </c>
      <c r="FC30" s="15" t="str">
        <f>IF(FC29="","",IF(FC29='（参考）【別紙２】'!$E$35,"",IF(MONTH(FC29)=MONTH(FC29+1),FC29+1,"")))</f>
        <v/>
      </c>
      <c r="FD30" s="13" t="str">
        <f>IF(COUNTIF(祝日一覧!$E$2:$E$142,FC30),"○",IF(FG30&lt;&gt;"","○",""))</f>
        <v/>
      </c>
      <c r="FE30" s="26"/>
      <c r="FF30" s="45" t="str">
        <f t="shared" si="89"/>
        <v/>
      </c>
      <c r="FG30" s="45"/>
      <c r="FH30" s="167"/>
      <c r="FI30" s="168"/>
      <c r="FJ30" s="43"/>
      <c r="FK30" s="191" t="s">
        <v>104</v>
      </c>
      <c r="FL30" s="189" t="str">
        <f>IF(EX38="月単位の週休２日達成","○","×")</f>
        <v>×</v>
      </c>
      <c r="FM30" s="9"/>
      <c r="FN30" s="17"/>
      <c r="FO30" s="102" t="str">
        <f t="shared" si="13"/>
        <v/>
      </c>
      <c r="FP30" s="15" t="str">
        <f>IF(FP29="","",IF(FP29='（参考）【別紙２】'!$E$35,"",IF(MONTH(FP29)=MONTH(FP29+1),FP29+1,"")))</f>
        <v/>
      </c>
      <c r="FQ30" s="13" t="str">
        <f>IF(COUNTIF(祝日一覧!$E$2:$E$142,FP30),"○",IF(FT30&lt;&gt;"","○",""))</f>
        <v/>
      </c>
      <c r="FR30" s="26"/>
      <c r="FS30" s="45" t="str">
        <f t="shared" si="90"/>
        <v/>
      </c>
      <c r="FT30" s="45"/>
      <c r="FU30" s="167"/>
      <c r="FV30" s="168"/>
      <c r="FW30" s="43"/>
      <c r="FX30" s="191" t="s">
        <v>104</v>
      </c>
      <c r="FY30" s="189" t="str">
        <f>IF(FK38="月単位の週休２日達成","○","×")</f>
        <v>×</v>
      </c>
      <c r="FZ30" s="9"/>
      <c r="GA30" s="17"/>
      <c r="GB30" s="102" t="str">
        <f t="shared" si="14"/>
        <v/>
      </c>
      <c r="GC30" s="15" t="str">
        <f>IF(GC29="","",IF(GC29='（参考）【別紙２】'!$E$35,"",IF(MONTH(GC29)=MONTH(GC29+1),GC29+1,"")))</f>
        <v/>
      </c>
      <c r="GD30" s="13" t="str">
        <f>IF(COUNTIF(祝日一覧!$E$2:$E$142,GC30),"○",IF(GG30&lt;&gt;"","○",""))</f>
        <v/>
      </c>
      <c r="GE30" s="25"/>
      <c r="GF30" s="45" t="str">
        <f t="shared" si="91"/>
        <v/>
      </c>
      <c r="GG30" s="45"/>
      <c r="GH30" s="167"/>
      <c r="GI30" s="168"/>
      <c r="GJ30" s="43"/>
      <c r="GK30" s="191" t="s">
        <v>104</v>
      </c>
      <c r="GL30" s="189" t="str">
        <f>IF(FX38="月単位の週休２日達成","○","×")</f>
        <v>×</v>
      </c>
      <c r="GM30" s="9"/>
      <c r="GN30" s="17"/>
      <c r="GO30" s="102" t="str">
        <f t="shared" si="15"/>
        <v/>
      </c>
      <c r="GP30" s="15" t="str">
        <f>IF(GP29="","",IF(GP29='（参考）【別紙２】'!$E$35,"",IF(MONTH(GP29)=MONTH(GP29+1),GP29+1,"")))</f>
        <v/>
      </c>
      <c r="GQ30" s="13" t="str">
        <f>IF(COUNTIF(祝日一覧!$E$2:$E$142,GP30),"○",IF(GT30&lt;&gt;"","○",""))</f>
        <v/>
      </c>
      <c r="GR30" s="25"/>
      <c r="GS30" s="45" t="str">
        <f t="shared" si="92"/>
        <v/>
      </c>
      <c r="GT30" s="45"/>
      <c r="GU30" s="167"/>
      <c r="GV30" s="168"/>
      <c r="GW30" s="43"/>
      <c r="GX30" s="191" t="s">
        <v>104</v>
      </c>
      <c r="GY30" s="189" t="str">
        <f>IF(GK38="月単位の週休２日達成","○","×")</f>
        <v>×</v>
      </c>
      <c r="GZ30" s="9"/>
      <c r="HA30" s="17"/>
      <c r="HB30" s="102" t="str">
        <f t="shared" si="16"/>
        <v/>
      </c>
      <c r="HC30" s="15" t="str">
        <f>IF(HC29="","",IF(HC29='（参考）【別紙２】'!$E$35,"",IF(MONTH(HC29)=MONTH(HC29+1),HC29+1,"")))</f>
        <v/>
      </c>
      <c r="HD30" s="13" t="str">
        <f>IF(COUNTIF(祝日一覧!$E$2:$E$142,HC30),"○",IF(HG30&lt;&gt;"","○",""))</f>
        <v/>
      </c>
      <c r="HE30" s="26"/>
      <c r="HF30" s="45" t="str">
        <f t="shared" si="93"/>
        <v/>
      </c>
      <c r="HG30" s="45"/>
      <c r="HH30" s="167"/>
      <c r="HI30" s="168"/>
      <c r="HJ30" s="43"/>
      <c r="HK30" s="191" t="s">
        <v>104</v>
      </c>
      <c r="HL30" s="189" t="str">
        <f>IF(GX38="月単位の週休２日達成","○","×")</f>
        <v>×</v>
      </c>
      <c r="HM30" s="9"/>
      <c r="HN30" s="17"/>
      <c r="HO30" s="102" t="str">
        <f t="shared" si="17"/>
        <v/>
      </c>
      <c r="HP30" s="15" t="str">
        <f>IF(HP29="","",IF(HP29='（参考）【別紙２】'!$E$35,"",IF(MONTH(HP29)=MONTH(HP29+1),HP29+1,"")))</f>
        <v/>
      </c>
      <c r="HQ30" s="13" t="str">
        <f>IF(COUNTIF(祝日一覧!$E$2:$E$142,HP30),"○",IF(HT30&lt;&gt;"","○",""))</f>
        <v/>
      </c>
      <c r="HR30" s="25"/>
      <c r="HS30" s="45" t="str">
        <f t="shared" si="94"/>
        <v/>
      </c>
      <c r="HT30" s="45"/>
      <c r="HU30" s="167"/>
      <c r="HV30" s="168"/>
      <c r="HW30" s="43"/>
      <c r="HX30" s="191" t="s">
        <v>104</v>
      </c>
      <c r="HY30" s="189" t="str">
        <f>IF(HK38="月単位の週休２日達成","○","×")</f>
        <v>×</v>
      </c>
      <c r="HZ30" s="9"/>
      <c r="IA30" s="17"/>
      <c r="IB30" s="102" t="str">
        <f t="shared" si="18"/>
        <v/>
      </c>
      <c r="IC30" s="15" t="str">
        <f>IF(IC29="","",IF(IC29='（参考）【別紙２】'!$E$35,"",IF(MONTH(IC29)=MONTH(IC29+1),IC29+1,"")))</f>
        <v/>
      </c>
      <c r="ID30" s="13" t="str">
        <f>IF(COUNTIF(祝日一覧!$E$2:$E$142,IC30),"○",IF(IG30&lt;&gt;"","○",""))</f>
        <v/>
      </c>
      <c r="IE30" s="25"/>
      <c r="IF30" s="45" t="str">
        <f t="shared" si="95"/>
        <v/>
      </c>
      <c r="IG30" s="45"/>
      <c r="IH30" s="167"/>
      <c r="II30" s="168"/>
      <c r="IJ30" s="43"/>
      <c r="IK30" s="191" t="s">
        <v>104</v>
      </c>
      <c r="IL30" s="189" t="str">
        <f>IF(HX38="月単位の週休２日達成","○","×")</f>
        <v>×</v>
      </c>
      <c r="IM30" s="9"/>
      <c r="IN30" s="17"/>
      <c r="IO30" s="102" t="str">
        <f t="shared" si="19"/>
        <v/>
      </c>
      <c r="IP30" s="15" t="str">
        <f>IF(IP29="","",IF(IP29='（参考）【別紙２】'!$E$35,"",IF(MONTH(IP29)=MONTH(IP29+1),IP29+1,"")))</f>
        <v/>
      </c>
      <c r="IQ30" s="13" t="str">
        <f>IF(COUNTIF(祝日一覧!$E$2:$E$142,IP30),"○",IF(IT30&lt;&gt;"","○",""))</f>
        <v/>
      </c>
      <c r="IR30" s="25"/>
      <c r="IS30" s="45" t="str">
        <f t="shared" si="96"/>
        <v/>
      </c>
      <c r="IT30" s="45"/>
      <c r="IU30" s="167"/>
      <c r="IV30" s="168"/>
      <c r="IW30" s="43"/>
      <c r="IX30" s="191" t="s">
        <v>104</v>
      </c>
      <c r="IY30" s="189" t="str">
        <f>IF(IK38="月単位の週休２日達成","○","×")</f>
        <v>×</v>
      </c>
      <c r="IZ30" s="9"/>
      <c r="JA30" s="17"/>
      <c r="JB30" s="102" t="str">
        <f t="shared" si="20"/>
        <v/>
      </c>
      <c r="JC30" s="15" t="str">
        <f>IF(JC29="","",IF(JC29='（参考）【別紙２】'!$E$35,"",IF(MONTH(JC29)=MONTH(JC29+1),JC29+1,"")))</f>
        <v/>
      </c>
      <c r="JD30" s="13" t="str">
        <f>IF(COUNTIF(祝日一覧!$E$2:$E$142,JC30),"○",IF(JG30&lt;&gt;"","○",""))</f>
        <v/>
      </c>
      <c r="JE30" s="25"/>
      <c r="JF30" s="45" t="str">
        <f t="shared" si="97"/>
        <v/>
      </c>
      <c r="JG30" s="45"/>
      <c r="JH30" s="167"/>
      <c r="JI30" s="168"/>
      <c r="JJ30" s="43"/>
      <c r="JK30" s="191" t="s">
        <v>104</v>
      </c>
      <c r="JL30" s="189" t="str">
        <f>IF(IX38="月単位の週休２日達成","○","×")</f>
        <v>×</v>
      </c>
      <c r="JM30" s="9"/>
      <c r="JN30" s="17"/>
      <c r="JO30" s="102" t="str">
        <f t="shared" si="21"/>
        <v/>
      </c>
      <c r="JP30" s="15" t="str">
        <f>IF(JP29="","",IF(JP29='（参考）【別紙２】'!$E$35,"",IF(MONTH(JP29)=MONTH(JP29+1),JP29+1,"")))</f>
        <v/>
      </c>
      <c r="JQ30" s="13" t="str">
        <f>IF(COUNTIF(祝日一覧!$E$2:$E$142,JP30),"○",IF(JT30&lt;&gt;"","○",""))</f>
        <v/>
      </c>
      <c r="JR30" s="25"/>
      <c r="JS30" s="45" t="str">
        <f t="shared" si="98"/>
        <v/>
      </c>
      <c r="JT30" s="45"/>
      <c r="JU30" s="167"/>
      <c r="JV30" s="168"/>
      <c r="JW30" s="43"/>
      <c r="JX30" s="191" t="s">
        <v>104</v>
      </c>
      <c r="JY30" s="189" t="str">
        <f>IF(JK38="月単位の週休２日達成","○","×")</f>
        <v>×</v>
      </c>
      <c r="JZ30" s="9"/>
      <c r="KA30" s="17"/>
      <c r="KB30" s="102" t="str">
        <f t="shared" si="22"/>
        <v/>
      </c>
      <c r="KC30" s="15" t="str">
        <f>IF(KC29="","",IF(KC29='（参考）【別紙２】'!$E$35,"",IF(MONTH(KC29)=MONTH(KC29+1),KC29+1,"")))</f>
        <v/>
      </c>
      <c r="KD30" s="13" t="str">
        <f>IF(COUNTIF(祝日一覧!$E$2:$E$142,KC30),"○",IF(KG30&lt;&gt;"","○",""))</f>
        <v/>
      </c>
      <c r="KE30" s="25"/>
      <c r="KF30" s="45" t="str">
        <f t="shared" si="99"/>
        <v/>
      </c>
      <c r="KG30" s="45"/>
      <c r="KH30" s="167"/>
      <c r="KI30" s="168"/>
      <c r="KJ30" s="43"/>
      <c r="KK30" s="191" t="s">
        <v>104</v>
      </c>
      <c r="KL30" s="189" t="str">
        <f>IF(JX38="月単位の週休２日達成","○","×")</f>
        <v>×</v>
      </c>
      <c r="KM30" s="9"/>
      <c r="KN30" s="17"/>
      <c r="KO30" s="102" t="str">
        <f t="shared" si="23"/>
        <v/>
      </c>
      <c r="KP30" s="15" t="str">
        <f>IF(KP29="","",IF(KP29='（参考）【別紙２】'!$E$35,"",IF(MONTH(KP29)=MONTH(KP29+1),KP29+1,"")))</f>
        <v/>
      </c>
      <c r="KQ30" s="13" t="str">
        <f>IF(COUNTIF(祝日一覧!$E$2:$E$142,KP30),"○",IF(KT30&lt;&gt;"","○",""))</f>
        <v/>
      </c>
      <c r="KR30" s="25"/>
      <c r="KS30" s="45" t="str">
        <f t="shared" si="100"/>
        <v/>
      </c>
      <c r="KT30" s="45"/>
      <c r="KU30" s="167"/>
      <c r="KV30" s="168"/>
      <c r="KW30" s="43"/>
      <c r="KX30" s="191" t="s">
        <v>104</v>
      </c>
      <c r="KY30" s="189" t="str">
        <f>IF(KK38="月単位の週休２日達成","○","×")</f>
        <v>×</v>
      </c>
      <c r="KZ30" s="9"/>
      <c r="LA30" s="17"/>
      <c r="LB30" s="102" t="str">
        <f t="shared" si="24"/>
        <v/>
      </c>
      <c r="LC30" s="15" t="str">
        <f>IF(LC29="","",IF(LC29='（参考）【別紙２】'!$E$35,"",IF(MONTH(LC29)=MONTH(LC29+1),LC29+1,"")))</f>
        <v/>
      </c>
      <c r="LD30" s="13" t="str">
        <f>IF(COUNTIF(祝日一覧!$E$2:$E$142,LC30),"○",IF(LG30&lt;&gt;"","○",""))</f>
        <v/>
      </c>
      <c r="LE30" s="25"/>
      <c r="LF30" s="45" t="str">
        <f t="shared" si="101"/>
        <v/>
      </c>
      <c r="LG30" s="45"/>
      <c r="LH30" s="167"/>
      <c r="LI30" s="168"/>
      <c r="LJ30" s="43"/>
      <c r="LK30" s="191" t="s">
        <v>104</v>
      </c>
      <c r="LL30" s="189" t="str">
        <f>IF(KX38="月単位の週休２日達成","○","×")</f>
        <v>×</v>
      </c>
      <c r="LM30" s="9"/>
      <c r="LN30" s="17"/>
      <c r="LO30" s="102" t="str">
        <f t="shared" si="25"/>
        <v/>
      </c>
      <c r="LP30" s="15" t="str">
        <f>IF(LP29="","",IF(LP29='（参考）【別紙２】'!$E$35,"",IF(MONTH(LP29)=MONTH(LP29+1),LP29+1,"")))</f>
        <v/>
      </c>
      <c r="LQ30" s="13" t="str">
        <f>IF(COUNTIF(祝日一覧!$E$2:$E$142,LP30),"○",IF(LT30&lt;&gt;"","○",""))</f>
        <v/>
      </c>
      <c r="LR30" s="25"/>
      <c r="LS30" s="45" t="str">
        <f t="shared" si="102"/>
        <v/>
      </c>
      <c r="LT30" s="45"/>
      <c r="LU30" s="167"/>
      <c r="LV30" s="168"/>
      <c r="LW30" s="43"/>
      <c r="LX30" s="191" t="s">
        <v>104</v>
      </c>
      <c r="LY30" s="189" t="str">
        <f>IF(LK38="月単位の週休２日達成","○","×")</f>
        <v>×</v>
      </c>
      <c r="LZ30" s="9"/>
      <c r="MA30" s="17"/>
      <c r="MB30" s="102" t="str">
        <f t="shared" si="26"/>
        <v/>
      </c>
      <c r="MC30" s="15" t="str">
        <f>IF(MC29="","",IF(MC29='（参考）【別紙２】'!$E$35,"",IF(MONTH(MC29)=MONTH(MC29+1),MC29+1,"")))</f>
        <v/>
      </c>
      <c r="MD30" s="13" t="str">
        <f>IF(COUNTIF(祝日一覧!$E$2:$E$142,MC30),"○",IF(MG30&lt;&gt;"","○",""))</f>
        <v/>
      </c>
      <c r="ME30" s="25"/>
      <c r="MF30" s="45" t="str">
        <f t="shared" si="103"/>
        <v/>
      </c>
      <c r="MG30" s="45"/>
      <c r="MH30" s="167"/>
      <c r="MI30" s="168"/>
      <c r="MJ30" s="43"/>
      <c r="MK30" s="191" t="s">
        <v>104</v>
      </c>
      <c r="ML30" s="189" t="str">
        <f>IF(LX38="月単位の週休２日達成","○","×")</f>
        <v>×</v>
      </c>
      <c r="MM30" s="9"/>
      <c r="MN30" s="17"/>
      <c r="MO30" s="102" t="str">
        <f t="shared" si="27"/>
        <v/>
      </c>
      <c r="MP30" s="15" t="str">
        <f>IF(MP29="","",IF(MP29='（参考）【別紙２】'!$E$35,"",IF(MONTH(MP29)=MONTH(MP29+1),MP29+1,"")))</f>
        <v/>
      </c>
      <c r="MQ30" s="13" t="str">
        <f>IF(COUNTIF(祝日一覧!$E$2:$E$142,MP30),"○",IF(MT30&lt;&gt;"","○",""))</f>
        <v/>
      </c>
      <c r="MR30" s="25"/>
      <c r="MS30" s="45" t="str">
        <f t="shared" si="104"/>
        <v/>
      </c>
      <c r="MT30" s="45"/>
      <c r="MU30" s="167"/>
      <c r="MV30" s="168"/>
      <c r="MW30" s="43"/>
      <c r="MX30" s="191" t="s">
        <v>104</v>
      </c>
      <c r="MY30" s="189" t="str">
        <f>IF(MK38="月単位の週休２日達成","○","×")</f>
        <v>×</v>
      </c>
      <c r="MZ30" s="9"/>
      <c r="NA30" s="17"/>
      <c r="NB30" s="102" t="str">
        <f t="shared" si="28"/>
        <v/>
      </c>
      <c r="NC30" s="15" t="str">
        <f>IF(NC29="","",IF(NC29='（参考）【別紙２】'!$E$35,"",IF(MONTH(NC29)=MONTH(NC29+1),NC29+1,"")))</f>
        <v/>
      </c>
      <c r="ND30" s="13" t="str">
        <f>IF(COUNTIF(祝日一覧!$E$2:$E$142,NC30),"○",IF(NG30&lt;&gt;"","○",""))</f>
        <v/>
      </c>
      <c r="NE30" s="25"/>
      <c r="NF30" s="45" t="str">
        <f t="shared" si="105"/>
        <v/>
      </c>
      <c r="NG30" s="45"/>
      <c r="NH30" s="167"/>
      <c r="NI30" s="168"/>
      <c r="NJ30" s="43"/>
      <c r="NK30" s="191" t="s">
        <v>104</v>
      </c>
      <c r="NL30" s="189" t="str">
        <f>IF(MX38="月単位の週休２日達成","○","×")</f>
        <v>×</v>
      </c>
      <c r="NM30" s="9"/>
      <c r="NN30" s="17"/>
      <c r="NO30" s="102" t="str">
        <f t="shared" si="29"/>
        <v/>
      </c>
      <c r="NP30" s="15" t="str">
        <f>IF(NP29="","",IF(NP29='（参考）【別紙２】'!$E$35,"",IF(MONTH(NP29)=MONTH(NP29+1),NP29+1,"")))</f>
        <v/>
      </c>
      <c r="NQ30" s="13" t="str">
        <f>IF(COUNTIF(祝日一覧!$E$2:$E$142,NP30),"○",IF(NT30&lt;&gt;"","○",""))</f>
        <v/>
      </c>
      <c r="NR30" s="25"/>
      <c r="NS30" s="45" t="str">
        <f t="shared" si="106"/>
        <v/>
      </c>
      <c r="NT30" s="45"/>
      <c r="NU30" s="167"/>
      <c r="NV30" s="168"/>
      <c r="NW30" s="43"/>
      <c r="NX30" s="191" t="s">
        <v>104</v>
      </c>
      <c r="NY30" s="189" t="str">
        <f>IF(NK38="月単位の週休２日達成","○","×")</f>
        <v>×</v>
      </c>
      <c r="NZ30" s="9"/>
      <c r="OA30" s="17"/>
      <c r="OB30" s="102" t="str">
        <f t="shared" si="30"/>
        <v/>
      </c>
      <c r="OC30" s="15" t="str">
        <f>IF(OC29="","",IF(OC29='（参考）【別紙２】'!$E$35,"",IF(MONTH(OC29)=MONTH(OC29+1),OC29+1,"")))</f>
        <v/>
      </c>
      <c r="OD30" s="13" t="str">
        <f>IF(COUNTIF(祝日一覧!$E$2:$E$142,OC30),"○",IF(OG30&lt;&gt;"","○",""))</f>
        <v/>
      </c>
      <c r="OE30" s="25"/>
      <c r="OF30" s="45" t="str">
        <f t="shared" si="107"/>
        <v/>
      </c>
      <c r="OG30" s="45"/>
      <c r="OH30" s="167"/>
      <c r="OI30" s="168"/>
      <c r="OJ30" s="43"/>
      <c r="OK30" s="191" t="s">
        <v>104</v>
      </c>
      <c r="OL30" s="189" t="str">
        <f>IF(NX38="月単位の週休２日達成","○","×")</f>
        <v>×</v>
      </c>
      <c r="OM30" s="9"/>
      <c r="ON30" s="17"/>
      <c r="OO30" s="102" t="str">
        <f t="shared" si="31"/>
        <v/>
      </c>
      <c r="OP30" s="15" t="str">
        <f>IF(OP29="","",IF(OP29='（参考）【別紙２】'!$E$35,"",IF(MONTH(OP29)=MONTH(OP29+1),OP29+1,"")))</f>
        <v/>
      </c>
      <c r="OQ30" s="13" t="str">
        <f>IF(COUNTIF(祝日一覧!$E$2:$E$142,OP30),"○",IF(OT30&lt;&gt;"","○",""))</f>
        <v/>
      </c>
      <c r="OR30" s="25"/>
      <c r="OS30" s="45" t="str">
        <f t="shared" si="108"/>
        <v/>
      </c>
      <c r="OT30" s="45"/>
      <c r="OU30" s="167"/>
      <c r="OV30" s="168"/>
      <c r="OW30" s="43"/>
      <c r="OX30" s="191" t="s">
        <v>104</v>
      </c>
      <c r="OY30" s="189" t="str">
        <f>IF(OK38="月単位の週休２日達成","○","×")</f>
        <v>×</v>
      </c>
      <c r="OZ30" s="9"/>
      <c r="PA30" s="17"/>
      <c r="PB30" s="102" t="str">
        <f t="shared" si="32"/>
        <v/>
      </c>
      <c r="PC30" s="15" t="str">
        <f>IF(PC29="","",IF(PC29='（参考）【別紙２】'!$E$35,"",IF(MONTH(PC29)=MONTH(PC29+1),PC29+1,"")))</f>
        <v/>
      </c>
      <c r="PD30" s="13" t="str">
        <f>IF(COUNTIF(祝日一覧!$E$2:$E$142,PC30),"○",IF(PG30&lt;&gt;"","○",""))</f>
        <v/>
      </c>
      <c r="PE30" s="25"/>
      <c r="PF30" s="45" t="str">
        <f t="shared" si="109"/>
        <v/>
      </c>
      <c r="PG30" s="45"/>
      <c r="PH30" s="167"/>
      <c r="PI30" s="168"/>
      <c r="PJ30" s="43"/>
      <c r="PK30" s="191" t="s">
        <v>104</v>
      </c>
      <c r="PL30" s="189" t="str">
        <f>IF(OX38="月単位の週休２日達成","○","×")</f>
        <v>×</v>
      </c>
      <c r="PM30" s="9"/>
      <c r="PN30" s="17"/>
      <c r="PO30" s="102" t="str">
        <f t="shared" si="33"/>
        <v/>
      </c>
      <c r="PP30" s="15" t="str">
        <f>IF(PP29="","",IF(PP29='（参考）【別紙２】'!$E$35,"",IF(MONTH(PP29)=MONTH(PP29+1),PP29+1,"")))</f>
        <v/>
      </c>
      <c r="PQ30" s="13" t="str">
        <f>IF(COUNTIF(祝日一覧!$E$2:$E$142,PP30),"○",IF(PT30&lt;&gt;"","○",""))</f>
        <v/>
      </c>
      <c r="PR30" s="25"/>
      <c r="PS30" s="45" t="str">
        <f t="shared" si="110"/>
        <v/>
      </c>
      <c r="PT30" s="45"/>
      <c r="PU30" s="167"/>
      <c r="PV30" s="168"/>
      <c r="PW30" s="43"/>
      <c r="PX30" s="191" t="s">
        <v>104</v>
      </c>
      <c r="PY30" s="189" t="str">
        <f>IF(PK38="月単位の週休２日達成","○","×")</f>
        <v>×</v>
      </c>
      <c r="PZ30" s="9"/>
      <c r="QA30" s="17"/>
      <c r="QB30" s="102" t="str">
        <f t="shared" si="34"/>
        <v/>
      </c>
      <c r="QC30" s="15" t="str">
        <f>IF(QC29="","",IF(QC29='（参考）【別紙２】'!$E$35,"",IF(MONTH(QC29)=MONTH(QC29+1),QC29+1,"")))</f>
        <v/>
      </c>
      <c r="QD30" s="13" t="str">
        <f>IF(COUNTIF(祝日一覧!$E$2:$E$142,QC30),"○",IF(QG30&lt;&gt;"","○",""))</f>
        <v/>
      </c>
      <c r="QE30" s="25"/>
      <c r="QF30" s="45" t="str">
        <f t="shared" si="111"/>
        <v/>
      </c>
      <c r="QG30" s="45"/>
      <c r="QH30" s="167"/>
      <c r="QI30" s="168"/>
      <c r="QJ30" s="43"/>
      <c r="QK30" s="191" t="s">
        <v>104</v>
      </c>
      <c r="QL30" s="189" t="str">
        <f>IF(PX38="月単位の週休２日達成","○","×")</f>
        <v>×</v>
      </c>
      <c r="QM30" s="9"/>
      <c r="QN30" s="17"/>
      <c r="QO30" s="102" t="str">
        <f t="shared" si="35"/>
        <v/>
      </c>
      <c r="QP30" s="15" t="str">
        <f>IF(QP29="","",IF(QP29='（参考）【別紙２】'!$E$35,"",IF(MONTH(QP29)=MONTH(QP29+1),QP29+1,"")))</f>
        <v/>
      </c>
      <c r="QQ30" s="13" t="str">
        <f>IF(COUNTIF(祝日一覧!$E$2:$E$142,QP30),"○",IF(QT30&lt;&gt;"","○",""))</f>
        <v/>
      </c>
      <c r="QR30" s="25"/>
      <c r="QS30" s="45" t="str">
        <f t="shared" si="112"/>
        <v/>
      </c>
      <c r="QT30" s="45"/>
      <c r="QU30" s="167"/>
      <c r="QV30" s="168"/>
      <c r="QW30" s="43"/>
      <c r="QX30" s="191" t="s">
        <v>104</v>
      </c>
      <c r="QY30" s="189" t="str">
        <f>IF(QK38="月単位の週休２日達成","○","×")</f>
        <v>×</v>
      </c>
      <c r="QZ30" s="9"/>
      <c r="RA30" s="17"/>
      <c r="RB30" s="102" t="str">
        <f t="shared" si="36"/>
        <v/>
      </c>
      <c r="RC30" s="15" t="str">
        <f>IF(RC29="","",IF(RC29='（参考）【別紙２】'!$E$35,"",IF(MONTH(RC29)=MONTH(RC29+1),RC29+1,"")))</f>
        <v/>
      </c>
      <c r="RD30" s="13" t="str">
        <f>IF(COUNTIF(祝日一覧!$E$2:$E$142,RC30),"○",IF(RG30&lt;&gt;"","○",""))</f>
        <v/>
      </c>
      <c r="RE30" s="25"/>
      <c r="RF30" s="45" t="str">
        <f t="shared" si="113"/>
        <v/>
      </c>
      <c r="RG30" s="45"/>
      <c r="RH30" s="167"/>
      <c r="RI30" s="168"/>
      <c r="RJ30" s="43"/>
      <c r="RK30" s="191" t="s">
        <v>104</v>
      </c>
      <c r="RL30" s="189" t="str">
        <f>IF(QX38="月単位の週休２日達成","○","×")</f>
        <v>×</v>
      </c>
      <c r="RM30" s="9"/>
      <c r="RN30" s="17"/>
      <c r="RO30" s="102" t="str">
        <f t="shared" si="37"/>
        <v/>
      </c>
      <c r="RP30" s="15" t="str">
        <f>IF(RP29="","",IF(RP29='（参考）【別紙２】'!$E$35,"",IF(MONTH(RP29)=MONTH(RP29+1),RP29+1,"")))</f>
        <v/>
      </c>
      <c r="RQ30" s="13" t="str">
        <f>IF(COUNTIF(祝日一覧!$E$2:$E$142,RP30),"○",IF(RT30&lt;&gt;"","○",""))</f>
        <v/>
      </c>
      <c r="RR30" s="25"/>
      <c r="RS30" s="45" t="str">
        <f t="shared" si="114"/>
        <v/>
      </c>
      <c r="RT30" s="45"/>
      <c r="RU30" s="167"/>
      <c r="RV30" s="168"/>
      <c r="RW30" s="43"/>
      <c r="RX30" s="191" t="s">
        <v>104</v>
      </c>
      <c r="RY30" s="189" t="str">
        <f>IF(RK38="月単位の週休２日達成","○","×")</f>
        <v>×</v>
      </c>
      <c r="RZ30" s="9"/>
      <c r="SA30" s="17"/>
      <c r="SB30" s="102" t="str">
        <f t="shared" si="38"/>
        <v/>
      </c>
      <c r="SC30" s="15" t="str">
        <f>IF(SC29="","",IF(SC29='（参考）【別紙２】'!$E$35,"",IF(MONTH(SC29)=MONTH(SC29+1),SC29+1,"")))</f>
        <v/>
      </c>
      <c r="SD30" s="13" t="str">
        <f>IF(COUNTIF(祝日一覧!$E$2:$E$142,SC30),"○",IF(SG30&lt;&gt;"","○",""))</f>
        <v/>
      </c>
      <c r="SE30" s="25"/>
      <c r="SF30" s="45" t="str">
        <f t="shared" si="115"/>
        <v/>
      </c>
      <c r="SG30" s="45"/>
      <c r="SH30" s="167"/>
      <c r="SI30" s="168"/>
      <c r="SJ30" s="43"/>
      <c r="SK30" s="191" t="s">
        <v>104</v>
      </c>
      <c r="SL30" s="189" t="str">
        <f>IF(RX38="月単位の週休２日達成","○","×")</f>
        <v>×</v>
      </c>
      <c r="SM30" s="9"/>
    </row>
    <row r="31" spans="1:507" ht="15.6" customHeight="1">
      <c r="A31" s="17"/>
      <c r="B31" s="102" t="str">
        <f t="shared" si="0"/>
        <v>水</v>
      </c>
      <c r="C31" s="15">
        <f>IF(C30="","",IF(C30='（参考）【別紙２】'!$E$35,"",IF(MONTH(C30)=MONTH(C30+1),C30+1,"")))</f>
        <v>45770</v>
      </c>
      <c r="D31" s="13" t="str">
        <f>IF(COUNTIF(祝日一覧!$E$2:$E$142,C31),"○",IF(G31&lt;&gt;"","○",""))</f>
        <v/>
      </c>
      <c r="E31" s="26"/>
      <c r="F31" s="45" t="str">
        <f t="shared" si="39"/>
        <v/>
      </c>
      <c r="G31" s="45"/>
      <c r="H31" s="167"/>
      <c r="I31" s="168"/>
      <c r="J31" s="42"/>
      <c r="K31" s="194"/>
      <c r="L31" s="196"/>
      <c r="M31" s="9"/>
      <c r="N31" s="17"/>
      <c r="O31" s="102" t="str">
        <f t="shared" si="1"/>
        <v>金</v>
      </c>
      <c r="P31" s="15">
        <f>IF(P30="","",IF(P30='（参考）【別紙２】'!$E$35,"",IF(MONTH(P30)=MONTH(P30+1),P30+1,"")))</f>
        <v>45800</v>
      </c>
      <c r="Q31" s="13" t="str">
        <f>IF(COUNTIF(祝日一覧!$E$2:$E$142,P31),"○",IF(T31&lt;&gt;"","○",""))</f>
        <v/>
      </c>
      <c r="R31" s="26"/>
      <c r="S31" s="45" t="str">
        <f t="shared" si="78"/>
        <v/>
      </c>
      <c r="T31" s="45"/>
      <c r="U31" s="167"/>
      <c r="V31" s="168"/>
      <c r="W31" s="43"/>
      <c r="X31" s="197"/>
      <c r="Y31" s="190"/>
      <c r="Z31" s="9"/>
      <c r="AA31" s="17"/>
      <c r="AB31" s="102" t="str">
        <f t="shared" si="2"/>
        <v>月</v>
      </c>
      <c r="AC31" s="15">
        <f>IF(AC30="","",IF(AC30='（参考）【別紙２】'!$E$35,"",IF(MONTH(AC30)=MONTH(AC30+1),AC30+1,"")))</f>
        <v>45831</v>
      </c>
      <c r="AD31" s="13" t="str">
        <f>IF(COUNTIF(祝日一覧!$E$2:$E$142,AC31),"○",IF(AG31&lt;&gt;"","○",""))</f>
        <v/>
      </c>
      <c r="AE31" s="26"/>
      <c r="AF31" s="45" t="str">
        <f t="shared" si="79"/>
        <v/>
      </c>
      <c r="AG31" s="45"/>
      <c r="AH31" s="167"/>
      <c r="AI31" s="168"/>
      <c r="AJ31" s="43"/>
      <c r="AK31" s="192"/>
      <c r="AL31" s="190"/>
      <c r="AM31" s="9"/>
      <c r="AN31" s="17"/>
      <c r="AO31" s="102" t="str">
        <f t="shared" si="3"/>
        <v>水</v>
      </c>
      <c r="AP31" s="15">
        <f>IF(AP30="","",IF(AP30='（参考）【別紙２】'!$E$35,"",IF(MONTH(AP30)=MONTH(AP30+1),AP30+1,"")))</f>
        <v>45861</v>
      </c>
      <c r="AQ31" s="13" t="str">
        <f>IF(COUNTIF(祝日一覧!$E$2:$E$142,AP31),"○",IF(AT31&lt;&gt;"","○",""))</f>
        <v/>
      </c>
      <c r="AR31" s="26"/>
      <c r="AS31" s="45" t="str">
        <f t="shared" si="80"/>
        <v/>
      </c>
      <c r="AT31" s="45"/>
      <c r="AU31" s="167"/>
      <c r="AV31" s="168"/>
      <c r="AW31" s="43"/>
      <c r="AX31" s="192"/>
      <c r="AY31" s="190"/>
      <c r="AZ31" s="9"/>
      <c r="BA31" s="17"/>
      <c r="BB31" s="102" t="str">
        <f t="shared" si="4"/>
        <v>土</v>
      </c>
      <c r="BC31" s="15">
        <f>IF(BC30="","",IF(BC30='（参考）【別紙２】'!$E$35,"",IF(MONTH(BC30)=MONTH(BC30+1),BC30+1,"")))</f>
        <v>45892</v>
      </c>
      <c r="BD31" s="13" t="str">
        <f>IF(COUNTIF(祝日一覧!$E$2:$E$142,BC31),"○",IF(BG31&lt;&gt;"","○",""))</f>
        <v/>
      </c>
      <c r="BE31" s="26"/>
      <c r="BF31" s="45" t="str">
        <f t="shared" si="81"/>
        <v>○</v>
      </c>
      <c r="BG31" s="45"/>
      <c r="BH31" s="167"/>
      <c r="BI31" s="168"/>
      <c r="BJ31" s="43"/>
      <c r="BK31" s="192"/>
      <c r="BL31" s="190"/>
      <c r="BM31" s="9"/>
      <c r="BN31" s="17"/>
      <c r="BO31" s="102" t="str">
        <f t="shared" si="5"/>
        <v/>
      </c>
      <c r="BP31" s="15" t="str">
        <f>IF(BP30="","",IF(BP30='（参考）【別紙２】'!$E$35,"",IF(MONTH(BP30)=MONTH(BP30+1),BP30+1,"")))</f>
        <v/>
      </c>
      <c r="BQ31" s="13" t="str">
        <f>IF(COUNTIF(祝日一覧!$E$2:$E$142,BP31),"○",IF(BT31&lt;&gt;"","○",""))</f>
        <v/>
      </c>
      <c r="BR31" s="26"/>
      <c r="BS31" s="45" t="str">
        <f t="shared" si="82"/>
        <v/>
      </c>
      <c r="BT31" s="45"/>
      <c r="BU31" s="167"/>
      <c r="BV31" s="168"/>
      <c r="BW31" s="43"/>
      <c r="BX31" s="192"/>
      <c r="BY31" s="190"/>
      <c r="BZ31" s="9"/>
      <c r="CA31" s="17"/>
      <c r="CB31" s="102" t="str">
        <f t="shared" si="6"/>
        <v/>
      </c>
      <c r="CC31" s="15" t="str">
        <f>IF(CC30="","",IF(CC30='（参考）【別紙２】'!$E$35,"",IF(MONTH(CC30)=MONTH(CC30+1),CC30+1,"")))</f>
        <v/>
      </c>
      <c r="CD31" s="13" t="str">
        <f>IF(COUNTIF(祝日一覧!$E$2:$E$142,CC31),"○",IF(CG31&lt;&gt;"","○",""))</f>
        <v/>
      </c>
      <c r="CE31" s="26"/>
      <c r="CF31" s="45" t="str">
        <f t="shared" si="83"/>
        <v/>
      </c>
      <c r="CG31" s="45"/>
      <c r="CH31" s="167"/>
      <c r="CI31" s="168"/>
      <c r="CJ31" s="43"/>
      <c r="CK31" s="192"/>
      <c r="CL31" s="190"/>
      <c r="CM31" s="9"/>
      <c r="CN31" s="17"/>
      <c r="CO31" s="102" t="str">
        <f t="shared" si="7"/>
        <v/>
      </c>
      <c r="CP31" s="15" t="str">
        <f>IF(CP30="","",IF(CP30='（参考）【別紙２】'!$E$35,"",IF(MONTH(CP30)=MONTH(CP30+1),CP30+1,"")))</f>
        <v/>
      </c>
      <c r="CQ31" s="13" t="str">
        <f>IF(COUNTIF(祝日一覧!$E$2:$E$142,CP31),"○",IF(CT31&lt;&gt;"","○",""))</f>
        <v/>
      </c>
      <c r="CR31" s="26"/>
      <c r="CS31" s="45" t="str">
        <f t="shared" si="84"/>
        <v/>
      </c>
      <c r="CT31" s="45"/>
      <c r="CU31" s="167"/>
      <c r="CV31" s="168"/>
      <c r="CW31" s="43"/>
      <c r="CX31" s="192"/>
      <c r="CY31" s="190"/>
      <c r="CZ31" s="9"/>
      <c r="DA31" s="17"/>
      <c r="DB31" s="102" t="str">
        <f t="shared" si="8"/>
        <v/>
      </c>
      <c r="DC31" s="15" t="str">
        <f>IF(DC30="","",IF(DC30='（参考）【別紙２】'!$E$35,"",IF(MONTH(DC30)=MONTH(DC30+1),DC30+1,"")))</f>
        <v/>
      </c>
      <c r="DD31" s="13" t="str">
        <f>IF(COUNTIF(祝日一覧!$E$2:$E$142,DC31),"○",IF(DG31&lt;&gt;"","○",""))</f>
        <v/>
      </c>
      <c r="DE31" s="26"/>
      <c r="DF31" s="45" t="str">
        <f t="shared" si="85"/>
        <v/>
      </c>
      <c r="DG31" s="45"/>
      <c r="DH31" s="167"/>
      <c r="DI31" s="168"/>
      <c r="DJ31" s="43"/>
      <c r="DK31" s="192"/>
      <c r="DL31" s="190"/>
      <c r="DM31" s="9"/>
      <c r="DN31" s="17"/>
      <c r="DO31" s="102" t="str">
        <f t="shared" si="9"/>
        <v/>
      </c>
      <c r="DP31" s="15" t="str">
        <f>IF(DP30="","",IF(DP30='（参考）【別紙２】'!$E$35,"",IF(MONTH(DP30)=MONTH(DP30+1),DP30+1,"")))</f>
        <v/>
      </c>
      <c r="DQ31" s="13" t="str">
        <f>IF(COUNTIF(祝日一覧!$E$2:$E$142,DP31),"○",IF(DT31&lt;&gt;"","○",""))</f>
        <v/>
      </c>
      <c r="DR31" s="26"/>
      <c r="DS31" s="45" t="str">
        <f t="shared" si="86"/>
        <v/>
      </c>
      <c r="DT31" s="45"/>
      <c r="DU31" s="167"/>
      <c r="DV31" s="168"/>
      <c r="DW31" s="43"/>
      <c r="DX31" s="192"/>
      <c r="DY31" s="190"/>
      <c r="DZ31" s="9"/>
      <c r="EA31" s="17"/>
      <c r="EB31" s="102" t="str">
        <f t="shared" si="10"/>
        <v/>
      </c>
      <c r="EC31" s="15" t="str">
        <f>IF(EC30="","",IF(EC30='（参考）【別紙２】'!$E$35,"",IF(MONTH(EC30)=MONTH(EC30+1),EC30+1,"")))</f>
        <v/>
      </c>
      <c r="ED31" s="13" t="str">
        <f>IF(COUNTIF(祝日一覧!$E$2:$E$142,EC31),"○",IF(EG31&lt;&gt;"","○",""))</f>
        <v/>
      </c>
      <c r="EE31" s="26"/>
      <c r="EF31" s="45" t="str">
        <f t="shared" si="87"/>
        <v/>
      </c>
      <c r="EG31" s="45"/>
      <c r="EH31" s="167"/>
      <c r="EI31" s="168"/>
      <c r="EJ31" s="43"/>
      <c r="EK31" s="192"/>
      <c r="EL31" s="190"/>
      <c r="EM31" s="9"/>
      <c r="EN31" s="17"/>
      <c r="EO31" s="102" t="str">
        <f t="shared" si="11"/>
        <v/>
      </c>
      <c r="EP31" s="15" t="str">
        <f>IF(EP30="","",IF(EP30='（参考）【別紙２】'!$E$35,"",IF(MONTH(EP30)=MONTH(EP30+1),EP30+1,"")))</f>
        <v/>
      </c>
      <c r="EQ31" s="13" t="str">
        <f>IF(COUNTIF(祝日一覧!$E$2:$E$142,EP31),"○",IF(ET31&lt;&gt;"","○",""))</f>
        <v/>
      </c>
      <c r="ER31" s="26"/>
      <c r="ES31" s="45" t="str">
        <f t="shared" si="88"/>
        <v/>
      </c>
      <c r="ET31" s="45"/>
      <c r="EU31" s="167"/>
      <c r="EV31" s="168"/>
      <c r="EW31" s="43"/>
      <c r="EX31" s="192"/>
      <c r="EY31" s="190"/>
      <c r="EZ31" s="9"/>
      <c r="FA31" s="17"/>
      <c r="FB31" s="102" t="str">
        <f t="shared" si="12"/>
        <v/>
      </c>
      <c r="FC31" s="15" t="str">
        <f>IF(FC30="","",IF(FC30='（参考）【別紙２】'!$E$35,"",IF(MONTH(FC30)=MONTH(FC30+1),FC30+1,"")))</f>
        <v/>
      </c>
      <c r="FD31" s="13" t="str">
        <f>IF(COUNTIF(祝日一覧!$E$2:$E$142,FC31),"○",IF(FG31&lt;&gt;"","○",""))</f>
        <v/>
      </c>
      <c r="FE31" s="26"/>
      <c r="FF31" s="45" t="str">
        <f t="shared" si="89"/>
        <v/>
      </c>
      <c r="FG31" s="45"/>
      <c r="FH31" s="167"/>
      <c r="FI31" s="168"/>
      <c r="FJ31" s="43"/>
      <c r="FK31" s="192"/>
      <c r="FL31" s="190"/>
      <c r="FM31" s="9"/>
      <c r="FN31" s="17"/>
      <c r="FO31" s="102" t="str">
        <f t="shared" si="13"/>
        <v/>
      </c>
      <c r="FP31" s="15" t="str">
        <f>IF(FP30="","",IF(FP30='（参考）【別紙２】'!$E$35,"",IF(MONTH(FP30)=MONTH(FP30+1),FP30+1,"")))</f>
        <v/>
      </c>
      <c r="FQ31" s="13" t="str">
        <f>IF(COUNTIF(祝日一覧!$E$2:$E$142,FP31),"○",IF(FT31&lt;&gt;"","○",""))</f>
        <v/>
      </c>
      <c r="FR31" s="26"/>
      <c r="FS31" s="45" t="str">
        <f t="shared" si="90"/>
        <v/>
      </c>
      <c r="FT31" s="45"/>
      <c r="FU31" s="167"/>
      <c r="FV31" s="168"/>
      <c r="FW31" s="43"/>
      <c r="FX31" s="192"/>
      <c r="FY31" s="190"/>
      <c r="FZ31" s="9"/>
      <c r="GA31" s="17"/>
      <c r="GB31" s="102" t="str">
        <f t="shared" si="14"/>
        <v/>
      </c>
      <c r="GC31" s="15" t="str">
        <f>IF(GC30="","",IF(GC30='（参考）【別紙２】'!$E$35,"",IF(MONTH(GC30)=MONTH(GC30+1),GC30+1,"")))</f>
        <v/>
      </c>
      <c r="GD31" s="13" t="str">
        <f>IF(COUNTIF(祝日一覧!$E$2:$E$142,GC31),"○",IF(GG31&lt;&gt;"","○",""))</f>
        <v/>
      </c>
      <c r="GE31" s="25"/>
      <c r="GF31" s="45" t="str">
        <f t="shared" si="91"/>
        <v/>
      </c>
      <c r="GG31" s="45"/>
      <c r="GH31" s="167"/>
      <c r="GI31" s="168"/>
      <c r="GJ31" s="43"/>
      <c r="GK31" s="192"/>
      <c r="GL31" s="190"/>
      <c r="GM31" s="9"/>
      <c r="GN31" s="17"/>
      <c r="GO31" s="102" t="str">
        <f t="shared" si="15"/>
        <v/>
      </c>
      <c r="GP31" s="15" t="str">
        <f>IF(GP30="","",IF(GP30='（参考）【別紙２】'!$E$35,"",IF(MONTH(GP30)=MONTH(GP30+1),GP30+1,"")))</f>
        <v/>
      </c>
      <c r="GQ31" s="13" t="str">
        <f>IF(COUNTIF(祝日一覧!$E$2:$E$142,GP31),"○",IF(GT31&lt;&gt;"","○",""))</f>
        <v/>
      </c>
      <c r="GR31" s="25"/>
      <c r="GS31" s="45" t="str">
        <f t="shared" si="92"/>
        <v/>
      </c>
      <c r="GT31" s="45"/>
      <c r="GU31" s="167"/>
      <c r="GV31" s="168"/>
      <c r="GW31" s="43"/>
      <c r="GX31" s="192"/>
      <c r="GY31" s="190"/>
      <c r="GZ31" s="9"/>
      <c r="HA31" s="17"/>
      <c r="HB31" s="102" t="str">
        <f t="shared" si="16"/>
        <v/>
      </c>
      <c r="HC31" s="15" t="str">
        <f>IF(HC30="","",IF(HC30='（参考）【別紙２】'!$E$35,"",IF(MONTH(HC30)=MONTH(HC30+1),HC30+1,"")))</f>
        <v/>
      </c>
      <c r="HD31" s="13" t="str">
        <f>IF(COUNTIF(祝日一覧!$E$2:$E$142,HC31),"○",IF(HG31&lt;&gt;"","○",""))</f>
        <v/>
      </c>
      <c r="HE31" s="26"/>
      <c r="HF31" s="45" t="str">
        <f t="shared" si="93"/>
        <v/>
      </c>
      <c r="HG31" s="45"/>
      <c r="HH31" s="167"/>
      <c r="HI31" s="168"/>
      <c r="HJ31" s="43"/>
      <c r="HK31" s="192"/>
      <c r="HL31" s="190"/>
      <c r="HM31" s="9"/>
      <c r="HN31" s="17"/>
      <c r="HO31" s="102" t="str">
        <f t="shared" si="17"/>
        <v/>
      </c>
      <c r="HP31" s="15" t="str">
        <f>IF(HP30="","",IF(HP30='（参考）【別紙２】'!$E$35,"",IF(MONTH(HP30)=MONTH(HP30+1),HP30+1,"")))</f>
        <v/>
      </c>
      <c r="HQ31" s="13" t="str">
        <f>IF(COUNTIF(祝日一覧!$E$2:$E$142,HP31),"○",IF(HT31&lt;&gt;"","○",""))</f>
        <v/>
      </c>
      <c r="HR31" s="25"/>
      <c r="HS31" s="45" t="str">
        <f t="shared" si="94"/>
        <v/>
      </c>
      <c r="HT31" s="45"/>
      <c r="HU31" s="167"/>
      <c r="HV31" s="168"/>
      <c r="HW31" s="43"/>
      <c r="HX31" s="192"/>
      <c r="HY31" s="190"/>
      <c r="HZ31" s="9"/>
      <c r="IA31" s="17"/>
      <c r="IB31" s="102" t="str">
        <f t="shared" si="18"/>
        <v/>
      </c>
      <c r="IC31" s="15" t="str">
        <f>IF(IC30="","",IF(IC30='（参考）【別紙２】'!$E$35,"",IF(MONTH(IC30)=MONTH(IC30+1),IC30+1,"")))</f>
        <v/>
      </c>
      <c r="ID31" s="13" t="str">
        <f>IF(COUNTIF(祝日一覧!$E$2:$E$142,IC31),"○",IF(IG31&lt;&gt;"","○",""))</f>
        <v/>
      </c>
      <c r="IE31" s="25"/>
      <c r="IF31" s="45" t="str">
        <f t="shared" si="95"/>
        <v/>
      </c>
      <c r="IG31" s="45"/>
      <c r="IH31" s="167"/>
      <c r="II31" s="168"/>
      <c r="IJ31" s="43"/>
      <c r="IK31" s="192"/>
      <c r="IL31" s="190"/>
      <c r="IM31" s="9"/>
      <c r="IN31" s="17"/>
      <c r="IO31" s="102" t="str">
        <f t="shared" si="19"/>
        <v/>
      </c>
      <c r="IP31" s="15" t="str">
        <f>IF(IP30="","",IF(IP30='（参考）【別紙２】'!$E$35,"",IF(MONTH(IP30)=MONTH(IP30+1),IP30+1,"")))</f>
        <v/>
      </c>
      <c r="IQ31" s="13" t="str">
        <f>IF(COUNTIF(祝日一覧!$E$2:$E$142,IP31),"○",IF(IT31&lt;&gt;"","○",""))</f>
        <v/>
      </c>
      <c r="IR31" s="25"/>
      <c r="IS31" s="45" t="str">
        <f t="shared" si="96"/>
        <v/>
      </c>
      <c r="IT31" s="45"/>
      <c r="IU31" s="167"/>
      <c r="IV31" s="168"/>
      <c r="IW31" s="43"/>
      <c r="IX31" s="192"/>
      <c r="IY31" s="190"/>
      <c r="IZ31" s="9"/>
      <c r="JA31" s="17"/>
      <c r="JB31" s="102" t="str">
        <f t="shared" si="20"/>
        <v/>
      </c>
      <c r="JC31" s="15" t="str">
        <f>IF(JC30="","",IF(JC30='（参考）【別紙２】'!$E$35,"",IF(MONTH(JC30)=MONTH(JC30+1),JC30+1,"")))</f>
        <v/>
      </c>
      <c r="JD31" s="13" t="str">
        <f>IF(COUNTIF(祝日一覧!$E$2:$E$142,JC31),"○",IF(JG31&lt;&gt;"","○",""))</f>
        <v/>
      </c>
      <c r="JE31" s="25"/>
      <c r="JF31" s="45" t="str">
        <f t="shared" si="97"/>
        <v/>
      </c>
      <c r="JG31" s="45"/>
      <c r="JH31" s="167"/>
      <c r="JI31" s="168"/>
      <c r="JJ31" s="43"/>
      <c r="JK31" s="192"/>
      <c r="JL31" s="190"/>
      <c r="JM31" s="9"/>
      <c r="JN31" s="17"/>
      <c r="JO31" s="102" t="str">
        <f t="shared" si="21"/>
        <v/>
      </c>
      <c r="JP31" s="15" t="str">
        <f>IF(JP30="","",IF(JP30='（参考）【別紙２】'!$E$35,"",IF(MONTH(JP30)=MONTH(JP30+1),JP30+1,"")))</f>
        <v/>
      </c>
      <c r="JQ31" s="13" t="str">
        <f>IF(COUNTIF(祝日一覧!$E$2:$E$142,JP31),"○",IF(JT31&lt;&gt;"","○",""))</f>
        <v/>
      </c>
      <c r="JR31" s="25"/>
      <c r="JS31" s="45" t="str">
        <f t="shared" si="98"/>
        <v/>
      </c>
      <c r="JT31" s="45"/>
      <c r="JU31" s="167"/>
      <c r="JV31" s="168"/>
      <c r="JW31" s="43"/>
      <c r="JX31" s="192"/>
      <c r="JY31" s="190"/>
      <c r="JZ31" s="9"/>
      <c r="KA31" s="17"/>
      <c r="KB31" s="102" t="str">
        <f t="shared" si="22"/>
        <v/>
      </c>
      <c r="KC31" s="15" t="str">
        <f>IF(KC30="","",IF(KC30='（参考）【別紙２】'!$E$35,"",IF(MONTH(KC30)=MONTH(KC30+1),KC30+1,"")))</f>
        <v/>
      </c>
      <c r="KD31" s="13" t="str">
        <f>IF(COUNTIF(祝日一覧!$E$2:$E$142,KC31),"○",IF(KG31&lt;&gt;"","○",""))</f>
        <v/>
      </c>
      <c r="KE31" s="25"/>
      <c r="KF31" s="45" t="str">
        <f t="shared" si="99"/>
        <v/>
      </c>
      <c r="KG31" s="45"/>
      <c r="KH31" s="167"/>
      <c r="KI31" s="168"/>
      <c r="KJ31" s="43"/>
      <c r="KK31" s="192"/>
      <c r="KL31" s="190"/>
      <c r="KM31" s="9"/>
      <c r="KN31" s="17"/>
      <c r="KO31" s="102" t="str">
        <f t="shared" si="23"/>
        <v/>
      </c>
      <c r="KP31" s="15" t="str">
        <f>IF(KP30="","",IF(KP30='（参考）【別紙２】'!$E$35,"",IF(MONTH(KP30)=MONTH(KP30+1),KP30+1,"")))</f>
        <v/>
      </c>
      <c r="KQ31" s="13" t="str">
        <f>IF(COUNTIF(祝日一覧!$E$2:$E$142,KP31),"○",IF(KT31&lt;&gt;"","○",""))</f>
        <v/>
      </c>
      <c r="KR31" s="25"/>
      <c r="KS31" s="45" t="str">
        <f t="shared" si="100"/>
        <v/>
      </c>
      <c r="KT31" s="45"/>
      <c r="KU31" s="167"/>
      <c r="KV31" s="168"/>
      <c r="KW31" s="43"/>
      <c r="KX31" s="192"/>
      <c r="KY31" s="190"/>
      <c r="KZ31" s="9"/>
      <c r="LA31" s="17"/>
      <c r="LB31" s="102" t="str">
        <f t="shared" si="24"/>
        <v/>
      </c>
      <c r="LC31" s="15" t="str">
        <f>IF(LC30="","",IF(LC30='（参考）【別紙２】'!$E$35,"",IF(MONTH(LC30)=MONTH(LC30+1),LC30+1,"")))</f>
        <v/>
      </c>
      <c r="LD31" s="13" t="str">
        <f>IF(COUNTIF(祝日一覧!$E$2:$E$142,LC31),"○",IF(LG31&lt;&gt;"","○",""))</f>
        <v/>
      </c>
      <c r="LE31" s="25"/>
      <c r="LF31" s="45" t="str">
        <f t="shared" si="101"/>
        <v/>
      </c>
      <c r="LG31" s="45"/>
      <c r="LH31" s="167"/>
      <c r="LI31" s="168"/>
      <c r="LJ31" s="43"/>
      <c r="LK31" s="192"/>
      <c r="LL31" s="190"/>
      <c r="LM31" s="9"/>
      <c r="LN31" s="17"/>
      <c r="LO31" s="102" t="str">
        <f t="shared" si="25"/>
        <v/>
      </c>
      <c r="LP31" s="15" t="str">
        <f>IF(LP30="","",IF(LP30='（参考）【別紙２】'!$E$35,"",IF(MONTH(LP30)=MONTH(LP30+1),LP30+1,"")))</f>
        <v/>
      </c>
      <c r="LQ31" s="13" t="str">
        <f>IF(COUNTIF(祝日一覧!$E$2:$E$142,LP31),"○",IF(LT31&lt;&gt;"","○",""))</f>
        <v/>
      </c>
      <c r="LR31" s="25"/>
      <c r="LS31" s="45" t="str">
        <f t="shared" si="102"/>
        <v/>
      </c>
      <c r="LT31" s="45"/>
      <c r="LU31" s="167"/>
      <c r="LV31" s="168"/>
      <c r="LW31" s="43"/>
      <c r="LX31" s="192"/>
      <c r="LY31" s="190"/>
      <c r="LZ31" s="9"/>
      <c r="MA31" s="17"/>
      <c r="MB31" s="102" t="str">
        <f t="shared" si="26"/>
        <v/>
      </c>
      <c r="MC31" s="15" t="str">
        <f>IF(MC30="","",IF(MC30='（参考）【別紙２】'!$E$35,"",IF(MONTH(MC30)=MONTH(MC30+1),MC30+1,"")))</f>
        <v/>
      </c>
      <c r="MD31" s="13" t="str">
        <f>IF(COUNTIF(祝日一覧!$E$2:$E$142,MC31),"○",IF(MG31&lt;&gt;"","○",""))</f>
        <v/>
      </c>
      <c r="ME31" s="25"/>
      <c r="MF31" s="45" t="str">
        <f t="shared" si="103"/>
        <v/>
      </c>
      <c r="MG31" s="45"/>
      <c r="MH31" s="167"/>
      <c r="MI31" s="168"/>
      <c r="MJ31" s="43"/>
      <c r="MK31" s="192"/>
      <c r="ML31" s="190"/>
      <c r="MM31" s="9"/>
      <c r="MN31" s="17"/>
      <c r="MO31" s="102" t="str">
        <f t="shared" si="27"/>
        <v/>
      </c>
      <c r="MP31" s="15" t="str">
        <f>IF(MP30="","",IF(MP30='（参考）【別紙２】'!$E$35,"",IF(MONTH(MP30)=MONTH(MP30+1),MP30+1,"")))</f>
        <v/>
      </c>
      <c r="MQ31" s="13" t="str">
        <f>IF(COUNTIF(祝日一覧!$E$2:$E$142,MP31),"○",IF(MT31&lt;&gt;"","○",""))</f>
        <v/>
      </c>
      <c r="MR31" s="25"/>
      <c r="MS31" s="45" t="str">
        <f t="shared" si="104"/>
        <v/>
      </c>
      <c r="MT31" s="45"/>
      <c r="MU31" s="167"/>
      <c r="MV31" s="168"/>
      <c r="MW31" s="43"/>
      <c r="MX31" s="192"/>
      <c r="MY31" s="190"/>
      <c r="MZ31" s="9"/>
      <c r="NA31" s="17"/>
      <c r="NB31" s="102" t="str">
        <f t="shared" si="28"/>
        <v/>
      </c>
      <c r="NC31" s="15" t="str">
        <f>IF(NC30="","",IF(NC30='（参考）【別紙２】'!$E$35,"",IF(MONTH(NC30)=MONTH(NC30+1),NC30+1,"")))</f>
        <v/>
      </c>
      <c r="ND31" s="13" t="str">
        <f>IF(COUNTIF(祝日一覧!$E$2:$E$142,NC31),"○",IF(NG31&lt;&gt;"","○",""))</f>
        <v/>
      </c>
      <c r="NE31" s="25"/>
      <c r="NF31" s="45" t="str">
        <f t="shared" si="105"/>
        <v/>
      </c>
      <c r="NG31" s="45"/>
      <c r="NH31" s="167"/>
      <c r="NI31" s="168"/>
      <c r="NJ31" s="43"/>
      <c r="NK31" s="192"/>
      <c r="NL31" s="190"/>
      <c r="NM31" s="9"/>
      <c r="NN31" s="17"/>
      <c r="NO31" s="102" t="str">
        <f t="shared" si="29"/>
        <v/>
      </c>
      <c r="NP31" s="15" t="str">
        <f>IF(NP30="","",IF(NP30='（参考）【別紙２】'!$E$35,"",IF(MONTH(NP30)=MONTH(NP30+1),NP30+1,"")))</f>
        <v/>
      </c>
      <c r="NQ31" s="13" t="str">
        <f>IF(COUNTIF(祝日一覧!$E$2:$E$142,NP31),"○",IF(NT31&lt;&gt;"","○",""))</f>
        <v/>
      </c>
      <c r="NR31" s="25"/>
      <c r="NS31" s="45" t="str">
        <f t="shared" si="106"/>
        <v/>
      </c>
      <c r="NT31" s="45"/>
      <c r="NU31" s="167"/>
      <c r="NV31" s="168"/>
      <c r="NW31" s="43"/>
      <c r="NX31" s="192"/>
      <c r="NY31" s="190"/>
      <c r="NZ31" s="9"/>
      <c r="OA31" s="17"/>
      <c r="OB31" s="102" t="str">
        <f t="shared" si="30"/>
        <v/>
      </c>
      <c r="OC31" s="15" t="str">
        <f>IF(OC30="","",IF(OC30='（参考）【別紙２】'!$E$35,"",IF(MONTH(OC30)=MONTH(OC30+1),OC30+1,"")))</f>
        <v/>
      </c>
      <c r="OD31" s="13" t="str">
        <f>IF(COUNTIF(祝日一覧!$E$2:$E$142,OC31),"○",IF(OG31&lt;&gt;"","○",""))</f>
        <v/>
      </c>
      <c r="OE31" s="25"/>
      <c r="OF31" s="45" t="str">
        <f t="shared" si="107"/>
        <v/>
      </c>
      <c r="OG31" s="45"/>
      <c r="OH31" s="167"/>
      <c r="OI31" s="168"/>
      <c r="OJ31" s="43"/>
      <c r="OK31" s="192"/>
      <c r="OL31" s="190"/>
      <c r="OM31" s="9"/>
      <c r="ON31" s="17"/>
      <c r="OO31" s="102" t="str">
        <f t="shared" si="31"/>
        <v/>
      </c>
      <c r="OP31" s="15" t="str">
        <f>IF(OP30="","",IF(OP30='（参考）【別紙２】'!$E$35,"",IF(MONTH(OP30)=MONTH(OP30+1),OP30+1,"")))</f>
        <v/>
      </c>
      <c r="OQ31" s="13" t="str">
        <f>IF(COUNTIF(祝日一覧!$E$2:$E$142,OP31),"○",IF(OT31&lt;&gt;"","○",""))</f>
        <v/>
      </c>
      <c r="OR31" s="25"/>
      <c r="OS31" s="45" t="str">
        <f t="shared" si="108"/>
        <v/>
      </c>
      <c r="OT31" s="45"/>
      <c r="OU31" s="167"/>
      <c r="OV31" s="168"/>
      <c r="OW31" s="43"/>
      <c r="OX31" s="192"/>
      <c r="OY31" s="190"/>
      <c r="OZ31" s="9"/>
      <c r="PA31" s="17"/>
      <c r="PB31" s="102" t="str">
        <f t="shared" si="32"/>
        <v/>
      </c>
      <c r="PC31" s="15" t="str">
        <f>IF(PC30="","",IF(PC30='（参考）【別紙２】'!$E$35,"",IF(MONTH(PC30)=MONTH(PC30+1),PC30+1,"")))</f>
        <v/>
      </c>
      <c r="PD31" s="13" t="str">
        <f>IF(COUNTIF(祝日一覧!$E$2:$E$142,PC31),"○",IF(PG31&lt;&gt;"","○",""))</f>
        <v/>
      </c>
      <c r="PE31" s="25"/>
      <c r="PF31" s="45" t="str">
        <f t="shared" si="109"/>
        <v/>
      </c>
      <c r="PG31" s="45"/>
      <c r="PH31" s="167"/>
      <c r="PI31" s="168"/>
      <c r="PJ31" s="43"/>
      <c r="PK31" s="192"/>
      <c r="PL31" s="190"/>
      <c r="PM31" s="9"/>
      <c r="PN31" s="17"/>
      <c r="PO31" s="102" t="str">
        <f t="shared" si="33"/>
        <v/>
      </c>
      <c r="PP31" s="15" t="str">
        <f>IF(PP30="","",IF(PP30='（参考）【別紙２】'!$E$35,"",IF(MONTH(PP30)=MONTH(PP30+1),PP30+1,"")))</f>
        <v/>
      </c>
      <c r="PQ31" s="13" t="str">
        <f>IF(COUNTIF(祝日一覧!$E$2:$E$142,PP31),"○",IF(PT31&lt;&gt;"","○",""))</f>
        <v/>
      </c>
      <c r="PR31" s="25"/>
      <c r="PS31" s="45" t="str">
        <f t="shared" si="110"/>
        <v/>
      </c>
      <c r="PT31" s="45"/>
      <c r="PU31" s="167"/>
      <c r="PV31" s="168"/>
      <c r="PW31" s="43"/>
      <c r="PX31" s="192"/>
      <c r="PY31" s="190"/>
      <c r="PZ31" s="9"/>
      <c r="QA31" s="17"/>
      <c r="QB31" s="102" t="str">
        <f t="shared" si="34"/>
        <v/>
      </c>
      <c r="QC31" s="15" t="str">
        <f>IF(QC30="","",IF(QC30='（参考）【別紙２】'!$E$35,"",IF(MONTH(QC30)=MONTH(QC30+1),QC30+1,"")))</f>
        <v/>
      </c>
      <c r="QD31" s="13" t="str">
        <f>IF(COUNTIF(祝日一覧!$E$2:$E$142,QC31),"○",IF(QG31&lt;&gt;"","○",""))</f>
        <v/>
      </c>
      <c r="QE31" s="25"/>
      <c r="QF31" s="45" t="str">
        <f t="shared" si="111"/>
        <v/>
      </c>
      <c r="QG31" s="45"/>
      <c r="QH31" s="167"/>
      <c r="QI31" s="168"/>
      <c r="QJ31" s="43"/>
      <c r="QK31" s="192"/>
      <c r="QL31" s="190"/>
      <c r="QM31" s="9"/>
      <c r="QN31" s="17"/>
      <c r="QO31" s="102" t="str">
        <f t="shared" si="35"/>
        <v/>
      </c>
      <c r="QP31" s="15" t="str">
        <f>IF(QP30="","",IF(QP30='（参考）【別紙２】'!$E$35,"",IF(MONTH(QP30)=MONTH(QP30+1),QP30+1,"")))</f>
        <v/>
      </c>
      <c r="QQ31" s="13" t="str">
        <f>IF(COUNTIF(祝日一覧!$E$2:$E$142,QP31),"○",IF(QT31&lt;&gt;"","○",""))</f>
        <v/>
      </c>
      <c r="QR31" s="25"/>
      <c r="QS31" s="45" t="str">
        <f t="shared" si="112"/>
        <v/>
      </c>
      <c r="QT31" s="45"/>
      <c r="QU31" s="167"/>
      <c r="QV31" s="168"/>
      <c r="QW31" s="43"/>
      <c r="QX31" s="192"/>
      <c r="QY31" s="190"/>
      <c r="QZ31" s="9"/>
      <c r="RA31" s="17"/>
      <c r="RB31" s="102" t="str">
        <f t="shared" si="36"/>
        <v/>
      </c>
      <c r="RC31" s="15" t="str">
        <f>IF(RC30="","",IF(RC30='（参考）【別紙２】'!$E$35,"",IF(MONTH(RC30)=MONTH(RC30+1),RC30+1,"")))</f>
        <v/>
      </c>
      <c r="RD31" s="13" t="str">
        <f>IF(COUNTIF(祝日一覧!$E$2:$E$142,RC31),"○",IF(RG31&lt;&gt;"","○",""))</f>
        <v/>
      </c>
      <c r="RE31" s="25"/>
      <c r="RF31" s="45" t="str">
        <f t="shared" si="113"/>
        <v/>
      </c>
      <c r="RG31" s="45"/>
      <c r="RH31" s="167"/>
      <c r="RI31" s="168"/>
      <c r="RJ31" s="43"/>
      <c r="RK31" s="192"/>
      <c r="RL31" s="190"/>
      <c r="RM31" s="9"/>
      <c r="RN31" s="17"/>
      <c r="RO31" s="102" t="str">
        <f t="shared" si="37"/>
        <v/>
      </c>
      <c r="RP31" s="15" t="str">
        <f>IF(RP30="","",IF(RP30='（参考）【別紙２】'!$E$35,"",IF(MONTH(RP30)=MONTH(RP30+1),RP30+1,"")))</f>
        <v/>
      </c>
      <c r="RQ31" s="13" t="str">
        <f>IF(COUNTIF(祝日一覧!$E$2:$E$142,RP31),"○",IF(RT31&lt;&gt;"","○",""))</f>
        <v/>
      </c>
      <c r="RR31" s="25"/>
      <c r="RS31" s="45" t="str">
        <f t="shared" si="114"/>
        <v/>
      </c>
      <c r="RT31" s="45"/>
      <c r="RU31" s="167"/>
      <c r="RV31" s="168"/>
      <c r="RW31" s="43"/>
      <c r="RX31" s="192"/>
      <c r="RY31" s="190"/>
      <c r="RZ31" s="9"/>
      <c r="SA31" s="17"/>
      <c r="SB31" s="102" t="str">
        <f t="shared" si="38"/>
        <v/>
      </c>
      <c r="SC31" s="15" t="str">
        <f>IF(SC30="","",IF(SC30='（参考）【別紙２】'!$E$35,"",IF(MONTH(SC30)=MONTH(SC30+1),SC30+1,"")))</f>
        <v/>
      </c>
      <c r="SD31" s="13" t="str">
        <f>IF(COUNTIF(祝日一覧!$E$2:$E$142,SC31),"○",IF(SG31&lt;&gt;"","○",""))</f>
        <v/>
      </c>
      <c r="SE31" s="25"/>
      <c r="SF31" s="45" t="str">
        <f t="shared" si="115"/>
        <v/>
      </c>
      <c r="SG31" s="45"/>
      <c r="SH31" s="167"/>
      <c r="SI31" s="168"/>
      <c r="SJ31" s="43"/>
      <c r="SK31" s="192"/>
      <c r="SL31" s="190"/>
      <c r="SM31" s="9"/>
    </row>
    <row r="32" spans="1:507" ht="15.6" customHeight="1">
      <c r="A32" s="17"/>
      <c r="B32" s="102" t="str">
        <f t="shared" si="0"/>
        <v>木</v>
      </c>
      <c r="C32" s="15">
        <f>IF(C31="","",IF(C31='（参考）【別紙２】'!$E$35,"",IF(MONTH(C31)=MONTH(C31+1),C31+1,"")))</f>
        <v>45771</v>
      </c>
      <c r="D32" s="13" t="str">
        <f>IF(COUNTIF(祝日一覧!$E$2:$E$142,C32),"○",IF(G32&lt;&gt;"","○",""))</f>
        <v/>
      </c>
      <c r="E32" s="26"/>
      <c r="F32" s="45" t="str">
        <f t="shared" si="39"/>
        <v/>
      </c>
      <c r="G32" s="45"/>
      <c r="H32" s="167"/>
      <c r="I32" s="168"/>
      <c r="J32" s="42"/>
      <c r="K32" s="198" t="s">
        <v>111</v>
      </c>
      <c r="L32" s="200" t="str">
        <f>IF(L21/L19&lt;8/28,"×","○")</f>
        <v>×</v>
      </c>
      <c r="M32" s="18"/>
      <c r="N32" s="17"/>
      <c r="O32" s="102" t="str">
        <f t="shared" si="1"/>
        <v>土</v>
      </c>
      <c r="P32" s="15">
        <f>IF(P31="","",IF(P31='（参考）【別紙２】'!$E$35,"",IF(MONTH(P31)=MONTH(P31+1),P31+1,"")))</f>
        <v>45801</v>
      </c>
      <c r="Q32" s="13" t="str">
        <f>IF(COUNTIF(祝日一覧!$E$2:$E$142,P32),"○",IF(T32&lt;&gt;"","○",""))</f>
        <v/>
      </c>
      <c r="R32" s="26"/>
      <c r="S32" s="45" t="str">
        <f t="shared" si="78"/>
        <v>○</v>
      </c>
      <c r="T32" s="45"/>
      <c r="U32" s="167"/>
      <c r="V32" s="168"/>
      <c r="W32" s="43"/>
      <c r="X32" s="202" t="s">
        <v>111</v>
      </c>
      <c r="Y32" s="203" t="str">
        <f>IF(Y9=0,L32,IF(Y21/Y19&lt;8/28,"×","○"))</f>
        <v>×</v>
      </c>
      <c r="Z32" s="9"/>
      <c r="AA32" s="17"/>
      <c r="AB32" s="102" t="str">
        <f t="shared" si="2"/>
        <v>火</v>
      </c>
      <c r="AC32" s="15">
        <f>IF(AC31="","",IF(AC31='（参考）【別紙２】'!$E$35,"",IF(MONTH(AC31)=MONTH(AC31+1),AC31+1,"")))</f>
        <v>45832</v>
      </c>
      <c r="AD32" s="13" t="str">
        <f>IF(COUNTIF(祝日一覧!$E$2:$E$142,AC32),"○",IF(AG32&lt;&gt;"","○",""))</f>
        <v/>
      </c>
      <c r="AE32" s="26"/>
      <c r="AF32" s="45" t="str">
        <f t="shared" si="79"/>
        <v/>
      </c>
      <c r="AG32" s="45"/>
      <c r="AH32" s="167"/>
      <c r="AI32" s="168"/>
      <c r="AJ32" s="43"/>
      <c r="AK32" s="202" t="s">
        <v>111</v>
      </c>
      <c r="AL32" s="203" t="str">
        <f>IF(AL9=0,Y32,IF(AL21/AL19&lt;8/28,"×","○"))</f>
        <v>×</v>
      </c>
      <c r="AM32" s="9"/>
      <c r="AN32" s="17"/>
      <c r="AO32" s="102" t="str">
        <f t="shared" si="3"/>
        <v>木</v>
      </c>
      <c r="AP32" s="15">
        <f>IF(AP31="","",IF(AP31='（参考）【別紙２】'!$E$35,"",IF(MONTH(AP31)=MONTH(AP31+1),AP31+1,"")))</f>
        <v>45862</v>
      </c>
      <c r="AQ32" s="13" t="str">
        <f>IF(COUNTIF(祝日一覧!$E$2:$E$142,AP32),"○",IF(AT32&lt;&gt;"","○",""))</f>
        <v/>
      </c>
      <c r="AR32" s="26"/>
      <c r="AS32" s="45" t="str">
        <f t="shared" si="80"/>
        <v/>
      </c>
      <c r="AT32" s="45"/>
      <c r="AU32" s="167"/>
      <c r="AV32" s="168"/>
      <c r="AW32" s="43"/>
      <c r="AX32" s="202" t="s">
        <v>111</v>
      </c>
      <c r="AY32" s="203" t="str">
        <f>IF(AY9=0,AL32,IF(AY21/AY19&lt;8/28,"×","○"))</f>
        <v>×</v>
      </c>
      <c r="AZ32" s="9"/>
      <c r="BA32" s="17"/>
      <c r="BB32" s="102" t="str">
        <f t="shared" si="4"/>
        <v>日</v>
      </c>
      <c r="BC32" s="15">
        <f>IF(BC31="","",IF(BC31='（参考）【別紙２】'!$E$35,"",IF(MONTH(BC31)=MONTH(BC31+1),BC31+1,"")))</f>
        <v>45893</v>
      </c>
      <c r="BD32" s="13" t="str">
        <f>IF(COUNTIF(祝日一覧!$E$2:$E$142,BC32),"○",IF(BG32&lt;&gt;"","○",""))</f>
        <v/>
      </c>
      <c r="BE32" s="26"/>
      <c r="BF32" s="45" t="str">
        <f t="shared" si="81"/>
        <v>○</v>
      </c>
      <c r="BG32" s="45"/>
      <c r="BH32" s="167"/>
      <c r="BI32" s="168"/>
      <c r="BJ32" s="43"/>
      <c r="BK32" s="202" t="s">
        <v>111</v>
      </c>
      <c r="BL32" s="203" t="str">
        <f>IF(BL9=0,AY32,IF(BL21/BL19&lt;8/28,"×","○"))</f>
        <v>×</v>
      </c>
      <c r="BM32" s="9"/>
      <c r="BN32" s="17"/>
      <c r="BO32" s="102" t="str">
        <f t="shared" si="5"/>
        <v/>
      </c>
      <c r="BP32" s="15" t="str">
        <f>IF(BP31="","",IF(BP31='（参考）【別紙２】'!$E$35,"",IF(MONTH(BP31)=MONTH(BP31+1),BP31+1,"")))</f>
        <v/>
      </c>
      <c r="BQ32" s="13" t="str">
        <f>IF(COUNTIF(祝日一覧!$E$2:$E$142,BP32),"○",IF(BT32&lt;&gt;"","○",""))</f>
        <v/>
      </c>
      <c r="BR32" s="26"/>
      <c r="BS32" s="45" t="str">
        <f t="shared" si="82"/>
        <v/>
      </c>
      <c r="BT32" s="45"/>
      <c r="BU32" s="167"/>
      <c r="BV32" s="168"/>
      <c r="BW32" s="43"/>
      <c r="BX32" s="202" t="s">
        <v>111</v>
      </c>
      <c r="BY32" s="203" t="str">
        <f>IF(BY9=0,BL32,IF(BY21/BY19&lt;8/28,"×","○"))</f>
        <v>×</v>
      </c>
      <c r="BZ32" s="9"/>
      <c r="CA32" s="17"/>
      <c r="CB32" s="102" t="str">
        <f t="shared" si="6"/>
        <v/>
      </c>
      <c r="CC32" s="15" t="str">
        <f>IF(CC31="","",IF(CC31='（参考）【別紙２】'!$E$35,"",IF(MONTH(CC31)=MONTH(CC31+1),CC31+1,"")))</f>
        <v/>
      </c>
      <c r="CD32" s="13" t="str">
        <f>IF(COUNTIF(祝日一覧!$E$2:$E$142,CC32),"○",IF(CG32&lt;&gt;"","○",""))</f>
        <v/>
      </c>
      <c r="CE32" s="26"/>
      <c r="CF32" s="45" t="str">
        <f t="shared" si="83"/>
        <v/>
      </c>
      <c r="CG32" s="45"/>
      <c r="CH32" s="167"/>
      <c r="CI32" s="168"/>
      <c r="CJ32" s="43"/>
      <c r="CK32" s="202" t="s">
        <v>111</v>
      </c>
      <c r="CL32" s="203" t="str">
        <f>IF(CL9=0,BY32,IF(CL21/CL19&lt;8/28,"×","○"))</f>
        <v>×</v>
      </c>
      <c r="CM32" s="9"/>
      <c r="CN32" s="17"/>
      <c r="CO32" s="102" t="str">
        <f t="shared" si="7"/>
        <v/>
      </c>
      <c r="CP32" s="15" t="str">
        <f>IF(CP31="","",IF(CP31='（参考）【別紙２】'!$E$35,"",IF(MONTH(CP31)=MONTH(CP31+1),CP31+1,"")))</f>
        <v/>
      </c>
      <c r="CQ32" s="13" t="str">
        <f>IF(COUNTIF(祝日一覧!$E$2:$E$142,CP32),"○",IF(CT32&lt;&gt;"","○",""))</f>
        <v/>
      </c>
      <c r="CR32" s="26"/>
      <c r="CS32" s="45" t="str">
        <f t="shared" si="84"/>
        <v/>
      </c>
      <c r="CT32" s="45"/>
      <c r="CU32" s="167"/>
      <c r="CV32" s="168"/>
      <c r="CW32" s="43"/>
      <c r="CX32" s="202" t="s">
        <v>111</v>
      </c>
      <c r="CY32" s="203" t="str">
        <f>IF(CY9=0,CL32,IF(CY21/CY19&lt;8/28,"×","○"))</f>
        <v>×</v>
      </c>
      <c r="CZ32" s="9"/>
      <c r="DA32" s="17"/>
      <c r="DB32" s="102" t="str">
        <f t="shared" si="8"/>
        <v/>
      </c>
      <c r="DC32" s="15" t="str">
        <f>IF(DC31="","",IF(DC31='（参考）【別紙２】'!$E$35,"",IF(MONTH(DC31)=MONTH(DC31+1),DC31+1,"")))</f>
        <v/>
      </c>
      <c r="DD32" s="13" t="str">
        <f>IF(COUNTIF(祝日一覧!$E$2:$E$142,DC32),"○",IF(DG32&lt;&gt;"","○",""))</f>
        <v/>
      </c>
      <c r="DE32" s="26"/>
      <c r="DF32" s="45" t="str">
        <f t="shared" si="85"/>
        <v/>
      </c>
      <c r="DG32" s="45"/>
      <c r="DH32" s="167"/>
      <c r="DI32" s="168"/>
      <c r="DJ32" s="43"/>
      <c r="DK32" s="202" t="s">
        <v>111</v>
      </c>
      <c r="DL32" s="203" t="str">
        <f>IF(DL9=0,CY32,IF(DL21/DL19&lt;8/28,"×","○"))</f>
        <v>×</v>
      </c>
      <c r="DM32" s="9"/>
      <c r="DN32" s="17"/>
      <c r="DO32" s="102" t="str">
        <f t="shared" si="9"/>
        <v/>
      </c>
      <c r="DP32" s="15" t="str">
        <f>IF(DP31="","",IF(DP31='（参考）【別紙２】'!$E$35,"",IF(MONTH(DP31)=MONTH(DP31+1),DP31+1,"")))</f>
        <v/>
      </c>
      <c r="DQ32" s="13" t="str">
        <f>IF(COUNTIF(祝日一覧!$E$2:$E$142,DP32),"○",IF(DT32&lt;&gt;"","○",""))</f>
        <v/>
      </c>
      <c r="DR32" s="26"/>
      <c r="DS32" s="45" t="str">
        <f t="shared" si="86"/>
        <v/>
      </c>
      <c r="DT32" s="45"/>
      <c r="DU32" s="167"/>
      <c r="DV32" s="168"/>
      <c r="DW32" s="43"/>
      <c r="DX32" s="202" t="s">
        <v>111</v>
      </c>
      <c r="DY32" s="203" t="str">
        <f>IF(DY9=0,DL32,IF(DY21/DY19&lt;8/28,"×","○"))</f>
        <v>×</v>
      </c>
      <c r="DZ32" s="9"/>
      <c r="EA32" s="17"/>
      <c r="EB32" s="102" t="str">
        <f t="shared" si="10"/>
        <v/>
      </c>
      <c r="EC32" s="15" t="str">
        <f>IF(EC31="","",IF(EC31='（参考）【別紙２】'!$E$35,"",IF(MONTH(EC31)=MONTH(EC31+1),EC31+1,"")))</f>
        <v/>
      </c>
      <c r="ED32" s="13" t="str">
        <f>IF(COUNTIF(祝日一覧!$E$2:$E$142,EC32),"○",IF(EG32&lt;&gt;"","○",""))</f>
        <v/>
      </c>
      <c r="EE32" s="26"/>
      <c r="EF32" s="45" t="str">
        <f t="shared" si="87"/>
        <v/>
      </c>
      <c r="EG32" s="45"/>
      <c r="EH32" s="167"/>
      <c r="EI32" s="168"/>
      <c r="EJ32" s="43"/>
      <c r="EK32" s="202" t="s">
        <v>111</v>
      </c>
      <c r="EL32" s="203" t="str">
        <f>IF(EL9=0,DY32,IF(EL21/EL19&lt;8/28,"×","○"))</f>
        <v>×</v>
      </c>
      <c r="EM32" s="9"/>
      <c r="EN32" s="17"/>
      <c r="EO32" s="102" t="str">
        <f t="shared" si="11"/>
        <v/>
      </c>
      <c r="EP32" s="15" t="str">
        <f>IF(EP31="","",IF(EP31='（参考）【別紙２】'!$E$35,"",IF(MONTH(EP31)=MONTH(EP31+1),EP31+1,"")))</f>
        <v/>
      </c>
      <c r="EQ32" s="13" t="str">
        <f>IF(COUNTIF(祝日一覧!$E$2:$E$142,EP32),"○",IF(ET32&lt;&gt;"","○",""))</f>
        <v/>
      </c>
      <c r="ER32" s="26"/>
      <c r="ES32" s="45" t="str">
        <f t="shared" si="88"/>
        <v/>
      </c>
      <c r="ET32" s="45"/>
      <c r="EU32" s="167"/>
      <c r="EV32" s="168"/>
      <c r="EW32" s="43"/>
      <c r="EX32" s="202" t="s">
        <v>111</v>
      </c>
      <c r="EY32" s="203" t="str">
        <f>IF(EY9=0,EL32,IF(EY21/EY19&lt;8/28,"×","○"))</f>
        <v>×</v>
      </c>
      <c r="EZ32" s="9"/>
      <c r="FA32" s="17"/>
      <c r="FB32" s="102" t="str">
        <f t="shared" si="12"/>
        <v/>
      </c>
      <c r="FC32" s="15" t="str">
        <f>IF(FC31="","",IF(FC31='（参考）【別紙２】'!$E$35,"",IF(MONTH(FC31)=MONTH(FC31+1),FC31+1,"")))</f>
        <v/>
      </c>
      <c r="FD32" s="13" t="str">
        <f>IF(COUNTIF(祝日一覧!$E$2:$E$142,FC32),"○",IF(FG32&lt;&gt;"","○",""))</f>
        <v/>
      </c>
      <c r="FE32" s="26"/>
      <c r="FF32" s="45" t="str">
        <f t="shared" si="89"/>
        <v/>
      </c>
      <c r="FG32" s="45"/>
      <c r="FH32" s="167"/>
      <c r="FI32" s="168"/>
      <c r="FJ32" s="43"/>
      <c r="FK32" s="202" t="s">
        <v>111</v>
      </c>
      <c r="FL32" s="203" t="str">
        <f>IF(FL9=0,EY32,IF(FL21/FL19&lt;8/28,"×","○"))</f>
        <v>×</v>
      </c>
      <c r="FM32" s="9"/>
      <c r="FN32" s="17"/>
      <c r="FO32" s="102" t="str">
        <f t="shared" si="13"/>
        <v/>
      </c>
      <c r="FP32" s="15" t="str">
        <f>IF(FP31="","",IF(FP31='（参考）【別紙２】'!$E$35,"",IF(MONTH(FP31)=MONTH(FP31+1),FP31+1,"")))</f>
        <v/>
      </c>
      <c r="FQ32" s="13" t="str">
        <f>IF(COUNTIF(祝日一覧!$E$2:$E$142,FP32),"○",IF(FT32&lt;&gt;"","○",""))</f>
        <v/>
      </c>
      <c r="FR32" s="26"/>
      <c r="FS32" s="45" t="str">
        <f t="shared" si="90"/>
        <v/>
      </c>
      <c r="FT32" s="45"/>
      <c r="FU32" s="167"/>
      <c r="FV32" s="168"/>
      <c r="FW32" s="43"/>
      <c r="FX32" s="202" t="s">
        <v>111</v>
      </c>
      <c r="FY32" s="203" t="str">
        <f>IF(FY9=0,FL32,IF(FY21/FY19&lt;8/28,"×","○"))</f>
        <v>×</v>
      </c>
      <c r="FZ32" s="9"/>
      <c r="GA32" s="17"/>
      <c r="GB32" s="102" t="str">
        <f t="shared" si="14"/>
        <v/>
      </c>
      <c r="GC32" s="15" t="str">
        <f>IF(GC31="","",IF(GC31='（参考）【別紙２】'!$E$35,"",IF(MONTH(GC31)=MONTH(GC31+1),GC31+1,"")))</f>
        <v/>
      </c>
      <c r="GD32" s="13" t="str">
        <f>IF(COUNTIF(祝日一覧!$E$2:$E$142,GC32),"○",IF(GG32&lt;&gt;"","○",""))</f>
        <v/>
      </c>
      <c r="GE32" s="25"/>
      <c r="GF32" s="45" t="str">
        <f t="shared" si="91"/>
        <v/>
      </c>
      <c r="GG32" s="45"/>
      <c r="GH32" s="167"/>
      <c r="GI32" s="168"/>
      <c r="GJ32" s="43"/>
      <c r="GK32" s="202" t="s">
        <v>111</v>
      </c>
      <c r="GL32" s="203" t="str">
        <f>IF(GL9=0,FY32,IF(GL21/GL19&lt;8/28,"×","○"))</f>
        <v>×</v>
      </c>
      <c r="GM32" s="9"/>
      <c r="GN32" s="17"/>
      <c r="GO32" s="102" t="str">
        <f t="shared" si="15"/>
        <v/>
      </c>
      <c r="GP32" s="15" t="str">
        <f>IF(GP31="","",IF(GP31='（参考）【別紙２】'!$E$35,"",IF(MONTH(GP31)=MONTH(GP31+1),GP31+1,"")))</f>
        <v/>
      </c>
      <c r="GQ32" s="13" t="str">
        <f>IF(COUNTIF(祝日一覧!$E$2:$E$142,GP32),"○",IF(GT32&lt;&gt;"","○",""))</f>
        <v/>
      </c>
      <c r="GR32" s="25"/>
      <c r="GS32" s="45" t="str">
        <f t="shared" si="92"/>
        <v/>
      </c>
      <c r="GT32" s="45"/>
      <c r="GU32" s="167"/>
      <c r="GV32" s="168"/>
      <c r="GW32" s="43"/>
      <c r="GX32" s="202" t="s">
        <v>111</v>
      </c>
      <c r="GY32" s="203" t="str">
        <f>IF(GY9=0,GL32,IF(GY21/GY19&lt;8/28,"×","○"))</f>
        <v>×</v>
      </c>
      <c r="GZ32" s="9"/>
      <c r="HA32" s="17"/>
      <c r="HB32" s="102" t="str">
        <f t="shared" si="16"/>
        <v/>
      </c>
      <c r="HC32" s="15" t="str">
        <f>IF(HC31="","",IF(HC31='（参考）【別紙２】'!$E$35,"",IF(MONTH(HC31)=MONTH(HC31+1),HC31+1,"")))</f>
        <v/>
      </c>
      <c r="HD32" s="13" t="str">
        <f>IF(COUNTIF(祝日一覧!$E$2:$E$142,HC32),"○",IF(HG32&lt;&gt;"","○",""))</f>
        <v/>
      </c>
      <c r="HE32" s="26"/>
      <c r="HF32" s="45" t="str">
        <f t="shared" si="93"/>
        <v/>
      </c>
      <c r="HG32" s="45"/>
      <c r="HH32" s="167"/>
      <c r="HI32" s="168"/>
      <c r="HJ32" s="43"/>
      <c r="HK32" s="202" t="s">
        <v>111</v>
      </c>
      <c r="HL32" s="203" t="str">
        <f>IF(HL9=0,GY32,IF(HL21/HL19&lt;8/28,"×","○"))</f>
        <v>×</v>
      </c>
      <c r="HM32" s="9"/>
      <c r="HN32" s="17"/>
      <c r="HO32" s="102" t="str">
        <f t="shared" si="17"/>
        <v/>
      </c>
      <c r="HP32" s="15" t="str">
        <f>IF(HP31="","",IF(HP31='（参考）【別紙２】'!$E$35,"",IF(MONTH(HP31)=MONTH(HP31+1),HP31+1,"")))</f>
        <v/>
      </c>
      <c r="HQ32" s="13" t="str">
        <f>IF(COUNTIF(祝日一覧!$E$2:$E$142,HP32),"○",IF(HT32&lt;&gt;"","○",""))</f>
        <v/>
      </c>
      <c r="HR32" s="25"/>
      <c r="HS32" s="45" t="str">
        <f t="shared" si="94"/>
        <v/>
      </c>
      <c r="HT32" s="45"/>
      <c r="HU32" s="167"/>
      <c r="HV32" s="168"/>
      <c r="HW32" s="43"/>
      <c r="HX32" s="202" t="s">
        <v>111</v>
      </c>
      <c r="HY32" s="203" t="str">
        <f>IF(HY9=0,HL32,IF(HY21/HY19&lt;8/28,"×","○"))</f>
        <v>×</v>
      </c>
      <c r="HZ32" s="9"/>
      <c r="IA32" s="17"/>
      <c r="IB32" s="102" t="str">
        <f t="shared" si="18"/>
        <v/>
      </c>
      <c r="IC32" s="15" t="str">
        <f>IF(IC31="","",IF(IC31='（参考）【別紙２】'!$E$35,"",IF(MONTH(IC31)=MONTH(IC31+1),IC31+1,"")))</f>
        <v/>
      </c>
      <c r="ID32" s="13" t="str">
        <f>IF(COUNTIF(祝日一覧!$E$2:$E$142,IC32),"○",IF(IG32&lt;&gt;"","○",""))</f>
        <v/>
      </c>
      <c r="IE32" s="25"/>
      <c r="IF32" s="45" t="str">
        <f t="shared" si="95"/>
        <v/>
      </c>
      <c r="IG32" s="45"/>
      <c r="IH32" s="167"/>
      <c r="II32" s="168"/>
      <c r="IJ32" s="43"/>
      <c r="IK32" s="202" t="s">
        <v>111</v>
      </c>
      <c r="IL32" s="203" t="str">
        <f>IF(IL9=0,HY32,IF(IL21/IL19&lt;8/28,"×","○"))</f>
        <v>×</v>
      </c>
      <c r="IM32" s="9"/>
      <c r="IN32" s="17"/>
      <c r="IO32" s="102" t="str">
        <f t="shared" si="19"/>
        <v/>
      </c>
      <c r="IP32" s="15" t="str">
        <f>IF(IP31="","",IF(IP31='（参考）【別紙２】'!$E$35,"",IF(MONTH(IP31)=MONTH(IP31+1),IP31+1,"")))</f>
        <v/>
      </c>
      <c r="IQ32" s="13" t="str">
        <f>IF(COUNTIF(祝日一覧!$E$2:$E$142,IP32),"○",IF(IT32&lt;&gt;"","○",""))</f>
        <v/>
      </c>
      <c r="IR32" s="25"/>
      <c r="IS32" s="45" t="str">
        <f t="shared" si="96"/>
        <v/>
      </c>
      <c r="IT32" s="45"/>
      <c r="IU32" s="167"/>
      <c r="IV32" s="168"/>
      <c r="IW32" s="43"/>
      <c r="IX32" s="202" t="s">
        <v>111</v>
      </c>
      <c r="IY32" s="203" t="str">
        <f>IF(IY9=0,IL32,IF(IY21/IY19&lt;8/28,"×","○"))</f>
        <v>×</v>
      </c>
      <c r="IZ32" s="9"/>
      <c r="JA32" s="17"/>
      <c r="JB32" s="102" t="str">
        <f t="shared" si="20"/>
        <v/>
      </c>
      <c r="JC32" s="15" t="str">
        <f>IF(JC31="","",IF(JC31='（参考）【別紙２】'!$E$35,"",IF(MONTH(JC31)=MONTH(JC31+1),JC31+1,"")))</f>
        <v/>
      </c>
      <c r="JD32" s="13" t="str">
        <f>IF(COUNTIF(祝日一覧!$E$2:$E$142,JC32),"○",IF(JG32&lt;&gt;"","○",""))</f>
        <v/>
      </c>
      <c r="JE32" s="25"/>
      <c r="JF32" s="45" t="str">
        <f t="shared" si="97"/>
        <v/>
      </c>
      <c r="JG32" s="45"/>
      <c r="JH32" s="167"/>
      <c r="JI32" s="168"/>
      <c r="JJ32" s="43"/>
      <c r="JK32" s="202" t="s">
        <v>111</v>
      </c>
      <c r="JL32" s="203" t="str">
        <f>IF(JL9=0,IY32,IF(JL21/JL19&lt;8/28,"×","○"))</f>
        <v>×</v>
      </c>
      <c r="JM32" s="9"/>
      <c r="JN32" s="17"/>
      <c r="JO32" s="102" t="str">
        <f t="shared" si="21"/>
        <v/>
      </c>
      <c r="JP32" s="15" t="str">
        <f>IF(JP31="","",IF(JP31='（参考）【別紙２】'!$E$35,"",IF(MONTH(JP31)=MONTH(JP31+1),JP31+1,"")))</f>
        <v/>
      </c>
      <c r="JQ32" s="13" t="str">
        <f>IF(COUNTIF(祝日一覧!$E$2:$E$142,JP32),"○",IF(JT32&lt;&gt;"","○",""))</f>
        <v/>
      </c>
      <c r="JR32" s="25"/>
      <c r="JS32" s="45" t="str">
        <f t="shared" si="98"/>
        <v/>
      </c>
      <c r="JT32" s="45"/>
      <c r="JU32" s="167"/>
      <c r="JV32" s="168"/>
      <c r="JW32" s="43"/>
      <c r="JX32" s="202" t="s">
        <v>111</v>
      </c>
      <c r="JY32" s="203" t="str">
        <f>IF(JY9=0,JL32,IF(JY21/JY19&lt;8/28,"×","○"))</f>
        <v>×</v>
      </c>
      <c r="JZ32" s="9"/>
      <c r="KA32" s="17"/>
      <c r="KB32" s="102" t="str">
        <f t="shared" si="22"/>
        <v/>
      </c>
      <c r="KC32" s="15" t="str">
        <f>IF(KC31="","",IF(KC31='（参考）【別紙２】'!$E$35,"",IF(MONTH(KC31)=MONTH(KC31+1),KC31+1,"")))</f>
        <v/>
      </c>
      <c r="KD32" s="13" t="str">
        <f>IF(COUNTIF(祝日一覧!$E$2:$E$142,KC32),"○",IF(KG32&lt;&gt;"","○",""))</f>
        <v/>
      </c>
      <c r="KE32" s="25"/>
      <c r="KF32" s="45" t="str">
        <f t="shared" si="99"/>
        <v/>
      </c>
      <c r="KG32" s="45"/>
      <c r="KH32" s="167"/>
      <c r="KI32" s="168"/>
      <c r="KJ32" s="43"/>
      <c r="KK32" s="202" t="s">
        <v>111</v>
      </c>
      <c r="KL32" s="203" t="str">
        <f>IF(KL9=0,JY32,IF(KL21/KL19&lt;8/28,"×","○"))</f>
        <v>×</v>
      </c>
      <c r="KM32" s="9"/>
      <c r="KN32" s="17"/>
      <c r="KO32" s="102" t="str">
        <f t="shared" si="23"/>
        <v/>
      </c>
      <c r="KP32" s="15" t="str">
        <f>IF(KP31="","",IF(KP31='（参考）【別紙２】'!$E$35,"",IF(MONTH(KP31)=MONTH(KP31+1),KP31+1,"")))</f>
        <v/>
      </c>
      <c r="KQ32" s="13" t="str">
        <f>IF(COUNTIF(祝日一覧!$E$2:$E$142,KP32),"○",IF(KT32&lt;&gt;"","○",""))</f>
        <v/>
      </c>
      <c r="KR32" s="25"/>
      <c r="KS32" s="45" t="str">
        <f t="shared" si="100"/>
        <v/>
      </c>
      <c r="KT32" s="45"/>
      <c r="KU32" s="167"/>
      <c r="KV32" s="168"/>
      <c r="KW32" s="43"/>
      <c r="KX32" s="202" t="s">
        <v>111</v>
      </c>
      <c r="KY32" s="203" t="str">
        <f>IF(KY9=0,KL32,IF(KY21/KY19&lt;8/28,"×","○"))</f>
        <v>×</v>
      </c>
      <c r="KZ32" s="9"/>
      <c r="LA32" s="17"/>
      <c r="LB32" s="102" t="str">
        <f t="shared" si="24"/>
        <v/>
      </c>
      <c r="LC32" s="15" t="str">
        <f>IF(LC31="","",IF(LC31='（参考）【別紙２】'!$E$35,"",IF(MONTH(LC31)=MONTH(LC31+1),LC31+1,"")))</f>
        <v/>
      </c>
      <c r="LD32" s="13" t="str">
        <f>IF(COUNTIF(祝日一覧!$E$2:$E$142,LC32),"○",IF(LG32&lt;&gt;"","○",""))</f>
        <v/>
      </c>
      <c r="LE32" s="25"/>
      <c r="LF32" s="45" t="str">
        <f t="shared" si="101"/>
        <v/>
      </c>
      <c r="LG32" s="45"/>
      <c r="LH32" s="167"/>
      <c r="LI32" s="168"/>
      <c r="LJ32" s="43"/>
      <c r="LK32" s="202" t="s">
        <v>111</v>
      </c>
      <c r="LL32" s="203" t="str">
        <f>IF(LL9=0,KY32,IF(LL21/LL19&lt;8/28,"×","○"))</f>
        <v>×</v>
      </c>
      <c r="LM32" s="9"/>
      <c r="LN32" s="17"/>
      <c r="LO32" s="102" t="str">
        <f t="shared" si="25"/>
        <v/>
      </c>
      <c r="LP32" s="15" t="str">
        <f>IF(LP31="","",IF(LP31='（参考）【別紙２】'!$E$35,"",IF(MONTH(LP31)=MONTH(LP31+1),LP31+1,"")))</f>
        <v/>
      </c>
      <c r="LQ32" s="13" t="str">
        <f>IF(COUNTIF(祝日一覧!$E$2:$E$142,LP32),"○",IF(LT32&lt;&gt;"","○",""))</f>
        <v/>
      </c>
      <c r="LR32" s="25"/>
      <c r="LS32" s="45" t="str">
        <f t="shared" si="102"/>
        <v/>
      </c>
      <c r="LT32" s="45"/>
      <c r="LU32" s="167"/>
      <c r="LV32" s="168"/>
      <c r="LW32" s="43"/>
      <c r="LX32" s="202" t="s">
        <v>111</v>
      </c>
      <c r="LY32" s="203" t="str">
        <f>IF(LY9=0,LL32,IF(LY21/LY19&lt;8/28,"×","○"))</f>
        <v>×</v>
      </c>
      <c r="LZ32" s="9"/>
      <c r="MA32" s="17"/>
      <c r="MB32" s="102" t="str">
        <f t="shared" si="26"/>
        <v/>
      </c>
      <c r="MC32" s="15" t="str">
        <f>IF(MC31="","",IF(MC31='（参考）【別紙２】'!$E$35,"",IF(MONTH(MC31)=MONTH(MC31+1),MC31+1,"")))</f>
        <v/>
      </c>
      <c r="MD32" s="13" t="str">
        <f>IF(COUNTIF(祝日一覧!$E$2:$E$142,MC32),"○",IF(MG32&lt;&gt;"","○",""))</f>
        <v/>
      </c>
      <c r="ME32" s="25"/>
      <c r="MF32" s="45" t="str">
        <f t="shared" si="103"/>
        <v/>
      </c>
      <c r="MG32" s="45"/>
      <c r="MH32" s="167"/>
      <c r="MI32" s="168"/>
      <c r="MJ32" s="43"/>
      <c r="MK32" s="202" t="s">
        <v>111</v>
      </c>
      <c r="ML32" s="203" t="str">
        <f>IF(ML9=0,LY32,IF(ML21/ML19&lt;8/28,"×","○"))</f>
        <v>×</v>
      </c>
      <c r="MM32" s="9"/>
      <c r="MN32" s="17"/>
      <c r="MO32" s="102" t="str">
        <f t="shared" si="27"/>
        <v/>
      </c>
      <c r="MP32" s="15" t="str">
        <f>IF(MP31="","",IF(MP31='（参考）【別紙２】'!$E$35,"",IF(MONTH(MP31)=MONTH(MP31+1),MP31+1,"")))</f>
        <v/>
      </c>
      <c r="MQ32" s="13" t="str">
        <f>IF(COUNTIF(祝日一覧!$E$2:$E$142,MP32),"○",IF(MT32&lt;&gt;"","○",""))</f>
        <v/>
      </c>
      <c r="MR32" s="25"/>
      <c r="MS32" s="45" t="str">
        <f t="shared" si="104"/>
        <v/>
      </c>
      <c r="MT32" s="45"/>
      <c r="MU32" s="167"/>
      <c r="MV32" s="168"/>
      <c r="MW32" s="43"/>
      <c r="MX32" s="202" t="s">
        <v>111</v>
      </c>
      <c r="MY32" s="203" t="str">
        <f>IF(MY9=0,ML32,IF(MY21/MY19&lt;8/28,"×","○"))</f>
        <v>×</v>
      </c>
      <c r="MZ32" s="9"/>
      <c r="NA32" s="17"/>
      <c r="NB32" s="102" t="str">
        <f t="shared" si="28"/>
        <v/>
      </c>
      <c r="NC32" s="15" t="str">
        <f>IF(NC31="","",IF(NC31='（参考）【別紙２】'!$E$35,"",IF(MONTH(NC31)=MONTH(NC31+1),NC31+1,"")))</f>
        <v/>
      </c>
      <c r="ND32" s="13" t="str">
        <f>IF(COUNTIF(祝日一覧!$E$2:$E$142,NC32),"○",IF(NG32&lt;&gt;"","○",""))</f>
        <v/>
      </c>
      <c r="NE32" s="25"/>
      <c r="NF32" s="45" t="str">
        <f t="shared" si="105"/>
        <v/>
      </c>
      <c r="NG32" s="45"/>
      <c r="NH32" s="167"/>
      <c r="NI32" s="168"/>
      <c r="NJ32" s="43"/>
      <c r="NK32" s="202" t="s">
        <v>111</v>
      </c>
      <c r="NL32" s="203" t="str">
        <f>IF(NL9=0,MY32,IF(NL21/NL19&lt;8/28,"×","○"))</f>
        <v>×</v>
      </c>
      <c r="NM32" s="9"/>
      <c r="NN32" s="17"/>
      <c r="NO32" s="102" t="str">
        <f t="shared" si="29"/>
        <v/>
      </c>
      <c r="NP32" s="15" t="str">
        <f>IF(NP31="","",IF(NP31='（参考）【別紙２】'!$E$35,"",IF(MONTH(NP31)=MONTH(NP31+1),NP31+1,"")))</f>
        <v/>
      </c>
      <c r="NQ32" s="13" t="str">
        <f>IF(COUNTIF(祝日一覧!$E$2:$E$142,NP32),"○",IF(NT32&lt;&gt;"","○",""))</f>
        <v/>
      </c>
      <c r="NR32" s="25"/>
      <c r="NS32" s="45" t="str">
        <f t="shared" si="106"/>
        <v/>
      </c>
      <c r="NT32" s="45"/>
      <c r="NU32" s="167"/>
      <c r="NV32" s="168"/>
      <c r="NW32" s="43"/>
      <c r="NX32" s="202" t="s">
        <v>111</v>
      </c>
      <c r="NY32" s="203" t="str">
        <f>IF(NY9=0,NL32,IF(NY21/NY19&lt;8/28,"×","○"))</f>
        <v>×</v>
      </c>
      <c r="NZ32" s="9"/>
      <c r="OA32" s="17"/>
      <c r="OB32" s="102" t="str">
        <f t="shared" si="30"/>
        <v/>
      </c>
      <c r="OC32" s="15" t="str">
        <f>IF(OC31="","",IF(OC31='（参考）【別紙２】'!$E$35,"",IF(MONTH(OC31)=MONTH(OC31+1),OC31+1,"")))</f>
        <v/>
      </c>
      <c r="OD32" s="13" t="str">
        <f>IF(COUNTIF(祝日一覧!$E$2:$E$142,OC32),"○",IF(OG32&lt;&gt;"","○",""))</f>
        <v/>
      </c>
      <c r="OE32" s="25"/>
      <c r="OF32" s="45" t="str">
        <f t="shared" si="107"/>
        <v/>
      </c>
      <c r="OG32" s="45"/>
      <c r="OH32" s="167"/>
      <c r="OI32" s="168"/>
      <c r="OJ32" s="43"/>
      <c r="OK32" s="202" t="s">
        <v>111</v>
      </c>
      <c r="OL32" s="203" t="str">
        <f>IF(OL9=0,NY32,IF(OL21/OL19&lt;8/28,"×","○"))</f>
        <v>×</v>
      </c>
      <c r="OM32" s="9"/>
      <c r="ON32" s="17"/>
      <c r="OO32" s="102" t="str">
        <f t="shared" si="31"/>
        <v/>
      </c>
      <c r="OP32" s="15" t="str">
        <f>IF(OP31="","",IF(OP31='（参考）【別紙２】'!$E$35,"",IF(MONTH(OP31)=MONTH(OP31+1),OP31+1,"")))</f>
        <v/>
      </c>
      <c r="OQ32" s="13" t="str">
        <f>IF(COUNTIF(祝日一覧!$E$2:$E$142,OP32),"○",IF(OT32&lt;&gt;"","○",""))</f>
        <v/>
      </c>
      <c r="OR32" s="25"/>
      <c r="OS32" s="45" t="str">
        <f t="shared" si="108"/>
        <v/>
      </c>
      <c r="OT32" s="45"/>
      <c r="OU32" s="167"/>
      <c r="OV32" s="168"/>
      <c r="OW32" s="43"/>
      <c r="OX32" s="202" t="s">
        <v>111</v>
      </c>
      <c r="OY32" s="203" t="str">
        <f>IF(OY9=0,OL32,IF(OY21/OY19&lt;8/28,"×","○"))</f>
        <v>×</v>
      </c>
      <c r="OZ32" s="9"/>
      <c r="PA32" s="17"/>
      <c r="PB32" s="102" t="str">
        <f t="shared" si="32"/>
        <v/>
      </c>
      <c r="PC32" s="15" t="str">
        <f>IF(PC31="","",IF(PC31='（参考）【別紙２】'!$E$35,"",IF(MONTH(PC31)=MONTH(PC31+1),PC31+1,"")))</f>
        <v/>
      </c>
      <c r="PD32" s="13" t="str">
        <f>IF(COUNTIF(祝日一覧!$E$2:$E$142,PC32),"○",IF(PG32&lt;&gt;"","○",""))</f>
        <v/>
      </c>
      <c r="PE32" s="25"/>
      <c r="PF32" s="45" t="str">
        <f t="shared" si="109"/>
        <v/>
      </c>
      <c r="PG32" s="45"/>
      <c r="PH32" s="167"/>
      <c r="PI32" s="168"/>
      <c r="PJ32" s="43"/>
      <c r="PK32" s="202" t="s">
        <v>111</v>
      </c>
      <c r="PL32" s="203" t="str">
        <f>IF(PL9=0,OY32,IF(PL21/PL19&lt;8/28,"×","○"))</f>
        <v>×</v>
      </c>
      <c r="PM32" s="9"/>
      <c r="PN32" s="17"/>
      <c r="PO32" s="102" t="str">
        <f t="shared" si="33"/>
        <v/>
      </c>
      <c r="PP32" s="15" t="str">
        <f>IF(PP31="","",IF(PP31='（参考）【別紙２】'!$E$35,"",IF(MONTH(PP31)=MONTH(PP31+1),PP31+1,"")))</f>
        <v/>
      </c>
      <c r="PQ32" s="13" t="str">
        <f>IF(COUNTIF(祝日一覧!$E$2:$E$142,PP32),"○",IF(PT32&lt;&gt;"","○",""))</f>
        <v/>
      </c>
      <c r="PR32" s="25"/>
      <c r="PS32" s="45" t="str">
        <f t="shared" si="110"/>
        <v/>
      </c>
      <c r="PT32" s="45"/>
      <c r="PU32" s="167"/>
      <c r="PV32" s="168"/>
      <c r="PW32" s="43"/>
      <c r="PX32" s="202" t="s">
        <v>111</v>
      </c>
      <c r="PY32" s="203" t="str">
        <f>IF(PY9=0,PL32,IF(PY21/PY19&lt;8/28,"×","○"))</f>
        <v>×</v>
      </c>
      <c r="PZ32" s="9"/>
      <c r="QA32" s="17"/>
      <c r="QB32" s="102" t="str">
        <f t="shared" si="34"/>
        <v/>
      </c>
      <c r="QC32" s="15" t="str">
        <f>IF(QC31="","",IF(QC31='（参考）【別紙２】'!$E$35,"",IF(MONTH(QC31)=MONTH(QC31+1),QC31+1,"")))</f>
        <v/>
      </c>
      <c r="QD32" s="13" t="str">
        <f>IF(COUNTIF(祝日一覧!$E$2:$E$142,QC32),"○",IF(QG32&lt;&gt;"","○",""))</f>
        <v/>
      </c>
      <c r="QE32" s="25"/>
      <c r="QF32" s="45" t="str">
        <f t="shared" si="111"/>
        <v/>
      </c>
      <c r="QG32" s="45"/>
      <c r="QH32" s="167"/>
      <c r="QI32" s="168"/>
      <c r="QJ32" s="43"/>
      <c r="QK32" s="202" t="s">
        <v>111</v>
      </c>
      <c r="QL32" s="203" t="str">
        <f>IF(QL9=0,PY32,IF(QL21/QL19&lt;8/28,"×","○"))</f>
        <v>×</v>
      </c>
      <c r="QM32" s="9"/>
      <c r="QN32" s="17"/>
      <c r="QO32" s="102" t="str">
        <f t="shared" si="35"/>
        <v/>
      </c>
      <c r="QP32" s="15" t="str">
        <f>IF(QP31="","",IF(QP31='（参考）【別紙２】'!$E$35,"",IF(MONTH(QP31)=MONTH(QP31+1),QP31+1,"")))</f>
        <v/>
      </c>
      <c r="QQ32" s="13" t="str">
        <f>IF(COUNTIF(祝日一覧!$E$2:$E$142,QP32),"○",IF(QT32&lt;&gt;"","○",""))</f>
        <v/>
      </c>
      <c r="QR32" s="25"/>
      <c r="QS32" s="45" t="str">
        <f t="shared" si="112"/>
        <v/>
      </c>
      <c r="QT32" s="45"/>
      <c r="QU32" s="167"/>
      <c r="QV32" s="168"/>
      <c r="QW32" s="43"/>
      <c r="QX32" s="202" t="s">
        <v>111</v>
      </c>
      <c r="QY32" s="203" t="str">
        <f>IF(QY9=0,QL32,IF(QY21/QY19&lt;8/28,"×","○"))</f>
        <v>×</v>
      </c>
      <c r="QZ32" s="9"/>
      <c r="RA32" s="17"/>
      <c r="RB32" s="102" t="str">
        <f t="shared" si="36"/>
        <v/>
      </c>
      <c r="RC32" s="15" t="str">
        <f>IF(RC31="","",IF(RC31='（参考）【別紙２】'!$E$35,"",IF(MONTH(RC31)=MONTH(RC31+1),RC31+1,"")))</f>
        <v/>
      </c>
      <c r="RD32" s="13" t="str">
        <f>IF(COUNTIF(祝日一覧!$E$2:$E$142,RC32),"○",IF(RG32&lt;&gt;"","○",""))</f>
        <v/>
      </c>
      <c r="RE32" s="25"/>
      <c r="RF32" s="45" t="str">
        <f t="shared" si="113"/>
        <v/>
      </c>
      <c r="RG32" s="45"/>
      <c r="RH32" s="167"/>
      <c r="RI32" s="168"/>
      <c r="RJ32" s="43"/>
      <c r="RK32" s="202" t="s">
        <v>111</v>
      </c>
      <c r="RL32" s="203" t="str">
        <f>IF(RL9=0,QY32,IF(RL21/RL19&lt;8/28,"×","○"))</f>
        <v>×</v>
      </c>
      <c r="RM32" s="9"/>
      <c r="RN32" s="17"/>
      <c r="RO32" s="102" t="str">
        <f t="shared" si="37"/>
        <v/>
      </c>
      <c r="RP32" s="15" t="str">
        <f>IF(RP31="","",IF(RP31='（参考）【別紙２】'!$E$35,"",IF(MONTH(RP31)=MONTH(RP31+1),RP31+1,"")))</f>
        <v/>
      </c>
      <c r="RQ32" s="13" t="str">
        <f>IF(COUNTIF(祝日一覧!$E$2:$E$142,RP32),"○",IF(RT32&lt;&gt;"","○",""))</f>
        <v/>
      </c>
      <c r="RR32" s="25"/>
      <c r="RS32" s="45" t="str">
        <f t="shared" si="114"/>
        <v/>
      </c>
      <c r="RT32" s="45"/>
      <c r="RU32" s="167"/>
      <c r="RV32" s="168"/>
      <c r="RW32" s="43"/>
      <c r="RX32" s="202" t="s">
        <v>111</v>
      </c>
      <c r="RY32" s="203" t="str">
        <f>IF(RY9=0,RL32,IF(RY21/RY19&lt;8/28,"×","○"))</f>
        <v>×</v>
      </c>
      <c r="RZ32" s="9"/>
      <c r="SA32" s="17"/>
      <c r="SB32" s="102" t="str">
        <f t="shared" si="38"/>
        <v/>
      </c>
      <c r="SC32" s="15" t="str">
        <f>IF(SC31="","",IF(SC31='（参考）【別紙２】'!$E$35,"",IF(MONTH(SC31)=MONTH(SC31+1),SC31+1,"")))</f>
        <v/>
      </c>
      <c r="SD32" s="13" t="str">
        <f>IF(COUNTIF(祝日一覧!$E$2:$E$142,SC32),"○",IF(SG32&lt;&gt;"","○",""))</f>
        <v/>
      </c>
      <c r="SE32" s="25"/>
      <c r="SF32" s="45" t="str">
        <f t="shared" si="115"/>
        <v/>
      </c>
      <c r="SG32" s="45"/>
      <c r="SH32" s="167"/>
      <c r="SI32" s="168"/>
      <c r="SJ32" s="43"/>
      <c r="SK32" s="202" t="s">
        <v>111</v>
      </c>
      <c r="SL32" s="203" t="str">
        <f>IF(SL9=0,RY32,IF(SL21/SL19&lt;8/28,"×","○"))</f>
        <v>×</v>
      </c>
      <c r="SM32" s="9"/>
    </row>
    <row r="33" spans="1:507" ht="15.6" customHeight="1">
      <c r="A33" s="17"/>
      <c r="B33" s="102" t="str">
        <f t="shared" si="0"/>
        <v>金</v>
      </c>
      <c r="C33" s="15">
        <f>IF(C32="","",IF(C32='（参考）【別紙２】'!$E$35,"",IF(MONTH(C32)=MONTH(C32+1),C32+1,"")))</f>
        <v>45772</v>
      </c>
      <c r="D33" s="13" t="str">
        <f>IF(COUNTIF(祝日一覧!$E$2:$E$142,C33),"○",IF(G33&lt;&gt;"","○",""))</f>
        <v/>
      </c>
      <c r="E33" s="26"/>
      <c r="F33" s="45" t="str">
        <f t="shared" si="39"/>
        <v/>
      </c>
      <c r="G33" s="45"/>
      <c r="H33" s="167"/>
      <c r="I33" s="168"/>
      <c r="J33" s="42"/>
      <c r="K33" s="199"/>
      <c r="L33" s="201"/>
      <c r="M33" s="18"/>
      <c r="N33" s="17"/>
      <c r="O33" s="102" t="str">
        <f t="shared" si="1"/>
        <v>日</v>
      </c>
      <c r="P33" s="15">
        <f>IF(P32="","",IF(P32='（参考）【別紙２】'!$E$35,"",IF(MONTH(P32)=MONTH(P32+1),P32+1,"")))</f>
        <v>45802</v>
      </c>
      <c r="Q33" s="13" t="str">
        <f>IF(COUNTIF(祝日一覧!$E$2:$E$142,P33),"○",IF(T33&lt;&gt;"","○",""))</f>
        <v/>
      </c>
      <c r="R33" s="26"/>
      <c r="S33" s="45" t="str">
        <f t="shared" si="78"/>
        <v>○</v>
      </c>
      <c r="T33" s="45"/>
      <c r="U33" s="167"/>
      <c r="V33" s="168"/>
      <c r="W33" s="43"/>
      <c r="X33" s="202"/>
      <c r="Y33" s="203"/>
      <c r="Z33" s="9"/>
      <c r="AA33" s="17"/>
      <c r="AB33" s="102" t="str">
        <f t="shared" si="2"/>
        <v>水</v>
      </c>
      <c r="AC33" s="15">
        <f>IF(AC32="","",IF(AC32='（参考）【別紙２】'!$E$35,"",IF(MONTH(AC32)=MONTH(AC32+1),AC32+1,"")))</f>
        <v>45833</v>
      </c>
      <c r="AD33" s="13" t="str">
        <f>IF(COUNTIF(祝日一覧!$E$2:$E$142,AC33),"○",IF(AG33&lt;&gt;"","○",""))</f>
        <v/>
      </c>
      <c r="AE33" s="26"/>
      <c r="AF33" s="45" t="str">
        <f t="shared" si="79"/>
        <v/>
      </c>
      <c r="AG33" s="45"/>
      <c r="AH33" s="167"/>
      <c r="AI33" s="168"/>
      <c r="AJ33" s="43"/>
      <c r="AK33" s="204"/>
      <c r="AL33" s="203"/>
      <c r="AM33" s="9"/>
      <c r="AN33" s="17"/>
      <c r="AO33" s="102" t="str">
        <f t="shared" si="3"/>
        <v>金</v>
      </c>
      <c r="AP33" s="15">
        <f>IF(AP32="","",IF(AP32='（参考）【別紙２】'!$E$35,"",IF(MONTH(AP32)=MONTH(AP32+1),AP32+1,"")))</f>
        <v>45863</v>
      </c>
      <c r="AQ33" s="13" t="str">
        <f>IF(COUNTIF(祝日一覧!$E$2:$E$142,AP33),"○",IF(AT33&lt;&gt;"","○",""))</f>
        <v/>
      </c>
      <c r="AR33" s="26"/>
      <c r="AS33" s="45" t="str">
        <f t="shared" si="80"/>
        <v/>
      </c>
      <c r="AT33" s="45"/>
      <c r="AU33" s="167"/>
      <c r="AV33" s="168"/>
      <c r="AW33" s="43"/>
      <c r="AX33" s="204"/>
      <c r="AY33" s="203"/>
      <c r="AZ33" s="9"/>
      <c r="BA33" s="17"/>
      <c r="BB33" s="102" t="str">
        <f t="shared" si="4"/>
        <v>月</v>
      </c>
      <c r="BC33" s="15">
        <f>IF(BC32="","",IF(BC32='（参考）【別紙２】'!$E$35,"",IF(MONTH(BC32)=MONTH(BC32+1),BC32+1,"")))</f>
        <v>45894</v>
      </c>
      <c r="BD33" s="13" t="str">
        <f>IF(COUNTIF(祝日一覧!$E$2:$E$142,BC33),"○",IF(BG33&lt;&gt;"","○",""))</f>
        <v/>
      </c>
      <c r="BE33" s="26"/>
      <c r="BF33" s="45" t="str">
        <f t="shared" si="81"/>
        <v/>
      </c>
      <c r="BG33" s="45"/>
      <c r="BH33" s="167"/>
      <c r="BI33" s="168"/>
      <c r="BJ33" s="43"/>
      <c r="BK33" s="204"/>
      <c r="BL33" s="203"/>
      <c r="BM33" s="9"/>
      <c r="BN33" s="17"/>
      <c r="BO33" s="102" t="str">
        <f t="shared" si="5"/>
        <v/>
      </c>
      <c r="BP33" s="15" t="str">
        <f>IF(BP32="","",IF(BP32='（参考）【別紙２】'!$E$35,"",IF(MONTH(BP32)=MONTH(BP32+1),BP32+1,"")))</f>
        <v/>
      </c>
      <c r="BQ33" s="13" t="str">
        <f>IF(COUNTIF(祝日一覧!$E$2:$E$142,BP33),"○",IF(BT33&lt;&gt;"","○",""))</f>
        <v/>
      </c>
      <c r="BR33" s="26"/>
      <c r="BS33" s="45" t="str">
        <f t="shared" si="82"/>
        <v/>
      </c>
      <c r="BT33" s="45"/>
      <c r="BU33" s="167"/>
      <c r="BV33" s="168"/>
      <c r="BW33" s="43"/>
      <c r="BX33" s="204"/>
      <c r="BY33" s="203"/>
      <c r="BZ33" s="9"/>
      <c r="CA33" s="17"/>
      <c r="CB33" s="102" t="str">
        <f t="shared" si="6"/>
        <v/>
      </c>
      <c r="CC33" s="15" t="str">
        <f>IF(CC32="","",IF(CC32='（参考）【別紙２】'!$E$35,"",IF(MONTH(CC32)=MONTH(CC32+1),CC32+1,"")))</f>
        <v/>
      </c>
      <c r="CD33" s="13" t="str">
        <f>IF(COUNTIF(祝日一覧!$E$2:$E$142,CC33),"○",IF(CG33&lt;&gt;"","○",""))</f>
        <v/>
      </c>
      <c r="CE33" s="26"/>
      <c r="CF33" s="45" t="str">
        <f t="shared" si="83"/>
        <v/>
      </c>
      <c r="CG33" s="45"/>
      <c r="CH33" s="167"/>
      <c r="CI33" s="168"/>
      <c r="CJ33" s="43"/>
      <c r="CK33" s="204"/>
      <c r="CL33" s="203"/>
      <c r="CM33" s="9"/>
      <c r="CN33" s="17"/>
      <c r="CO33" s="102" t="str">
        <f t="shared" si="7"/>
        <v/>
      </c>
      <c r="CP33" s="15" t="str">
        <f>IF(CP32="","",IF(CP32='（参考）【別紙２】'!$E$35,"",IF(MONTH(CP32)=MONTH(CP32+1),CP32+1,"")))</f>
        <v/>
      </c>
      <c r="CQ33" s="13" t="str">
        <f>IF(COUNTIF(祝日一覧!$E$2:$E$142,CP33),"○",IF(CT33&lt;&gt;"","○",""))</f>
        <v/>
      </c>
      <c r="CR33" s="26"/>
      <c r="CS33" s="45" t="str">
        <f t="shared" si="84"/>
        <v/>
      </c>
      <c r="CT33" s="45"/>
      <c r="CU33" s="167"/>
      <c r="CV33" s="168"/>
      <c r="CW33" s="43"/>
      <c r="CX33" s="204"/>
      <c r="CY33" s="203"/>
      <c r="CZ33" s="9"/>
      <c r="DA33" s="17"/>
      <c r="DB33" s="102" t="str">
        <f t="shared" si="8"/>
        <v/>
      </c>
      <c r="DC33" s="15" t="str">
        <f>IF(DC32="","",IF(DC32='（参考）【別紙２】'!$E$35,"",IF(MONTH(DC32)=MONTH(DC32+1),DC32+1,"")))</f>
        <v/>
      </c>
      <c r="DD33" s="13" t="str">
        <f>IF(COUNTIF(祝日一覧!$E$2:$E$142,DC33),"○",IF(DG33&lt;&gt;"","○",""))</f>
        <v/>
      </c>
      <c r="DE33" s="26"/>
      <c r="DF33" s="45" t="str">
        <f t="shared" si="85"/>
        <v/>
      </c>
      <c r="DG33" s="45"/>
      <c r="DH33" s="167"/>
      <c r="DI33" s="168"/>
      <c r="DJ33" s="43"/>
      <c r="DK33" s="204"/>
      <c r="DL33" s="203"/>
      <c r="DM33" s="9"/>
      <c r="DN33" s="17"/>
      <c r="DO33" s="102" t="str">
        <f t="shared" si="9"/>
        <v/>
      </c>
      <c r="DP33" s="15" t="str">
        <f>IF(DP32="","",IF(DP32='（参考）【別紙２】'!$E$35,"",IF(MONTH(DP32)=MONTH(DP32+1),DP32+1,"")))</f>
        <v/>
      </c>
      <c r="DQ33" s="13" t="str">
        <f>IF(COUNTIF(祝日一覧!$E$2:$E$142,DP33),"○",IF(DT33&lt;&gt;"","○",""))</f>
        <v/>
      </c>
      <c r="DR33" s="26"/>
      <c r="DS33" s="45" t="str">
        <f t="shared" si="86"/>
        <v/>
      </c>
      <c r="DT33" s="45"/>
      <c r="DU33" s="167"/>
      <c r="DV33" s="168"/>
      <c r="DW33" s="43"/>
      <c r="DX33" s="204"/>
      <c r="DY33" s="203"/>
      <c r="DZ33" s="9"/>
      <c r="EA33" s="17"/>
      <c r="EB33" s="102" t="str">
        <f t="shared" si="10"/>
        <v/>
      </c>
      <c r="EC33" s="15" t="str">
        <f>IF(EC32="","",IF(EC32='（参考）【別紙２】'!$E$35,"",IF(MONTH(EC32)=MONTH(EC32+1),EC32+1,"")))</f>
        <v/>
      </c>
      <c r="ED33" s="13" t="str">
        <f>IF(COUNTIF(祝日一覧!$E$2:$E$142,EC33),"○",IF(EG33&lt;&gt;"","○",""))</f>
        <v/>
      </c>
      <c r="EE33" s="26"/>
      <c r="EF33" s="45" t="str">
        <f t="shared" si="87"/>
        <v/>
      </c>
      <c r="EG33" s="45"/>
      <c r="EH33" s="167"/>
      <c r="EI33" s="168"/>
      <c r="EJ33" s="43"/>
      <c r="EK33" s="204"/>
      <c r="EL33" s="203"/>
      <c r="EM33" s="9"/>
      <c r="EN33" s="17"/>
      <c r="EO33" s="102" t="str">
        <f t="shared" si="11"/>
        <v/>
      </c>
      <c r="EP33" s="15" t="str">
        <f>IF(EP32="","",IF(EP32='（参考）【別紙２】'!$E$35,"",IF(MONTH(EP32)=MONTH(EP32+1),EP32+1,"")))</f>
        <v/>
      </c>
      <c r="EQ33" s="13" t="str">
        <f>IF(COUNTIF(祝日一覧!$E$2:$E$142,EP33),"○",IF(ET33&lt;&gt;"","○",""))</f>
        <v/>
      </c>
      <c r="ER33" s="26"/>
      <c r="ES33" s="45" t="str">
        <f t="shared" si="88"/>
        <v/>
      </c>
      <c r="ET33" s="45"/>
      <c r="EU33" s="167"/>
      <c r="EV33" s="168"/>
      <c r="EW33" s="43"/>
      <c r="EX33" s="204"/>
      <c r="EY33" s="203"/>
      <c r="EZ33" s="9"/>
      <c r="FA33" s="17"/>
      <c r="FB33" s="102" t="str">
        <f t="shared" si="12"/>
        <v/>
      </c>
      <c r="FC33" s="15" t="str">
        <f>IF(FC32="","",IF(FC32='（参考）【別紙２】'!$E$35,"",IF(MONTH(FC32)=MONTH(FC32+1),FC32+1,"")))</f>
        <v/>
      </c>
      <c r="FD33" s="13" t="str">
        <f>IF(COUNTIF(祝日一覧!$E$2:$E$142,FC33),"○",IF(FG33&lt;&gt;"","○",""))</f>
        <v/>
      </c>
      <c r="FE33" s="26"/>
      <c r="FF33" s="45" t="str">
        <f t="shared" si="89"/>
        <v/>
      </c>
      <c r="FG33" s="45"/>
      <c r="FH33" s="167"/>
      <c r="FI33" s="168"/>
      <c r="FJ33" s="43"/>
      <c r="FK33" s="204"/>
      <c r="FL33" s="203"/>
      <c r="FM33" s="9"/>
      <c r="FN33" s="17"/>
      <c r="FO33" s="102" t="str">
        <f t="shared" si="13"/>
        <v/>
      </c>
      <c r="FP33" s="15" t="str">
        <f>IF(FP32="","",IF(FP32='（参考）【別紙２】'!$E$35,"",IF(MONTH(FP32)=MONTH(FP32+1),FP32+1,"")))</f>
        <v/>
      </c>
      <c r="FQ33" s="13" t="str">
        <f>IF(COUNTIF(祝日一覧!$E$2:$E$142,FP33),"○",IF(FT33&lt;&gt;"","○",""))</f>
        <v/>
      </c>
      <c r="FR33" s="26"/>
      <c r="FS33" s="45" t="str">
        <f t="shared" si="90"/>
        <v/>
      </c>
      <c r="FT33" s="45"/>
      <c r="FU33" s="167"/>
      <c r="FV33" s="168"/>
      <c r="FW33" s="43"/>
      <c r="FX33" s="204"/>
      <c r="FY33" s="203"/>
      <c r="FZ33" s="9"/>
      <c r="GA33" s="17"/>
      <c r="GB33" s="102" t="str">
        <f t="shared" si="14"/>
        <v/>
      </c>
      <c r="GC33" s="15" t="str">
        <f>IF(GC32="","",IF(GC32='（参考）【別紙２】'!$E$35,"",IF(MONTH(GC32)=MONTH(GC32+1),GC32+1,"")))</f>
        <v/>
      </c>
      <c r="GD33" s="13" t="str">
        <f>IF(COUNTIF(祝日一覧!$E$2:$E$142,GC33),"○",IF(GG33&lt;&gt;"","○",""))</f>
        <v/>
      </c>
      <c r="GE33" s="25"/>
      <c r="GF33" s="45" t="str">
        <f t="shared" si="91"/>
        <v/>
      </c>
      <c r="GG33" s="45"/>
      <c r="GH33" s="167"/>
      <c r="GI33" s="168"/>
      <c r="GJ33" s="43"/>
      <c r="GK33" s="204"/>
      <c r="GL33" s="203"/>
      <c r="GM33" s="9"/>
      <c r="GN33" s="17"/>
      <c r="GO33" s="102" t="str">
        <f t="shared" si="15"/>
        <v/>
      </c>
      <c r="GP33" s="15" t="str">
        <f>IF(GP32="","",IF(GP32='（参考）【別紙２】'!$E$35,"",IF(MONTH(GP32)=MONTH(GP32+1),GP32+1,"")))</f>
        <v/>
      </c>
      <c r="GQ33" s="13" t="str">
        <f>IF(COUNTIF(祝日一覧!$E$2:$E$142,GP33),"○",IF(GT33&lt;&gt;"","○",""))</f>
        <v/>
      </c>
      <c r="GR33" s="25"/>
      <c r="GS33" s="45" t="str">
        <f t="shared" si="92"/>
        <v/>
      </c>
      <c r="GT33" s="45"/>
      <c r="GU33" s="167"/>
      <c r="GV33" s="168"/>
      <c r="GW33" s="43"/>
      <c r="GX33" s="204"/>
      <c r="GY33" s="203"/>
      <c r="GZ33" s="9"/>
      <c r="HA33" s="17"/>
      <c r="HB33" s="102" t="str">
        <f t="shared" si="16"/>
        <v/>
      </c>
      <c r="HC33" s="15" t="str">
        <f>IF(HC32="","",IF(HC32='（参考）【別紙２】'!$E$35,"",IF(MONTH(HC32)=MONTH(HC32+1),HC32+1,"")))</f>
        <v/>
      </c>
      <c r="HD33" s="13" t="str">
        <f>IF(COUNTIF(祝日一覧!$E$2:$E$142,HC33),"○",IF(HG33&lt;&gt;"","○",""))</f>
        <v/>
      </c>
      <c r="HE33" s="26"/>
      <c r="HF33" s="45" t="str">
        <f t="shared" si="93"/>
        <v/>
      </c>
      <c r="HG33" s="45"/>
      <c r="HH33" s="167"/>
      <c r="HI33" s="168"/>
      <c r="HJ33" s="43"/>
      <c r="HK33" s="204"/>
      <c r="HL33" s="203"/>
      <c r="HM33" s="9"/>
      <c r="HN33" s="17"/>
      <c r="HO33" s="102" t="str">
        <f t="shared" si="17"/>
        <v/>
      </c>
      <c r="HP33" s="15" t="str">
        <f>IF(HP32="","",IF(HP32='（参考）【別紙２】'!$E$35,"",IF(MONTH(HP32)=MONTH(HP32+1),HP32+1,"")))</f>
        <v/>
      </c>
      <c r="HQ33" s="13" t="str">
        <f>IF(COUNTIF(祝日一覧!$E$2:$E$142,HP33),"○",IF(HT33&lt;&gt;"","○",""))</f>
        <v/>
      </c>
      <c r="HR33" s="25"/>
      <c r="HS33" s="45" t="str">
        <f t="shared" si="94"/>
        <v/>
      </c>
      <c r="HT33" s="45"/>
      <c r="HU33" s="167"/>
      <c r="HV33" s="168"/>
      <c r="HW33" s="43"/>
      <c r="HX33" s="204"/>
      <c r="HY33" s="203"/>
      <c r="HZ33" s="9"/>
      <c r="IA33" s="17"/>
      <c r="IB33" s="102" t="str">
        <f t="shared" si="18"/>
        <v/>
      </c>
      <c r="IC33" s="15" t="str">
        <f>IF(IC32="","",IF(IC32='（参考）【別紙２】'!$E$35,"",IF(MONTH(IC32)=MONTH(IC32+1),IC32+1,"")))</f>
        <v/>
      </c>
      <c r="ID33" s="13" t="str">
        <f>IF(COUNTIF(祝日一覧!$E$2:$E$142,IC33),"○",IF(IG33&lt;&gt;"","○",""))</f>
        <v/>
      </c>
      <c r="IE33" s="25"/>
      <c r="IF33" s="45" t="str">
        <f t="shared" si="95"/>
        <v/>
      </c>
      <c r="IG33" s="45"/>
      <c r="IH33" s="167"/>
      <c r="II33" s="168"/>
      <c r="IJ33" s="43"/>
      <c r="IK33" s="204"/>
      <c r="IL33" s="203"/>
      <c r="IM33" s="9"/>
      <c r="IN33" s="17"/>
      <c r="IO33" s="102" t="str">
        <f t="shared" si="19"/>
        <v/>
      </c>
      <c r="IP33" s="15" t="str">
        <f>IF(IP32="","",IF(IP32='（参考）【別紙２】'!$E$35,"",IF(MONTH(IP32)=MONTH(IP32+1),IP32+1,"")))</f>
        <v/>
      </c>
      <c r="IQ33" s="13" t="str">
        <f>IF(COUNTIF(祝日一覧!$E$2:$E$142,IP33),"○",IF(IT33&lt;&gt;"","○",""))</f>
        <v/>
      </c>
      <c r="IR33" s="25"/>
      <c r="IS33" s="45" t="str">
        <f t="shared" si="96"/>
        <v/>
      </c>
      <c r="IT33" s="45"/>
      <c r="IU33" s="167"/>
      <c r="IV33" s="168"/>
      <c r="IW33" s="43"/>
      <c r="IX33" s="204"/>
      <c r="IY33" s="203"/>
      <c r="IZ33" s="9"/>
      <c r="JA33" s="17"/>
      <c r="JB33" s="102" t="str">
        <f t="shared" si="20"/>
        <v/>
      </c>
      <c r="JC33" s="15" t="str">
        <f>IF(JC32="","",IF(JC32='（参考）【別紙２】'!$E$35,"",IF(MONTH(JC32)=MONTH(JC32+1),JC32+1,"")))</f>
        <v/>
      </c>
      <c r="JD33" s="13" t="str">
        <f>IF(COUNTIF(祝日一覧!$E$2:$E$142,JC33),"○",IF(JG33&lt;&gt;"","○",""))</f>
        <v/>
      </c>
      <c r="JE33" s="25"/>
      <c r="JF33" s="45" t="str">
        <f t="shared" si="97"/>
        <v/>
      </c>
      <c r="JG33" s="45"/>
      <c r="JH33" s="167"/>
      <c r="JI33" s="168"/>
      <c r="JJ33" s="43"/>
      <c r="JK33" s="204"/>
      <c r="JL33" s="203"/>
      <c r="JM33" s="9"/>
      <c r="JN33" s="17"/>
      <c r="JO33" s="102" t="str">
        <f t="shared" si="21"/>
        <v/>
      </c>
      <c r="JP33" s="15" t="str">
        <f>IF(JP32="","",IF(JP32='（参考）【別紙２】'!$E$35,"",IF(MONTH(JP32)=MONTH(JP32+1),JP32+1,"")))</f>
        <v/>
      </c>
      <c r="JQ33" s="13" t="str">
        <f>IF(COUNTIF(祝日一覧!$E$2:$E$142,JP33),"○",IF(JT33&lt;&gt;"","○",""))</f>
        <v/>
      </c>
      <c r="JR33" s="25"/>
      <c r="JS33" s="45" t="str">
        <f t="shared" si="98"/>
        <v/>
      </c>
      <c r="JT33" s="45"/>
      <c r="JU33" s="167"/>
      <c r="JV33" s="168"/>
      <c r="JW33" s="43"/>
      <c r="JX33" s="204"/>
      <c r="JY33" s="203"/>
      <c r="JZ33" s="9"/>
      <c r="KA33" s="17"/>
      <c r="KB33" s="102" t="str">
        <f t="shared" si="22"/>
        <v/>
      </c>
      <c r="KC33" s="15" t="str">
        <f>IF(KC32="","",IF(KC32='（参考）【別紙２】'!$E$35,"",IF(MONTH(KC32)=MONTH(KC32+1),KC32+1,"")))</f>
        <v/>
      </c>
      <c r="KD33" s="13" t="str">
        <f>IF(COUNTIF(祝日一覧!$E$2:$E$142,KC33),"○",IF(KG33&lt;&gt;"","○",""))</f>
        <v/>
      </c>
      <c r="KE33" s="25"/>
      <c r="KF33" s="45" t="str">
        <f t="shared" si="99"/>
        <v/>
      </c>
      <c r="KG33" s="45"/>
      <c r="KH33" s="167"/>
      <c r="KI33" s="168"/>
      <c r="KJ33" s="43"/>
      <c r="KK33" s="204"/>
      <c r="KL33" s="203"/>
      <c r="KM33" s="9"/>
      <c r="KN33" s="17"/>
      <c r="KO33" s="102" t="str">
        <f t="shared" si="23"/>
        <v/>
      </c>
      <c r="KP33" s="15" t="str">
        <f>IF(KP32="","",IF(KP32='（参考）【別紙２】'!$E$35,"",IF(MONTH(KP32)=MONTH(KP32+1),KP32+1,"")))</f>
        <v/>
      </c>
      <c r="KQ33" s="13" t="str">
        <f>IF(COUNTIF(祝日一覧!$E$2:$E$142,KP33),"○",IF(KT33&lt;&gt;"","○",""))</f>
        <v/>
      </c>
      <c r="KR33" s="25"/>
      <c r="KS33" s="45" t="str">
        <f t="shared" si="100"/>
        <v/>
      </c>
      <c r="KT33" s="45"/>
      <c r="KU33" s="167"/>
      <c r="KV33" s="168"/>
      <c r="KW33" s="43"/>
      <c r="KX33" s="204"/>
      <c r="KY33" s="203"/>
      <c r="KZ33" s="9"/>
      <c r="LA33" s="17"/>
      <c r="LB33" s="102" t="str">
        <f t="shared" si="24"/>
        <v/>
      </c>
      <c r="LC33" s="15" t="str">
        <f>IF(LC32="","",IF(LC32='（参考）【別紙２】'!$E$35,"",IF(MONTH(LC32)=MONTH(LC32+1),LC32+1,"")))</f>
        <v/>
      </c>
      <c r="LD33" s="13" t="str">
        <f>IF(COUNTIF(祝日一覧!$E$2:$E$142,LC33),"○",IF(LG33&lt;&gt;"","○",""))</f>
        <v/>
      </c>
      <c r="LE33" s="25"/>
      <c r="LF33" s="45" t="str">
        <f t="shared" si="101"/>
        <v/>
      </c>
      <c r="LG33" s="45"/>
      <c r="LH33" s="167"/>
      <c r="LI33" s="168"/>
      <c r="LJ33" s="43"/>
      <c r="LK33" s="204"/>
      <c r="LL33" s="203"/>
      <c r="LM33" s="9"/>
      <c r="LN33" s="17"/>
      <c r="LO33" s="102" t="str">
        <f t="shared" si="25"/>
        <v/>
      </c>
      <c r="LP33" s="15" t="str">
        <f>IF(LP32="","",IF(LP32='（参考）【別紙２】'!$E$35,"",IF(MONTH(LP32)=MONTH(LP32+1),LP32+1,"")))</f>
        <v/>
      </c>
      <c r="LQ33" s="13" t="str">
        <f>IF(COUNTIF(祝日一覧!$E$2:$E$142,LP33),"○",IF(LT33&lt;&gt;"","○",""))</f>
        <v/>
      </c>
      <c r="LR33" s="25"/>
      <c r="LS33" s="45" t="str">
        <f t="shared" si="102"/>
        <v/>
      </c>
      <c r="LT33" s="45"/>
      <c r="LU33" s="167"/>
      <c r="LV33" s="168"/>
      <c r="LW33" s="43"/>
      <c r="LX33" s="204"/>
      <c r="LY33" s="203"/>
      <c r="LZ33" s="9"/>
      <c r="MA33" s="17"/>
      <c r="MB33" s="102" t="str">
        <f t="shared" si="26"/>
        <v/>
      </c>
      <c r="MC33" s="15" t="str">
        <f>IF(MC32="","",IF(MC32='（参考）【別紙２】'!$E$35,"",IF(MONTH(MC32)=MONTH(MC32+1),MC32+1,"")))</f>
        <v/>
      </c>
      <c r="MD33" s="13" t="str">
        <f>IF(COUNTIF(祝日一覧!$E$2:$E$142,MC33),"○",IF(MG33&lt;&gt;"","○",""))</f>
        <v/>
      </c>
      <c r="ME33" s="25"/>
      <c r="MF33" s="45" t="str">
        <f t="shared" si="103"/>
        <v/>
      </c>
      <c r="MG33" s="45"/>
      <c r="MH33" s="167"/>
      <c r="MI33" s="168"/>
      <c r="MJ33" s="43"/>
      <c r="MK33" s="204"/>
      <c r="ML33" s="203"/>
      <c r="MM33" s="9"/>
      <c r="MN33" s="17"/>
      <c r="MO33" s="102" t="str">
        <f t="shared" si="27"/>
        <v/>
      </c>
      <c r="MP33" s="15" t="str">
        <f>IF(MP32="","",IF(MP32='（参考）【別紙２】'!$E$35,"",IF(MONTH(MP32)=MONTH(MP32+1),MP32+1,"")))</f>
        <v/>
      </c>
      <c r="MQ33" s="13" t="str">
        <f>IF(COUNTIF(祝日一覧!$E$2:$E$142,MP33),"○",IF(MT33&lt;&gt;"","○",""))</f>
        <v/>
      </c>
      <c r="MR33" s="25"/>
      <c r="MS33" s="45" t="str">
        <f t="shared" si="104"/>
        <v/>
      </c>
      <c r="MT33" s="45"/>
      <c r="MU33" s="167"/>
      <c r="MV33" s="168"/>
      <c r="MW33" s="43"/>
      <c r="MX33" s="204"/>
      <c r="MY33" s="203"/>
      <c r="MZ33" s="9"/>
      <c r="NA33" s="17"/>
      <c r="NB33" s="102" t="str">
        <f t="shared" si="28"/>
        <v/>
      </c>
      <c r="NC33" s="15" t="str">
        <f>IF(NC32="","",IF(NC32='（参考）【別紙２】'!$E$35,"",IF(MONTH(NC32)=MONTH(NC32+1),NC32+1,"")))</f>
        <v/>
      </c>
      <c r="ND33" s="13" t="str">
        <f>IF(COUNTIF(祝日一覧!$E$2:$E$142,NC33),"○",IF(NG33&lt;&gt;"","○",""))</f>
        <v/>
      </c>
      <c r="NE33" s="25"/>
      <c r="NF33" s="45" t="str">
        <f t="shared" si="105"/>
        <v/>
      </c>
      <c r="NG33" s="45"/>
      <c r="NH33" s="167"/>
      <c r="NI33" s="168"/>
      <c r="NJ33" s="43"/>
      <c r="NK33" s="204"/>
      <c r="NL33" s="203"/>
      <c r="NM33" s="9"/>
      <c r="NN33" s="17"/>
      <c r="NO33" s="102" t="str">
        <f t="shared" si="29"/>
        <v/>
      </c>
      <c r="NP33" s="15" t="str">
        <f>IF(NP32="","",IF(NP32='（参考）【別紙２】'!$E$35,"",IF(MONTH(NP32)=MONTH(NP32+1),NP32+1,"")))</f>
        <v/>
      </c>
      <c r="NQ33" s="13" t="str">
        <f>IF(COUNTIF(祝日一覧!$E$2:$E$142,NP33),"○",IF(NT33&lt;&gt;"","○",""))</f>
        <v/>
      </c>
      <c r="NR33" s="25"/>
      <c r="NS33" s="45" t="str">
        <f t="shared" si="106"/>
        <v/>
      </c>
      <c r="NT33" s="45"/>
      <c r="NU33" s="167"/>
      <c r="NV33" s="168"/>
      <c r="NW33" s="43"/>
      <c r="NX33" s="204"/>
      <c r="NY33" s="203"/>
      <c r="NZ33" s="9"/>
      <c r="OA33" s="17"/>
      <c r="OB33" s="102" t="str">
        <f t="shared" si="30"/>
        <v/>
      </c>
      <c r="OC33" s="15" t="str">
        <f>IF(OC32="","",IF(OC32='（参考）【別紙２】'!$E$35,"",IF(MONTH(OC32)=MONTH(OC32+1),OC32+1,"")))</f>
        <v/>
      </c>
      <c r="OD33" s="13" t="str">
        <f>IF(COUNTIF(祝日一覧!$E$2:$E$142,OC33),"○",IF(OG33&lt;&gt;"","○",""))</f>
        <v/>
      </c>
      <c r="OE33" s="25"/>
      <c r="OF33" s="45" t="str">
        <f t="shared" si="107"/>
        <v/>
      </c>
      <c r="OG33" s="45"/>
      <c r="OH33" s="167"/>
      <c r="OI33" s="168"/>
      <c r="OJ33" s="43"/>
      <c r="OK33" s="204"/>
      <c r="OL33" s="203"/>
      <c r="OM33" s="9"/>
      <c r="ON33" s="17"/>
      <c r="OO33" s="102" t="str">
        <f t="shared" si="31"/>
        <v/>
      </c>
      <c r="OP33" s="15" t="str">
        <f>IF(OP32="","",IF(OP32='（参考）【別紙２】'!$E$35,"",IF(MONTH(OP32)=MONTH(OP32+1),OP32+1,"")))</f>
        <v/>
      </c>
      <c r="OQ33" s="13" t="str">
        <f>IF(COUNTIF(祝日一覧!$E$2:$E$142,OP33),"○",IF(OT33&lt;&gt;"","○",""))</f>
        <v/>
      </c>
      <c r="OR33" s="25"/>
      <c r="OS33" s="45" t="str">
        <f t="shared" si="108"/>
        <v/>
      </c>
      <c r="OT33" s="45"/>
      <c r="OU33" s="167"/>
      <c r="OV33" s="168"/>
      <c r="OW33" s="43"/>
      <c r="OX33" s="204"/>
      <c r="OY33" s="203"/>
      <c r="OZ33" s="9"/>
      <c r="PA33" s="17"/>
      <c r="PB33" s="102" t="str">
        <f t="shared" si="32"/>
        <v/>
      </c>
      <c r="PC33" s="15" t="str">
        <f>IF(PC32="","",IF(PC32='（参考）【別紙２】'!$E$35,"",IF(MONTH(PC32)=MONTH(PC32+1),PC32+1,"")))</f>
        <v/>
      </c>
      <c r="PD33" s="13" t="str">
        <f>IF(COUNTIF(祝日一覧!$E$2:$E$142,PC33),"○",IF(PG33&lt;&gt;"","○",""))</f>
        <v/>
      </c>
      <c r="PE33" s="25"/>
      <c r="PF33" s="45" t="str">
        <f t="shared" si="109"/>
        <v/>
      </c>
      <c r="PG33" s="45"/>
      <c r="PH33" s="167"/>
      <c r="PI33" s="168"/>
      <c r="PJ33" s="43"/>
      <c r="PK33" s="204"/>
      <c r="PL33" s="203"/>
      <c r="PM33" s="9"/>
      <c r="PN33" s="17"/>
      <c r="PO33" s="102" t="str">
        <f t="shared" si="33"/>
        <v/>
      </c>
      <c r="PP33" s="15" t="str">
        <f>IF(PP32="","",IF(PP32='（参考）【別紙２】'!$E$35,"",IF(MONTH(PP32)=MONTH(PP32+1),PP32+1,"")))</f>
        <v/>
      </c>
      <c r="PQ33" s="13" t="str">
        <f>IF(COUNTIF(祝日一覧!$E$2:$E$142,PP33),"○",IF(PT33&lt;&gt;"","○",""))</f>
        <v/>
      </c>
      <c r="PR33" s="25"/>
      <c r="PS33" s="45" t="str">
        <f t="shared" si="110"/>
        <v/>
      </c>
      <c r="PT33" s="45"/>
      <c r="PU33" s="167"/>
      <c r="PV33" s="168"/>
      <c r="PW33" s="43"/>
      <c r="PX33" s="204"/>
      <c r="PY33" s="203"/>
      <c r="PZ33" s="9"/>
      <c r="QA33" s="17"/>
      <c r="QB33" s="102" t="str">
        <f t="shared" si="34"/>
        <v/>
      </c>
      <c r="QC33" s="15" t="str">
        <f>IF(QC32="","",IF(QC32='（参考）【別紙２】'!$E$35,"",IF(MONTH(QC32)=MONTH(QC32+1),QC32+1,"")))</f>
        <v/>
      </c>
      <c r="QD33" s="13" t="str">
        <f>IF(COUNTIF(祝日一覧!$E$2:$E$142,QC33),"○",IF(QG33&lt;&gt;"","○",""))</f>
        <v/>
      </c>
      <c r="QE33" s="25"/>
      <c r="QF33" s="45" t="str">
        <f t="shared" si="111"/>
        <v/>
      </c>
      <c r="QG33" s="45"/>
      <c r="QH33" s="167"/>
      <c r="QI33" s="168"/>
      <c r="QJ33" s="43"/>
      <c r="QK33" s="204"/>
      <c r="QL33" s="203"/>
      <c r="QM33" s="9"/>
      <c r="QN33" s="17"/>
      <c r="QO33" s="102" t="str">
        <f t="shared" si="35"/>
        <v/>
      </c>
      <c r="QP33" s="15" t="str">
        <f>IF(QP32="","",IF(QP32='（参考）【別紙２】'!$E$35,"",IF(MONTH(QP32)=MONTH(QP32+1),QP32+1,"")))</f>
        <v/>
      </c>
      <c r="QQ33" s="13" t="str">
        <f>IF(COUNTIF(祝日一覧!$E$2:$E$142,QP33),"○",IF(QT33&lt;&gt;"","○",""))</f>
        <v/>
      </c>
      <c r="QR33" s="25"/>
      <c r="QS33" s="45" t="str">
        <f t="shared" si="112"/>
        <v/>
      </c>
      <c r="QT33" s="45"/>
      <c r="QU33" s="167"/>
      <c r="QV33" s="168"/>
      <c r="QW33" s="43"/>
      <c r="QX33" s="204"/>
      <c r="QY33" s="203"/>
      <c r="QZ33" s="9"/>
      <c r="RA33" s="17"/>
      <c r="RB33" s="102" t="str">
        <f t="shared" si="36"/>
        <v/>
      </c>
      <c r="RC33" s="15" t="str">
        <f>IF(RC32="","",IF(RC32='（参考）【別紙２】'!$E$35,"",IF(MONTH(RC32)=MONTH(RC32+1),RC32+1,"")))</f>
        <v/>
      </c>
      <c r="RD33" s="13" t="str">
        <f>IF(COUNTIF(祝日一覧!$E$2:$E$142,RC33),"○",IF(RG33&lt;&gt;"","○",""))</f>
        <v/>
      </c>
      <c r="RE33" s="25"/>
      <c r="RF33" s="45" t="str">
        <f t="shared" si="113"/>
        <v/>
      </c>
      <c r="RG33" s="45"/>
      <c r="RH33" s="167"/>
      <c r="RI33" s="168"/>
      <c r="RJ33" s="43"/>
      <c r="RK33" s="204"/>
      <c r="RL33" s="203"/>
      <c r="RM33" s="9"/>
      <c r="RN33" s="17"/>
      <c r="RO33" s="102" t="str">
        <f t="shared" si="37"/>
        <v/>
      </c>
      <c r="RP33" s="15" t="str">
        <f>IF(RP32="","",IF(RP32='（参考）【別紙２】'!$E$35,"",IF(MONTH(RP32)=MONTH(RP32+1),RP32+1,"")))</f>
        <v/>
      </c>
      <c r="RQ33" s="13" t="str">
        <f>IF(COUNTIF(祝日一覧!$E$2:$E$142,RP33),"○",IF(RT33&lt;&gt;"","○",""))</f>
        <v/>
      </c>
      <c r="RR33" s="25"/>
      <c r="RS33" s="45" t="str">
        <f t="shared" si="114"/>
        <v/>
      </c>
      <c r="RT33" s="45"/>
      <c r="RU33" s="167"/>
      <c r="RV33" s="168"/>
      <c r="RW33" s="43"/>
      <c r="RX33" s="204"/>
      <c r="RY33" s="203"/>
      <c r="RZ33" s="9"/>
      <c r="SA33" s="17"/>
      <c r="SB33" s="102" t="str">
        <f t="shared" si="38"/>
        <v/>
      </c>
      <c r="SC33" s="15" t="str">
        <f>IF(SC32="","",IF(SC32='（参考）【別紙２】'!$E$35,"",IF(MONTH(SC32)=MONTH(SC32+1),SC32+1,"")))</f>
        <v/>
      </c>
      <c r="SD33" s="13" t="str">
        <f>IF(COUNTIF(祝日一覧!$E$2:$E$142,SC33),"○",IF(SG33&lt;&gt;"","○",""))</f>
        <v/>
      </c>
      <c r="SE33" s="25"/>
      <c r="SF33" s="45" t="str">
        <f t="shared" si="115"/>
        <v/>
      </c>
      <c r="SG33" s="45"/>
      <c r="SH33" s="167"/>
      <c r="SI33" s="168"/>
      <c r="SJ33" s="43"/>
      <c r="SK33" s="204"/>
      <c r="SL33" s="203"/>
      <c r="SM33" s="9"/>
    </row>
    <row r="34" spans="1:507" ht="15.6" customHeight="1">
      <c r="A34" s="17"/>
      <c r="B34" s="102" t="str">
        <f t="shared" si="0"/>
        <v>土</v>
      </c>
      <c r="C34" s="15">
        <f>IF(C33="","",IF(C33='（参考）【別紙２】'!$E$35,"",IF(MONTH(C33)=MONTH(C33+1),C33+1,"")))</f>
        <v>45773</v>
      </c>
      <c r="D34" s="13" t="str">
        <f>IF(COUNTIF(祝日一覧!$E$2:$E$142,C34),"○",IF(G34&lt;&gt;"","○",""))</f>
        <v/>
      </c>
      <c r="E34" s="26"/>
      <c r="F34" s="45" t="str">
        <f t="shared" si="39"/>
        <v>○</v>
      </c>
      <c r="G34" s="45"/>
      <c r="H34" s="167"/>
      <c r="I34" s="168"/>
      <c r="J34" s="42"/>
      <c r="K34" s="207" t="s">
        <v>106</v>
      </c>
      <c r="L34" s="209" t="str">
        <f>IF(L11/L9&lt;8/28,"×","○")</f>
        <v>×</v>
      </c>
      <c r="M34" s="18"/>
      <c r="N34" s="17"/>
      <c r="O34" s="102" t="str">
        <f t="shared" si="1"/>
        <v>月</v>
      </c>
      <c r="P34" s="15">
        <f>IF(P33="","",IF(P33='（参考）【別紙２】'!$E$35,"",IF(MONTH(P33)=MONTH(P33+1),P33+1,"")))</f>
        <v>45803</v>
      </c>
      <c r="Q34" s="13" t="str">
        <f>IF(COUNTIF(祝日一覧!$E$2:$E$142,P34),"○",IF(T34&lt;&gt;"","○",""))</f>
        <v/>
      </c>
      <c r="R34" s="26"/>
      <c r="S34" s="45" t="str">
        <f t="shared" si="78"/>
        <v/>
      </c>
      <c r="T34" s="45"/>
      <c r="U34" s="167"/>
      <c r="V34" s="168"/>
      <c r="W34" s="43"/>
      <c r="X34" s="202" t="s">
        <v>106</v>
      </c>
      <c r="Y34" s="206" t="str">
        <f>IF(Y9=0,L34,IF(Y11/Y9&lt;8/28,"×","○"))</f>
        <v>×</v>
      </c>
      <c r="Z34" s="9"/>
      <c r="AA34" s="17"/>
      <c r="AB34" s="102" t="str">
        <f t="shared" si="2"/>
        <v>木</v>
      </c>
      <c r="AC34" s="15">
        <f>IF(AC33="","",IF(AC33='（参考）【別紙２】'!$E$35,"",IF(MONTH(AC33)=MONTH(AC33+1),AC33+1,"")))</f>
        <v>45834</v>
      </c>
      <c r="AD34" s="13" t="str">
        <f>IF(COUNTIF(祝日一覧!$E$2:$E$142,AC34),"○",IF(AG34&lt;&gt;"","○",""))</f>
        <v/>
      </c>
      <c r="AE34" s="26"/>
      <c r="AF34" s="45" t="str">
        <f t="shared" si="79"/>
        <v/>
      </c>
      <c r="AG34" s="45"/>
      <c r="AH34" s="167"/>
      <c r="AI34" s="168"/>
      <c r="AJ34" s="43"/>
      <c r="AK34" s="202" t="s">
        <v>106</v>
      </c>
      <c r="AL34" s="206" t="str">
        <f>IF(AL9=0,Y34,IF(AL11/AL9&lt;8/28,"×","○"))</f>
        <v>×</v>
      </c>
      <c r="AM34" s="9"/>
      <c r="AN34" s="17"/>
      <c r="AO34" s="102" t="str">
        <f t="shared" si="3"/>
        <v>土</v>
      </c>
      <c r="AP34" s="15">
        <f>IF(AP33="","",IF(AP33='（参考）【別紙２】'!$E$35,"",IF(MONTH(AP33)=MONTH(AP33+1),AP33+1,"")))</f>
        <v>45864</v>
      </c>
      <c r="AQ34" s="13" t="str">
        <f>IF(COUNTIF(祝日一覧!$E$2:$E$142,AP34),"○",IF(AT34&lt;&gt;"","○",""))</f>
        <v/>
      </c>
      <c r="AR34" s="26"/>
      <c r="AS34" s="45" t="str">
        <f t="shared" si="80"/>
        <v>○</v>
      </c>
      <c r="AT34" s="45"/>
      <c r="AU34" s="167"/>
      <c r="AV34" s="168"/>
      <c r="AW34" s="43"/>
      <c r="AX34" s="202" t="s">
        <v>106</v>
      </c>
      <c r="AY34" s="206" t="str">
        <f>IF(AY9=0,AL34,IF(AY11/AY9&lt;8/28,"×","○"))</f>
        <v>×</v>
      </c>
      <c r="AZ34" s="9"/>
      <c r="BA34" s="17"/>
      <c r="BB34" s="102" t="str">
        <f t="shared" si="4"/>
        <v>火</v>
      </c>
      <c r="BC34" s="15">
        <f>IF(BC33="","",IF(BC33='（参考）【別紙２】'!$E$35,"",IF(MONTH(BC33)=MONTH(BC33+1),BC33+1,"")))</f>
        <v>45895</v>
      </c>
      <c r="BD34" s="13" t="str">
        <f>IF(COUNTIF(祝日一覧!$E$2:$E$142,BC34),"○",IF(BG34&lt;&gt;"","○",""))</f>
        <v/>
      </c>
      <c r="BE34" s="26"/>
      <c r="BF34" s="45" t="str">
        <f t="shared" si="81"/>
        <v/>
      </c>
      <c r="BG34" s="45"/>
      <c r="BH34" s="167"/>
      <c r="BI34" s="168"/>
      <c r="BJ34" s="43"/>
      <c r="BK34" s="202" t="s">
        <v>106</v>
      </c>
      <c r="BL34" s="206" t="str">
        <f>IF(BL9=0,AY34,IF(BL11/BL9&lt;8/28,"×","○"))</f>
        <v>×</v>
      </c>
      <c r="BM34" s="9"/>
      <c r="BN34" s="17"/>
      <c r="BO34" s="102" t="str">
        <f t="shared" si="5"/>
        <v/>
      </c>
      <c r="BP34" s="15" t="str">
        <f>IF(BP33="","",IF(BP33='（参考）【別紙２】'!$E$35,"",IF(MONTH(BP33)=MONTH(BP33+1),BP33+1,"")))</f>
        <v/>
      </c>
      <c r="BQ34" s="13" t="str">
        <f>IF(COUNTIF(祝日一覧!$E$2:$E$142,BP34),"○",IF(BT34&lt;&gt;"","○",""))</f>
        <v/>
      </c>
      <c r="BR34" s="26"/>
      <c r="BS34" s="45" t="str">
        <f t="shared" si="82"/>
        <v/>
      </c>
      <c r="BT34" s="45"/>
      <c r="BU34" s="167"/>
      <c r="BV34" s="168"/>
      <c r="BW34" s="43"/>
      <c r="BX34" s="202" t="s">
        <v>106</v>
      </c>
      <c r="BY34" s="206" t="str">
        <f>IF(BY9=0,BL34,IF(BY11/BY9&lt;8/28,"×","○"))</f>
        <v>×</v>
      </c>
      <c r="BZ34" s="9"/>
      <c r="CA34" s="17"/>
      <c r="CB34" s="102" t="str">
        <f t="shared" si="6"/>
        <v/>
      </c>
      <c r="CC34" s="15" t="str">
        <f>IF(CC33="","",IF(CC33='（参考）【別紙２】'!$E$35,"",IF(MONTH(CC33)=MONTH(CC33+1),CC33+1,"")))</f>
        <v/>
      </c>
      <c r="CD34" s="13" t="str">
        <f>IF(COUNTIF(祝日一覧!$E$2:$E$142,CC34),"○",IF(CG34&lt;&gt;"","○",""))</f>
        <v/>
      </c>
      <c r="CE34" s="26"/>
      <c r="CF34" s="45" t="str">
        <f t="shared" si="83"/>
        <v/>
      </c>
      <c r="CG34" s="45"/>
      <c r="CH34" s="167"/>
      <c r="CI34" s="168"/>
      <c r="CJ34" s="43"/>
      <c r="CK34" s="202" t="s">
        <v>106</v>
      </c>
      <c r="CL34" s="206" t="str">
        <f>IF(CL9=0,BY34,IF(CL11/CL9&lt;8/28,"×","○"))</f>
        <v>×</v>
      </c>
      <c r="CM34" s="9"/>
      <c r="CN34" s="17"/>
      <c r="CO34" s="102" t="str">
        <f t="shared" si="7"/>
        <v/>
      </c>
      <c r="CP34" s="15" t="str">
        <f>IF(CP33="","",IF(CP33='（参考）【別紙２】'!$E$35,"",IF(MONTH(CP33)=MONTH(CP33+1),CP33+1,"")))</f>
        <v/>
      </c>
      <c r="CQ34" s="13" t="str">
        <f>IF(COUNTIF(祝日一覧!$E$2:$E$142,CP34),"○",IF(CT34&lt;&gt;"","○",""))</f>
        <v/>
      </c>
      <c r="CR34" s="26"/>
      <c r="CS34" s="45" t="str">
        <f t="shared" si="84"/>
        <v/>
      </c>
      <c r="CT34" s="45"/>
      <c r="CU34" s="167"/>
      <c r="CV34" s="168"/>
      <c r="CW34" s="43"/>
      <c r="CX34" s="202" t="s">
        <v>106</v>
      </c>
      <c r="CY34" s="206" t="str">
        <f>IF(CY9=0,CL34,IF(CY11/CY9&lt;8/28,"×","○"))</f>
        <v>×</v>
      </c>
      <c r="CZ34" s="9"/>
      <c r="DA34" s="17"/>
      <c r="DB34" s="102" t="str">
        <f t="shared" si="8"/>
        <v/>
      </c>
      <c r="DC34" s="15" t="str">
        <f>IF(DC33="","",IF(DC33='（参考）【別紙２】'!$E$35,"",IF(MONTH(DC33)=MONTH(DC33+1),DC33+1,"")))</f>
        <v/>
      </c>
      <c r="DD34" s="13" t="str">
        <f>IF(COUNTIF(祝日一覧!$E$2:$E$142,DC34),"○",IF(DG34&lt;&gt;"","○",""))</f>
        <v/>
      </c>
      <c r="DE34" s="26"/>
      <c r="DF34" s="45" t="str">
        <f t="shared" si="85"/>
        <v/>
      </c>
      <c r="DG34" s="45"/>
      <c r="DH34" s="167"/>
      <c r="DI34" s="168"/>
      <c r="DJ34" s="43"/>
      <c r="DK34" s="202" t="s">
        <v>106</v>
      </c>
      <c r="DL34" s="206" t="str">
        <f>IF(DL9=0,CY34,IF(DL11/DL9&lt;8/28,"×","○"))</f>
        <v>×</v>
      </c>
      <c r="DM34" s="9"/>
      <c r="DN34" s="17"/>
      <c r="DO34" s="102" t="str">
        <f t="shared" si="9"/>
        <v/>
      </c>
      <c r="DP34" s="15" t="str">
        <f>IF(DP33="","",IF(DP33='（参考）【別紙２】'!$E$35,"",IF(MONTH(DP33)=MONTH(DP33+1),DP33+1,"")))</f>
        <v/>
      </c>
      <c r="DQ34" s="13" t="str">
        <f>IF(COUNTIF(祝日一覧!$E$2:$E$142,DP34),"○",IF(DT34&lt;&gt;"","○",""))</f>
        <v/>
      </c>
      <c r="DR34" s="26"/>
      <c r="DS34" s="45" t="str">
        <f t="shared" si="86"/>
        <v/>
      </c>
      <c r="DT34" s="45"/>
      <c r="DU34" s="167"/>
      <c r="DV34" s="168"/>
      <c r="DW34" s="43"/>
      <c r="DX34" s="202" t="s">
        <v>106</v>
      </c>
      <c r="DY34" s="206" t="str">
        <f>IF(DY9=0,DL34,IF(DY11/DY9&lt;8/28,"×","○"))</f>
        <v>×</v>
      </c>
      <c r="DZ34" s="9"/>
      <c r="EA34" s="17"/>
      <c r="EB34" s="102" t="str">
        <f t="shared" si="10"/>
        <v/>
      </c>
      <c r="EC34" s="15" t="str">
        <f>IF(EC33="","",IF(EC33='（参考）【別紙２】'!$E$35,"",IF(MONTH(EC33)=MONTH(EC33+1),EC33+1,"")))</f>
        <v/>
      </c>
      <c r="ED34" s="13" t="str">
        <f>IF(COUNTIF(祝日一覧!$E$2:$E$142,EC34),"○",IF(EG34&lt;&gt;"","○",""))</f>
        <v/>
      </c>
      <c r="EE34" s="26"/>
      <c r="EF34" s="45" t="str">
        <f t="shared" si="87"/>
        <v/>
      </c>
      <c r="EG34" s="45"/>
      <c r="EH34" s="167"/>
      <c r="EI34" s="168"/>
      <c r="EJ34" s="43"/>
      <c r="EK34" s="202" t="s">
        <v>106</v>
      </c>
      <c r="EL34" s="206" t="str">
        <f>IF(EL9=0,DY34,IF(EL11/EL9&lt;8/28,"×","○"))</f>
        <v>×</v>
      </c>
      <c r="EM34" s="9"/>
      <c r="EN34" s="17"/>
      <c r="EO34" s="102" t="str">
        <f t="shared" si="11"/>
        <v/>
      </c>
      <c r="EP34" s="15" t="str">
        <f>IF(EP33="","",IF(EP33='（参考）【別紙２】'!$E$35,"",IF(MONTH(EP33)=MONTH(EP33+1),EP33+1,"")))</f>
        <v/>
      </c>
      <c r="EQ34" s="13" t="str">
        <f>IF(COUNTIF(祝日一覧!$E$2:$E$142,EP34),"○",IF(ET34&lt;&gt;"","○",""))</f>
        <v/>
      </c>
      <c r="ER34" s="26"/>
      <c r="ES34" s="45" t="str">
        <f t="shared" si="88"/>
        <v/>
      </c>
      <c r="ET34" s="45"/>
      <c r="EU34" s="167"/>
      <c r="EV34" s="168"/>
      <c r="EW34" s="43"/>
      <c r="EX34" s="202" t="s">
        <v>106</v>
      </c>
      <c r="EY34" s="206" t="str">
        <f>IF(EY9=0,EL34,IF(EY11/EY9&lt;8/28,"×","○"))</f>
        <v>×</v>
      </c>
      <c r="EZ34" s="9"/>
      <c r="FA34" s="17"/>
      <c r="FB34" s="102" t="str">
        <f t="shared" si="12"/>
        <v/>
      </c>
      <c r="FC34" s="15" t="str">
        <f>IF(FC33="","",IF(FC33='（参考）【別紙２】'!$E$35,"",IF(MONTH(FC33)=MONTH(FC33+1),FC33+1,"")))</f>
        <v/>
      </c>
      <c r="FD34" s="13" t="str">
        <f>IF(COUNTIF(祝日一覧!$E$2:$E$142,FC34),"○",IF(FG34&lt;&gt;"","○",""))</f>
        <v/>
      </c>
      <c r="FE34" s="26"/>
      <c r="FF34" s="45" t="str">
        <f t="shared" si="89"/>
        <v/>
      </c>
      <c r="FG34" s="45"/>
      <c r="FH34" s="167"/>
      <c r="FI34" s="168"/>
      <c r="FJ34" s="43"/>
      <c r="FK34" s="202" t="s">
        <v>106</v>
      </c>
      <c r="FL34" s="206" t="str">
        <f>IF(FL9=0,EY34,IF(FL11/FL9&lt;8/28,"×","○"))</f>
        <v>×</v>
      </c>
      <c r="FM34" s="9"/>
      <c r="FN34" s="17"/>
      <c r="FO34" s="102" t="str">
        <f t="shared" si="13"/>
        <v/>
      </c>
      <c r="FP34" s="15" t="str">
        <f>IF(FP33="","",IF(FP33='（参考）【別紙２】'!$E$35,"",IF(MONTH(FP33)=MONTH(FP33+1),FP33+1,"")))</f>
        <v/>
      </c>
      <c r="FQ34" s="13" t="str">
        <f>IF(COUNTIF(祝日一覧!$E$2:$E$142,FP34),"○",IF(FT34&lt;&gt;"","○",""))</f>
        <v/>
      </c>
      <c r="FR34" s="26"/>
      <c r="FS34" s="45" t="str">
        <f t="shared" si="90"/>
        <v/>
      </c>
      <c r="FT34" s="45"/>
      <c r="FU34" s="167"/>
      <c r="FV34" s="168"/>
      <c r="FW34" s="43"/>
      <c r="FX34" s="202" t="s">
        <v>106</v>
      </c>
      <c r="FY34" s="206" t="str">
        <f>IF(FY9=0,FL34,IF(FY11/FY9&lt;8/28,"×","○"))</f>
        <v>×</v>
      </c>
      <c r="FZ34" s="9"/>
      <c r="GA34" s="17"/>
      <c r="GB34" s="102" t="str">
        <f t="shared" si="14"/>
        <v/>
      </c>
      <c r="GC34" s="15" t="str">
        <f>IF(GC33="","",IF(GC33='（参考）【別紙２】'!$E$35,"",IF(MONTH(GC33)=MONTH(GC33+1),GC33+1,"")))</f>
        <v/>
      </c>
      <c r="GD34" s="13" t="str">
        <f>IF(COUNTIF(祝日一覧!$E$2:$E$142,GC34),"○",IF(GG34&lt;&gt;"","○",""))</f>
        <v/>
      </c>
      <c r="GE34" s="25"/>
      <c r="GF34" s="45" t="str">
        <f t="shared" si="91"/>
        <v/>
      </c>
      <c r="GG34" s="45"/>
      <c r="GH34" s="167"/>
      <c r="GI34" s="168"/>
      <c r="GJ34" s="43"/>
      <c r="GK34" s="202" t="s">
        <v>106</v>
      </c>
      <c r="GL34" s="206" t="str">
        <f>IF(GL9=0,FY34,IF(GL11/GL9&lt;8/28,"×","○"))</f>
        <v>×</v>
      </c>
      <c r="GM34" s="9"/>
      <c r="GN34" s="17"/>
      <c r="GO34" s="102" t="str">
        <f t="shared" si="15"/>
        <v/>
      </c>
      <c r="GP34" s="15" t="str">
        <f>IF(GP33="","",IF(GP33='（参考）【別紙２】'!$E$35,"",IF(MONTH(GP33)=MONTH(GP33+1),GP33+1,"")))</f>
        <v/>
      </c>
      <c r="GQ34" s="13" t="str">
        <f>IF(COUNTIF(祝日一覧!$E$2:$E$142,GP34),"○",IF(GT34&lt;&gt;"","○",""))</f>
        <v/>
      </c>
      <c r="GR34" s="25"/>
      <c r="GS34" s="45" t="str">
        <f t="shared" si="92"/>
        <v/>
      </c>
      <c r="GT34" s="45"/>
      <c r="GU34" s="167"/>
      <c r="GV34" s="168"/>
      <c r="GW34" s="43"/>
      <c r="GX34" s="202" t="s">
        <v>106</v>
      </c>
      <c r="GY34" s="206" t="str">
        <f>IF(GY9=0,GL34,IF(GY11/GY9&lt;8/28,"×","○"))</f>
        <v>×</v>
      </c>
      <c r="GZ34" s="9"/>
      <c r="HA34" s="17"/>
      <c r="HB34" s="102" t="str">
        <f t="shared" si="16"/>
        <v/>
      </c>
      <c r="HC34" s="15" t="str">
        <f>IF(HC33="","",IF(HC33='（参考）【別紙２】'!$E$35,"",IF(MONTH(HC33)=MONTH(HC33+1),HC33+1,"")))</f>
        <v/>
      </c>
      <c r="HD34" s="13" t="str">
        <f>IF(COUNTIF(祝日一覧!$E$2:$E$142,HC34),"○",IF(HG34&lt;&gt;"","○",""))</f>
        <v/>
      </c>
      <c r="HE34" s="26"/>
      <c r="HF34" s="45" t="str">
        <f t="shared" si="93"/>
        <v/>
      </c>
      <c r="HG34" s="45"/>
      <c r="HH34" s="167"/>
      <c r="HI34" s="168"/>
      <c r="HJ34" s="43"/>
      <c r="HK34" s="202" t="s">
        <v>106</v>
      </c>
      <c r="HL34" s="206" t="str">
        <f>IF(HL9=0,GY34,IF(HL11/HL9&lt;8/28,"×","○"))</f>
        <v>×</v>
      </c>
      <c r="HM34" s="9"/>
      <c r="HN34" s="17"/>
      <c r="HO34" s="102" t="str">
        <f t="shared" si="17"/>
        <v/>
      </c>
      <c r="HP34" s="15" t="str">
        <f>IF(HP33="","",IF(HP33='（参考）【別紙２】'!$E$35,"",IF(MONTH(HP33)=MONTH(HP33+1),HP33+1,"")))</f>
        <v/>
      </c>
      <c r="HQ34" s="13" t="str">
        <f>IF(COUNTIF(祝日一覧!$E$2:$E$142,HP34),"○",IF(HT34&lt;&gt;"","○",""))</f>
        <v/>
      </c>
      <c r="HR34" s="25"/>
      <c r="HS34" s="45" t="str">
        <f t="shared" si="94"/>
        <v/>
      </c>
      <c r="HT34" s="45"/>
      <c r="HU34" s="167"/>
      <c r="HV34" s="168"/>
      <c r="HW34" s="43"/>
      <c r="HX34" s="202" t="s">
        <v>106</v>
      </c>
      <c r="HY34" s="206" t="str">
        <f>IF(HY9=0,HL34,IF(HY11/HY9&lt;8/28,"×","○"))</f>
        <v>×</v>
      </c>
      <c r="HZ34" s="9"/>
      <c r="IA34" s="17"/>
      <c r="IB34" s="102" t="str">
        <f t="shared" si="18"/>
        <v/>
      </c>
      <c r="IC34" s="15" t="str">
        <f>IF(IC33="","",IF(IC33='（参考）【別紙２】'!$E$35,"",IF(MONTH(IC33)=MONTH(IC33+1),IC33+1,"")))</f>
        <v/>
      </c>
      <c r="ID34" s="13" t="str">
        <f>IF(COUNTIF(祝日一覧!$E$2:$E$142,IC34),"○",IF(IG34&lt;&gt;"","○",""))</f>
        <v/>
      </c>
      <c r="IE34" s="25"/>
      <c r="IF34" s="45" t="str">
        <f t="shared" si="95"/>
        <v/>
      </c>
      <c r="IG34" s="45"/>
      <c r="IH34" s="167"/>
      <c r="II34" s="168"/>
      <c r="IJ34" s="43"/>
      <c r="IK34" s="202" t="s">
        <v>106</v>
      </c>
      <c r="IL34" s="206" t="str">
        <f>IF(IL9=0,HY34,IF(IL11/IL9&lt;8/28,"×","○"))</f>
        <v>×</v>
      </c>
      <c r="IM34" s="9"/>
      <c r="IN34" s="17"/>
      <c r="IO34" s="102" t="str">
        <f t="shared" si="19"/>
        <v/>
      </c>
      <c r="IP34" s="15" t="str">
        <f>IF(IP33="","",IF(IP33='（参考）【別紙２】'!$E$35,"",IF(MONTH(IP33)=MONTH(IP33+1),IP33+1,"")))</f>
        <v/>
      </c>
      <c r="IQ34" s="13" t="str">
        <f>IF(COUNTIF(祝日一覧!$E$2:$E$142,IP34),"○",IF(IT34&lt;&gt;"","○",""))</f>
        <v/>
      </c>
      <c r="IR34" s="25"/>
      <c r="IS34" s="45" t="str">
        <f t="shared" si="96"/>
        <v/>
      </c>
      <c r="IT34" s="45"/>
      <c r="IU34" s="167"/>
      <c r="IV34" s="168"/>
      <c r="IW34" s="43"/>
      <c r="IX34" s="202" t="s">
        <v>106</v>
      </c>
      <c r="IY34" s="206" t="str">
        <f>IF(IY9=0,IL34,IF(IY11/IY9&lt;8/28,"×","○"))</f>
        <v>×</v>
      </c>
      <c r="IZ34" s="9"/>
      <c r="JA34" s="17"/>
      <c r="JB34" s="102" t="str">
        <f t="shared" si="20"/>
        <v/>
      </c>
      <c r="JC34" s="15" t="str">
        <f>IF(JC33="","",IF(JC33='（参考）【別紙２】'!$E$35,"",IF(MONTH(JC33)=MONTH(JC33+1),JC33+1,"")))</f>
        <v/>
      </c>
      <c r="JD34" s="13" t="str">
        <f>IF(COUNTIF(祝日一覧!$E$2:$E$142,JC34),"○",IF(JG34&lt;&gt;"","○",""))</f>
        <v/>
      </c>
      <c r="JE34" s="25"/>
      <c r="JF34" s="45" t="str">
        <f t="shared" si="97"/>
        <v/>
      </c>
      <c r="JG34" s="45"/>
      <c r="JH34" s="167"/>
      <c r="JI34" s="168"/>
      <c r="JJ34" s="43"/>
      <c r="JK34" s="202" t="s">
        <v>106</v>
      </c>
      <c r="JL34" s="206" t="str">
        <f>IF(JL9=0,IY34,IF(JL11/JL9&lt;8/28,"×","○"))</f>
        <v>×</v>
      </c>
      <c r="JM34" s="9"/>
      <c r="JN34" s="17"/>
      <c r="JO34" s="102" t="str">
        <f t="shared" si="21"/>
        <v/>
      </c>
      <c r="JP34" s="15" t="str">
        <f>IF(JP33="","",IF(JP33='（参考）【別紙２】'!$E$35,"",IF(MONTH(JP33)=MONTH(JP33+1),JP33+1,"")))</f>
        <v/>
      </c>
      <c r="JQ34" s="13" t="str">
        <f>IF(COUNTIF(祝日一覧!$E$2:$E$142,JP34),"○",IF(JT34&lt;&gt;"","○",""))</f>
        <v/>
      </c>
      <c r="JR34" s="25"/>
      <c r="JS34" s="45" t="str">
        <f t="shared" si="98"/>
        <v/>
      </c>
      <c r="JT34" s="45"/>
      <c r="JU34" s="167"/>
      <c r="JV34" s="168"/>
      <c r="JW34" s="43"/>
      <c r="JX34" s="202" t="s">
        <v>106</v>
      </c>
      <c r="JY34" s="206" t="str">
        <f>IF(JY9=0,JL34,IF(JY11/JY9&lt;8/28,"×","○"))</f>
        <v>×</v>
      </c>
      <c r="JZ34" s="9"/>
      <c r="KA34" s="17"/>
      <c r="KB34" s="102" t="str">
        <f t="shared" si="22"/>
        <v/>
      </c>
      <c r="KC34" s="15" t="str">
        <f>IF(KC33="","",IF(KC33='（参考）【別紙２】'!$E$35,"",IF(MONTH(KC33)=MONTH(KC33+1),KC33+1,"")))</f>
        <v/>
      </c>
      <c r="KD34" s="13" t="str">
        <f>IF(COUNTIF(祝日一覧!$E$2:$E$142,KC34),"○",IF(KG34&lt;&gt;"","○",""))</f>
        <v/>
      </c>
      <c r="KE34" s="25"/>
      <c r="KF34" s="45" t="str">
        <f t="shared" si="99"/>
        <v/>
      </c>
      <c r="KG34" s="45"/>
      <c r="KH34" s="167"/>
      <c r="KI34" s="168"/>
      <c r="KJ34" s="43"/>
      <c r="KK34" s="202" t="s">
        <v>106</v>
      </c>
      <c r="KL34" s="206" t="str">
        <f>IF(KL9=0,JY34,IF(KL11/KL9&lt;8/28,"×","○"))</f>
        <v>×</v>
      </c>
      <c r="KM34" s="9"/>
      <c r="KN34" s="17"/>
      <c r="KO34" s="102" t="str">
        <f t="shared" si="23"/>
        <v/>
      </c>
      <c r="KP34" s="15" t="str">
        <f>IF(KP33="","",IF(KP33='（参考）【別紙２】'!$E$35,"",IF(MONTH(KP33)=MONTH(KP33+1),KP33+1,"")))</f>
        <v/>
      </c>
      <c r="KQ34" s="13" t="str">
        <f>IF(COUNTIF(祝日一覧!$E$2:$E$142,KP34),"○",IF(KT34&lt;&gt;"","○",""))</f>
        <v/>
      </c>
      <c r="KR34" s="25"/>
      <c r="KS34" s="45" t="str">
        <f t="shared" si="100"/>
        <v/>
      </c>
      <c r="KT34" s="45"/>
      <c r="KU34" s="167"/>
      <c r="KV34" s="168"/>
      <c r="KW34" s="43"/>
      <c r="KX34" s="202" t="s">
        <v>106</v>
      </c>
      <c r="KY34" s="206" t="str">
        <f>IF(KY9=0,KL34,IF(KY11/KY9&lt;8/28,"×","○"))</f>
        <v>×</v>
      </c>
      <c r="KZ34" s="9"/>
      <c r="LA34" s="17"/>
      <c r="LB34" s="102" t="str">
        <f t="shared" si="24"/>
        <v/>
      </c>
      <c r="LC34" s="15" t="str">
        <f>IF(LC33="","",IF(LC33='（参考）【別紙２】'!$E$35,"",IF(MONTH(LC33)=MONTH(LC33+1),LC33+1,"")))</f>
        <v/>
      </c>
      <c r="LD34" s="13" t="str">
        <f>IF(COUNTIF(祝日一覧!$E$2:$E$142,LC34),"○",IF(LG34&lt;&gt;"","○",""))</f>
        <v/>
      </c>
      <c r="LE34" s="25"/>
      <c r="LF34" s="45" t="str">
        <f t="shared" si="101"/>
        <v/>
      </c>
      <c r="LG34" s="45"/>
      <c r="LH34" s="167"/>
      <c r="LI34" s="168"/>
      <c r="LJ34" s="43"/>
      <c r="LK34" s="202" t="s">
        <v>106</v>
      </c>
      <c r="LL34" s="206" t="str">
        <f>IF(LL9=0,KY34,IF(LL11/LL9&lt;8/28,"×","○"))</f>
        <v>×</v>
      </c>
      <c r="LM34" s="9"/>
      <c r="LN34" s="17"/>
      <c r="LO34" s="102" t="str">
        <f t="shared" si="25"/>
        <v/>
      </c>
      <c r="LP34" s="15" t="str">
        <f>IF(LP33="","",IF(LP33='（参考）【別紙２】'!$E$35,"",IF(MONTH(LP33)=MONTH(LP33+1),LP33+1,"")))</f>
        <v/>
      </c>
      <c r="LQ34" s="13" t="str">
        <f>IF(COUNTIF(祝日一覧!$E$2:$E$142,LP34),"○",IF(LT34&lt;&gt;"","○",""))</f>
        <v/>
      </c>
      <c r="LR34" s="25"/>
      <c r="LS34" s="45" t="str">
        <f t="shared" si="102"/>
        <v/>
      </c>
      <c r="LT34" s="45"/>
      <c r="LU34" s="167"/>
      <c r="LV34" s="168"/>
      <c r="LW34" s="43"/>
      <c r="LX34" s="202" t="s">
        <v>106</v>
      </c>
      <c r="LY34" s="206" t="str">
        <f>IF(LY9=0,LL34,IF(LY11/LY9&lt;8/28,"×","○"))</f>
        <v>×</v>
      </c>
      <c r="LZ34" s="9"/>
      <c r="MA34" s="17"/>
      <c r="MB34" s="102" t="str">
        <f t="shared" si="26"/>
        <v/>
      </c>
      <c r="MC34" s="15" t="str">
        <f>IF(MC33="","",IF(MC33='（参考）【別紙２】'!$E$35,"",IF(MONTH(MC33)=MONTH(MC33+1),MC33+1,"")))</f>
        <v/>
      </c>
      <c r="MD34" s="13" t="str">
        <f>IF(COUNTIF(祝日一覧!$E$2:$E$142,MC34),"○",IF(MG34&lt;&gt;"","○",""))</f>
        <v/>
      </c>
      <c r="ME34" s="25"/>
      <c r="MF34" s="45" t="str">
        <f t="shared" si="103"/>
        <v/>
      </c>
      <c r="MG34" s="45"/>
      <c r="MH34" s="167"/>
      <c r="MI34" s="168"/>
      <c r="MJ34" s="43"/>
      <c r="MK34" s="202" t="s">
        <v>106</v>
      </c>
      <c r="ML34" s="206" t="str">
        <f>IF(ML9=0,LY34,IF(ML11/ML9&lt;8/28,"×","○"))</f>
        <v>×</v>
      </c>
      <c r="MM34" s="9"/>
      <c r="MN34" s="17"/>
      <c r="MO34" s="102" t="str">
        <f t="shared" si="27"/>
        <v/>
      </c>
      <c r="MP34" s="15" t="str">
        <f>IF(MP33="","",IF(MP33='（参考）【別紙２】'!$E$35,"",IF(MONTH(MP33)=MONTH(MP33+1),MP33+1,"")))</f>
        <v/>
      </c>
      <c r="MQ34" s="13" t="str">
        <f>IF(COUNTIF(祝日一覧!$E$2:$E$142,MP34),"○",IF(MT34&lt;&gt;"","○",""))</f>
        <v/>
      </c>
      <c r="MR34" s="25"/>
      <c r="MS34" s="45" t="str">
        <f t="shared" si="104"/>
        <v/>
      </c>
      <c r="MT34" s="45"/>
      <c r="MU34" s="167"/>
      <c r="MV34" s="168"/>
      <c r="MW34" s="43"/>
      <c r="MX34" s="202" t="s">
        <v>106</v>
      </c>
      <c r="MY34" s="206" t="str">
        <f>IF(MY9=0,ML34,IF(MY11/MY9&lt;8/28,"×","○"))</f>
        <v>×</v>
      </c>
      <c r="MZ34" s="9"/>
      <c r="NA34" s="17"/>
      <c r="NB34" s="102" t="str">
        <f t="shared" si="28"/>
        <v/>
      </c>
      <c r="NC34" s="15" t="str">
        <f>IF(NC33="","",IF(NC33='（参考）【別紙２】'!$E$35,"",IF(MONTH(NC33)=MONTH(NC33+1),NC33+1,"")))</f>
        <v/>
      </c>
      <c r="ND34" s="13" t="str">
        <f>IF(COUNTIF(祝日一覧!$E$2:$E$142,NC34),"○",IF(NG34&lt;&gt;"","○",""))</f>
        <v/>
      </c>
      <c r="NE34" s="25"/>
      <c r="NF34" s="45" t="str">
        <f t="shared" si="105"/>
        <v/>
      </c>
      <c r="NG34" s="45"/>
      <c r="NH34" s="167"/>
      <c r="NI34" s="168"/>
      <c r="NJ34" s="43"/>
      <c r="NK34" s="202" t="s">
        <v>106</v>
      </c>
      <c r="NL34" s="206" t="str">
        <f>IF(NL9=0,MY34,IF(NL11/NL9&lt;8/28,"×","○"))</f>
        <v>×</v>
      </c>
      <c r="NM34" s="9"/>
      <c r="NN34" s="17"/>
      <c r="NO34" s="102" t="str">
        <f t="shared" si="29"/>
        <v/>
      </c>
      <c r="NP34" s="15" t="str">
        <f>IF(NP33="","",IF(NP33='（参考）【別紙２】'!$E$35,"",IF(MONTH(NP33)=MONTH(NP33+1),NP33+1,"")))</f>
        <v/>
      </c>
      <c r="NQ34" s="13" t="str">
        <f>IF(COUNTIF(祝日一覧!$E$2:$E$142,NP34),"○",IF(NT34&lt;&gt;"","○",""))</f>
        <v/>
      </c>
      <c r="NR34" s="25"/>
      <c r="NS34" s="45" t="str">
        <f t="shared" si="106"/>
        <v/>
      </c>
      <c r="NT34" s="45"/>
      <c r="NU34" s="167"/>
      <c r="NV34" s="168"/>
      <c r="NW34" s="43"/>
      <c r="NX34" s="202" t="s">
        <v>106</v>
      </c>
      <c r="NY34" s="206" t="str">
        <f>IF(NY9=0,NL34,IF(NY11/NY9&lt;8/28,"×","○"))</f>
        <v>×</v>
      </c>
      <c r="NZ34" s="9"/>
      <c r="OA34" s="17"/>
      <c r="OB34" s="102" t="str">
        <f t="shared" si="30"/>
        <v/>
      </c>
      <c r="OC34" s="15" t="str">
        <f>IF(OC33="","",IF(OC33='（参考）【別紙２】'!$E$35,"",IF(MONTH(OC33)=MONTH(OC33+1),OC33+1,"")))</f>
        <v/>
      </c>
      <c r="OD34" s="13" t="str">
        <f>IF(COUNTIF(祝日一覧!$E$2:$E$142,OC34),"○",IF(OG34&lt;&gt;"","○",""))</f>
        <v/>
      </c>
      <c r="OE34" s="25"/>
      <c r="OF34" s="45" t="str">
        <f t="shared" si="107"/>
        <v/>
      </c>
      <c r="OG34" s="45"/>
      <c r="OH34" s="167"/>
      <c r="OI34" s="168"/>
      <c r="OJ34" s="43"/>
      <c r="OK34" s="202" t="s">
        <v>106</v>
      </c>
      <c r="OL34" s="206" t="str">
        <f>IF(OL9=0,NY34,IF(OL11/OL9&lt;8/28,"×","○"))</f>
        <v>×</v>
      </c>
      <c r="OM34" s="9"/>
      <c r="ON34" s="17"/>
      <c r="OO34" s="102" t="str">
        <f t="shared" si="31"/>
        <v/>
      </c>
      <c r="OP34" s="15" t="str">
        <f>IF(OP33="","",IF(OP33='（参考）【別紙２】'!$E$35,"",IF(MONTH(OP33)=MONTH(OP33+1),OP33+1,"")))</f>
        <v/>
      </c>
      <c r="OQ34" s="13" t="str">
        <f>IF(COUNTIF(祝日一覧!$E$2:$E$142,OP34),"○",IF(OT34&lt;&gt;"","○",""))</f>
        <v/>
      </c>
      <c r="OR34" s="25"/>
      <c r="OS34" s="45" t="str">
        <f t="shared" si="108"/>
        <v/>
      </c>
      <c r="OT34" s="45"/>
      <c r="OU34" s="167"/>
      <c r="OV34" s="168"/>
      <c r="OW34" s="43"/>
      <c r="OX34" s="202" t="s">
        <v>106</v>
      </c>
      <c r="OY34" s="206" t="str">
        <f>IF(OY9=0,OL34,IF(OY11/OY9&lt;8/28,"×","○"))</f>
        <v>×</v>
      </c>
      <c r="OZ34" s="9"/>
      <c r="PA34" s="17"/>
      <c r="PB34" s="102" t="str">
        <f t="shared" si="32"/>
        <v/>
      </c>
      <c r="PC34" s="15" t="str">
        <f>IF(PC33="","",IF(PC33='（参考）【別紙２】'!$E$35,"",IF(MONTH(PC33)=MONTH(PC33+1),PC33+1,"")))</f>
        <v/>
      </c>
      <c r="PD34" s="13" t="str">
        <f>IF(COUNTIF(祝日一覧!$E$2:$E$142,PC34),"○",IF(PG34&lt;&gt;"","○",""))</f>
        <v/>
      </c>
      <c r="PE34" s="25"/>
      <c r="PF34" s="45" t="str">
        <f t="shared" si="109"/>
        <v/>
      </c>
      <c r="PG34" s="45"/>
      <c r="PH34" s="167"/>
      <c r="PI34" s="168"/>
      <c r="PJ34" s="43"/>
      <c r="PK34" s="202" t="s">
        <v>106</v>
      </c>
      <c r="PL34" s="206" t="str">
        <f>IF(PL9=0,OY34,IF(PL11/PL9&lt;8/28,"×","○"))</f>
        <v>×</v>
      </c>
      <c r="PM34" s="9"/>
      <c r="PN34" s="17"/>
      <c r="PO34" s="102" t="str">
        <f t="shared" si="33"/>
        <v/>
      </c>
      <c r="PP34" s="15" t="str">
        <f>IF(PP33="","",IF(PP33='（参考）【別紙２】'!$E$35,"",IF(MONTH(PP33)=MONTH(PP33+1),PP33+1,"")))</f>
        <v/>
      </c>
      <c r="PQ34" s="13" t="str">
        <f>IF(COUNTIF(祝日一覧!$E$2:$E$142,PP34),"○",IF(PT34&lt;&gt;"","○",""))</f>
        <v/>
      </c>
      <c r="PR34" s="25"/>
      <c r="PS34" s="45" t="str">
        <f t="shared" si="110"/>
        <v/>
      </c>
      <c r="PT34" s="45"/>
      <c r="PU34" s="167"/>
      <c r="PV34" s="168"/>
      <c r="PW34" s="43"/>
      <c r="PX34" s="202" t="s">
        <v>106</v>
      </c>
      <c r="PY34" s="206" t="str">
        <f>IF(PY9=0,PL34,IF(PY11/PY9&lt;8/28,"×","○"))</f>
        <v>×</v>
      </c>
      <c r="PZ34" s="9"/>
      <c r="QA34" s="17"/>
      <c r="QB34" s="102" t="str">
        <f t="shared" si="34"/>
        <v/>
      </c>
      <c r="QC34" s="15" t="str">
        <f>IF(QC33="","",IF(QC33='（参考）【別紙２】'!$E$35,"",IF(MONTH(QC33)=MONTH(QC33+1),QC33+1,"")))</f>
        <v/>
      </c>
      <c r="QD34" s="13" t="str">
        <f>IF(COUNTIF(祝日一覧!$E$2:$E$142,QC34),"○",IF(QG34&lt;&gt;"","○",""))</f>
        <v/>
      </c>
      <c r="QE34" s="25"/>
      <c r="QF34" s="45" t="str">
        <f t="shared" si="111"/>
        <v/>
      </c>
      <c r="QG34" s="45"/>
      <c r="QH34" s="167"/>
      <c r="QI34" s="168"/>
      <c r="QJ34" s="43"/>
      <c r="QK34" s="202" t="s">
        <v>106</v>
      </c>
      <c r="QL34" s="206" t="str">
        <f>IF(QL9=0,PY34,IF(QL11/QL9&lt;8/28,"×","○"))</f>
        <v>×</v>
      </c>
      <c r="QM34" s="9"/>
      <c r="QN34" s="17"/>
      <c r="QO34" s="102" t="str">
        <f t="shared" si="35"/>
        <v/>
      </c>
      <c r="QP34" s="15" t="str">
        <f>IF(QP33="","",IF(QP33='（参考）【別紙２】'!$E$35,"",IF(MONTH(QP33)=MONTH(QP33+1),QP33+1,"")))</f>
        <v/>
      </c>
      <c r="QQ34" s="13" t="str">
        <f>IF(COUNTIF(祝日一覧!$E$2:$E$142,QP34),"○",IF(QT34&lt;&gt;"","○",""))</f>
        <v/>
      </c>
      <c r="QR34" s="25"/>
      <c r="QS34" s="45" t="str">
        <f t="shared" si="112"/>
        <v/>
      </c>
      <c r="QT34" s="45"/>
      <c r="QU34" s="167"/>
      <c r="QV34" s="168"/>
      <c r="QW34" s="43"/>
      <c r="QX34" s="202" t="s">
        <v>106</v>
      </c>
      <c r="QY34" s="206" t="str">
        <f>IF(QY9=0,QL34,IF(QY11/QY9&lt;8/28,"×","○"))</f>
        <v>×</v>
      </c>
      <c r="QZ34" s="9"/>
      <c r="RA34" s="17"/>
      <c r="RB34" s="102" t="str">
        <f t="shared" si="36"/>
        <v/>
      </c>
      <c r="RC34" s="15" t="str">
        <f>IF(RC33="","",IF(RC33='（参考）【別紙２】'!$E$35,"",IF(MONTH(RC33)=MONTH(RC33+1),RC33+1,"")))</f>
        <v/>
      </c>
      <c r="RD34" s="13" t="str">
        <f>IF(COUNTIF(祝日一覧!$E$2:$E$142,RC34),"○",IF(RG34&lt;&gt;"","○",""))</f>
        <v/>
      </c>
      <c r="RE34" s="25"/>
      <c r="RF34" s="45" t="str">
        <f t="shared" si="113"/>
        <v/>
      </c>
      <c r="RG34" s="45"/>
      <c r="RH34" s="167"/>
      <c r="RI34" s="168"/>
      <c r="RJ34" s="43"/>
      <c r="RK34" s="202" t="s">
        <v>106</v>
      </c>
      <c r="RL34" s="206" t="str">
        <f>IF(RL9=0,QY34,IF(RL11/RL9&lt;8/28,"×","○"))</f>
        <v>×</v>
      </c>
      <c r="RM34" s="9"/>
      <c r="RN34" s="17"/>
      <c r="RO34" s="102" t="str">
        <f t="shared" si="37"/>
        <v/>
      </c>
      <c r="RP34" s="15" t="str">
        <f>IF(RP33="","",IF(RP33='（参考）【別紙２】'!$E$35,"",IF(MONTH(RP33)=MONTH(RP33+1),RP33+1,"")))</f>
        <v/>
      </c>
      <c r="RQ34" s="13" t="str">
        <f>IF(COUNTIF(祝日一覧!$E$2:$E$142,RP34),"○",IF(RT34&lt;&gt;"","○",""))</f>
        <v/>
      </c>
      <c r="RR34" s="25"/>
      <c r="RS34" s="45" t="str">
        <f t="shared" si="114"/>
        <v/>
      </c>
      <c r="RT34" s="45"/>
      <c r="RU34" s="167"/>
      <c r="RV34" s="168"/>
      <c r="RW34" s="43"/>
      <c r="RX34" s="202" t="s">
        <v>106</v>
      </c>
      <c r="RY34" s="206" t="str">
        <f>IF(RY9=0,RL34,IF(RY11/RY9&lt;8/28,"×","○"))</f>
        <v>×</v>
      </c>
      <c r="RZ34" s="9"/>
      <c r="SA34" s="17"/>
      <c r="SB34" s="102" t="str">
        <f t="shared" si="38"/>
        <v/>
      </c>
      <c r="SC34" s="15" t="str">
        <f>IF(SC33="","",IF(SC33='（参考）【別紙２】'!$E$35,"",IF(MONTH(SC33)=MONTH(SC33+1),SC33+1,"")))</f>
        <v/>
      </c>
      <c r="SD34" s="13" t="str">
        <f>IF(COUNTIF(祝日一覧!$E$2:$E$142,SC34),"○",IF(SG34&lt;&gt;"","○",""))</f>
        <v/>
      </c>
      <c r="SE34" s="25"/>
      <c r="SF34" s="45" t="str">
        <f t="shared" si="115"/>
        <v/>
      </c>
      <c r="SG34" s="45"/>
      <c r="SH34" s="167"/>
      <c r="SI34" s="168"/>
      <c r="SJ34" s="43"/>
      <c r="SK34" s="202" t="s">
        <v>106</v>
      </c>
      <c r="SL34" s="206" t="str">
        <f>IF(SL9=0,RY34,IF(SL11/SL9&lt;8/28,"×","○"))</f>
        <v>×</v>
      </c>
      <c r="SM34" s="9"/>
    </row>
    <row r="35" spans="1:507" ht="15.6" customHeight="1">
      <c r="A35" s="17"/>
      <c r="B35" s="102" t="str">
        <f t="shared" si="0"/>
        <v>日</v>
      </c>
      <c r="C35" s="15">
        <f>IF(C34="","",IF(C34='（参考）【別紙２】'!$E$35,"",IF(MONTH(C34)=MONTH(C34+1),C34+1,"")))</f>
        <v>45774</v>
      </c>
      <c r="D35" s="13" t="str">
        <f>IF(COUNTIF(祝日一覧!$E$2:$E$142,C35),"○",IF(G35&lt;&gt;"","○",""))</f>
        <v/>
      </c>
      <c r="E35" s="26"/>
      <c r="F35" s="45" t="str">
        <f t="shared" si="39"/>
        <v>○</v>
      </c>
      <c r="G35" s="45"/>
      <c r="H35" s="167"/>
      <c r="I35" s="168"/>
      <c r="J35" s="42"/>
      <c r="K35" s="208"/>
      <c r="L35" s="210"/>
      <c r="M35" s="18"/>
      <c r="N35" s="17"/>
      <c r="O35" s="102" t="str">
        <f t="shared" si="1"/>
        <v>火</v>
      </c>
      <c r="P35" s="15">
        <f>IF(P34="","",IF(P34='（参考）【別紙２】'!$E$35,"",IF(MONTH(P34)=MONTH(P34+1),P34+1,"")))</f>
        <v>45804</v>
      </c>
      <c r="Q35" s="13" t="str">
        <f>IF(COUNTIF(祝日一覧!$E$2:$E$142,P35),"○",IF(T35&lt;&gt;"","○",""))</f>
        <v/>
      </c>
      <c r="R35" s="26"/>
      <c r="S35" s="45" t="str">
        <f t="shared" si="78"/>
        <v/>
      </c>
      <c r="T35" s="45"/>
      <c r="U35" s="167"/>
      <c r="V35" s="168"/>
      <c r="W35" s="43"/>
      <c r="X35" s="202"/>
      <c r="Y35" s="206"/>
      <c r="Z35" s="9"/>
      <c r="AA35" s="17"/>
      <c r="AB35" s="102" t="str">
        <f t="shared" si="2"/>
        <v>金</v>
      </c>
      <c r="AC35" s="15">
        <f>IF(AC34="","",IF(AC34='（参考）【別紙２】'!$E$35,"",IF(MONTH(AC34)=MONTH(AC34+1),AC34+1,"")))</f>
        <v>45835</v>
      </c>
      <c r="AD35" s="13" t="str">
        <f>IF(COUNTIF(祝日一覧!$E$2:$E$142,AC35),"○",IF(AG35&lt;&gt;"","○",""))</f>
        <v/>
      </c>
      <c r="AE35" s="26"/>
      <c r="AF35" s="45" t="str">
        <f t="shared" si="79"/>
        <v/>
      </c>
      <c r="AG35" s="45"/>
      <c r="AH35" s="167"/>
      <c r="AI35" s="168"/>
      <c r="AJ35" s="43"/>
      <c r="AK35" s="205"/>
      <c r="AL35" s="206"/>
      <c r="AM35" s="9"/>
      <c r="AN35" s="17"/>
      <c r="AO35" s="102" t="str">
        <f t="shared" si="3"/>
        <v>日</v>
      </c>
      <c r="AP35" s="15">
        <f>IF(AP34="","",IF(AP34='（参考）【別紙２】'!$E$35,"",IF(MONTH(AP34)=MONTH(AP34+1),AP34+1,"")))</f>
        <v>45865</v>
      </c>
      <c r="AQ35" s="13" t="str">
        <f>IF(COUNTIF(祝日一覧!$E$2:$E$142,AP35),"○",IF(AT35&lt;&gt;"","○",""))</f>
        <v/>
      </c>
      <c r="AR35" s="26"/>
      <c r="AS35" s="45" t="str">
        <f t="shared" si="80"/>
        <v>○</v>
      </c>
      <c r="AT35" s="45"/>
      <c r="AU35" s="167"/>
      <c r="AV35" s="168"/>
      <c r="AW35" s="43"/>
      <c r="AX35" s="205"/>
      <c r="AY35" s="206"/>
      <c r="AZ35" s="9"/>
      <c r="BA35" s="17"/>
      <c r="BB35" s="102" t="str">
        <f t="shared" si="4"/>
        <v>水</v>
      </c>
      <c r="BC35" s="15">
        <f>IF(BC34="","",IF(BC34='（参考）【別紙２】'!$E$35,"",IF(MONTH(BC34)=MONTH(BC34+1),BC34+1,"")))</f>
        <v>45896</v>
      </c>
      <c r="BD35" s="13" t="str">
        <f>IF(COUNTIF(祝日一覧!$E$2:$E$142,BC35),"○",IF(BG35&lt;&gt;"","○",""))</f>
        <v/>
      </c>
      <c r="BE35" s="26"/>
      <c r="BF35" s="45" t="str">
        <f t="shared" si="81"/>
        <v/>
      </c>
      <c r="BG35" s="45"/>
      <c r="BH35" s="167"/>
      <c r="BI35" s="168"/>
      <c r="BJ35" s="43"/>
      <c r="BK35" s="205"/>
      <c r="BL35" s="206"/>
      <c r="BM35" s="9"/>
      <c r="BN35" s="17"/>
      <c r="BO35" s="102" t="str">
        <f t="shared" si="5"/>
        <v/>
      </c>
      <c r="BP35" s="15" t="str">
        <f>IF(BP34="","",IF(BP34='（参考）【別紙２】'!$E$35,"",IF(MONTH(BP34)=MONTH(BP34+1),BP34+1,"")))</f>
        <v/>
      </c>
      <c r="BQ35" s="13" t="str">
        <f>IF(COUNTIF(祝日一覧!$E$2:$E$142,BP35),"○",IF(BT35&lt;&gt;"","○",""))</f>
        <v/>
      </c>
      <c r="BR35" s="26"/>
      <c r="BS35" s="45" t="str">
        <f t="shared" si="82"/>
        <v/>
      </c>
      <c r="BT35" s="45"/>
      <c r="BU35" s="167"/>
      <c r="BV35" s="168"/>
      <c r="BW35" s="43"/>
      <c r="BX35" s="205"/>
      <c r="BY35" s="206"/>
      <c r="BZ35" s="9"/>
      <c r="CA35" s="17"/>
      <c r="CB35" s="102" t="str">
        <f t="shared" si="6"/>
        <v/>
      </c>
      <c r="CC35" s="15" t="str">
        <f>IF(CC34="","",IF(CC34='（参考）【別紙２】'!$E$35,"",IF(MONTH(CC34)=MONTH(CC34+1),CC34+1,"")))</f>
        <v/>
      </c>
      <c r="CD35" s="13" t="str">
        <f>IF(COUNTIF(祝日一覧!$E$2:$E$142,CC35),"○",IF(CG35&lt;&gt;"","○",""))</f>
        <v/>
      </c>
      <c r="CE35" s="26"/>
      <c r="CF35" s="45" t="str">
        <f t="shared" si="83"/>
        <v/>
      </c>
      <c r="CG35" s="45"/>
      <c r="CH35" s="167"/>
      <c r="CI35" s="168"/>
      <c r="CJ35" s="43"/>
      <c r="CK35" s="205"/>
      <c r="CL35" s="206"/>
      <c r="CM35" s="9"/>
      <c r="CN35" s="17"/>
      <c r="CO35" s="102" t="str">
        <f t="shared" si="7"/>
        <v/>
      </c>
      <c r="CP35" s="15" t="str">
        <f>IF(CP34="","",IF(CP34='（参考）【別紙２】'!$E$35,"",IF(MONTH(CP34)=MONTH(CP34+1),CP34+1,"")))</f>
        <v/>
      </c>
      <c r="CQ35" s="13" t="str">
        <f>IF(COUNTIF(祝日一覧!$E$2:$E$142,CP35),"○",IF(CT35&lt;&gt;"","○",""))</f>
        <v/>
      </c>
      <c r="CR35" s="26"/>
      <c r="CS35" s="45" t="str">
        <f t="shared" si="84"/>
        <v/>
      </c>
      <c r="CT35" s="45"/>
      <c r="CU35" s="167"/>
      <c r="CV35" s="168"/>
      <c r="CW35" s="43"/>
      <c r="CX35" s="205"/>
      <c r="CY35" s="206"/>
      <c r="CZ35" s="9"/>
      <c r="DA35" s="17"/>
      <c r="DB35" s="102" t="str">
        <f t="shared" si="8"/>
        <v/>
      </c>
      <c r="DC35" s="15" t="str">
        <f>IF(DC34="","",IF(DC34='（参考）【別紙２】'!$E$35,"",IF(MONTH(DC34)=MONTH(DC34+1),DC34+1,"")))</f>
        <v/>
      </c>
      <c r="DD35" s="13" t="str">
        <f>IF(COUNTIF(祝日一覧!$E$2:$E$142,DC35),"○",IF(DG35&lt;&gt;"","○",""))</f>
        <v/>
      </c>
      <c r="DE35" s="26"/>
      <c r="DF35" s="45" t="str">
        <f t="shared" si="85"/>
        <v/>
      </c>
      <c r="DG35" s="45"/>
      <c r="DH35" s="167"/>
      <c r="DI35" s="168"/>
      <c r="DJ35" s="43"/>
      <c r="DK35" s="205"/>
      <c r="DL35" s="206"/>
      <c r="DM35" s="9"/>
      <c r="DN35" s="17"/>
      <c r="DO35" s="102" t="str">
        <f t="shared" si="9"/>
        <v/>
      </c>
      <c r="DP35" s="15" t="str">
        <f>IF(DP34="","",IF(DP34='（参考）【別紙２】'!$E$35,"",IF(MONTH(DP34)=MONTH(DP34+1),DP34+1,"")))</f>
        <v/>
      </c>
      <c r="DQ35" s="13" t="str">
        <f>IF(COUNTIF(祝日一覧!$E$2:$E$142,DP35),"○",IF(DT35&lt;&gt;"","○",""))</f>
        <v/>
      </c>
      <c r="DR35" s="26"/>
      <c r="DS35" s="45" t="str">
        <f t="shared" si="86"/>
        <v/>
      </c>
      <c r="DT35" s="45"/>
      <c r="DU35" s="167"/>
      <c r="DV35" s="168"/>
      <c r="DW35" s="43"/>
      <c r="DX35" s="205"/>
      <c r="DY35" s="206"/>
      <c r="DZ35" s="9"/>
      <c r="EA35" s="17"/>
      <c r="EB35" s="102" t="str">
        <f t="shared" si="10"/>
        <v/>
      </c>
      <c r="EC35" s="15" t="str">
        <f>IF(EC34="","",IF(EC34='（参考）【別紙２】'!$E$35,"",IF(MONTH(EC34)=MONTH(EC34+1),EC34+1,"")))</f>
        <v/>
      </c>
      <c r="ED35" s="13" t="str">
        <f>IF(COUNTIF(祝日一覧!$E$2:$E$142,EC35),"○",IF(EG35&lt;&gt;"","○",""))</f>
        <v/>
      </c>
      <c r="EE35" s="26"/>
      <c r="EF35" s="45" t="str">
        <f t="shared" si="87"/>
        <v/>
      </c>
      <c r="EG35" s="45"/>
      <c r="EH35" s="167"/>
      <c r="EI35" s="168"/>
      <c r="EJ35" s="43"/>
      <c r="EK35" s="205"/>
      <c r="EL35" s="206"/>
      <c r="EM35" s="9"/>
      <c r="EN35" s="17"/>
      <c r="EO35" s="102" t="str">
        <f t="shared" si="11"/>
        <v/>
      </c>
      <c r="EP35" s="15" t="str">
        <f>IF(EP34="","",IF(EP34='（参考）【別紙２】'!$E$35,"",IF(MONTH(EP34)=MONTH(EP34+1),EP34+1,"")))</f>
        <v/>
      </c>
      <c r="EQ35" s="13" t="str">
        <f>IF(COUNTIF(祝日一覧!$E$2:$E$142,EP35),"○",IF(ET35&lt;&gt;"","○",""))</f>
        <v/>
      </c>
      <c r="ER35" s="26"/>
      <c r="ES35" s="45" t="str">
        <f t="shared" si="88"/>
        <v/>
      </c>
      <c r="ET35" s="45"/>
      <c r="EU35" s="167"/>
      <c r="EV35" s="168"/>
      <c r="EW35" s="43"/>
      <c r="EX35" s="205"/>
      <c r="EY35" s="206"/>
      <c r="EZ35" s="9"/>
      <c r="FA35" s="17"/>
      <c r="FB35" s="102" t="str">
        <f t="shared" si="12"/>
        <v/>
      </c>
      <c r="FC35" s="15" t="str">
        <f>IF(FC34="","",IF(FC34='（参考）【別紙２】'!$E$35,"",IF(MONTH(FC34)=MONTH(FC34+1),FC34+1,"")))</f>
        <v/>
      </c>
      <c r="FD35" s="13" t="str">
        <f>IF(COUNTIF(祝日一覧!$E$2:$E$142,FC35),"○",IF(FG35&lt;&gt;"","○",""))</f>
        <v/>
      </c>
      <c r="FE35" s="26"/>
      <c r="FF35" s="45" t="str">
        <f t="shared" si="89"/>
        <v/>
      </c>
      <c r="FG35" s="45"/>
      <c r="FH35" s="167"/>
      <c r="FI35" s="168"/>
      <c r="FJ35" s="43"/>
      <c r="FK35" s="205"/>
      <c r="FL35" s="206"/>
      <c r="FM35" s="9"/>
      <c r="FN35" s="17"/>
      <c r="FO35" s="102" t="str">
        <f t="shared" si="13"/>
        <v/>
      </c>
      <c r="FP35" s="15" t="str">
        <f>IF(FP34="","",IF(FP34='（参考）【別紙２】'!$E$35,"",IF(MONTH(FP34)=MONTH(FP34+1),FP34+1,"")))</f>
        <v/>
      </c>
      <c r="FQ35" s="13" t="str">
        <f>IF(COUNTIF(祝日一覧!$E$2:$E$142,FP35),"○",IF(FT35&lt;&gt;"","○",""))</f>
        <v/>
      </c>
      <c r="FR35" s="26"/>
      <c r="FS35" s="45" t="str">
        <f t="shared" si="90"/>
        <v/>
      </c>
      <c r="FT35" s="45"/>
      <c r="FU35" s="167"/>
      <c r="FV35" s="168"/>
      <c r="FW35" s="43"/>
      <c r="FX35" s="205"/>
      <c r="FY35" s="206"/>
      <c r="FZ35" s="9"/>
      <c r="GA35" s="17"/>
      <c r="GB35" s="102" t="str">
        <f t="shared" si="14"/>
        <v/>
      </c>
      <c r="GC35" s="15" t="str">
        <f>IF(GC34="","",IF(GC34='（参考）【別紙２】'!$E$35,"",IF(MONTH(GC34)=MONTH(GC34+1),GC34+1,"")))</f>
        <v/>
      </c>
      <c r="GD35" s="13" t="str">
        <f>IF(COUNTIF(祝日一覧!$E$2:$E$142,GC35),"○",IF(GG35&lt;&gt;"","○",""))</f>
        <v/>
      </c>
      <c r="GE35" s="25"/>
      <c r="GF35" s="45" t="str">
        <f t="shared" si="91"/>
        <v/>
      </c>
      <c r="GG35" s="45"/>
      <c r="GH35" s="167"/>
      <c r="GI35" s="168"/>
      <c r="GJ35" s="43"/>
      <c r="GK35" s="205"/>
      <c r="GL35" s="206"/>
      <c r="GM35" s="9"/>
      <c r="GN35" s="17"/>
      <c r="GO35" s="102" t="str">
        <f t="shared" si="15"/>
        <v/>
      </c>
      <c r="GP35" s="15" t="str">
        <f>IF(GP34="","",IF(GP34='（参考）【別紙２】'!$E$35,"",IF(MONTH(GP34)=MONTH(GP34+1),GP34+1,"")))</f>
        <v/>
      </c>
      <c r="GQ35" s="13" t="str">
        <f>IF(COUNTIF(祝日一覧!$E$2:$E$142,GP35),"○",IF(GT35&lt;&gt;"","○",""))</f>
        <v/>
      </c>
      <c r="GR35" s="25"/>
      <c r="GS35" s="45" t="str">
        <f t="shared" si="92"/>
        <v/>
      </c>
      <c r="GT35" s="45"/>
      <c r="GU35" s="167"/>
      <c r="GV35" s="168"/>
      <c r="GW35" s="43"/>
      <c r="GX35" s="205"/>
      <c r="GY35" s="206"/>
      <c r="GZ35" s="9"/>
      <c r="HA35" s="17"/>
      <c r="HB35" s="102" t="str">
        <f t="shared" si="16"/>
        <v/>
      </c>
      <c r="HC35" s="15" t="str">
        <f>IF(HC34="","",IF(HC34='（参考）【別紙２】'!$E$35,"",IF(MONTH(HC34)=MONTH(HC34+1),HC34+1,"")))</f>
        <v/>
      </c>
      <c r="HD35" s="13" t="str">
        <f>IF(COUNTIF(祝日一覧!$E$2:$E$142,HC35),"○",IF(HG35&lt;&gt;"","○",""))</f>
        <v/>
      </c>
      <c r="HE35" s="26"/>
      <c r="HF35" s="45" t="str">
        <f t="shared" si="93"/>
        <v/>
      </c>
      <c r="HG35" s="45"/>
      <c r="HH35" s="167"/>
      <c r="HI35" s="168"/>
      <c r="HJ35" s="43"/>
      <c r="HK35" s="205"/>
      <c r="HL35" s="206"/>
      <c r="HM35" s="9"/>
      <c r="HN35" s="17"/>
      <c r="HO35" s="102" t="str">
        <f t="shared" si="17"/>
        <v/>
      </c>
      <c r="HP35" s="15" t="str">
        <f>IF(HP34="","",IF(HP34='（参考）【別紙２】'!$E$35,"",IF(MONTH(HP34)=MONTH(HP34+1),HP34+1,"")))</f>
        <v/>
      </c>
      <c r="HQ35" s="13" t="str">
        <f>IF(COUNTIF(祝日一覧!$E$2:$E$142,HP35),"○",IF(HT35&lt;&gt;"","○",""))</f>
        <v/>
      </c>
      <c r="HR35" s="25"/>
      <c r="HS35" s="45" t="str">
        <f t="shared" si="94"/>
        <v/>
      </c>
      <c r="HT35" s="45"/>
      <c r="HU35" s="167"/>
      <c r="HV35" s="168"/>
      <c r="HW35" s="43"/>
      <c r="HX35" s="205"/>
      <c r="HY35" s="206"/>
      <c r="HZ35" s="9"/>
      <c r="IA35" s="17"/>
      <c r="IB35" s="102" t="str">
        <f t="shared" si="18"/>
        <v/>
      </c>
      <c r="IC35" s="15" t="str">
        <f>IF(IC34="","",IF(IC34='（参考）【別紙２】'!$E$35,"",IF(MONTH(IC34)=MONTH(IC34+1),IC34+1,"")))</f>
        <v/>
      </c>
      <c r="ID35" s="13" t="str">
        <f>IF(COUNTIF(祝日一覧!$E$2:$E$142,IC35),"○",IF(IG35&lt;&gt;"","○",""))</f>
        <v/>
      </c>
      <c r="IE35" s="25"/>
      <c r="IF35" s="45" t="str">
        <f t="shared" si="95"/>
        <v/>
      </c>
      <c r="IG35" s="45"/>
      <c r="IH35" s="167"/>
      <c r="II35" s="168"/>
      <c r="IJ35" s="43"/>
      <c r="IK35" s="205"/>
      <c r="IL35" s="206"/>
      <c r="IM35" s="9"/>
      <c r="IN35" s="17"/>
      <c r="IO35" s="102" t="str">
        <f t="shared" si="19"/>
        <v/>
      </c>
      <c r="IP35" s="15" t="str">
        <f>IF(IP34="","",IF(IP34='（参考）【別紙２】'!$E$35,"",IF(MONTH(IP34)=MONTH(IP34+1),IP34+1,"")))</f>
        <v/>
      </c>
      <c r="IQ35" s="13" t="str">
        <f>IF(COUNTIF(祝日一覧!$E$2:$E$142,IP35),"○",IF(IT35&lt;&gt;"","○",""))</f>
        <v/>
      </c>
      <c r="IR35" s="25"/>
      <c r="IS35" s="45" t="str">
        <f t="shared" si="96"/>
        <v/>
      </c>
      <c r="IT35" s="45"/>
      <c r="IU35" s="167"/>
      <c r="IV35" s="168"/>
      <c r="IW35" s="43"/>
      <c r="IX35" s="205"/>
      <c r="IY35" s="206"/>
      <c r="IZ35" s="9"/>
      <c r="JA35" s="17"/>
      <c r="JB35" s="102" t="str">
        <f t="shared" si="20"/>
        <v/>
      </c>
      <c r="JC35" s="15" t="str">
        <f>IF(JC34="","",IF(JC34='（参考）【別紙２】'!$E$35,"",IF(MONTH(JC34)=MONTH(JC34+1),JC34+1,"")))</f>
        <v/>
      </c>
      <c r="JD35" s="13" t="str">
        <f>IF(COUNTIF(祝日一覧!$E$2:$E$142,JC35),"○",IF(JG35&lt;&gt;"","○",""))</f>
        <v/>
      </c>
      <c r="JE35" s="25"/>
      <c r="JF35" s="45" t="str">
        <f t="shared" si="97"/>
        <v/>
      </c>
      <c r="JG35" s="45"/>
      <c r="JH35" s="167"/>
      <c r="JI35" s="168"/>
      <c r="JJ35" s="43"/>
      <c r="JK35" s="205"/>
      <c r="JL35" s="206"/>
      <c r="JM35" s="9"/>
      <c r="JN35" s="17"/>
      <c r="JO35" s="102" t="str">
        <f t="shared" si="21"/>
        <v/>
      </c>
      <c r="JP35" s="15" t="str">
        <f>IF(JP34="","",IF(JP34='（参考）【別紙２】'!$E$35,"",IF(MONTH(JP34)=MONTH(JP34+1),JP34+1,"")))</f>
        <v/>
      </c>
      <c r="JQ35" s="13" t="str">
        <f>IF(COUNTIF(祝日一覧!$E$2:$E$142,JP35),"○",IF(JT35&lt;&gt;"","○",""))</f>
        <v/>
      </c>
      <c r="JR35" s="25"/>
      <c r="JS35" s="45" t="str">
        <f t="shared" si="98"/>
        <v/>
      </c>
      <c r="JT35" s="45"/>
      <c r="JU35" s="167"/>
      <c r="JV35" s="168"/>
      <c r="JW35" s="43"/>
      <c r="JX35" s="205"/>
      <c r="JY35" s="206"/>
      <c r="JZ35" s="9"/>
      <c r="KA35" s="17"/>
      <c r="KB35" s="102" t="str">
        <f t="shared" si="22"/>
        <v/>
      </c>
      <c r="KC35" s="15" t="str">
        <f>IF(KC34="","",IF(KC34='（参考）【別紙２】'!$E$35,"",IF(MONTH(KC34)=MONTH(KC34+1),KC34+1,"")))</f>
        <v/>
      </c>
      <c r="KD35" s="13" t="str">
        <f>IF(COUNTIF(祝日一覧!$E$2:$E$142,KC35),"○",IF(KG35&lt;&gt;"","○",""))</f>
        <v/>
      </c>
      <c r="KE35" s="25"/>
      <c r="KF35" s="45" t="str">
        <f t="shared" si="99"/>
        <v/>
      </c>
      <c r="KG35" s="45"/>
      <c r="KH35" s="167"/>
      <c r="KI35" s="168"/>
      <c r="KJ35" s="43"/>
      <c r="KK35" s="205"/>
      <c r="KL35" s="206"/>
      <c r="KM35" s="9"/>
      <c r="KN35" s="17"/>
      <c r="KO35" s="102" t="str">
        <f t="shared" si="23"/>
        <v/>
      </c>
      <c r="KP35" s="15" t="str">
        <f>IF(KP34="","",IF(KP34='（参考）【別紙２】'!$E$35,"",IF(MONTH(KP34)=MONTH(KP34+1),KP34+1,"")))</f>
        <v/>
      </c>
      <c r="KQ35" s="13" t="str">
        <f>IF(COUNTIF(祝日一覧!$E$2:$E$142,KP35),"○",IF(KT35&lt;&gt;"","○",""))</f>
        <v/>
      </c>
      <c r="KR35" s="25"/>
      <c r="KS35" s="45" t="str">
        <f t="shared" si="100"/>
        <v/>
      </c>
      <c r="KT35" s="45"/>
      <c r="KU35" s="167"/>
      <c r="KV35" s="168"/>
      <c r="KW35" s="43"/>
      <c r="KX35" s="205"/>
      <c r="KY35" s="206"/>
      <c r="KZ35" s="9"/>
      <c r="LA35" s="17"/>
      <c r="LB35" s="102" t="str">
        <f t="shared" si="24"/>
        <v/>
      </c>
      <c r="LC35" s="15" t="str">
        <f>IF(LC34="","",IF(LC34='（参考）【別紙２】'!$E$35,"",IF(MONTH(LC34)=MONTH(LC34+1),LC34+1,"")))</f>
        <v/>
      </c>
      <c r="LD35" s="13" t="str">
        <f>IF(COUNTIF(祝日一覧!$E$2:$E$142,LC35),"○",IF(LG35&lt;&gt;"","○",""))</f>
        <v/>
      </c>
      <c r="LE35" s="25"/>
      <c r="LF35" s="45" t="str">
        <f t="shared" si="101"/>
        <v/>
      </c>
      <c r="LG35" s="45"/>
      <c r="LH35" s="167"/>
      <c r="LI35" s="168"/>
      <c r="LJ35" s="43"/>
      <c r="LK35" s="205"/>
      <c r="LL35" s="206"/>
      <c r="LM35" s="9"/>
      <c r="LN35" s="17"/>
      <c r="LO35" s="102" t="str">
        <f t="shared" si="25"/>
        <v/>
      </c>
      <c r="LP35" s="15" t="str">
        <f>IF(LP34="","",IF(LP34='（参考）【別紙２】'!$E$35,"",IF(MONTH(LP34)=MONTH(LP34+1),LP34+1,"")))</f>
        <v/>
      </c>
      <c r="LQ35" s="13" t="str">
        <f>IF(COUNTIF(祝日一覧!$E$2:$E$142,LP35),"○",IF(LT35&lt;&gt;"","○",""))</f>
        <v/>
      </c>
      <c r="LR35" s="25"/>
      <c r="LS35" s="45" t="str">
        <f t="shared" si="102"/>
        <v/>
      </c>
      <c r="LT35" s="45"/>
      <c r="LU35" s="167"/>
      <c r="LV35" s="168"/>
      <c r="LW35" s="43"/>
      <c r="LX35" s="205"/>
      <c r="LY35" s="206"/>
      <c r="LZ35" s="9"/>
      <c r="MA35" s="17"/>
      <c r="MB35" s="102" t="str">
        <f t="shared" si="26"/>
        <v/>
      </c>
      <c r="MC35" s="15" t="str">
        <f>IF(MC34="","",IF(MC34='（参考）【別紙２】'!$E$35,"",IF(MONTH(MC34)=MONTH(MC34+1),MC34+1,"")))</f>
        <v/>
      </c>
      <c r="MD35" s="13" t="str">
        <f>IF(COUNTIF(祝日一覧!$E$2:$E$142,MC35),"○",IF(MG35&lt;&gt;"","○",""))</f>
        <v/>
      </c>
      <c r="ME35" s="25"/>
      <c r="MF35" s="45" t="str">
        <f t="shared" si="103"/>
        <v/>
      </c>
      <c r="MG35" s="45"/>
      <c r="MH35" s="167"/>
      <c r="MI35" s="168"/>
      <c r="MJ35" s="43"/>
      <c r="MK35" s="205"/>
      <c r="ML35" s="206"/>
      <c r="MM35" s="9"/>
      <c r="MN35" s="17"/>
      <c r="MO35" s="102" t="str">
        <f t="shared" si="27"/>
        <v/>
      </c>
      <c r="MP35" s="15" t="str">
        <f>IF(MP34="","",IF(MP34='（参考）【別紙２】'!$E$35,"",IF(MONTH(MP34)=MONTH(MP34+1),MP34+1,"")))</f>
        <v/>
      </c>
      <c r="MQ35" s="13" t="str">
        <f>IF(COUNTIF(祝日一覧!$E$2:$E$142,MP35),"○",IF(MT35&lt;&gt;"","○",""))</f>
        <v/>
      </c>
      <c r="MR35" s="25"/>
      <c r="MS35" s="45" t="str">
        <f t="shared" si="104"/>
        <v/>
      </c>
      <c r="MT35" s="45"/>
      <c r="MU35" s="167"/>
      <c r="MV35" s="168"/>
      <c r="MW35" s="43"/>
      <c r="MX35" s="205"/>
      <c r="MY35" s="206"/>
      <c r="MZ35" s="9"/>
      <c r="NA35" s="17"/>
      <c r="NB35" s="102" t="str">
        <f t="shared" si="28"/>
        <v/>
      </c>
      <c r="NC35" s="15" t="str">
        <f>IF(NC34="","",IF(NC34='（参考）【別紙２】'!$E$35,"",IF(MONTH(NC34)=MONTH(NC34+1),NC34+1,"")))</f>
        <v/>
      </c>
      <c r="ND35" s="13" t="str">
        <f>IF(COUNTIF(祝日一覧!$E$2:$E$142,NC35),"○",IF(NG35&lt;&gt;"","○",""))</f>
        <v/>
      </c>
      <c r="NE35" s="25"/>
      <c r="NF35" s="45" t="str">
        <f t="shared" si="105"/>
        <v/>
      </c>
      <c r="NG35" s="45"/>
      <c r="NH35" s="167"/>
      <c r="NI35" s="168"/>
      <c r="NJ35" s="43"/>
      <c r="NK35" s="205"/>
      <c r="NL35" s="206"/>
      <c r="NM35" s="9"/>
      <c r="NN35" s="17"/>
      <c r="NO35" s="102" t="str">
        <f t="shared" si="29"/>
        <v/>
      </c>
      <c r="NP35" s="15" t="str">
        <f>IF(NP34="","",IF(NP34='（参考）【別紙２】'!$E$35,"",IF(MONTH(NP34)=MONTH(NP34+1),NP34+1,"")))</f>
        <v/>
      </c>
      <c r="NQ35" s="13" t="str">
        <f>IF(COUNTIF(祝日一覧!$E$2:$E$142,NP35),"○",IF(NT35&lt;&gt;"","○",""))</f>
        <v/>
      </c>
      <c r="NR35" s="25"/>
      <c r="NS35" s="45" t="str">
        <f t="shared" si="106"/>
        <v/>
      </c>
      <c r="NT35" s="45"/>
      <c r="NU35" s="167"/>
      <c r="NV35" s="168"/>
      <c r="NW35" s="43"/>
      <c r="NX35" s="205"/>
      <c r="NY35" s="206"/>
      <c r="NZ35" s="9"/>
      <c r="OA35" s="17"/>
      <c r="OB35" s="102" t="str">
        <f t="shared" si="30"/>
        <v/>
      </c>
      <c r="OC35" s="15" t="str">
        <f>IF(OC34="","",IF(OC34='（参考）【別紙２】'!$E$35,"",IF(MONTH(OC34)=MONTH(OC34+1),OC34+1,"")))</f>
        <v/>
      </c>
      <c r="OD35" s="13" t="str">
        <f>IF(COUNTIF(祝日一覧!$E$2:$E$142,OC35),"○",IF(OG35&lt;&gt;"","○",""))</f>
        <v/>
      </c>
      <c r="OE35" s="25"/>
      <c r="OF35" s="45" t="str">
        <f t="shared" si="107"/>
        <v/>
      </c>
      <c r="OG35" s="45"/>
      <c r="OH35" s="167"/>
      <c r="OI35" s="168"/>
      <c r="OJ35" s="43"/>
      <c r="OK35" s="205"/>
      <c r="OL35" s="206"/>
      <c r="OM35" s="9"/>
      <c r="ON35" s="17"/>
      <c r="OO35" s="102" t="str">
        <f t="shared" si="31"/>
        <v/>
      </c>
      <c r="OP35" s="15" t="str">
        <f>IF(OP34="","",IF(OP34='（参考）【別紙２】'!$E$35,"",IF(MONTH(OP34)=MONTH(OP34+1),OP34+1,"")))</f>
        <v/>
      </c>
      <c r="OQ35" s="13" t="str">
        <f>IF(COUNTIF(祝日一覧!$E$2:$E$142,OP35),"○",IF(OT35&lt;&gt;"","○",""))</f>
        <v/>
      </c>
      <c r="OR35" s="25"/>
      <c r="OS35" s="45" t="str">
        <f t="shared" si="108"/>
        <v/>
      </c>
      <c r="OT35" s="45"/>
      <c r="OU35" s="167"/>
      <c r="OV35" s="168"/>
      <c r="OW35" s="43"/>
      <c r="OX35" s="205"/>
      <c r="OY35" s="206"/>
      <c r="OZ35" s="9"/>
      <c r="PA35" s="17"/>
      <c r="PB35" s="102" t="str">
        <f t="shared" si="32"/>
        <v/>
      </c>
      <c r="PC35" s="15" t="str">
        <f>IF(PC34="","",IF(PC34='（参考）【別紙２】'!$E$35,"",IF(MONTH(PC34)=MONTH(PC34+1),PC34+1,"")))</f>
        <v/>
      </c>
      <c r="PD35" s="13" t="str">
        <f>IF(COUNTIF(祝日一覧!$E$2:$E$142,PC35),"○",IF(PG35&lt;&gt;"","○",""))</f>
        <v/>
      </c>
      <c r="PE35" s="25"/>
      <c r="PF35" s="45" t="str">
        <f t="shared" si="109"/>
        <v/>
      </c>
      <c r="PG35" s="45"/>
      <c r="PH35" s="167"/>
      <c r="PI35" s="168"/>
      <c r="PJ35" s="43"/>
      <c r="PK35" s="205"/>
      <c r="PL35" s="206"/>
      <c r="PM35" s="9"/>
      <c r="PN35" s="17"/>
      <c r="PO35" s="102" t="str">
        <f t="shared" si="33"/>
        <v/>
      </c>
      <c r="PP35" s="15" t="str">
        <f>IF(PP34="","",IF(PP34='（参考）【別紙２】'!$E$35,"",IF(MONTH(PP34)=MONTH(PP34+1),PP34+1,"")))</f>
        <v/>
      </c>
      <c r="PQ35" s="13" t="str">
        <f>IF(COUNTIF(祝日一覧!$E$2:$E$142,PP35),"○",IF(PT35&lt;&gt;"","○",""))</f>
        <v/>
      </c>
      <c r="PR35" s="25"/>
      <c r="PS35" s="45" t="str">
        <f t="shared" si="110"/>
        <v/>
      </c>
      <c r="PT35" s="45"/>
      <c r="PU35" s="167"/>
      <c r="PV35" s="168"/>
      <c r="PW35" s="43"/>
      <c r="PX35" s="205"/>
      <c r="PY35" s="206"/>
      <c r="PZ35" s="9"/>
      <c r="QA35" s="17"/>
      <c r="QB35" s="102" t="str">
        <f t="shared" si="34"/>
        <v/>
      </c>
      <c r="QC35" s="15" t="str">
        <f>IF(QC34="","",IF(QC34='（参考）【別紙２】'!$E$35,"",IF(MONTH(QC34)=MONTH(QC34+1),QC34+1,"")))</f>
        <v/>
      </c>
      <c r="QD35" s="13" t="str">
        <f>IF(COUNTIF(祝日一覧!$E$2:$E$142,QC35),"○",IF(QG35&lt;&gt;"","○",""))</f>
        <v/>
      </c>
      <c r="QE35" s="25"/>
      <c r="QF35" s="45" t="str">
        <f t="shared" si="111"/>
        <v/>
      </c>
      <c r="QG35" s="45"/>
      <c r="QH35" s="167"/>
      <c r="QI35" s="168"/>
      <c r="QJ35" s="43"/>
      <c r="QK35" s="205"/>
      <c r="QL35" s="206"/>
      <c r="QM35" s="9"/>
      <c r="QN35" s="17"/>
      <c r="QO35" s="102" t="str">
        <f t="shared" si="35"/>
        <v/>
      </c>
      <c r="QP35" s="15" t="str">
        <f>IF(QP34="","",IF(QP34='（参考）【別紙２】'!$E$35,"",IF(MONTH(QP34)=MONTH(QP34+1),QP34+1,"")))</f>
        <v/>
      </c>
      <c r="QQ35" s="13" t="str">
        <f>IF(COUNTIF(祝日一覧!$E$2:$E$142,QP35),"○",IF(QT35&lt;&gt;"","○",""))</f>
        <v/>
      </c>
      <c r="QR35" s="25"/>
      <c r="QS35" s="45" t="str">
        <f t="shared" si="112"/>
        <v/>
      </c>
      <c r="QT35" s="45"/>
      <c r="QU35" s="167"/>
      <c r="QV35" s="168"/>
      <c r="QW35" s="43"/>
      <c r="QX35" s="205"/>
      <c r="QY35" s="206"/>
      <c r="QZ35" s="9"/>
      <c r="RA35" s="17"/>
      <c r="RB35" s="102" t="str">
        <f t="shared" si="36"/>
        <v/>
      </c>
      <c r="RC35" s="15" t="str">
        <f>IF(RC34="","",IF(RC34='（参考）【別紙２】'!$E$35,"",IF(MONTH(RC34)=MONTH(RC34+1),RC34+1,"")))</f>
        <v/>
      </c>
      <c r="RD35" s="13" t="str">
        <f>IF(COUNTIF(祝日一覧!$E$2:$E$142,RC35),"○",IF(RG35&lt;&gt;"","○",""))</f>
        <v/>
      </c>
      <c r="RE35" s="25"/>
      <c r="RF35" s="45" t="str">
        <f t="shared" si="113"/>
        <v/>
      </c>
      <c r="RG35" s="45"/>
      <c r="RH35" s="167"/>
      <c r="RI35" s="168"/>
      <c r="RJ35" s="43"/>
      <c r="RK35" s="205"/>
      <c r="RL35" s="206"/>
      <c r="RM35" s="9"/>
      <c r="RN35" s="17"/>
      <c r="RO35" s="102" t="str">
        <f t="shared" si="37"/>
        <v/>
      </c>
      <c r="RP35" s="15" t="str">
        <f>IF(RP34="","",IF(RP34='（参考）【別紙２】'!$E$35,"",IF(MONTH(RP34)=MONTH(RP34+1),RP34+1,"")))</f>
        <v/>
      </c>
      <c r="RQ35" s="13" t="str">
        <f>IF(COUNTIF(祝日一覧!$E$2:$E$142,RP35),"○",IF(RT35&lt;&gt;"","○",""))</f>
        <v/>
      </c>
      <c r="RR35" s="25"/>
      <c r="RS35" s="45" t="str">
        <f t="shared" si="114"/>
        <v/>
      </c>
      <c r="RT35" s="45"/>
      <c r="RU35" s="167"/>
      <c r="RV35" s="168"/>
      <c r="RW35" s="43"/>
      <c r="RX35" s="205"/>
      <c r="RY35" s="206"/>
      <c r="RZ35" s="9"/>
      <c r="SA35" s="17"/>
      <c r="SB35" s="102" t="str">
        <f t="shared" si="38"/>
        <v/>
      </c>
      <c r="SC35" s="15" t="str">
        <f>IF(SC34="","",IF(SC34='（参考）【別紙２】'!$E$35,"",IF(MONTH(SC34)=MONTH(SC34+1),SC34+1,"")))</f>
        <v/>
      </c>
      <c r="SD35" s="13" t="str">
        <f>IF(COUNTIF(祝日一覧!$E$2:$E$142,SC35),"○",IF(SG35&lt;&gt;"","○",""))</f>
        <v/>
      </c>
      <c r="SE35" s="25"/>
      <c r="SF35" s="45" t="str">
        <f t="shared" si="115"/>
        <v/>
      </c>
      <c r="SG35" s="45"/>
      <c r="SH35" s="167"/>
      <c r="SI35" s="168"/>
      <c r="SJ35" s="43"/>
      <c r="SK35" s="205"/>
      <c r="SL35" s="206"/>
      <c r="SM35" s="9"/>
    </row>
    <row r="36" spans="1:507" ht="15.6" customHeight="1">
      <c r="A36" s="17"/>
      <c r="B36" s="102" t="str">
        <f t="shared" si="0"/>
        <v>月</v>
      </c>
      <c r="C36" s="15">
        <f>IF(C35="","",IF(C35='（参考）【別紙２】'!$E$35,"",IF(MONTH(C35)=MONTH(C35+1),C35+1,"")))</f>
        <v>45775</v>
      </c>
      <c r="D36" s="13" t="str">
        <f>IF(COUNTIF(祝日一覧!$E$2:$E$142,C36),"○",IF(G36&lt;&gt;"","○",""))</f>
        <v/>
      </c>
      <c r="E36" s="26"/>
      <c r="F36" s="45" t="str">
        <f t="shared" si="39"/>
        <v/>
      </c>
      <c r="G36" s="45"/>
      <c r="H36" s="167"/>
      <c r="I36" s="168"/>
      <c r="J36" s="42"/>
      <c r="K36" s="211" t="s">
        <v>107</v>
      </c>
      <c r="L36" s="213" t="str">
        <f>IF(L34="○","－",IF(L70&lt;=L11,"○","×"))</f>
        <v>×</v>
      </c>
      <c r="M36" s="18"/>
      <c r="N36" s="17"/>
      <c r="O36" s="102" t="str">
        <f t="shared" si="1"/>
        <v>水</v>
      </c>
      <c r="P36" s="15">
        <f>IF(P35="","",IF(P35='（参考）【別紙２】'!$E$35,"",IF(MONTH(P35)=MONTH(P35+1),P35+1,"")))</f>
        <v>45805</v>
      </c>
      <c r="Q36" s="13" t="str">
        <f>IF(COUNTIF(祝日一覧!$E$2:$E$142,P36),"○",IF(T36&lt;&gt;"","○",""))</f>
        <v/>
      </c>
      <c r="R36" s="26"/>
      <c r="S36" s="45" t="str">
        <f t="shared" si="78"/>
        <v/>
      </c>
      <c r="T36" s="45"/>
      <c r="U36" s="167"/>
      <c r="V36" s="168"/>
      <c r="W36" s="43"/>
      <c r="X36" s="202" t="s">
        <v>107</v>
      </c>
      <c r="Y36" s="216" t="str">
        <f>IF(Y34="○","－",IF(Y70&lt;=Y11,"○","×"))</f>
        <v>×</v>
      </c>
      <c r="Z36" s="9"/>
      <c r="AA36" s="17"/>
      <c r="AB36" s="102" t="str">
        <f t="shared" si="2"/>
        <v>土</v>
      </c>
      <c r="AC36" s="15">
        <f>IF(AC35="","",IF(AC35='（参考）【別紙２】'!$E$35,"",IF(MONTH(AC35)=MONTH(AC35+1),AC35+1,"")))</f>
        <v>45836</v>
      </c>
      <c r="AD36" s="13" t="str">
        <f>IF(COUNTIF(祝日一覧!$E$2:$E$142,AC36),"○",IF(AG36&lt;&gt;"","○",""))</f>
        <v/>
      </c>
      <c r="AE36" s="26"/>
      <c r="AF36" s="45" t="str">
        <f t="shared" si="79"/>
        <v>○</v>
      </c>
      <c r="AG36" s="45"/>
      <c r="AH36" s="167"/>
      <c r="AI36" s="168"/>
      <c r="AJ36" s="43"/>
      <c r="AK36" s="202" t="s">
        <v>107</v>
      </c>
      <c r="AL36" s="216" t="str">
        <f>IF(AL34="○","－",IF(AL70&lt;=AL11,"○","×"))</f>
        <v>×</v>
      </c>
      <c r="AM36" s="9"/>
      <c r="AN36" s="17"/>
      <c r="AO36" s="102" t="str">
        <f t="shared" si="3"/>
        <v>月</v>
      </c>
      <c r="AP36" s="15">
        <f>IF(AP35="","",IF(AP35='（参考）【別紙２】'!$E$35,"",IF(MONTH(AP35)=MONTH(AP35+1),AP35+1,"")))</f>
        <v>45866</v>
      </c>
      <c r="AQ36" s="13" t="str">
        <f>IF(COUNTIF(祝日一覧!$E$2:$E$142,AP36),"○",IF(AT36&lt;&gt;"","○",""))</f>
        <v/>
      </c>
      <c r="AR36" s="26"/>
      <c r="AS36" s="45" t="str">
        <f t="shared" si="80"/>
        <v/>
      </c>
      <c r="AT36" s="45"/>
      <c r="AU36" s="167"/>
      <c r="AV36" s="168"/>
      <c r="AW36" s="43"/>
      <c r="AX36" s="202" t="s">
        <v>107</v>
      </c>
      <c r="AY36" s="216" t="str">
        <f>IF(AY34="○","－",IF(AY70&lt;=AY11,"○","×"))</f>
        <v>×</v>
      </c>
      <c r="AZ36" s="9"/>
      <c r="BA36" s="17"/>
      <c r="BB36" s="102" t="str">
        <f t="shared" si="4"/>
        <v>木</v>
      </c>
      <c r="BC36" s="15">
        <f>IF(BC35="","",IF(BC35='（参考）【別紙２】'!$E$35,"",IF(MONTH(BC35)=MONTH(BC35+1),BC35+1,"")))</f>
        <v>45897</v>
      </c>
      <c r="BD36" s="13" t="str">
        <f>IF(COUNTIF(祝日一覧!$E$2:$E$142,BC36),"○",IF(BG36&lt;&gt;"","○",""))</f>
        <v/>
      </c>
      <c r="BE36" s="26"/>
      <c r="BF36" s="45" t="str">
        <f t="shared" si="81"/>
        <v/>
      </c>
      <c r="BG36" s="45"/>
      <c r="BH36" s="167"/>
      <c r="BI36" s="168"/>
      <c r="BJ36" s="43"/>
      <c r="BK36" s="202" t="s">
        <v>107</v>
      </c>
      <c r="BL36" s="216" t="str">
        <f>IF(BL34="○","－",IF(BL70&lt;=BL11,"○","×"))</f>
        <v>×</v>
      </c>
      <c r="BM36" s="9"/>
      <c r="BN36" s="17"/>
      <c r="BO36" s="102" t="str">
        <f t="shared" si="5"/>
        <v/>
      </c>
      <c r="BP36" s="15" t="str">
        <f>IF(BP35="","",IF(BP35='（参考）【別紙２】'!$E$35,"",IF(MONTH(BP35)=MONTH(BP35+1),BP35+1,"")))</f>
        <v/>
      </c>
      <c r="BQ36" s="13" t="str">
        <f>IF(COUNTIF(祝日一覧!$E$2:$E$142,BP36),"○",IF(BT36&lt;&gt;"","○",""))</f>
        <v/>
      </c>
      <c r="BR36" s="26"/>
      <c r="BS36" s="45" t="str">
        <f t="shared" si="82"/>
        <v/>
      </c>
      <c r="BT36" s="45"/>
      <c r="BU36" s="167"/>
      <c r="BV36" s="168"/>
      <c r="BW36" s="43"/>
      <c r="BX36" s="202" t="s">
        <v>107</v>
      </c>
      <c r="BY36" s="216" t="str">
        <f>IF(BY34="○","－",IF(BY70&lt;=BY11,"○","×"))</f>
        <v>○</v>
      </c>
      <c r="BZ36" s="9"/>
      <c r="CA36" s="17"/>
      <c r="CB36" s="102" t="str">
        <f t="shared" si="6"/>
        <v/>
      </c>
      <c r="CC36" s="15" t="str">
        <f>IF(CC35="","",IF(CC35='（参考）【別紙２】'!$E$35,"",IF(MONTH(CC35)=MONTH(CC35+1),CC35+1,"")))</f>
        <v/>
      </c>
      <c r="CD36" s="13" t="str">
        <f>IF(COUNTIF(祝日一覧!$E$2:$E$142,CC36),"○",IF(CG36&lt;&gt;"","○",""))</f>
        <v/>
      </c>
      <c r="CE36" s="26"/>
      <c r="CF36" s="45" t="str">
        <f t="shared" si="83"/>
        <v/>
      </c>
      <c r="CG36" s="45"/>
      <c r="CH36" s="167"/>
      <c r="CI36" s="168"/>
      <c r="CJ36" s="43"/>
      <c r="CK36" s="202" t="s">
        <v>107</v>
      </c>
      <c r="CL36" s="216" t="str">
        <f>IF(CL34="○","－",IF(CL70&lt;=CL11,"○","×"))</f>
        <v>○</v>
      </c>
      <c r="CM36" s="9"/>
      <c r="CN36" s="17"/>
      <c r="CO36" s="102" t="str">
        <f t="shared" si="7"/>
        <v/>
      </c>
      <c r="CP36" s="15" t="str">
        <f>IF(CP35="","",IF(CP35='（参考）【別紙２】'!$E$35,"",IF(MONTH(CP35)=MONTH(CP35+1),CP35+1,"")))</f>
        <v/>
      </c>
      <c r="CQ36" s="13" t="str">
        <f>IF(COUNTIF(祝日一覧!$E$2:$E$142,CP36),"○",IF(CT36&lt;&gt;"","○",""))</f>
        <v/>
      </c>
      <c r="CR36" s="26"/>
      <c r="CS36" s="45" t="str">
        <f t="shared" si="84"/>
        <v/>
      </c>
      <c r="CT36" s="45"/>
      <c r="CU36" s="167"/>
      <c r="CV36" s="168"/>
      <c r="CW36" s="43"/>
      <c r="CX36" s="202" t="s">
        <v>107</v>
      </c>
      <c r="CY36" s="216" t="str">
        <f>IF(CY34="○","－",IF(CY70&lt;=CY11,"○","×"))</f>
        <v>○</v>
      </c>
      <c r="CZ36" s="9"/>
      <c r="DA36" s="17"/>
      <c r="DB36" s="102" t="str">
        <f t="shared" si="8"/>
        <v/>
      </c>
      <c r="DC36" s="15" t="str">
        <f>IF(DC35="","",IF(DC35='（参考）【別紙２】'!$E$35,"",IF(MONTH(DC35)=MONTH(DC35+1),DC35+1,"")))</f>
        <v/>
      </c>
      <c r="DD36" s="13" t="str">
        <f>IF(COUNTIF(祝日一覧!$E$2:$E$142,DC36),"○",IF(DG36&lt;&gt;"","○",""))</f>
        <v/>
      </c>
      <c r="DE36" s="26"/>
      <c r="DF36" s="45" t="str">
        <f t="shared" si="85"/>
        <v/>
      </c>
      <c r="DG36" s="45"/>
      <c r="DH36" s="167"/>
      <c r="DI36" s="168"/>
      <c r="DJ36" s="43"/>
      <c r="DK36" s="202" t="s">
        <v>107</v>
      </c>
      <c r="DL36" s="216" t="str">
        <f>IF(DL34="○","－",IF(DL70&lt;=DL11,"○","×"))</f>
        <v>○</v>
      </c>
      <c r="DM36" s="9"/>
      <c r="DN36" s="17"/>
      <c r="DO36" s="102" t="str">
        <f t="shared" si="9"/>
        <v/>
      </c>
      <c r="DP36" s="15" t="str">
        <f>IF(DP35="","",IF(DP35='（参考）【別紙２】'!$E$35,"",IF(MONTH(DP35)=MONTH(DP35+1),DP35+1,"")))</f>
        <v/>
      </c>
      <c r="DQ36" s="13" t="str">
        <f>IF(COUNTIF(祝日一覧!$E$2:$E$142,DP36),"○",IF(DT36&lt;&gt;"","○",""))</f>
        <v/>
      </c>
      <c r="DR36" s="26"/>
      <c r="DS36" s="45" t="str">
        <f t="shared" si="86"/>
        <v/>
      </c>
      <c r="DT36" s="45"/>
      <c r="DU36" s="167"/>
      <c r="DV36" s="168"/>
      <c r="DW36" s="43"/>
      <c r="DX36" s="202" t="s">
        <v>107</v>
      </c>
      <c r="DY36" s="216" t="str">
        <f>IF(DY34="○","－",IF(DY70&lt;=DY11,"○","×"))</f>
        <v>○</v>
      </c>
      <c r="DZ36" s="9"/>
      <c r="EA36" s="17"/>
      <c r="EB36" s="102" t="str">
        <f t="shared" si="10"/>
        <v/>
      </c>
      <c r="EC36" s="15" t="str">
        <f>IF(EC35="","",IF(EC35='（参考）【別紙２】'!$E$35,"",IF(MONTH(EC35)=MONTH(EC35+1),EC35+1,"")))</f>
        <v/>
      </c>
      <c r="ED36" s="13" t="str">
        <f>IF(COUNTIF(祝日一覧!$E$2:$E$142,EC36),"○",IF(EG36&lt;&gt;"","○",""))</f>
        <v/>
      </c>
      <c r="EE36" s="26"/>
      <c r="EF36" s="45" t="str">
        <f t="shared" si="87"/>
        <v/>
      </c>
      <c r="EG36" s="45"/>
      <c r="EH36" s="167"/>
      <c r="EI36" s="168"/>
      <c r="EJ36" s="43"/>
      <c r="EK36" s="202" t="s">
        <v>107</v>
      </c>
      <c r="EL36" s="216" t="str">
        <f>IF(EL34="○","－",IF(EL70&lt;=EL11,"○","×"))</f>
        <v>○</v>
      </c>
      <c r="EM36" s="9"/>
      <c r="EN36" s="17"/>
      <c r="EO36" s="102" t="str">
        <f t="shared" si="11"/>
        <v/>
      </c>
      <c r="EP36" s="15" t="str">
        <f>IF(EP35="","",IF(EP35='（参考）【別紙２】'!$E$35,"",IF(MONTH(EP35)=MONTH(EP35+1),EP35+1,"")))</f>
        <v/>
      </c>
      <c r="EQ36" s="13" t="str">
        <f>IF(COUNTIF(祝日一覧!$E$2:$E$142,EP36),"○",IF(ET36&lt;&gt;"","○",""))</f>
        <v/>
      </c>
      <c r="ER36" s="26"/>
      <c r="ES36" s="45" t="str">
        <f t="shared" si="88"/>
        <v/>
      </c>
      <c r="ET36" s="45"/>
      <c r="EU36" s="167"/>
      <c r="EV36" s="168"/>
      <c r="EW36" s="43"/>
      <c r="EX36" s="202" t="s">
        <v>107</v>
      </c>
      <c r="EY36" s="216" t="str">
        <f>IF(EY34="○","－",IF(EY70&lt;=EY11,"○","×"))</f>
        <v>○</v>
      </c>
      <c r="EZ36" s="9"/>
      <c r="FA36" s="17"/>
      <c r="FB36" s="102" t="str">
        <f t="shared" si="12"/>
        <v/>
      </c>
      <c r="FC36" s="15" t="str">
        <f>IF(FC35="","",IF(FC35='（参考）【別紙２】'!$E$35,"",IF(MONTH(FC35)=MONTH(FC35+1),FC35+1,"")))</f>
        <v/>
      </c>
      <c r="FD36" s="13" t="str">
        <f>IF(COUNTIF(祝日一覧!$E$2:$E$142,FC36),"○",IF(FG36&lt;&gt;"","○",""))</f>
        <v/>
      </c>
      <c r="FE36" s="26"/>
      <c r="FF36" s="45" t="str">
        <f t="shared" si="89"/>
        <v/>
      </c>
      <c r="FG36" s="45"/>
      <c r="FH36" s="167"/>
      <c r="FI36" s="168"/>
      <c r="FJ36" s="43"/>
      <c r="FK36" s="202" t="s">
        <v>107</v>
      </c>
      <c r="FL36" s="216" t="str">
        <f>IF(FL34="○","－",IF(FL70&lt;=FL11,"○","×"))</f>
        <v>○</v>
      </c>
      <c r="FM36" s="9"/>
      <c r="FN36" s="17"/>
      <c r="FO36" s="102" t="str">
        <f t="shared" si="13"/>
        <v/>
      </c>
      <c r="FP36" s="15" t="str">
        <f>IF(FP35="","",IF(FP35='（参考）【別紙２】'!$E$35,"",IF(MONTH(FP35)=MONTH(FP35+1),FP35+1,"")))</f>
        <v/>
      </c>
      <c r="FQ36" s="13" t="str">
        <f>IF(COUNTIF(祝日一覧!$E$2:$E$142,FP36),"○",IF(FT36&lt;&gt;"","○",""))</f>
        <v/>
      </c>
      <c r="FR36" s="26"/>
      <c r="FS36" s="45" t="str">
        <f t="shared" si="90"/>
        <v/>
      </c>
      <c r="FT36" s="45"/>
      <c r="FU36" s="167"/>
      <c r="FV36" s="168"/>
      <c r="FW36" s="43"/>
      <c r="FX36" s="202" t="s">
        <v>107</v>
      </c>
      <c r="FY36" s="216" t="str">
        <f>IF(FY34="○","－",IF(FY70&lt;=FY11,"○","×"))</f>
        <v>○</v>
      </c>
      <c r="FZ36" s="9"/>
      <c r="GA36" s="17"/>
      <c r="GB36" s="102" t="str">
        <f t="shared" si="14"/>
        <v/>
      </c>
      <c r="GC36" s="15" t="str">
        <f>IF(GC35="","",IF(GC35='（参考）【別紙２】'!$E$35,"",IF(MONTH(GC35)=MONTH(GC35+1),GC35+1,"")))</f>
        <v/>
      </c>
      <c r="GD36" s="13" t="str">
        <f>IF(COUNTIF(祝日一覧!$E$2:$E$142,GC36),"○",IF(GG36&lt;&gt;"","○",""))</f>
        <v/>
      </c>
      <c r="GE36" s="25"/>
      <c r="GF36" s="45" t="str">
        <f t="shared" si="91"/>
        <v/>
      </c>
      <c r="GG36" s="45"/>
      <c r="GH36" s="167"/>
      <c r="GI36" s="168"/>
      <c r="GJ36" s="43"/>
      <c r="GK36" s="202" t="s">
        <v>107</v>
      </c>
      <c r="GL36" s="216" t="str">
        <f>IF(GL34="○","－",IF(GL70&lt;=GL11,"○","×"))</f>
        <v>○</v>
      </c>
      <c r="GM36" s="9"/>
      <c r="GN36" s="17"/>
      <c r="GO36" s="102" t="str">
        <f t="shared" si="15"/>
        <v/>
      </c>
      <c r="GP36" s="15" t="str">
        <f>IF(GP35="","",IF(GP35='（参考）【別紙２】'!$E$35,"",IF(MONTH(GP35)=MONTH(GP35+1),GP35+1,"")))</f>
        <v/>
      </c>
      <c r="GQ36" s="13" t="str">
        <f>IF(COUNTIF(祝日一覧!$E$2:$E$142,GP36),"○",IF(GT36&lt;&gt;"","○",""))</f>
        <v/>
      </c>
      <c r="GR36" s="25"/>
      <c r="GS36" s="45" t="str">
        <f t="shared" si="92"/>
        <v/>
      </c>
      <c r="GT36" s="45"/>
      <c r="GU36" s="167"/>
      <c r="GV36" s="168"/>
      <c r="GW36" s="43"/>
      <c r="GX36" s="202" t="s">
        <v>107</v>
      </c>
      <c r="GY36" s="216" t="str">
        <f>IF(GY34="○","－",IF(GY70&lt;=GY11,"○","×"))</f>
        <v>○</v>
      </c>
      <c r="GZ36" s="9"/>
      <c r="HA36" s="17"/>
      <c r="HB36" s="102" t="str">
        <f t="shared" si="16"/>
        <v/>
      </c>
      <c r="HC36" s="15" t="str">
        <f>IF(HC35="","",IF(HC35='（参考）【別紙２】'!$E$35,"",IF(MONTH(HC35)=MONTH(HC35+1),HC35+1,"")))</f>
        <v/>
      </c>
      <c r="HD36" s="13" t="str">
        <f>IF(COUNTIF(祝日一覧!$E$2:$E$142,HC36),"○",IF(HG36&lt;&gt;"","○",""))</f>
        <v/>
      </c>
      <c r="HE36" s="26"/>
      <c r="HF36" s="45" t="str">
        <f t="shared" si="93"/>
        <v/>
      </c>
      <c r="HG36" s="45"/>
      <c r="HH36" s="167"/>
      <c r="HI36" s="168"/>
      <c r="HJ36" s="43"/>
      <c r="HK36" s="202" t="s">
        <v>107</v>
      </c>
      <c r="HL36" s="216" t="str">
        <f>IF(HL34="○","－",IF(HL70&lt;=HL11,"○","×"))</f>
        <v>○</v>
      </c>
      <c r="HM36" s="9"/>
      <c r="HN36" s="17"/>
      <c r="HO36" s="102" t="str">
        <f t="shared" si="17"/>
        <v/>
      </c>
      <c r="HP36" s="15" t="str">
        <f>IF(HP35="","",IF(HP35='（参考）【別紙２】'!$E$35,"",IF(MONTH(HP35)=MONTH(HP35+1),HP35+1,"")))</f>
        <v/>
      </c>
      <c r="HQ36" s="13" t="str">
        <f>IF(COUNTIF(祝日一覧!$E$2:$E$142,HP36),"○",IF(HT36&lt;&gt;"","○",""))</f>
        <v/>
      </c>
      <c r="HR36" s="25"/>
      <c r="HS36" s="45" t="str">
        <f t="shared" si="94"/>
        <v/>
      </c>
      <c r="HT36" s="45"/>
      <c r="HU36" s="167"/>
      <c r="HV36" s="168"/>
      <c r="HW36" s="43"/>
      <c r="HX36" s="202" t="s">
        <v>107</v>
      </c>
      <c r="HY36" s="216" t="str">
        <f>IF(HY34="○","－",IF(HY70&lt;=HY11,"○","×"))</f>
        <v>○</v>
      </c>
      <c r="HZ36" s="9"/>
      <c r="IA36" s="17"/>
      <c r="IB36" s="102" t="str">
        <f t="shared" si="18"/>
        <v/>
      </c>
      <c r="IC36" s="15" t="str">
        <f>IF(IC35="","",IF(IC35='（参考）【別紙２】'!$E$35,"",IF(MONTH(IC35)=MONTH(IC35+1),IC35+1,"")))</f>
        <v/>
      </c>
      <c r="ID36" s="13" t="str">
        <f>IF(COUNTIF(祝日一覧!$E$2:$E$142,IC36),"○",IF(IG36&lt;&gt;"","○",""))</f>
        <v/>
      </c>
      <c r="IE36" s="25"/>
      <c r="IF36" s="45" t="str">
        <f t="shared" si="95"/>
        <v/>
      </c>
      <c r="IG36" s="45"/>
      <c r="IH36" s="167"/>
      <c r="II36" s="168"/>
      <c r="IJ36" s="43"/>
      <c r="IK36" s="202" t="s">
        <v>107</v>
      </c>
      <c r="IL36" s="216" t="str">
        <f>IF(IL34="○","－",IF(IL70&lt;=IL11,"○","×"))</f>
        <v>○</v>
      </c>
      <c r="IM36" s="9"/>
      <c r="IN36" s="17"/>
      <c r="IO36" s="102" t="str">
        <f t="shared" si="19"/>
        <v/>
      </c>
      <c r="IP36" s="15" t="str">
        <f>IF(IP35="","",IF(IP35='（参考）【別紙２】'!$E$35,"",IF(MONTH(IP35)=MONTH(IP35+1),IP35+1,"")))</f>
        <v/>
      </c>
      <c r="IQ36" s="13" t="str">
        <f>IF(COUNTIF(祝日一覧!$E$2:$E$142,IP36),"○",IF(IT36&lt;&gt;"","○",""))</f>
        <v/>
      </c>
      <c r="IR36" s="25"/>
      <c r="IS36" s="45" t="str">
        <f t="shared" si="96"/>
        <v/>
      </c>
      <c r="IT36" s="45"/>
      <c r="IU36" s="167"/>
      <c r="IV36" s="168"/>
      <c r="IW36" s="43"/>
      <c r="IX36" s="202" t="s">
        <v>107</v>
      </c>
      <c r="IY36" s="216" t="str">
        <f>IF(IY34="○","－",IF(IY70&lt;=IY11,"○","×"))</f>
        <v>○</v>
      </c>
      <c r="IZ36" s="9"/>
      <c r="JA36" s="17"/>
      <c r="JB36" s="102" t="str">
        <f t="shared" si="20"/>
        <v/>
      </c>
      <c r="JC36" s="15" t="str">
        <f>IF(JC35="","",IF(JC35='（参考）【別紙２】'!$E$35,"",IF(MONTH(JC35)=MONTH(JC35+1),JC35+1,"")))</f>
        <v/>
      </c>
      <c r="JD36" s="13" t="str">
        <f>IF(COUNTIF(祝日一覧!$E$2:$E$142,JC36),"○",IF(JG36&lt;&gt;"","○",""))</f>
        <v/>
      </c>
      <c r="JE36" s="25"/>
      <c r="JF36" s="45" t="str">
        <f t="shared" si="97"/>
        <v/>
      </c>
      <c r="JG36" s="45"/>
      <c r="JH36" s="167"/>
      <c r="JI36" s="168"/>
      <c r="JJ36" s="43"/>
      <c r="JK36" s="202" t="s">
        <v>107</v>
      </c>
      <c r="JL36" s="216" t="str">
        <f>IF(JL34="○","－",IF(JL70&lt;=JL11,"○","×"))</f>
        <v>○</v>
      </c>
      <c r="JM36" s="9"/>
      <c r="JN36" s="17"/>
      <c r="JO36" s="102" t="str">
        <f t="shared" si="21"/>
        <v/>
      </c>
      <c r="JP36" s="15" t="str">
        <f>IF(JP35="","",IF(JP35='（参考）【別紙２】'!$E$35,"",IF(MONTH(JP35)=MONTH(JP35+1),JP35+1,"")))</f>
        <v/>
      </c>
      <c r="JQ36" s="13" t="str">
        <f>IF(COUNTIF(祝日一覧!$E$2:$E$142,JP36),"○",IF(JT36&lt;&gt;"","○",""))</f>
        <v/>
      </c>
      <c r="JR36" s="25"/>
      <c r="JS36" s="45" t="str">
        <f t="shared" si="98"/>
        <v/>
      </c>
      <c r="JT36" s="45"/>
      <c r="JU36" s="167"/>
      <c r="JV36" s="168"/>
      <c r="JW36" s="43"/>
      <c r="JX36" s="202" t="s">
        <v>107</v>
      </c>
      <c r="JY36" s="216" t="str">
        <f>IF(JY34="○","－",IF(JY70&lt;=JY11,"○","×"))</f>
        <v>○</v>
      </c>
      <c r="JZ36" s="9"/>
      <c r="KA36" s="17"/>
      <c r="KB36" s="102" t="str">
        <f t="shared" si="22"/>
        <v/>
      </c>
      <c r="KC36" s="15" t="str">
        <f>IF(KC35="","",IF(KC35='（参考）【別紙２】'!$E$35,"",IF(MONTH(KC35)=MONTH(KC35+1),KC35+1,"")))</f>
        <v/>
      </c>
      <c r="KD36" s="13" t="str">
        <f>IF(COUNTIF(祝日一覧!$E$2:$E$142,KC36),"○",IF(KG36&lt;&gt;"","○",""))</f>
        <v/>
      </c>
      <c r="KE36" s="25"/>
      <c r="KF36" s="45" t="str">
        <f t="shared" si="99"/>
        <v/>
      </c>
      <c r="KG36" s="45"/>
      <c r="KH36" s="167"/>
      <c r="KI36" s="168"/>
      <c r="KJ36" s="43"/>
      <c r="KK36" s="202" t="s">
        <v>107</v>
      </c>
      <c r="KL36" s="216" t="str">
        <f>IF(KL34="○","－",IF(KL70&lt;=KL11,"○","×"))</f>
        <v>○</v>
      </c>
      <c r="KM36" s="9"/>
      <c r="KN36" s="17"/>
      <c r="KO36" s="102" t="str">
        <f t="shared" si="23"/>
        <v/>
      </c>
      <c r="KP36" s="15" t="str">
        <f>IF(KP35="","",IF(KP35='（参考）【別紙２】'!$E$35,"",IF(MONTH(KP35)=MONTH(KP35+1),KP35+1,"")))</f>
        <v/>
      </c>
      <c r="KQ36" s="13" t="str">
        <f>IF(COUNTIF(祝日一覧!$E$2:$E$142,KP36),"○",IF(KT36&lt;&gt;"","○",""))</f>
        <v/>
      </c>
      <c r="KR36" s="25"/>
      <c r="KS36" s="45" t="str">
        <f t="shared" si="100"/>
        <v/>
      </c>
      <c r="KT36" s="45"/>
      <c r="KU36" s="167"/>
      <c r="KV36" s="168"/>
      <c r="KW36" s="43"/>
      <c r="KX36" s="202" t="s">
        <v>107</v>
      </c>
      <c r="KY36" s="216" t="str">
        <f>IF(KY34="○","－",IF(KY70&lt;=KY11,"○","×"))</f>
        <v>○</v>
      </c>
      <c r="KZ36" s="9"/>
      <c r="LA36" s="17"/>
      <c r="LB36" s="102" t="str">
        <f t="shared" si="24"/>
        <v/>
      </c>
      <c r="LC36" s="15" t="str">
        <f>IF(LC35="","",IF(LC35='（参考）【別紙２】'!$E$35,"",IF(MONTH(LC35)=MONTH(LC35+1),LC35+1,"")))</f>
        <v/>
      </c>
      <c r="LD36" s="13" t="str">
        <f>IF(COUNTIF(祝日一覧!$E$2:$E$142,LC36),"○",IF(LG36&lt;&gt;"","○",""))</f>
        <v/>
      </c>
      <c r="LE36" s="25"/>
      <c r="LF36" s="45" t="str">
        <f t="shared" si="101"/>
        <v/>
      </c>
      <c r="LG36" s="45"/>
      <c r="LH36" s="167"/>
      <c r="LI36" s="168"/>
      <c r="LJ36" s="43"/>
      <c r="LK36" s="202" t="s">
        <v>107</v>
      </c>
      <c r="LL36" s="216" t="str">
        <f>IF(LL34="○","－",IF(LL70&lt;=LL11,"○","×"))</f>
        <v>○</v>
      </c>
      <c r="LM36" s="9"/>
      <c r="LN36" s="17"/>
      <c r="LO36" s="102" t="str">
        <f t="shared" si="25"/>
        <v/>
      </c>
      <c r="LP36" s="15" t="str">
        <f>IF(LP35="","",IF(LP35='（参考）【別紙２】'!$E$35,"",IF(MONTH(LP35)=MONTH(LP35+1),LP35+1,"")))</f>
        <v/>
      </c>
      <c r="LQ36" s="13" t="str">
        <f>IF(COUNTIF(祝日一覧!$E$2:$E$142,LP36),"○",IF(LT36&lt;&gt;"","○",""))</f>
        <v/>
      </c>
      <c r="LR36" s="25"/>
      <c r="LS36" s="45" t="str">
        <f t="shared" si="102"/>
        <v/>
      </c>
      <c r="LT36" s="45"/>
      <c r="LU36" s="167"/>
      <c r="LV36" s="168"/>
      <c r="LW36" s="43"/>
      <c r="LX36" s="202" t="s">
        <v>107</v>
      </c>
      <c r="LY36" s="216" t="str">
        <f>IF(LY34="○","－",IF(LY70&lt;=LY11,"○","×"))</f>
        <v>○</v>
      </c>
      <c r="LZ36" s="9"/>
      <c r="MA36" s="17"/>
      <c r="MB36" s="102" t="str">
        <f t="shared" si="26"/>
        <v/>
      </c>
      <c r="MC36" s="15" t="str">
        <f>IF(MC35="","",IF(MC35='（参考）【別紙２】'!$E$35,"",IF(MONTH(MC35)=MONTH(MC35+1),MC35+1,"")))</f>
        <v/>
      </c>
      <c r="MD36" s="13" t="str">
        <f>IF(COUNTIF(祝日一覧!$E$2:$E$142,MC36),"○",IF(MG36&lt;&gt;"","○",""))</f>
        <v/>
      </c>
      <c r="ME36" s="25"/>
      <c r="MF36" s="45" t="str">
        <f t="shared" si="103"/>
        <v/>
      </c>
      <c r="MG36" s="45"/>
      <c r="MH36" s="167"/>
      <c r="MI36" s="168"/>
      <c r="MJ36" s="43"/>
      <c r="MK36" s="202" t="s">
        <v>107</v>
      </c>
      <c r="ML36" s="216" t="str">
        <f>IF(ML34="○","－",IF(ML70&lt;=ML11,"○","×"))</f>
        <v>○</v>
      </c>
      <c r="MM36" s="9"/>
      <c r="MN36" s="17"/>
      <c r="MO36" s="102" t="str">
        <f t="shared" si="27"/>
        <v/>
      </c>
      <c r="MP36" s="15" t="str">
        <f>IF(MP35="","",IF(MP35='（参考）【別紙２】'!$E$35,"",IF(MONTH(MP35)=MONTH(MP35+1),MP35+1,"")))</f>
        <v/>
      </c>
      <c r="MQ36" s="13" t="str">
        <f>IF(COUNTIF(祝日一覧!$E$2:$E$142,MP36),"○",IF(MT36&lt;&gt;"","○",""))</f>
        <v/>
      </c>
      <c r="MR36" s="25"/>
      <c r="MS36" s="45" t="str">
        <f t="shared" si="104"/>
        <v/>
      </c>
      <c r="MT36" s="45"/>
      <c r="MU36" s="167"/>
      <c r="MV36" s="168"/>
      <c r="MW36" s="43"/>
      <c r="MX36" s="202" t="s">
        <v>107</v>
      </c>
      <c r="MY36" s="216" t="str">
        <f>IF(MY34="○","－",IF(MY70&lt;=MY11,"○","×"))</f>
        <v>○</v>
      </c>
      <c r="MZ36" s="9"/>
      <c r="NA36" s="17"/>
      <c r="NB36" s="102" t="str">
        <f t="shared" si="28"/>
        <v/>
      </c>
      <c r="NC36" s="15" t="str">
        <f>IF(NC35="","",IF(NC35='（参考）【別紙２】'!$E$35,"",IF(MONTH(NC35)=MONTH(NC35+1),NC35+1,"")))</f>
        <v/>
      </c>
      <c r="ND36" s="13" t="str">
        <f>IF(COUNTIF(祝日一覧!$E$2:$E$142,NC36),"○",IF(NG36&lt;&gt;"","○",""))</f>
        <v/>
      </c>
      <c r="NE36" s="25"/>
      <c r="NF36" s="45" t="str">
        <f t="shared" si="105"/>
        <v/>
      </c>
      <c r="NG36" s="45"/>
      <c r="NH36" s="167"/>
      <c r="NI36" s="168"/>
      <c r="NJ36" s="43"/>
      <c r="NK36" s="202" t="s">
        <v>107</v>
      </c>
      <c r="NL36" s="216" t="str">
        <f>IF(NL34="○","－",IF(NL70&lt;=NL11,"○","×"))</f>
        <v>○</v>
      </c>
      <c r="NM36" s="9"/>
      <c r="NN36" s="17"/>
      <c r="NO36" s="102" t="str">
        <f t="shared" si="29"/>
        <v/>
      </c>
      <c r="NP36" s="15" t="str">
        <f>IF(NP35="","",IF(NP35='（参考）【別紙２】'!$E$35,"",IF(MONTH(NP35)=MONTH(NP35+1),NP35+1,"")))</f>
        <v/>
      </c>
      <c r="NQ36" s="13" t="str">
        <f>IF(COUNTIF(祝日一覧!$E$2:$E$142,NP36),"○",IF(NT36&lt;&gt;"","○",""))</f>
        <v/>
      </c>
      <c r="NR36" s="25"/>
      <c r="NS36" s="45" t="str">
        <f t="shared" si="106"/>
        <v/>
      </c>
      <c r="NT36" s="45"/>
      <c r="NU36" s="167"/>
      <c r="NV36" s="168"/>
      <c r="NW36" s="43"/>
      <c r="NX36" s="202" t="s">
        <v>107</v>
      </c>
      <c r="NY36" s="216" t="str">
        <f>IF(NY34="○","－",IF(NY70&lt;=NY11,"○","×"))</f>
        <v>○</v>
      </c>
      <c r="NZ36" s="9"/>
      <c r="OA36" s="17"/>
      <c r="OB36" s="102" t="str">
        <f t="shared" si="30"/>
        <v/>
      </c>
      <c r="OC36" s="15" t="str">
        <f>IF(OC35="","",IF(OC35='（参考）【別紙２】'!$E$35,"",IF(MONTH(OC35)=MONTH(OC35+1),OC35+1,"")))</f>
        <v/>
      </c>
      <c r="OD36" s="13" t="str">
        <f>IF(COUNTIF(祝日一覧!$E$2:$E$142,OC36),"○",IF(OG36&lt;&gt;"","○",""))</f>
        <v/>
      </c>
      <c r="OE36" s="25"/>
      <c r="OF36" s="45" t="str">
        <f t="shared" si="107"/>
        <v/>
      </c>
      <c r="OG36" s="45"/>
      <c r="OH36" s="167"/>
      <c r="OI36" s="168"/>
      <c r="OJ36" s="43"/>
      <c r="OK36" s="202" t="s">
        <v>107</v>
      </c>
      <c r="OL36" s="216" t="str">
        <f>IF(OL34="○","－",IF(OL70&lt;=OL11,"○","×"))</f>
        <v>○</v>
      </c>
      <c r="OM36" s="9"/>
      <c r="ON36" s="17"/>
      <c r="OO36" s="102" t="str">
        <f t="shared" si="31"/>
        <v/>
      </c>
      <c r="OP36" s="15" t="str">
        <f>IF(OP35="","",IF(OP35='（参考）【別紙２】'!$E$35,"",IF(MONTH(OP35)=MONTH(OP35+1),OP35+1,"")))</f>
        <v/>
      </c>
      <c r="OQ36" s="13" t="str">
        <f>IF(COUNTIF(祝日一覧!$E$2:$E$142,OP36),"○",IF(OT36&lt;&gt;"","○",""))</f>
        <v/>
      </c>
      <c r="OR36" s="25"/>
      <c r="OS36" s="45" t="str">
        <f t="shared" si="108"/>
        <v/>
      </c>
      <c r="OT36" s="45"/>
      <c r="OU36" s="167"/>
      <c r="OV36" s="168"/>
      <c r="OW36" s="43"/>
      <c r="OX36" s="202" t="s">
        <v>107</v>
      </c>
      <c r="OY36" s="216" t="str">
        <f>IF(OY34="○","－",IF(OY70&lt;=OY11,"○","×"))</f>
        <v>○</v>
      </c>
      <c r="OZ36" s="9"/>
      <c r="PA36" s="17"/>
      <c r="PB36" s="102" t="str">
        <f t="shared" si="32"/>
        <v/>
      </c>
      <c r="PC36" s="15" t="str">
        <f>IF(PC35="","",IF(PC35='（参考）【別紙２】'!$E$35,"",IF(MONTH(PC35)=MONTH(PC35+1),PC35+1,"")))</f>
        <v/>
      </c>
      <c r="PD36" s="13" t="str">
        <f>IF(COUNTIF(祝日一覧!$E$2:$E$142,PC36),"○",IF(PG36&lt;&gt;"","○",""))</f>
        <v/>
      </c>
      <c r="PE36" s="25"/>
      <c r="PF36" s="45" t="str">
        <f t="shared" si="109"/>
        <v/>
      </c>
      <c r="PG36" s="45"/>
      <c r="PH36" s="167"/>
      <c r="PI36" s="168"/>
      <c r="PJ36" s="43"/>
      <c r="PK36" s="202" t="s">
        <v>107</v>
      </c>
      <c r="PL36" s="216" t="str">
        <f>IF(PL34="○","－",IF(PL70&lt;=PL11,"○","×"))</f>
        <v>○</v>
      </c>
      <c r="PM36" s="9"/>
      <c r="PN36" s="17"/>
      <c r="PO36" s="102" t="str">
        <f t="shared" si="33"/>
        <v/>
      </c>
      <c r="PP36" s="15" t="str">
        <f>IF(PP35="","",IF(PP35='（参考）【別紙２】'!$E$35,"",IF(MONTH(PP35)=MONTH(PP35+1),PP35+1,"")))</f>
        <v/>
      </c>
      <c r="PQ36" s="13" t="str">
        <f>IF(COUNTIF(祝日一覧!$E$2:$E$142,PP36),"○",IF(PT36&lt;&gt;"","○",""))</f>
        <v/>
      </c>
      <c r="PR36" s="25"/>
      <c r="PS36" s="45" t="str">
        <f t="shared" si="110"/>
        <v/>
      </c>
      <c r="PT36" s="45"/>
      <c r="PU36" s="167"/>
      <c r="PV36" s="168"/>
      <c r="PW36" s="43"/>
      <c r="PX36" s="202" t="s">
        <v>107</v>
      </c>
      <c r="PY36" s="216" t="str">
        <f>IF(PY34="○","－",IF(PY70&lt;=PY11,"○","×"))</f>
        <v>○</v>
      </c>
      <c r="PZ36" s="9"/>
      <c r="QA36" s="17"/>
      <c r="QB36" s="102" t="str">
        <f t="shared" si="34"/>
        <v/>
      </c>
      <c r="QC36" s="15" t="str">
        <f>IF(QC35="","",IF(QC35='（参考）【別紙２】'!$E$35,"",IF(MONTH(QC35)=MONTH(QC35+1),QC35+1,"")))</f>
        <v/>
      </c>
      <c r="QD36" s="13" t="str">
        <f>IF(COUNTIF(祝日一覧!$E$2:$E$142,QC36),"○",IF(QG36&lt;&gt;"","○",""))</f>
        <v/>
      </c>
      <c r="QE36" s="25"/>
      <c r="QF36" s="45" t="str">
        <f t="shared" si="111"/>
        <v/>
      </c>
      <c r="QG36" s="45"/>
      <c r="QH36" s="167"/>
      <c r="QI36" s="168"/>
      <c r="QJ36" s="43"/>
      <c r="QK36" s="202" t="s">
        <v>107</v>
      </c>
      <c r="QL36" s="216" t="str">
        <f>IF(QL34="○","－",IF(QL70&lt;=QL11,"○","×"))</f>
        <v>○</v>
      </c>
      <c r="QM36" s="9"/>
      <c r="QN36" s="17"/>
      <c r="QO36" s="102" t="str">
        <f t="shared" si="35"/>
        <v/>
      </c>
      <c r="QP36" s="15" t="str">
        <f>IF(QP35="","",IF(QP35='（参考）【別紙２】'!$E$35,"",IF(MONTH(QP35)=MONTH(QP35+1),QP35+1,"")))</f>
        <v/>
      </c>
      <c r="QQ36" s="13" t="str">
        <f>IF(COUNTIF(祝日一覧!$E$2:$E$142,QP36),"○",IF(QT36&lt;&gt;"","○",""))</f>
        <v/>
      </c>
      <c r="QR36" s="25"/>
      <c r="QS36" s="45" t="str">
        <f t="shared" si="112"/>
        <v/>
      </c>
      <c r="QT36" s="45"/>
      <c r="QU36" s="167"/>
      <c r="QV36" s="168"/>
      <c r="QW36" s="43"/>
      <c r="QX36" s="202" t="s">
        <v>107</v>
      </c>
      <c r="QY36" s="216" t="str">
        <f>IF(QY34="○","－",IF(QY70&lt;=QY11,"○","×"))</f>
        <v>○</v>
      </c>
      <c r="QZ36" s="9"/>
      <c r="RA36" s="17"/>
      <c r="RB36" s="102" t="str">
        <f t="shared" si="36"/>
        <v/>
      </c>
      <c r="RC36" s="15" t="str">
        <f>IF(RC35="","",IF(RC35='（参考）【別紙２】'!$E$35,"",IF(MONTH(RC35)=MONTH(RC35+1),RC35+1,"")))</f>
        <v/>
      </c>
      <c r="RD36" s="13" t="str">
        <f>IF(COUNTIF(祝日一覧!$E$2:$E$142,RC36),"○",IF(RG36&lt;&gt;"","○",""))</f>
        <v/>
      </c>
      <c r="RE36" s="25"/>
      <c r="RF36" s="45" t="str">
        <f t="shared" si="113"/>
        <v/>
      </c>
      <c r="RG36" s="45"/>
      <c r="RH36" s="167"/>
      <c r="RI36" s="168"/>
      <c r="RJ36" s="43"/>
      <c r="RK36" s="202" t="s">
        <v>107</v>
      </c>
      <c r="RL36" s="216" t="str">
        <f>IF(RL34="○","－",IF(RL70&lt;=RL11,"○","×"))</f>
        <v>○</v>
      </c>
      <c r="RM36" s="9"/>
      <c r="RN36" s="17"/>
      <c r="RO36" s="102" t="str">
        <f t="shared" si="37"/>
        <v/>
      </c>
      <c r="RP36" s="15" t="str">
        <f>IF(RP35="","",IF(RP35='（参考）【別紙２】'!$E$35,"",IF(MONTH(RP35)=MONTH(RP35+1),RP35+1,"")))</f>
        <v/>
      </c>
      <c r="RQ36" s="13" t="str">
        <f>IF(COUNTIF(祝日一覧!$E$2:$E$142,RP36),"○",IF(RT36&lt;&gt;"","○",""))</f>
        <v/>
      </c>
      <c r="RR36" s="25"/>
      <c r="RS36" s="45" t="str">
        <f t="shared" si="114"/>
        <v/>
      </c>
      <c r="RT36" s="45"/>
      <c r="RU36" s="167"/>
      <c r="RV36" s="168"/>
      <c r="RW36" s="43"/>
      <c r="RX36" s="202" t="s">
        <v>107</v>
      </c>
      <c r="RY36" s="216" t="str">
        <f>IF(RY34="○","－",IF(RY70&lt;=RY11,"○","×"))</f>
        <v>○</v>
      </c>
      <c r="RZ36" s="9"/>
      <c r="SA36" s="17"/>
      <c r="SB36" s="102" t="str">
        <f t="shared" si="38"/>
        <v/>
      </c>
      <c r="SC36" s="15" t="str">
        <f>IF(SC35="","",IF(SC35='（参考）【別紙２】'!$E$35,"",IF(MONTH(SC35)=MONTH(SC35+1),SC35+1,"")))</f>
        <v/>
      </c>
      <c r="SD36" s="13" t="str">
        <f>IF(COUNTIF(祝日一覧!$E$2:$E$142,SC36),"○",IF(SG36&lt;&gt;"","○",""))</f>
        <v/>
      </c>
      <c r="SE36" s="25"/>
      <c r="SF36" s="45" t="str">
        <f t="shared" si="115"/>
        <v/>
      </c>
      <c r="SG36" s="45"/>
      <c r="SH36" s="167"/>
      <c r="SI36" s="168"/>
      <c r="SJ36" s="43"/>
      <c r="SK36" s="202" t="s">
        <v>107</v>
      </c>
      <c r="SL36" s="216" t="str">
        <f>IF(SL34="○","－",IF(SL70&lt;=SL11,"○","×"))</f>
        <v>○</v>
      </c>
      <c r="SM36" s="9"/>
    </row>
    <row r="37" spans="1:507" ht="15.6" customHeight="1">
      <c r="A37" s="17"/>
      <c r="B37" s="102" t="str">
        <f t="shared" si="0"/>
        <v>火</v>
      </c>
      <c r="C37" s="15">
        <f>IF(C36="","",IF(C36='（参考）【別紙２】'!$E$35,"",IF(MONTH(C36)=MONTH(C36+1),C36+1,"")))</f>
        <v>45776</v>
      </c>
      <c r="D37" s="13" t="str">
        <f>IF(COUNTIF(祝日一覧!$E$2:$E$142,C37),"○",IF(G37&lt;&gt;"","○",""))</f>
        <v/>
      </c>
      <c r="E37" s="26"/>
      <c r="F37" s="45" t="str">
        <f t="shared" si="39"/>
        <v/>
      </c>
      <c r="G37" s="45"/>
      <c r="H37" s="167"/>
      <c r="I37" s="168"/>
      <c r="J37" s="42"/>
      <c r="K37" s="212"/>
      <c r="L37" s="214"/>
      <c r="M37" s="18"/>
      <c r="N37" s="17"/>
      <c r="O37" s="102" t="str">
        <f t="shared" si="1"/>
        <v>木</v>
      </c>
      <c r="P37" s="15">
        <f>IF(P36="","",IF(P36='（参考）【別紙２】'!$E$35,"",IF(MONTH(P36)=MONTH(P36+1),P36+1,"")))</f>
        <v>45806</v>
      </c>
      <c r="Q37" s="13" t="str">
        <f>IF(COUNTIF(祝日一覧!$E$2:$E$142,P37),"○",IF(T37&lt;&gt;"","○",""))</f>
        <v/>
      </c>
      <c r="R37" s="25"/>
      <c r="S37" s="45" t="str">
        <f t="shared" si="78"/>
        <v/>
      </c>
      <c r="T37" s="45"/>
      <c r="U37" s="167"/>
      <c r="V37" s="168"/>
      <c r="W37" s="43"/>
      <c r="X37" s="215"/>
      <c r="Y37" s="217"/>
      <c r="Z37" s="9"/>
      <c r="AA37" s="17"/>
      <c r="AB37" s="102" t="str">
        <f t="shared" si="2"/>
        <v>日</v>
      </c>
      <c r="AC37" s="15">
        <f>IF(AC36="","",IF(AC36='（参考）【別紙２】'!$E$35,"",IF(MONTH(AC36)=MONTH(AC36+1),AC36+1,"")))</f>
        <v>45837</v>
      </c>
      <c r="AD37" s="13" t="str">
        <f>IF(COUNTIF(祝日一覧!$E$2:$E$142,AC37),"○",IF(AG37&lt;&gt;"","○",""))</f>
        <v/>
      </c>
      <c r="AE37" s="26"/>
      <c r="AF37" s="45" t="str">
        <f t="shared" si="79"/>
        <v>○</v>
      </c>
      <c r="AG37" s="45"/>
      <c r="AH37" s="167"/>
      <c r="AI37" s="168"/>
      <c r="AJ37" s="43"/>
      <c r="AK37" s="218"/>
      <c r="AL37" s="217"/>
      <c r="AM37" s="9"/>
      <c r="AN37" s="17"/>
      <c r="AO37" s="102" t="str">
        <f t="shared" si="3"/>
        <v>火</v>
      </c>
      <c r="AP37" s="15">
        <f>IF(AP36="","",IF(AP36='（参考）【別紙２】'!$E$35,"",IF(MONTH(AP36)=MONTH(AP36+1),AP36+1,"")))</f>
        <v>45867</v>
      </c>
      <c r="AQ37" s="13" t="str">
        <f>IF(COUNTIF(祝日一覧!$E$2:$E$142,AP37),"○",IF(AT37&lt;&gt;"","○",""))</f>
        <v/>
      </c>
      <c r="AR37" s="26"/>
      <c r="AS37" s="45" t="str">
        <f t="shared" si="80"/>
        <v/>
      </c>
      <c r="AT37" s="45"/>
      <c r="AU37" s="167"/>
      <c r="AV37" s="168"/>
      <c r="AW37" s="43"/>
      <c r="AX37" s="218"/>
      <c r="AY37" s="217"/>
      <c r="AZ37" s="9"/>
      <c r="BA37" s="17"/>
      <c r="BB37" s="102" t="str">
        <f t="shared" si="4"/>
        <v>金</v>
      </c>
      <c r="BC37" s="15">
        <f>IF(BC36="","",IF(BC36='（参考）【別紙２】'!$E$35,"",IF(MONTH(BC36)=MONTH(BC36+1),BC36+1,"")))</f>
        <v>45898</v>
      </c>
      <c r="BD37" s="13" t="str">
        <f>IF(COUNTIF(祝日一覧!$E$2:$E$142,BC37),"○",IF(BG37&lt;&gt;"","○",""))</f>
        <v/>
      </c>
      <c r="BE37" s="26"/>
      <c r="BF37" s="45" t="str">
        <f t="shared" si="81"/>
        <v/>
      </c>
      <c r="BG37" s="45"/>
      <c r="BH37" s="167"/>
      <c r="BI37" s="168"/>
      <c r="BJ37" s="43"/>
      <c r="BK37" s="218"/>
      <c r="BL37" s="217"/>
      <c r="BM37" s="9"/>
      <c r="BN37" s="17"/>
      <c r="BO37" s="102" t="str">
        <f t="shared" si="5"/>
        <v/>
      </c>
      <c r="BP37" s="15" t="str">
        <f>IF(BP36="","",IF(BP36='（参考）【別紙２】'!$E$35,"",IF(MONTH(BP36)=MONTH(BP36+1),BP36+1,"")))</f>
        <v/>
      </c>
      <c r="BQ37" s="13" t="str">
        <f>IF(COUNTIF(祝日一覧!$E$2:$E$142,BP37),"○",IF(BT37&lt;&gt;"","○",""))</f>
        <v/>
      </c>
      <c r="BR37" s="26"/>
      <c r="BS37" s="45" t="str">
        <f t="shared" si="82"/>
        <v/>
      </c>
      <c r="BT37" s="45"/>
      <c r="BU37" s="167"/>
      <c r="BV37" s="168"/>
      <c r="BW37" s="43"/>
      <c r="BX37" s="218"/>
      <c r="BY37" s="217"/>
      <c r="BZ37" s="9"/>
      <c r="CA37" s="17"/>
      <c r="CB37" s="102" t="str">
        <f t="shared" si="6"/>
        <v/>
      </c>
      <c r="CC37" s="15" t="str">
        <f>IF(CC36="","",IF(CC36='（参考）【別紙２】'!$E$35,"",IF(MONTH(CC36)=MONTH(CC36+1),CC36+1,"")))</f>
        <v/>
      </c>
      <c r="CD37" s="13" t="str">
        <f>IF(COUNTIF(祝日一覧!$E$2:$E$142,CC37),"○",IF(CG37&lt;&gt;"","○",""))</f>
        <v/>
      </c>
      <c r="CE37" s="26"/>
      <c r="CF37" s="45" t="str">
        <f t="shared" si="83"/>
        <v/>
      </c>
      <c r="CG37" s="45"/>
      <c r="CH37" s="167"/>
      <c r="CI37" s="168"/>
      <c r="CJ37" s="43"/>
      <c r="CK37" s="218"/>
      <c r="CL37" s="217"/>
      <c r="CM37" s="9"/>
      <c r="CN37" s="17"/>
      <c r="CO37" s="102" t="str">
        <f t="shared" si="7"/>
        <v/>
      </c>
      <c r="CP37" s="15" t="str">
        <f>IF(CP36="","",IF(CP36='（参考）【別紙２】'!$E$35,"",IF(MONTH(CP36)=MONTH(CP36+1),CP36+1,"")))</f>
        <v/>
      </c>
      <c r="CQ37" s="13" t="str">
        <f>IF(COUNTIF(祝日一覧!$E$2:$E$142,CP37),"○",IF(CT37&lt;&gt;"","○",""))</f>
        <v/>
      </c>
      <c r="CR37" s="26"/>
      <c r="CS37" s="45" t="str">
        <f t="shared" si="84"/>
        <v/>
      </c>
      <c r="CT37" s="45"/>
      <c r="CU37" s="167"/>
      <c r="CV37" s="168"/>
      <c r="CW37" s="43"/>
      <c r="CX37" s="218"/>
      <c r="CY37" s="217"/>
      <c r="CZ37" s="9"/>
      <c r="DA37" s="17"/>
      <c r="DB37" s="102" t="str">
        <f t="shared" si="8"/>
        <v/>
      </c>
      <c r="DC37" s="15" t="str">
        <f>IF(DC36="","",IF(DC36='（参考）【別紙２】'!$E$35,"",IF(MONTH(DC36)=MONTH(DC36+1),DC36+1,"")))</f>
        <v/>
      </c>
      <c r="DD37" s="13" t="str">
        <f>IF(COUNTIF(祝日一覧!$E$2:$E$142,DC37),"○",IF(DG37&lt;&gt;"","○",""))</f>
        <v/>
      </c>
      <c r="DE37" s="26"/>
      <c r="DF37" s="45" t="str">
        <f t="shared" si="85"/>
        <v/>
      </c>
      <c r="DG37" s="45"/>
      <c r="DH37" s="167"/>
      <c r="DI37" s="168"/>
      <c r="DJ37" s="43"/>
      <c r="DK37" s="218"/>
      <c r="DL37" s="217"/>
      <c r="DM37" s="9"/>
      <c r="DN37" s="17"/>
      <c r="DO37" s="102" t="str">
        <f t="shared" si="9"/>
        <v/>
      </c>
      <c r="DP37" s="15" t="str">
        <f>IF(DP36="","",IF(DP36='（参考）【別紙２】'!$E$35,"",IF(MONTH(DP36)=MONTH(DP36+1),DP36+1,"")))</f>
        <v/>
      </c>
      <c r="DQ37" s="13" t="str">
        <f>IF(COUNTIF(祝日一覧!$E$2:$E$142,DP37),"○",IF(DT37&lt;&gt;"","○",""))</f>
        <v/>
      </c>
      <c r="DR37" s="26"/>
      <c r="DS37" s="45" t="str">
        <f t="shared" si="86"/>
        <v/>
      </c>
      <c r="DT37" s="45"/>
      <c r="DU37" s="167"/>
      <c r="DV37" s="168"/>
      <c r="DW37" s="43"/>
      <c r="DX37" s="218"/>
      <c r="DY37" s="217"/>
      <c r="DZ37" s="9"/>
      <c r="EA37" s="17"/>
      <c r="EB37" s="102" t="str">
        <f t="shared" si="10"/>
        <v/>
      </c>
      <c r="EC37" s="15" t="str">
        <f>IF(EC36="","",IF(EC36='（参考）【別紙２】'!$E$35,"",IF(MONTH(EC36)=MONTH(EC36+1),EC36+1,"")))</f>
        <v/>
      </c>
      <c r="ED37" s="13" t="str">
        <f>IF(COUNTIF(祝日一覧!$E$2:$E$142,EC37),"○",IF(EG37&lt;&gt;"","○",""))</f>
        <v/>
      </c>
      <c r="EE37" s="26"/>
      <c r="EF37" s="45" t="str">
        <f t="shared" si="87"/>
        <v/>
      </c>
      <c r="EG37" s="45"/>
      <c r="EH37" s="167"/>
      <c r="EI37" s="168"/>
      <c r="EJ37" s="43"/>
      <c r="EK37" s="218"/>
      <c r="EL37" s="217"/>
      <c r="EM37" s="9"/>
      <c r="EN37" s="17"/>
      <c r="EO37" s="102" t="str">
        <f t="shared" si="11"/>
        <v/>
      </c>
      <c r="EP37" s="15" t="str">
        <f>IF(EP36="","",IF(EP36='（参考）【別紙２】'!$E$35,"",IF(MONTH(EP36)=MONTH(EP36+1),EP36+1,"")))</f>
        <v/>
      </c>
      <c r="EQ37" s="13" t="str">
        <f>IF(COUNTIF(祝日一覧!$E$2:$E$142,EP37),"○",IF(ET37&lt;&gt;"","○",""))</f>
        <v/>
      </c>
      <c r="ER37" s="26"/>
      <c r="ES37" s="45" t="str">
        <f t="shared" si="88"/>
        <v/>
      </c>
      <c r="ET37" s="45"/>
      <c r="EU37" s="167"/>
      <c r="EV37" s="168"/>
      <c r="EW37" s="43"/>
      <c r="EX37" s="218"/>
      <c r="EY37" s="217"/>
      <c r="EZ37" s="9"/>
      <c r="FA37" s="17"/>
      <c r="FB37" s="102" t="str">
        <f t="shared" si="12"/>
        <v/>
      </c>
      <c r="FC37" s="15" t="str">
        <f>IF(FC36="","",IF(FC36='（参考）【別紙２】'!$E$35,"",IF(MONTH(FC36)=MONTH(FC36+1),FC36+1,"")))</f>
        <v/>
      </c>
      <c r="FD37" s="13" t="str">
        <f>IF(COUNTIF(祝日一覧!$E$2:$E$142,FC37),"○",IF(FG37&lt;&gt;"","○",""))</f>
        <v/>
      </c>
      <c r="FE37" s="26"/>
      <c r="FF37" s="45" t="str">
        <f t="shared" si="89"/>
        <v/>
      </c>
      <c r="FG37" s="45"/>
      <c r="FH37" s="167"/>
      <c r="FI37" s="168"/>
      <c r="FJ37" s="43"/>
      <c r="FK37" s="218"/>
      <c r="FL37" s="217"/>
      <c r="FM37" s="9"/>
      <c r="FN37" s="17"/>
      <c r="FO37" s="102" t="str">
        <f t="shared" si="13"/>
        <v/>
      </c>
      <c r="FP37" s="15" t="str">
        <f>IF(FP36="","",IF(FP36='（参考）【別紙２】'!$E$35,"",IF(MONTH(FP36)=MONTH(FP36+1),FP36+1,"")))</f>
        <v/>
      </c>
      <c r="FQ37" s="13" t="str">
        <f>IF(COUNTIF(祝日一覧!$E$2:$E$142,FP37),"○",IF(FT37&lt;&gt;"","○",""))</f>
        <v/>
      </c>
      <c r="FR37" s="26"/>
      <c r="FS37" s="45" t="str">
        <f t="shared" si="90"/>
        <v/>
      </c>
      <c r="FT37" s="45"/>
      <c r="FU37" s="167"/>
      <c r="FV37" s="168"/>
      <c r="FW37" s="43"/>
      <c r="FX37" s="218"/>
      <c r="FY37" s="217"/>
      <c r="FZ37" s="9"/>
      <c r="GA37" s="17"/>
      <c r="GB37" s="102" t="str">
        <f t="shared" si="14"/>
        <v/>
      </c>
      <c r="GC37" s="15" t="str">
        <f>IF(GC36="","",IF(GC36='（参考）【別紙２】'!$E$35,"",IF(MONTH(GC36)=MONTH(GC36+1),GC36+1,"")))</f>
        <v/>
      </c>
      <c r="GD37" s="13" t="str">
        <f>IF(COUNTIF(祝日一覧!$E$2:$E$142,GC37),"○",IF(GG37&lt;&gt;"","○",""))</f>
        <v/>
      </c>
      <c r="GE37" s="25"/>
      <c r="GF37" s="45" t="str">
        <f t="shared" si="91"/>
        <v/>
      </c>
      <c r="GG37" s="45"/>
      <c r="GH37" s="167"/>
      <c r="GI37" s="168"/>
      <c r="GJ37" s="43"/>
      <c r="GK37" s="218"/>
      <c r="GL37" s="217"/>
      <c r="GM37" s="9"/>
      <c r="GN37" s="17"/>
      <c r="GO37" s="102" t="str">
        <f t="shared" si="15"/>
        <v/>
      </c>
      <c r="GP37" s="15" t="str">
        <f>IF(GP36="","",IF(GP36='（参考）【別紙２】'!$E$35,"",IF(MONTH(GP36)=MONTH(GP36+1),GP36+1,"")))</f>
        <v/>
      </c>
      <c r="GQ37" s="13" t="str">
        <f>IF(COUNTIF(祝日一覧!$E$2:$E$142,GP37),"○",IF(GT37&lt;&gt;"","○",""))</f>
        <v/>
      </c>
      <c r="GR37" s="25"/>
      <c r="GS37" s="45" t="str">
        <f t="shared" si="92"/>
        <v/>
      </c>
      <c r="GT37" s="45"/>
      <c r="GU37" s="167"/>
      <c r="GV37" s="168"/>
      <c r="GW37" s="43"/>
      <c r="GX37" s="218"/>
      <c r="GY37" s="217"/>
      <c r="GZ37" s="9"/>
      <c r="HA37" s="17"/>
      <c r="HB37" s="102" t="str">
        <f t="shared" si="16"/>
        <v/>
      </c>
      <c r="HC37" s="15" t="str">
        <f>IF(HC36="","",IF(HC36='（参考）【別紙２】'!$E$35,"",IF(MONTH(HC36)=MONTH(HC36+1),HC36+1,"")))</f>
        <v/>
      </c>
      <c r="HD37" s="13" t="str">
        <f>IF(COUNTIF(祝日一覧!$E$2:$E$142,HC37),"○",IF(HG37&lt;&gt;"","○",""))</f>
        <v/>
      </c>
      <c r="HE37" s="26"/>
      <c r="HF37" s="45" t="str">
        <f t="shared" si="93"/>
        <v/>
      </c>
      <c r="HG37" s="45"/>
      <c r="HH37" s="167"/>
      <c r="HI37" s="168"/>
      <c r="HJ37" s="43"/>
      <c r="HK37" s="218"/>
      <c r="HL37" s="217"/>
      <c r="HM37" s="9"/>
      <c r="HN37" s="17"/>
      <c r="HO37" s="102" t="str">
        <f t="shared" si="17"/>
        <v/>
      </c>
      <c r="HP37" s="15" t="str">
        <f>IF(HP36="","",IF(HP36='（参考）【別紙２】'!$E$35,"",IF(MONTH(HP36)=MONTH(HP36+1),HP36+1,"")))</f>
        <v/>
      </c>
      <c r="HQ37" s="13" t="str">
        <f>IF(COUNTIF(祝日一覧!$E$2:$E$142,HP37),"○",IF(HT37&lt;&gt;"","○",""))</f>
        <v/>
      </c>
      <c r="HR37" s="25"/>
      <c r="HS37" s="45" t="str">
        <f t="shared" si="94"/>
        <v/>
      </c>
      <c r="HT37" s="45"/>
      <c r="HU37" s="167"/>
      <c r="HV37" s="168"/>
      <c r="HW37" s="43"/>
      <c r="HX37" s="218"/>
      <c r="HY37" s="217"/>
      <c r="HZ37" s="9"/>
      <c r="IA37" s="17"/>
      <c r="IB37" s="102" t="str">
        <f t="shared" si="18"/>
        <v/>
      </c>
      <c r="IC37" s="15" t="str">
        <f>IF(IC36="","",IF(IC36='（参考）【別紙２】'!$E$35,"",IF(MONTH(IC36)=MONTH(IC36+1),IC36+1,"")))</f>
        <v/>
      </c>
      <c r="ID37" s="13" t="str">
        <f>IF(COUNTIF(祝日一覧!$E$2:$E$142,IC37),"○",IF(IG37&lt;&gt;"","○",""))</f>
        <v/>
      </c>
      <c r="IE37" s="25"/>
      <c r="IF37" s="45" t="str">
        <f t="shared" si="95"/>
        <v/>
      </c>
      <c r="IG37" s="45"/>
      <c r="IH37" s="167"/>
      <c r="II37" s="168"/>
      <c r="IJ37" s="43"/>
      <c r="IK37" s="218"/>
      <c r="IL37" s="217"/>
      <c r="IM37" s="9"/>
      <c r="IN37" s="17"/>
      <c r="IO37" s="102" t="str">
        <f t="shared" si="19"/>
        <v/>
      </c>
      <c r="IP37" s="15" t="str">
        <f>IF(IP36="","",IF(IP36='（参考）【別紙２】'!$E$35,"",IF(MONTH(IP36)=MONTH(IP36+1),IP36+1,"")))</f>
        <v/>
      </c>
      <c r="IQ37" s="13" t="str">
        <f>IF(COUNTIF(祝日一覧!$E$2:$E$142,IP37),"○",IF(IT37&lt;&gt;"","○",""))</f>
        <v/>
      </c>
      <c r="IR37" s="25"/>
      <c r="IS37" s="45" t="str">
        <f t="shared" si="96"/>
        <v/>
      </c>
      <c r="IT37" s="45"/>
      <c r="IU37" s="167"/>
      <c r="IV37" s="168"/>
      <c r="IW37" s="43"/>
      <c r="IX37" s="218"/>
      <c r="IY37" s="217"/>
      <c r="IZ37" s="9"/>
      <c r="JA37" s="17"/>
      <c r="JB37" s="102" t="str">
        <f t="shared" si="20"/>
        <v/>
      </c>
      <c r="JC37" s="15" t="str">
        <f>IF(JC36="","",IF(JC36='（参考）【別紙２】'!$E$35,"",IF(MONTH(JC36)=MONTH(JC36+1),JC36+1,"")))</f>
        <v/>
      </c>
      <c r="JD37" s="13" t="str">
        <f>IF(COUNTIF(祝日一覧!$E$2:$E$142,JC37),"○",IF(JG37&lt;&gt;"","○",""))</f>
        <v/>
      </c>
      <c r="JE37" s="25"/>
      <c r="JF37" s="45" t="str">
        <f t="shared" si="97"/>
        <v/>
      </c>
      <c r="JG37" s="45"/>
      <c r="JH37" s="167"/>
      <c r="JI37" s="168"/>
      <c r="JJ37" s="43"/>
      <c r="JK37" s="218"/>
      <c r="JL37" s="217"/>
      <c r="JM37" s="9"/>
      <c r="JN37" s="17"/>
      <c r="JO37" s="102" t="str">
        <f t="shared" si="21"/>
        <v/>
      </c>
      <c r="JP37" s="15" t="str">
        <f>IF(JP36="","",IF(JP36='（参考）【別紙２】'!$E$35,"",IF(MONTH(JP36)=MONTH(JP36+1),JP36+1,"")))</f>
        <v/>
      </c>
      <c r="JQ37" s="13" t="str">
        <f>IF(COUNTIF(祝日一覧!$E$2:$E$142,JP37),"○",IF(JT37&lt;&gt;"","○",""))</f>
        <v/>
      </c>
      <c r="JR37" s="25"/>
      <c r="JS37" s="45" t="str">
        <f t="shared" si="98"/>
        <v/>
      </c>
      <c r="JT37" s="45"/>
      <c r="JU37" s="167"/>
      <c r="JV37" s="168"/>
      <c r="JW37" s="43"/>
      <c r="JX37" s="218"/>
      <c r="JY37" s="217"/>
      <c r="JZ37" s="9"/>
      <c r="KA37" s="17"/>
      <c r="KB37" s="102" t="str">
        <f t="shared" si="22"/>
        <v/>
      </c>
      <c r="KC37" s="15" t="str">
        <f>IF(KC36="","",IF(KC36='（参考）【別紙２】'!$E$35,"",IF(MONTH(KC36)=MONTH(KC36+1),KC36+1,"")))</f>
        <v/>
      </c>
      <c r="KD37" s="13" t="str">
        <f>IF(COUNTIF(祝日一覧!$E$2:$E$142,KC37),"○",IF(KG37&lt;&gt;"","○",""))</f>
        <v/>
      </c>
      <c r="KE37" s="25"/>
      <c r="KF37" s="45" t="str">
        <f t="shared" si="99"/>
        <v/>
      </c>
      <c r="KG37" s="45"/>
      <c r="KH37" s="167"/>
      <c r="KI37" s="168"/>
      <c r="KJ37" s="43"/>
      <c r="KK37" s="218"/>
      <c r="KL37" s="217"/>
      <c r="KM37" s="9"/>
      <c r="KN37" s="17"/>
      <c r="KO37" s="102" t="str">
        <f t="shared" si="23"/>
        <v/>
      </c>
      <c r="KP37" s="15" t="str">
        <f>IF(KP36="","",IF(KP36='（参考）【別紙２】'!$E$35,"",IF(MONTH(KP36)=MONTH(KP36+1),KP36+1,"")))</f>
        <v/>
      </c>
      <c r="KQ37" s="13" t="str">
        <f>IF(COUNTIF(祝日一覧!$E$2:$E$142,KP37),"○",IF(KT37&lt;&gt;"","○",""))</f>
        <v/>
      </c>
      <c r="KR37" s="25"/>
      <c r="KS37" s="45" t="str">
        <f t="shared" si="100"/>
        <v/>
      </c>
      <c r="KT37" s="45"/>
      <c r="KU37" s="167"/>
      <c r="KV37" s="168"/>
      <c r="KW37" s="43"/>
      <c r="KX37" s="218"/>
      <c r="KY37" s="217"/>
      <c r="KZ37" s="9"/>
      <c r="LA37" s="17"/>
      <c r="LB37" s="102" t="str">
        <f t="shared" si="24"/>
        <v/>
      </c>
      <c r="LC37" s="15" t="str">
        <f>IF(LC36="","",IF(LC36='（参考）【別紙２】'!$E$35,"",IF(MONTH(LC36)=MONTH(LC36+1),LC36+1,"")))</f>
        <v/>
      </c>
      <c r="LD37" s="13" t="str">
        <f>IF(COUNTIF(祝日一覧!$E$2:$E$142,LC37),"○",IF(LG37&lt;&gt;"","○",""))</f>
        <v/>
      </c>
      <c r="LE37" s="25"/>
      <c r="LF37" s="45" t="str">
        <f t="shared" si="101"/>
        <v/>
      </c>
      <c r="LG37" s="45"/>
      <c r="LH37" s="167"/>
      <c r="LI37" s="168"/>
      <c r="LJ37" s="43"/>
      <c r="LK37" s="218"/>
      <c r="LL37" s="217"/>
      <c r="LM37" s="9"/>
      <c r="LN37" s="17"/>
      <c r="LO37" s="102" t="str">
        <f t="shared" si="25"/>
        <v/>
      </c>
      <c r="LP37" s="15" t="str">
        <f>IF(LP36="","",IF(LP36='（参考）【別紙２】'!$E$35,"",IF(MONTH(LP36)=MONTH(LP36+1),LP36+1,"")))</f>
        <v/>
      </c>
      <c r="LQ37" s="13" t="str">
        <f>IF(COUNTIF(祝日一覧!$E$2:$E$142,LP37),"○",IF(LT37&lt;&gt;"","○",""))</f>
        <v/>
      </c>
      <c r="LR37" s="25"/>
      <c r="LS37" s="45" t="str">
        <f t="shared" si="102"/>
        <v/>
      </c>
      <c r="LT37" s="45"/>
      <c r="LU37" s="167"/>
      <c r="LV37" s="168"/>
      <c r="LW37" s="43"/>
      <c r="LX37" s="218"/>
      <c r="LY37" s="217"/>
      <c r="LZ37" s="9"/>
      <c r="MA37" s="17"/>
      <c r="MB37" s="102" t="str">
        <f t="shared" si="26"/>
        <v/>
      </c>
      <c r="MC37" s="15" t="str">
        <f>IF(MC36="","",IF(MC36='（参考）【別紙２】'!$E$35,"",IF(MONTH(MC36)=MONTH(MC36+1),MC36+1,"")))</f>
        <v/>
      </c>
      <c r="MD37" s="13" t="str">
        <f>IF(COUNTIF(祝日一覧!$E$2:$E$142,MC37),"○",IF(MG37&lt;&gt;"","○",""))</f>
        <v/>
      </c>
      <c r="ME37" s="25"/>
      <c r="MF37" s="45" t="str">
        <f t="shared" si="103"/>
        <v/>
      </c>
      <c r="MG37" s="45"/>
      <c r="MH37" s="167"/>
      <c r="MI37" s="168"/>
      <c r="MJ37" s="43"/>
      <c r="MK37" s="218"/>
      <c r="ML37" s="217"/>
      <c r="MM37" s="9"/>
      <c r="MN37" s="17"/>
      <c r="MO37" s="102" t="str">
        <f t="shared" si="27"/>
        <v/>
      </c>
      <c r="MP37" s="15" t="str">
        <f>IF(MP36="","",IF(MP36='（参考）【別紙２】'!$E$35,"",IF(MONTH(MP36)=MONTH(MP36+1),MP36+1,"")))</f>
        <v/>
      </c>
      <c r="MQ37" s="13" t="str">
        <f>IF(COUNTIF(祝日一覧!$E$2:$E$142,MP37),"○",IF(MT37&lt;&gt;"","○",""))</f>
        <v/>
      </c>
      <c r="MR37" s="25"/>
      <c r="MS37" s="45" t="str">
        <f t="shared" si="104"/>
        <v/>
      </c>
      <c r="MT37" s="45"/>
      <c r="MU37" s="167"/>
      <c r="MV37" s="168"/>
      <c r="MW37" s="43"/>
      <c r="MX37" s="218"/>
      <c r="MY37" s="217"/>
      <c r="MZ37" s="9"/>
      <c r="NA37" s="17"/>
      <c r="NB37" s="102" t="str">
        <f t="shared" si="28"/>
        <v/>
      </c>
      <c r="NC37" s="15" t="str">
        <f>IF(NC36="","",IF(NC36='（参考）【別紙２】'!$E$35,"",IF(MONTH(NC36)=MONTH(NC36+1),NC36+1,"")))</f>
        <v/>
      </c>
      <c r="ND37" s="13" t="str">
        <f>IF(COUNTIF(祝日一覧!$E$2:$E$142,NC37),"○",IF(NG37&lt;&gt;"","○",""))</f>
        <v/>
      </c>
      <c r="NE37" s="25"/>
      <c r="NF37" s="45" t="str">
        <f t="shared" si="105"/>
        <v/>
      </c>
      <c r="NG37" s="45"/>
      <c r="NH37" s="167"/>
      <c r="NI37" s="168"/>
      <c r="NJ37" s="43"/>
      <c r="NK37" s="218"/>
      <c r="NL37" s="217"/>
      <c r="NM37" s="9"/>
      <c r="NN37" s="17"/>
      <c r="NO37" s="102" t="str">
        <f t="shared" si="29"/>
        <v/>
      </c>
      <c r="NP37" s="15" t="str">
        <f>IF(NP36="","",IF(NP36='（参考）【別紙２】'!$E$35,"",IF(MONTH(NP36)=MONTH(NP36+1),NP36+1,"")))</f>
        <v/>
      </c>
      <c r="NQ37" s="13" t="str">
        <f>IF(COUNTIF(祝日一覧!$E$2:$E$142,NP37),"○",IF(NT37&lt;&gt;"","○",""))</f>
        <v/>
      </c>
      <c r="NR37" s="25"/>
      <c r="NS37" s="45" t="str">
        <f t="shared" si="106"/>
        <v/>
      </c>
      <c r="NT37" s="45"/>
      <c r="NU37" s="167"/>
      <c r="NV37" s="168"/>
      <c r="NW37" s="43"/>
      <c r="NX37" s="218"/>
      <c r="NY37" s="217"/>
      <c r="NZ37" s="9"/>
      <c r="OA37" s="17"/>
      <c r="OB37" s="102" t="str">
        <f t="shared" si="30"/>
        <v/>
      </c>
      <c r="OC37" s="15" t="str">
        <f>IF(OC36="","",IF(OC36='（参考）【別紙２】'!$E$35,"",IF(MONTH(OC36)=MONTH(OC36+1),OC36+1,"")))</f>
        <v/>
      </c>
      <c r="OD37" s="13" t="str">
        <f>IF(COUNTIF(祝日一覧!$E$2:$E$142,OC37),"○",IF(OG37&lt;&gt;"","○",""))</f>
        <v/>
      </c>
      <c r="OE37" s="25"/>
      <c r="OF37" s="45" t="str">
        <f t="shared" si="107"/>
        <v/>
      </c>
      <c r="OG37" s="45"/>
      <c r="OH37" s="167"/>
      <c r="OI37" s="168"/>
      <c r="OJ37" s="43"/>
      <c r="OK37" s="218"/>
      <c r="OL37" s="217"/>
      <c r="OM37" s="9"/>
      <c r="ON37" s="17"/>
      <c r="OO37" s="102" t="str">
        <f t="shared" si="31"/>
        <v/>
      </c>
      <c r="OP37" s="15" t="str">
        <f>IF(OP36="","",IF(OP36='（参考）【別紙２】'!$E$35,"",IF(MONTH(OP36)=MONTH(OP36+1),OP36+1,"")))</f>
        <v/>
      </c>
      <c r="OQ37" s="13" t="str">
        <f>IF(COUNTIF(祝日一覧!$E$2:$E$142,OP37),"○",IF(OT37&lt;&gt;"","○",""))</f>
        <v/>
      </c>
      <c r="OR37" s="25"/>
      <c r="OS37" s="45" t="str">
        <f t="shared" si="108"/>
        <v/>
      </c>
      <c r="OT37" s="45"/>
      <c r="OU37" s="167"/>
      <c r="OV37" s="168"/>
      <c r="OW37" s="43"/>
      <c r="OX37" s="218"/>
      <c r="OY37" s="217"/>
      <c r="OZ37" s="9"/>
      <c r="PA37" s="17"/>
      <c r="PB37" s="102" t="str">
        <f t="shared" si="32"/>
        <v/>
      </c>
      <c r="PC37" s="15" t="str">
        <f>IF(PC36="","",IF(PC36='（参考）【別紙２】'!$E$35,"",IF(MONTH(PC36)=MONTH(PC36+1),PC36+1,"")))</f>
        <v/>
      </c>
      <c r="PD37" s="13" t="str">
        <f>IF(COUNTIF(祝日一覧!$E$2:$E$142,PC37),"○",IF(PG37&lt;&gt;"","○",""))</f>
        <v/>
      </c>
      <c r="PE37" s="25"/>
      <c r="PF37" s="45" t="str">
        <f t="shared" si="109"/>
        <v/>
      </c>
      <c r="PG37" s="45"/>
      <c r="PH37" s="167"/>
      <c r="PI37" s="168"/>
      <c r="PJ37" s="43"/>
      <c r="PK37" s="218"/>
      <c r="PL37" s="217"/>
      <c r="PM37" s="9"/>
      <c r="PN37" s="17"/>
      <c r="PO37" s="102" t="str">
        <f t="shared" si="33"/>
        <v/>
      </c>
      <c r="PP37" s="15" t="str">
        <f>IF(PP36="","",IF(PP36='（参考）【別紙２】'!$E$35,"",IF(MONTH(PP36)=MONTH(PP36+1),PP36+1,"")))</f>
        <v/>
      </c>
      <c r="PQ37" s="13" t="str">
        <f>IF(COUNTIF(祝日一覧!$E$2:$E$142,PP37),"○",IF(PT37&lt;&gt;"","○",""))</f>
        <v/>
      </c>
      <c r="PR37" s="25"/>
      <c r="PS37" s="45" t="str">
        <f t="shared" si="110"/>
        <v/>
      </c>
      <c r="PT37" s="45"/>
      <c r="PU37" s="167"/>
      <c r="PV37" s="168"/>
      <c r="PW37" s="43"/>
      <c r="PX37" s="218"/>
      <c r="PY37" s="217"/>
      <c r="PZ37" s="9"/>
      <c r="QA37" s="17"/>
      <c r="QB37" s="102" t="str">
        <f t="shared" si="34"/>
        <v/>
      </c>
      <c r="QC37" s="15" t="str">
        <f>IF(QC36="","",IF(QC36='（参考）【別紙２】'!$E$35,"",IF(MONTH(QC36)=MONTH(QC36+1),QC36+1,"")))</f>
        <v/>
      </c>
      <c r="QD37" s="13" t="str">
        <f>IF(COUNTIF(祝日一覧!$E$2:$E$142,QC37),"○",IF(QG37&lt;&gt;"","○",""))</f>
        <v/>
      </c>
      <c r="QE37" s="25"/>
      <c r="QF37" s="45" t="str">
        <f t="shared" si="111"/>
        <v/>
      </c>
      <c r="QG37" s="45"/>
      <c r="QH37" s="167"/>
      <c r="QI37" s="168"/>
      <c r="QJ37" s="43"/>
      <c r="QK37" s="218"/>
      <c r="QL37" s="217"/>
      <c r="QM37" s="9"/>
      <c r="QN37" s="17"/>
      <c r="QO37" s="102" t="str">
        <f t="shared" si="35"/>
        <v/>
      </c>
      <c r="QP37" s="15" t="str">
        <f>IF(QP36="","",IF(QP36='（参考）【別紙２】'!$E$35,"",IF(MONTH(QP36)=MONTH(QP36+1),QP36+1,"")))</f>
        <v/>
      </c>
      <c r="QQ37" s="13" t="str">
        <f>IF(COUNTIF(祝日一覧!$E$2:$E$142,QP37),"○",IF(QT37&lt;&gt;"","○",""))</f>
        <v/>
      </c>
      <c r="QR37" s="25"/>
      <c r="QS37" s="45" t="str">
        <f t="shared" si="112"/>
        <v/>
      </c>
      <c r="QT37" s="45"/>
      <c r="QU37" s="167"/>
      <c r="QV37" s="168"/>
      <c r="QW37" s="43"/>
      <c r="QX37" s="218"/>
      <c r="QY37" s="217"/>
      <c r="QZ37" s="9"/>
      <c r="RA37" s="17"/>
      <c r="RB37" s="102" t="str">
        <f t="shared" si="36"/>
        <v/>
      </c>
      <c r="RC37" s="15" t="str">
        <f>IF(RC36="","",IF(RC36='（参考）【別紙２】'!$E$35,"",IF(MONTH(RC36)=MONTH(RC36+1),RC36+1,"")))</f>
        <v/>
      </c>
      <c r="RD37" s="13" t="str">
        <f>IF(COUNTIF(祝日一覧!$E$2:$E$142,RC37),"○",IF(RG37&lt;&gt;"","○",""))</f>
        <v/>
      </c>
      <c r="RE37" s="25"/>
      <c r="RF37" s="45" t="str">
        <f t="shared" si="113"/>
        <v/>
      </c>
      <c r="RG37" s="45"/>
      <c r="RH37" s="167"/>
      <c r="RI37" s="168"/>
      <c r="RJ37" s="43"/>
      <c r="RK37" s="218"/>
      <c r="RL37" s="217"/>
      <c r="RM37" s="9"/>
      <c r="RN37" s="17"/>
      <c r="RO37" s="102" t="str">
        <f t="shared" si="37"/>
        <v/>
      </c>
      <c r="RP37" s="15" t="str">
        <f>IF(RP36="","",IF(RP36='（参考）【別紙２】'!$E$35,"",IF(MONTH(RP36)=MONTH(RP36+1),RP36+1,"")))</f>
        <v/>
      </c>
      <c r="RQ37" s="13" t="str">
        <f>IF(COUNTIF(祝日一覧!$E$2:$E$142,RP37),"○",IF(RT37&lt;&gt;"","○",""))</f>
        <v/>
      </c>
      <c r="RR37" s="25"/>
      <c r="RS37" s="45" t="str">
        <f t="shared" si="114"/>
        <v/>
      </c>
      <c r="RT37" s="45"/>
      <c r="RU37" s="167"/>
      <c r="RV37" s="168"/>
      <c r="RW37" s="43"/>
      <c r="RX37" s="218"/>
      <c r="RY37" s="217"/>
      <c r="RZ37" s="9"/>
      <c r="SA37" s="17"/>
      <c r="SB37" s="102" t="str">
        <f t="shared" si="38"/>
        <v/>
      </c>
      <c r="SC37" s="15" t="str">
        <f>IF(SC36="","",IF(SC36='（参考）【別紙２】'!$E$35,"",IF(MONTH(SC36)=MONTH(SC36+1),SC36+1,"")))</f>
        <v/>
      </c>
      <c r="SD37" s="13" t="str">
        <f>IF(COUNTIF(祝日一覧!$E$2:$E$142,SC37),"○",IF(SG37&lt;&gt;"","○",""))</f>
        <v/>
      </c>
      <c r="SE37" s="25"/>
      <c r="SF37" s="45" t="str">
        <f t="shared" si="115"/>
        <v/>
      </c>
      <c r="SG37" s="45"/>
      <c r="SH37" s="167"/>
      <c r="SI37" s="168"/>
      <c r="SJ37" s="43"/>
      <c r="SK37" s="218"/>
      <c r="SL37" s="217"/>
      <c r="SM37" s="9"/>
    </row>
    <row r="38" spans="1:507" ht="15.6" customHeight="1">
      <c r="A38" s="17"/>
      <c r="B38" s="102" t="str">
        <f t="shared" si="0"/>
        <v>水</v>
      </c>
      <c r="C38" s="15">
        <f>IF(C37="","",IF(C37='（参考）【別紙２】'!$E$35,"",IF(MONTH(C37)=MONTH(C37+1),C37+1,"")))</f>
        <v>45777</v>
      </c>
      <c r="D38" s="13" t="str">
        <f>IF(COUNTIF(祝日一覧!$E$2:$E$142,C38),"○",IF(G38&lt;&gt;"","○",""))</f>
        <v/>
      </c>
      <c r="E38" s="26"/>
      <c r="F38" s="45" t="str">
        <f t="shared" si="39"/>
        <v/>
      </c>
      <c r="G38" s="45"/>
      <c r="H38" s="167"/>
      <c r="I38" s="168"/>
      <c r="J38" s="43"/>
      <c r="K38" s="219" t="str">
        <f>IF(L21/L19&lt;8/28,"未達成",IF(L74="○","月単位の週休２日達成","未達成"))</f>
        <v>未達成</v>
      </c>
      <c r="L38" s="220"/>
      <c r="M38" s="9"/>
      <c r="N38" s="17"/>
      <c r="O38" s="102" t="str">
        <f t="shared" si="1"/>
        <v>金</v>
      </c>
      <c r="P38" s="15">
        <f>IF(P37="","",IF(P37='（参考）【別紙２】'!$E$35,"",IF(MONTH(P37)=MONTH(P37+1),P37+1,"")))</f>
        <v>45807</v>
      </c>
      <c r="Q38" s="13" t="str">
        <f>IF(COUNTIF(祝日一覧!$E$2:$E$142,P38),"○",IF(T38&lt;&gt;"","○",""))</f>
        <v/>
      </c>
      <c r="R38" s="26"/>
      <c r="S38" s="45" t="str">
        <f t="shared" si="78"/>
        <v/>
      </c>
      <c r="T38" s="45"/>
      <c r="U38" s="167"/>
      <c r="V38" s="168"/>
      <c r="W38" s="9"/>
      <c r="X38" s="219" t="str">
        <f>IF(Y21/Y19&lt;8/28,"未達成",IF(Y75="○","月単位の週休２日達成","未達成"))</f>
        <v>未達成</v>
      </c>
      <c r="Y38" s="220"/>
      <c r="Z38" s="9"/>
      <c r="AA38" s="17"/>
      <c r="AB38" s="102" t="str">
        <f t="shared" si="2"/>
        <v>月</v>
      </c>
      <c r="AC38" s="15">
        <f>IF(AC37="","",IF(AC37='（参考）【別紙２】'!$E$35,"",IF(MONTH(AC37)=MONTH(AC37+1),AC37+1,"")))</f>
        <v>45838</v>
      </c>
      <c r="AD38" s="13" t="str">
        <f>IF(COUNTIF(祝日一覧!$E$2:$E$142,AC38),"○",IF(AG38&lt;&gt;"","○",""))</f>
        <v/>
      </c>
      <c r="AE38" s="26"/>
      <c r="AF38" s="45" t="str">
        <f t="shared" si="79"/>
        <v/>
      </c>
      <c r="AG38" s="45"/>
      <c r="AH38" s="167"/>
      <c r="AI38" s="168"/>
      <c r="AJ38" s="9"/>
      <c r="AK38" s="219" t="str">
        <f>IF(AL21/AL19&lt;8/28,"未達成",IF(AL75="○","月単位の週休２日達成","未達成"))</f>
        <v>未達成</v>
      </c>
      <c r="AL38" s="220"/>
      <c r="AM38" s="9"/>
      <c r="AN38" s="17"/>
      <c r="AO38" s="102" t="str">
        <f t="shared" si="3"/>
        <v>水</v>
      </c>
      <c r="AP38" s="15">
        <f>IF(AP37="","",IF(AP37='（参考）【別紙２】'!$E$35,"",IF(MONTH(AP37)=MONTH(AP37+1),AP37+1,"")))</f>
        <v>45868</v>
      </c>
      <c r="AQ38" s="13" t="str">
        <f>IF(COUNTIF(祝日一覧!$E$2:$E$142,AP38),"○",IF(AT38&lt;&gt;"","○",""))</f>
        <v/>
      </c>
      <c r="AR38" s="26"/>
      <c r="AS38" s="45" t="str">
        <f t="shared" si="80"/>
        <v/>
      </c>
      <c r="AT38" s="45"/>
      <c r="AU38" s="167"/>
      <c r="AV38" s="168"/>
      <c r="AW38" s="9"/>
      <c r="AX38" s="219" t="str">
        <f>IF(AY21/AY19&lt;8/28,"未達成",IF(AY75="○","月単位の週休２日達成","未達成"))</f>
        <v>未達成</v>
      </c>
      <c r="AY38" s="220"/>
      <c r="AZ38" s="9"/>
      <c r="BA38" s="17"/>
      <c r="BB38" s="102" t="str">
        <f t="shared" si="4"/>
        <v>土</v>
      </c>
      <c r="BC38" s="15">
        <f>IF(BC37="","",IF(BC37='（参考）【別紙２】'!$E$35,"",IF(MONTH(BC37)=MONTH(BC37+1),BC37+1,"")))</f>
        <v>45899</v>
      </c>
      <c r="BD38" s="13" t="str">
        <f>IF(COUNTIF(祝日一覧!$E$2:$E$142,BC38),"○",IF(BG38&lt;&gt;"","○",""))</f>
        <v/>
      </c>
      <c r="BE38" s="26"/>
      <c r="BF38" s="45" t="str">
        <f t="shared" si="81"/>
        <v>○</v>
      </c>
      <c r="BG38" s="45"/>
      <c r="BH38" s="167"/>
      <c r="BI38" s="168"/>
      <c r="BJ38" s="9"/>
      <c r="BK38" s="219" t="str">
        <f>IF(BL21/BL19&lt;8/28,"未達成",IF(BL75="○","月単位の週休２日達成","未達成"))</f>
        <v>未達成</v>
      </c>
      <c r="BL38" s="220"/>
      <c r="BM38" s="9"/>
      <c r="BN38" s="17"/>
      <c r="BO38" s="102" t="str">
        <f t="shared" si="5"/>
        <v/>
      </c>
      <c r="BP38" s="15" t="str">
        <f>IF(BP37="","",IF(BP37='（参考）【別紙２】'!$E$35,"",IF(MONTH(BP37)=MONTH(BP37+1),BP37+1,"")))</f>
        <v/>
      </c>
      <c r="BQ38" s="13" t="str">
        <f>IF(COUNTIF(祝日一覧!$E$2:$E$142,BP38),"○",IF(BT38&lt;&gt;"","○",""))</f>
        <v/>
      </c>
      <c r="BR38" s="26"/>
      <c r="BS38" s="45" t="str">
        <f t="shared" si="82"/>
        <v/>
      </c>
      <c r="BT38" s="45"/>
      <c r="BU38" s="167"/>
      <c r="BV38" s="168"/>
      <c r="BW38" s="9"/>
      <c r="BX38" s="219" t="str">
        <f>IF(BY21/BY19&lt;8/28,"未達成",IF(BY75="○","月単位の週休２日達成","未達成"))</f>
        <v>未達成</v>
      </c>
      <c r="BY38" s="220"/>
      <c r="BZ38" s="9"/>
      <c r="CA38" s="17"/>
      <c r="CB38" s="102" t="str">
        <f t="shared" si="6"/>
        <v/>
      </c>
      <c r="CC38" s="15" t="str">
        <f>IF(CC37="","",IF(CC37='（参考）【別紙２】'!$E$35,"",IF(MONTH(CC37)=MONTH(CC37+1),CC37+1,"")))</f>
        <v/>
      </c>
      <c r="CD38" s="13" t="str">
        <f>IF(COUNTIF(祝日一覧!$E$2:$E$142,CC38),"○",IF(CG38&lt;&gt;"","○",""))</f>
        <v/>
      </c>
      <c r="CE38" s="26"/>
      <c r="CF38" s="45" t="str">
        <f t="shared" si="83"/>
        <v/>
      </c>
      <c r="CG38" s="45"/>
      <c r="CH38" s="167"/>
      <c r="CI38" s="168"/>
      <c r="CJ38" s="9"/>
      <c r="CK38" s="219" t="str">
        <f>IF(CL21/CL19&lt;8/28,"未達成",IF(CL75="○","月単位の週休２日達成","未達成"))</f>
        <v>未達成</v>
      </c>
      <c r="CL38" s="220"/>
      <c r="CM38" s="9"/>
      <c r="CN38" s="17"/>
      <c r="CO38" s="102" t="str">
        <f t="shared" si="7"/>
        <v/>
      </c>
      <c r="CP38" s="15" t="str">
        <f>IF(CP37="","",IF(CP37='（参考）【別紙２】'!$E$35,"",IF(MONTH(CP37)=MONTH(CP37+1),CP37+1,"")))</f>
        <v/>
      </c>
      <c r="CQ38" s="13" t="str">
        <f>IF(COUNTIF(祝日一覧!$E$2:$E$142,CP38),"○",IF(CT38&lt;&gt;"","○",""))</f>
        <v/>
      </c>
      <c r="CR38" s="26"/>
      <c r="CS38" s="45" t="str">
        <f t="shared" si="84"/>
        <v/>
      </c>
      <c r="CT38" s="45"/>
      <c r="CU38" s="167"/>
      <c r="CV38" s="168"/>
      <c r="CW38" s="9"/>
      <c r="CX38" s="219" t="str">
        <f>IF(CY21/CY19&lt;8/28,"未達成",IF(CY75="○","月単位の週休２日達成","未達成"))</f>
        <v>未達成</v>
      </c>
      <c r="CY38" s="220"/>
      <c r="CZ38" s="9"/>
      <c r="DA38" s="17"/>
      <c r="DB38" s="102" t="str">
        <f t="shared" si="8"/>
        <v/>
      </c>
      <c r="DC38" s="15" t="str">
        <f>IF(DC37="","",IF(DC37='（参考）【別紙２】'!$E$35,"",IF(MONTH(DC37)=MONTH(DC37+1),DC37+1,"")))</f>
        <v/>
      </c>
      <c r="DD38" s="13" t="str">
        <f>IF(COUNTIF(祝日一覧!$E$2:$E$142,DC38),"○",IF(DG38&lt;&gt;"","○",""))</f>
        <v/>
      </c>
      <c r="DE38" s="26"/>
      <c r="DF38" s="45" t="str">
        <f t="shared" si="85"/>
        <v/>
      </c>
      <c r="DG38" s="45"/>
      <c r="DH38" s="167"/>
      <c r="DI38" s="168"/>
      <c r="DJ38" s="9"/>
      <c r="DK38" s="219" t="str">
        <f>IF(DL21/DL19&lt;8/28,"未達成",IF(DL75="○","月単位の週休２日達成","未達成"))</f>
        <v>未達成</v>
      </c>
      <c r="DL38" s="220"/>
      <c r="DM38" s="9"/>
      <c r="DN38" s="17"/>
      <c r="DO38" s="102" t="str">
        <f t="shared" si="9"/>
        <v/>
      </c>
      <c r="DP38" s="15" t="str">
        <f>IF(DP37="","",IF(DP37='（参考）【別紙２】'!$E$35,"",IF(MONTH(DP37)=MONTH(DP37+1),DP37+1,"")))</f>
        <v/>
      </c>
      <c r="DQ38" s="13" t="str">
        <f>IF(COUNTIF(祝日一覧!$E$2:$E$142,DP38),"○",IF(DT38&lt;&gt;"","○",""))</f>
        <v/>
      </c>
      <c r="DR38" s="26"/>
      <c r="DS38" s="45" t="str">
        <f t="shared" si="86"/>
        <v/>
      </c>
      <c r="DT38" s="45"/>
      <c r="DU38" s="167"/>
      <c r="DV38" s="168"/>
      <c r="DW38" s="9"/>
      <c r="DX38" s="219" t="str">
        <f>IF(DY21/DY19&lt;8/28,"未達成",IF(DY75="○","月単位の週休２日達成","未達成"))</f>
        <v>未達成</v>
      </c>
      <c r="DY38" s="220"/>
      <c r="DZ38" s="9"/>
      <c r="EA38" s="17"/>
      <c r="EB38" s="102" t="str">
        <f t="shared" si="10"/>
        <v/>
      </c>
      <c r="EC38" s="15" t="str">
        <f>IF(EC37="","",IF(EC37='（参考）【別紙２】'!$E$35,"",IF(MONTH(EC37)=MONTH(EC37+1),EC37+1,"")))</f>
        <v/>
      </c>
      <c r="ED38" s="13" t="str">
        <f>IF(COUNTIF(祝日一覧!$E$2:$E$142,EC38),"○",IF(EG38&lt;&gt;"","○",""))</f>
        <v/>
      </c>
      <c r="EE38" s="26"/>
      <c r="EF38" s="45" t="str">
        <f t="shared" si="87"/>
        <v/>
      </c>
      <c r="EG38" s="45"/>
      <c r="EH38" s="167"/>
      <c r="EI38" s="168"/>
      <c r="EJ38" s="9"/>
      <c r="EK38" s="219" t="str">
        <f>IF(EL21/EL19&lt;8/28,"未達成",IF(EL75="○","月単位の週休２日達成","未達成"))</f>
        <v>未達成</v>
      </c>
      <c r="EL38" s="220"/>
      <c r="EM38" s="9"/>
      <c r="EN38" s="17"/>
      <c r="EO38" s="102" t="str">
        <f t="shared" si="11"/>
        <v/>
      </c>
      <c r="EP38" s="15" t="str">
        <f>IF(EP37="","",IF(EP37='（参考）【別紙２】'!$E$35,"",IF(MONTH(EP37)=MONTH(EP37+1),EP37+1,"")))</f>
        <v/>
      </c>
      <c r="EQ38" s="13" t="str">
        <f>IF(COUNTIF(祝日一覧!$E$2:$E$142,EP38),"○",IF(ET38&lt;&gt;"","○",""))</f>
        <v/>
      </c>
      <c r="ER38" s="26"/>
      <c r="ES38" s="45" t="str">
        <f t="shared" si="88"/>
        <v/>
      </c>
      <c r="ET38" s="45"/>
      <c r="EU38" s="167"/>
      <c r="EV38" s="168"/>
      <c r="EW38" s="9"/>
      <c r="EX38" s="219" t="str">
        <f>IF(EY21/EY19&lt;8/28,"未達成",IF(EY75="○","月単位の週休２日達成","未達成"))</f>
        <v>未達成</v>
      </c>
      <c r="EY38" s="220"/>
      <c r="EZ38" s="9"/>
      <c r="FA38" s="17"/>
      <c r="FB38" s="102" t="str">
        <f t="shared" si="12"/>
        <v/>
      </c>
      <c r="FC38" s="15" t="str">
        <f>IF(FC37="","",IF(FC37='（参考）【別紙２】'!$E$35,"",IF(MONTH(FC37)=MONTH(FC37+1),FC37+1,"")))</f>
        <v/>
      </c>
      <c r="FD38" s="13" t="str">
        <f>IF(COUNTIF(祝日一覧!$E$2:$E$142,FC38),"○",IF(FG38&lt;&gt;"","○",""))</f>
        <v/>
      </c>
      <c r="FE38" s="26"/>
      <c r="FF38" s="45" t="str">
        <f t="shared" si="89"/>
        <v/>
      </c>
      <c r="FG38" s="45"/>
      <c r="FH38" s="167"/>
      <c r="FI38" s="168"/>
      <c r="FJ38" s="9"/>
      <c r="FK38" s="219" t="str">
        <f>IF(FL21/FL19&lt;8/28,"未達成",IF(FL75="○","月単位の週休２日達成","未達成"))</f>
        <v>未達成</v>
      </c>
      <c r="FL38" s="220"/>
      <c r="FM38" s="9"/>
      <c r="FN38" s="17"/>
      <c r="FO38" s="102" t="str">
        <f t="shared" si="13"/>
        <v/>
      </c>
      <c r="FP38" s="15" t="str">
        <f>IF(FP37="","",IF(FP37='（参考）【別紙２】'!$E$35,"",IF(MONTH(FP37)=MONTH(FP37+1),FP37+1,"")))</f>
        <v/>
      </c>
      <c r="FQ38" s="13" t="str">
        <f>IF(COUNTIF(祝日一覧!$E$2:$E$142,FP38),"○",IF(FT38&lt;&gt;"","○",""))</f>
        <v/>
      </c>
      <c r="FR38" s="26"/>
      <c r="FS38" s="45" t="str">
        <f t="shared" si="90"/>
        <v/>
      </c>
      <c r="FT38" s="45"/>
      <c r="FU38" s="167"/>
      <c r="FV38" s="168"/>
      <c r="FW38" s="9"/>
      <c r="FX38" s="219" t="str">
        <f>IF(FY21/FY19&lt;8/28,"未達成",IF(FY75="○","月単位の週休２日達成","未達成"))</f>
        <v>未達成</v>
      </c>
      <c r="FY38" s="220"/>
      <c r="FZ38" s="9"/>
      <c r="GA38" s="17"/>
      <c r="GB38" s="102" t="str">
        <f t="shared" si="14"/>
        <v/>
      </c>
      <c r="GC38" s="15" t="str">
        <f>IF(GC37="","",IF(GC37='（参考）【別紙２】'!$E$35,"",IF(MONTH(GC37)=MONTH(GC37+1),GC37+1,"")))</f>
        <v/>
      </c>
      <c r="GD38" s="13" t="str">
        <f>IF(COUNTIF(祝日一覧!$E$2:$E$142,GC38),"○",IF(GG38&lt;&gt;"","○",""))</f>
        <v/>
      </c>
      <c r="GE38" s="25"/>
      <c r="GF38" s="45" t="str">
        <f t="shared" si="91"/>
        <v/>
      </c>
      <c r="GG38" s="45"/>
      <c r="GH38" s="167"/>
      <c r="GI38" s="168"/>
      <c r="GJ38" s="9"/>
      <c r="GK38" s="219" t="str">
        <f>IF(GL21/GL19&lt;8/28,"未達成",IF(GL75="○","月単位の週休２日達成","未達成"))</f>
        <v>未達成</v>
      </c>
      <c r="GL38" s="220"/>
      <c r="GM38" s="9"/>
      <c r="GN38" s="17"/>
      <c r="GO38" s="102" t="str">
        <f t="shared" si="15"/>
        <v/>
      </c>
      <c r="GP38" s="15" t="str">
        <f>IF(GP37="","",IF(GP37='（参考）【別紙２】'!$E$35,"",IF(MONTH(GP37)=MONTH(GP37+1),GP37+1,"")))</f>
        <v/>
      </c>
      <c r="GQ38" s="13" t="str">
        <f>IF(COUNTIF(祝日一覧!$E$2:$E$142,GP38),"○",IF(GT38&lt;&gt;"","○",""))</f>
        <v/>
      </c>
      <c r="GR38" s="25"/>
      <c r="GS38" s="45" t="str">
        <f t="shared" si="92"/>
        <v/>
      </c>
      <c r="GT38" s="45"/>
      <c r="GU38" s="167"/>
      <c r="GV38" s="168"/>
      <c r="GW38" s="9"/>
      <c r="GX38" s="219" t="str">
        <f>IF(GY21/GY19&lt;8/28,"未達成",IF(GY75="○","月単位の週休２日達成","未達成"))</f>
        <v>未達成</v>
      </c>
      <c r="GY38" s="220"/>
      <c r="GZ38" s="9"/>
      <c r="HA38" s="17"/>
      <c r="HB38" s="102" t="str">
        <f t="shared" si="16"/>
        <v/>
      </c>
      <c r="HC38" s="15" t="str">
        <f>IF(HC37="","",IF(HC37='（参考）【別紙２】'!$E$35,"",IF(MONTH(HC37)=MONTH(HC37+1),HC37+1,"")))</f>
        <v/>
      </c>
      <c r="HD38" s="13" t="str">
        <f>IF(COUNTIF(祝日一覧!$E$2:$E$142,HC38),"○",IF(HG38&lt;&gt;"","○",""))</f>
        <v/>
      </c>
      <c r="HE38" s="26"/>
      <c r="HF38" s="45" t="str">
        <f t="shared" si="93"/>
        <v/>
      </c>
      <c r="HG38" s="45"/>
      <c r="HH38" s="167"/>
      <c r="HI38" s="168"/>
      <c r="HJ38" s="9"/>
      <c r="HK38" s="219" t="str">
        <f>IF(HL21/HL19&lt;8/28,"未達成",IF(HL75="○","月単位の週休２日達成","未達成"))</f>
        <v>未達成</v>
      </c>
      <c r="HL38" s="220"/>
      <c r="HM38" s="9"/>
      <c r="HN38" s="17"/>
      <c r="HO38" s="102" t="str">
        <f t="shared" si="17"/>
        <v/>
      </c>
      <c r="HP38" s="15" t="str">
        <f>IF(HP37="","",IF(HP37='（参考）【別紙２】'!$E$35,"",IF(MONTH(HP37)=MONTH(HP37+1),HP37+1,"")))</f>
        <v/>
      </c>
      <c r="HQ38" s="13" t="str">
        <f>IF(COUNTIF(祝日一覧!$E$2:$E$142,HP38),"○",IF(HT38&lt;&gt;"","○",""))</f>
        <v/>
      </c>
      <c r="HR38" s="25"/>
      <c r="HS38" s="45" t="str">
        <f t="shared" si="94"/>
        <v/>
      </c>
      <c r="HT38" s="45"/>
      <c r="HU38" s="167"/>
      <c r="HV38" s="168"/>
      <c r="HW38" s="9"/>
      <c r="HX38" s="219" t="str">
        <f>IF(HY21/HY19&lt;8/28,"未達成",IF(HY75="○","月単位の週休２日達成","未達成"))</f>
        <v>未達成</v>
      </c>
      <c r="HY38" s="220"/>
      <c r="HZ38" s="9"/>
      <c r="IA38" s="17"/>
      <c r="IB38" s="102" t="str">
        <f t="shared" si="18"/>
        <v/>
      </c>
      <c r="IC38" s="15" t="str">
        <f>IF(IC37="","",IF(IC37='（参考）【別紙２】'!$E$35,"",IF(MONTH(IC37)=MONTH(IC37+1),IC37+1,"")))</f>
        <v/>
      </c>
      <c r="ID38" s="13" t="str">
        <f>IF(COUNTIF(祝日一覧!$E$2:$E$142,IC38),"○",IF(IG38&lt;&gt;"","○",""))</f>
        <v/>
      </c>
      <c r="IE38" s="25"/>
      <c r="IF38" s="45" t="str">
        <f t="shared" si="95"/>
        <v/>
      </c>
      <c r="IG38" s="45"/>
      <c r="IH38" s="167"/>
      <c r="II38" s="168"/>
      <c r="IJ38" s="9"/>
      <c r="IK38" s="219" t="str">
        <f>IF(IL21/IL19&lt;8/28,"未達成",IF(IL75="○","月単位の週休２日達成","未達成"))</f>
        <v>未達成</v>
      </c>
      <c r="IL38" s="220"/>
      <c r="IM38" s="9"/>
      <c r="IN38" s="17"/>
      <c r="IO38" s="102" t="str">
        <f t="shared" si="19"/>
        <v/>
      </c>
      <c r="IP38" s="15" t="str">
        <f>IF(IP37="","",IF(IP37='（参考）【別紙２】'!$E$35,"",IF(MONTH(IP37)=MONTH(IP37+1),IP37+1,"")))</f>
        <v/>
      </c>
      <c r="IQ38" s="13" t="str">
        <f>IF(COUNTIF(祝日一覧!$E$2:$E$142,IP38),"○",IF(IT38&lt;&gt;"","○",""))</f>
        <v/>
      </c>
      <c r="IR38" s="25"/>
      <c r="IS38" s="45" t="str">
        <f t="shared" si="96"/>
        <v/>
      </c>
      <c r="IT38" s="45"/>
      <c r="IU38" s="167"/>
      <c r="IV38" s="168"/>
      <c r="IW38" s="9"/>
      <c r="IX38" s="219" t="str">
        <f>IF(IY21/IY19&lt;8/28,"未達成",IF(IY75="○","月単位の週休２日達成","未達成"))</f>
        <v>未達成</v>
      </c>
      <c r="IY38" s="220"/>
      <c r="IZ38" s="9"/>
      <c r="JA38" s="17"/>
      <c r="JB38" s="102" t="str">
        <f t="shared" si="20"/>
        <v/>
      </c>
      <c r="JC38" s="15" t="str">
        <f>IF(JC37="","",IF(JC37='（参考）【別紙２】'!$E$35,"",IF(MONTH(JC37)=MONTH(JC37+1),JC37+1,"")))</f>
        <v/>
      </c>
      <c r="JD38" s="13" t="str">
        <f>IF(COUNTIF(祝日一覧!$E$2:$E$142,JC38),"○",IF(JG38&lt;&gt;"","○",""))</f>
        <v/>
      </c>
      <c r="JE38" s="25"/>
      <c r="JF38" s="45" t="str">
        <f t="shared" si="97"/>
        <v/>
      </c>
      <c r="JG38" s="45"/>
      <c r="JH38" s="167"/>
      <c r="JI38" s="168"/>
      <c r="JJ38" s="9"/>
      <c r="JK38" s="219" t="str">
        <f>IF(JL21/JL19&lt;8/28,"未達成",IF(JL75="○","月単位の週休２日達成","未達成"))</f>
        <v>未達成</v>
      </c>
      <c r="JL38" s="220"/>
      <c r="JM38" s="9"/>
      <c r="JN38" s="17"/>
      <c r="JO38" s="102" t="str">
        <f t="shared" si="21"/>
        <v/>
      </c>
      <c r="JP38" s="15" t="str">
        <f>IF(JP37="","",IF(JP37='（参考）【別紙２】'!$E$35,"",IF(MONTH(JP37)=MONTH(JP37+1),JP37+1,"")))</f>
        <v/>
      </c>
      <c r="JQ38" s="13" t="str">
        <f>IF(COUNTIF(祝日一覧!$E$2:$E$142,JP38),"○",IF(JT38&lt;&gt;"","○",""))</f>
        <v/>
      </c>
      <c r="JR38" s="25"/>
      <c r="JS38" s="45" t="str">
        <f t="shared" si="98"/>
        <v/>
      </c>
      <c r="JT38" s="45"/>
      <c r="JU38" s="167"/>
      <c r="JV38" s="168"/>
      <c r="JW38" s="9"/>
      <c r="JX38" s="219" t="str">
        <f>IF(JY21/JY19&lt;8/28,"未達成",IF(JY75="○","月単位の週休２日達成","未達成"))</f>
        <v>未達成</v>
      </c>
      <c r="JY38" s="220"/>
      <c r="JZ38" s="9"/>
      <c r="KA38" s="17"/>
      <c r="KB38" s="102" t="str">
        <f t="shared" si="22"/>
        <v/>
      </c>
      <c r="KC38" s="15" t="str">
        <f>IF(KC37="","",IF(KC37='（参考）【別紙２】'!$E$35,"",IF(MONTH(KC37)=MONTH(KC37+1),KC37+1,"")))</f>
        <v/>
      </c>
      <c r="KD38" s="13" t="str">
        <f>IF(COUNTIF(祝日一覧!$E$2:$E$142,KC38),"○",IF(KG38&lt;&gt;"","○",""))</f>
        <v/>
      </c>
      <c r="KE38" s="25"/>
      <c r="KF38" s="45" t="str">
        <f t="shared" si="99"/>
        <v/>
      </c>
      <c r="KG38" s="45"/>
      <c r="KH38" s="167"/>
      <c r="KI38" s="168"/>
      <c r="KJ38" s="9"/>
      <c r="KK38" s="219" t="str">
        <f>IF(KL21/KL19&lt;8/28,"未達成",IF(KL75="○","月単位の週休２日達成","未達成"))</f>
        <v>未達成</v>
      </c>
      <c r="KL38" s="220"/>
      <c r="KM38" s="9"/>
      <c r="KN38" s="17"/>
      <c r="KO38" s="102" t="str">
        <f t="shared" si="23"/>
        <v/>
      </c>
      <c r="KP38" s="15" t="str">
        <f>IF(KP37="","",IF(KP37='（参考）【別紙２】'!$E$35,"",IF(MONTH(KP37)=MONTH(KP37+1),KP37+1,"")))</f>
        <v/>
      </c>
      <c r="KQ38" s="13" t="str">
        <f>IF(COUNTIF(祝日一覧!$E$2:$E$142,KP38),"○",IF(KT38&lt;&gt;"","○",""))</f>
        <v/>
      </c>
      <c r="KR38" s="25"/>
      <c r="KS38" s="45" t="str">
        <f t="shared" si="100"/>
        <v/>
      </c>
      <c r="KT38" s="45"/>
      <c r="KU38" s="167"/>
      <c r="KV38" s="168"/>
      <c r="KW38" s="9"/>
      <c r="KX38" s="219" t="str">
        <f>IF(KY21/KY19&lt;8/28,"未達成",IF(KY75="○","月単位の週休２日達成","未達成"))</f>
        <v>未達成</v>
      </c>
      <c r="KY38" s="220"/>
      <c r="KZ38" s="9"/>
      <c r="LA38" s="17"/>
      <c r="LB38" s="102" t="str">
        <f t="shared" si="24"/>
        <v/>
      </c>
      <c r="LC38" s="15" t="str">
        <f>IF(LC37="","",IF(LC37='（参考）【別紙２】'!$E$35,"",IF(MONTH(LC37)=MONTH(LC37+1),LC37+1,"")))</f>
        <v/>
      </c>
      <c r="LD38" s="13" t="str">
        <f>IF(COUNTIF(祝日一覧!$E$2:$E$142,LC38),"○",IF(LG38&lt;&gt;"","○",""))</f>
        <v/>
      </c>
      <c r="LE38" s="25"/>
      <c r="LF38" s="45" t="str">
        <f t="shared" si="101"/>
        <v/>
      </c>
      <c r="LG38" s="45"/>
      <c r="LH38" s="167"/>
      <c r="LI38" s="168"/>
      <c r="LJ38" s="9"/>
      <c r="LK38" s="219" t="str">
        <f>IF(LL21/LL19&lt;8/28,"未達成",IF(LL75="○","月単位の週休２日達成","未達成"))</f>
        <v>未達成</v>
      </c>
      <c r="LL38" s="220"/>
      <c r="LM38" s="9"/>
      <c r="LN38" s="17"/>
      <c r="LO38" s="102" t="str">
        <f t="shared" si="25"/>
        <v/>
      </c>
      <c r="LP38" s="15" t="str">
        <f>IF(LP37="","",IF(LP37='（参考）【別紙２】'!$E$35,"",IF(MONTH(LP37)=MONTH(LP37+1),LP37+1,"")))</f>
        <v/>
      </c>
      <c r="LQ38" s="13" t="str">
        <f>IF(COUNTIF(祝日一覧!$E$2:$E$142,LP38),"○",IF(LT38&lt;&gt;"","○",""))</f>
        <v/>
      </c>
      <c r="LR38" s="25"/>
      <c r="LS38" s="45" t="str">
        <f t="shared" si="102"/>
        <v/>
      </c>
      <c r="LT38" s="45"/>
      <c r="LU38" s="167"/>
      <c r="LV38" s="168"/>
      <c r="LW38" s="9"/>
      <c r="LX38" s="219" t="str">
        <f>IF(LY21/LY19&lt;8/28,"未達成",IF(LY75="○","月単位の週休２日達成","未達成"))</f>
        <v>未達成</v>
      </c>
      <c r="LY38" s="220"/>
      <c r="LZ38" s="9"/>
      <c r="MA38" s="17"/>
      <c r="MB38" s="102" t="str">
        <f t="shared" si="26"/>
        <v/>
      </c>
      <c r="MC38" s="15" t="str">
        <f>IF(MC37="","",IF(MC37='（参考）【別紙２】'!$E$35,"",IF(MONTH(MC37)=MONTH(MC37+1),MC37+1,"")))</f>
        <v/>
      </c>
      <c r="MD38" s="13" t="str">
        <f>IF(COUNTIF(祝日一覧!$E$2:$E$142,MC38),"○",IF(MG38&lt;&gt;"","○",""))</f>
        <v/>
      </c>
      <c r="ME38" s="25"/>
      <c r="MF38" s="45" t="str">
        <f t="shared" si="103"/>
        <v/>
      </c>
      <c r="MG38" s="45"/>
      <c r="MH38" s="167"/>
      <c r="MI38" s="168"/>
      <c r="MJ38" s="9"/>
      <c r="MK38" s="219" t="str">
        <f>IF(ML21/ML19&lt;8/28,"未達成",IF(ML75="○","月単位の週休２日達成","未達成"))</f>
        <v>未達成</v>
      </c>
      <c r="ML38" s="220"/>
      <c r="MM38" s="9"/>
      <c r="MN38" s="17"/>
      <c r="MO38" s="102" t="str">
        <f t="shared" si="27"/>
        <v/>
      </c>
      <c r="MP38" s="15" t="str">
        <f>IF(MP37="","",IF(MP37='（参考）【別紙２】'!$E$35,"",IF(MONTH(MP37)=MONTH(MP37+1),MP37+1,"")))</f>
        <v/>
      </c>
      <c r="MQ38" s="13" t="str">
        <f>IF(COUNTIF(祝日一覧!$E$2:$E$142,MP38),"○",IF(MT38&lt;&gt;"","○",""))</f>
        <v/>
      </c>
      <c r="MR38" s="25"/>
      <c r="MS38" s="45" t="str">
        <f t="shared" si="104"/>
        <v/>
      </c>
      <c r="MT38" s="45"/>
      <c r="MU38" s="167"/>
      <c r="MV38" s="168"/>
      <c r="MW38" s="9"/>
      <c r="MX38" s="219" t="str">
        <f>IF(MY21/MY19&lt;8/28,"未達成",IF(MY75="○","月単位の週休２日達成","未達成"))</f>
        <v>未達成</v>
      </c>
      <c r="MY38" s="220"/>
      <c r="MZ38" s="9"/>
      <c r="NA38" s="17"/>
      <c r="NB38" s="102" t="str">
        <f t="shared" si="28"/>
        <v/>
      </c>
      <c r="NC38" s="15" t="str">
        <f>IF(NC37="","",IF(NC37='（参考）【別紙２】'!$E$35,"",IF(MONTH(NC37)=MONTH(NC37+1),NC37+1,"")))</f>
        <v/>
      </c>
      <c r="ND38" s="13" t="str">
        <f>IF(COUNTIF(祝日一覧!$E$2:$E$142,NC38),"○",IF(NG38&lt;&gt;"","○",""))</f>
        <v/>
      </c>
      <c r="NE38" s="25"/>
      <c r="NF38" s="45" t="str">
        <f t="shared" si="105"/>
        <v/>
      </c>
      <c r="NG38" s="45"/>
      <c r="NH38" s="167"/>
      <c r="NI38" s="168"/>
      <c r="NJ38" s="9"/>
      <c r="NK38" s="219" t="str">
        <f>IF(NL21/NL19&lt;8/28,"未達成",IF(NL75="○","月単位の週休２日達成","未達成"))</f>
        <v>未達成</v>
      </c>
      <c r="NL38" s="220"/>
      <c r="NM38" s="9"/>
      <c r="NN38" s="17"/>
      <c r="NO38" s="102" t="str">
        <f t="shared" si="29"/>
        <v/>
      </c>
      <c r="NP38" s="15" t="str">
        <f>IF(NP37="","",IF(NP37='（参考）【別紙２】'!$E$35,"",IF(MONTH(NP37)=MONTH(NP37+1),NP37+1,"")))</f>
        <v/>
      </c>
      <c r="NQ38" s="13" t="str">
        <f>IF(COUNTIF(祝日一覧!$E$2:$E$142,NP38),"○",IF(NT38&lt;&gt;"","○",""))</f>
        <v/>
      </c>
      <c r="NR38" s="25"/>
      <c r="NS38" s="45" t="str">
        <f t="shared" si="106"/>
        <v/>
      </c>
      <c r="NT38" s="45"/>
      <c r="NU38" s="167"/>
      <c r="NV38" s="168"/>
      <c r="NW38" s="9"/>
      <c r="NX38" s="219" t="str">
        <f>IF(NY21/NY19&lt;8/28,"未達成",IF(NY75="○","月単位の週休２日達成","未達成"))</f>
        <v>未達成</v>
      </c>
      <c r="NY38" s="220"/>
      <c r="NZ38" s="9"/>
      <c r="OA38" s="17"/>
      <c r="OB38" s="102" t="str">
        <f t="shared" si="30"/>
        <v/>
      </c>
      <c r="OC38" s="15" t="str">
        <f>IF(OC37="","",IF(OC37='（参考）【別紙２】'!$E$35,"",IF(MONTH(OC37)=MONTH(OC37+1),OC37+1,"")))</f>
        <v/>
      </c>
      <c r="OD38" s="13" t="str">
        <f>IF(COUNTIF(祝日一覧!$E$2:$E$142,OC38),"○",IF(OG38&lt;&gt;"","○",""))</f>
        <v/>
      </c>
      <c r="OE38" s="25"/>
      <c r="OF38" s="45" t="str">
        <f t="shared" si="107"/>
        <v/>
      </c>
      <c r="OG38" s="45"/>
      <c r="OH38" s="167"/>
      <c r="OI38" s="168"/>
      <c r="OJ38" s="9"/>
      <c r="OK38" s="219" t="str">
        <f>IF(OL21/OL19&lt;8/28,"未達成",IF(OL75="○","月単位の週休２日達成","未達成"))</f>
        <v>未達成</v>
      </c>
      <c r="OL38" s="220"/>
      <c r="OM38" s="9"/>
      <c r="ON38" s="17"/>
      <c r="OO38" s="102" t="str">
        <f t="shared" si="31"/>
        <v/>
      </c>
      <c r="OP38" s="15" t="str">
        <f>IF(OP37="","",IF(OP37='（参考）【別紙２】'!$E$35,"",IF(MONTH(OP37)=MONTH(OP37+1),OP37+1,"")))</f>
        <v/>
      </c>
      <c r="OQ38" s="13" t="str">
        <f>IF(COUNTIF(祝日一覧!$E$2:$E$142,OP38),"○",IF(OT38&lt;&gt;"","○",""))</f>
        <v/>
      </c>
      <c r="OR38" s="25"/>
      <c r="OS38" s="45" t="str">
        <f t="shared" si="108"/>
        <v/>
      </c>
      <c r="OT38" s="45"/>
      <c r="OU38" s="167"/>
      <c r="OV38" s="168"/>
      <c r="OW38" s="9"/>
      <c r="OX38" s="219" t="str">
        <f>IF(OY21/OY19&lt;8/28,"未達成",IF(OY75="○","月単位の週休２日達成","未達成"))</f>
        <v>未達成</v>
      </c>
      <c r="OY38" s="220"/>
      <c r="OZ38" s="9"/>
      <c r="PA38" s="17"/>
      <c r="PB38" s="102" t="str">
        <f t="shared" si="32"/>
        <v/>
      </c>
      <c r="PC38" s="15" t="str">
        <f>IF(PC37="","",IF(PC37='（参考）【別紙２】'!$E$35,"",IF(MONTH(PC37)=MONTH(PC37+1),PC37+1,"")))</f>
        <v/>
      </c>
      <c r="PD38" s="13" t="str">
        <f>IF(COUNTIF(祝日一覧!$E$2:$E$142,PC38),"○",IF(PG38&lt;&gt;"","○",""))</f>
        <v/>
      </c>
      <c r="PE38" s="25"/>
      <c r="PF38" s="45" t="str">
        <f t="shared" si="109"/>
        <v/>
      </c>
      <c r="PG38" s="45"/>
      <c r="PH38" s="167"/>
      <c r="PI38" s="168"/>
      <c r="PJ38" s="9"/>
      <c r="PK38" s="219" t="str">
        <f>IF(PL21/PL19&lt;8/28,"未達成",IF(PL75="○","月単位の週休２日達成","未達成"))</f>
        <v>未達成</v>
      </c>
      <c r="PL38" s="220"/>
      <c r="PM38" s="9"/>
      <c r="PN38" s="17"/>
      <c r="PO38" s="102" t="str">
        <f t="shared" si="33"/>
        <v/>
      </c>
      <c r="PP38" s="15" t="str">
        <f>IF(PP37="","",IF(PP37='（参考）【別紙２】'!$E$35,"",IF(MONTH(PP37)=MONTH(PP37+1),PP37+1,"")))</f>
        <v/>
      </c>
      <c r="PQ38" s="13" t="str">
        <f>IF(COUNTIF(祝日一覧!$E$2:$E$142,PP38),"○",IF(PT38&lt;&gt;"","○",""))</f>
        <v/>
      </c>
      <c r="PR38" s="25"/>
      <c r="PS38" s="45" t="str">
        <f t="shared" si="110"/>
        <v/>
      </c>
      <c r="PT38" s="45"/>
      <c r="PU38" s="167"/>
      <c r="PV38" s="168"/>
      <c r="PW38" s="9"/>
      <c r="PX38" s="219" t="str">
        <f>IF(PY21/PY19&lt;8/28,"未達成",IF(PY75="○","月単位の週休２日達成","未達成"))</f>
        <v>未達成</v>
      </c>
      <c r="PY38" s="220"/>
      <c r="PZ38" s="9"/>
      <c r="QA38" s="17"/>
      <c r="QB38" s="102" t="str">
        <f t="shared" si="34"/>
        <v/>
      </c>
      <c r="QC38" s="15" t="str">
        <f>IF(QC37="","",IF(QC37='（参考）【別紙２】'!$E$35,"",IF(MONTH(QC37)=MONTH(QC37+1),QC37+1,"")))</f>
        <v/>
      </c>
      <c r="QD38" s="13" t="str">
        <f>IF(COUNTIF(祝日一覧!$E$2:$E$142,QC38),"○",IF(QG38&lt;&gt;"","○",""))</f>
        <v/>
      </c>
      <c r="QE38" s="25"/>
      <c r="QF38" s="45" t="str">
        <f t="shared" si="111"/>
        <v/>
      </c>
      <c r="QG38" s="45"/>
      <c r="QH38" s="167"/>
      <c r="QI38" s="168"/>
      <c r="QJ38" s="9"/>
      <c r="QK38" s="219" t="str">
        <f>IF(QL21/QL19&lt;8/28,"未達成",IF(QL75="○","月単位の週休２日達成","未達成"))</f>
        <v>未達成</v>
      </c>
      <c r="QL38" s="220"/>
      <c r="QM38" s="9"/>
      <c r="QN38" s="17"/>
      <c r="QO38" s="102" t="str">
        <f t="shared" si="35"/>
        <v/>
      </c>
      <c r="QP38" s="15" t="str">
        <f>IF(QP37="","",IF(QP37='（参考）【別紙２】'!$E$35,"",IF(MONTH(QP37)=MONTH(QP37+1),QP37+1,"")))</f>
        <v/>
      </c>
      <c r="QQ38" s="13" t="str">
        <f>IF(COUNTIF(祝日一覧!$E$2:$E$142,QP38),"○",IF(QT38&lt;&gt;"","○",""))</f>
        <v/>
      </c>
      <c r="QR38" s="25"/>
      <c r="QS38" s="45" t="str">
        <f t="shared" si="112"/>
        <v/>
      </c>
      <c r="QT38" s="45"/>
      <c r="QU38" s="167"/>
      <c r="QV38" s="168"/>
      <c r="QW38" s="9"/>
      <c r="QX38" s="219" t="str">
        <f>IF(QY21/QY19&lt;8/28,"未達成",IF(QY75="○","月単位の週休２日達成","未達成"))</f>
        <v>未達成</v>
      </c>
      <c r="QY38" s="220"/>
      <c r="QZ38" s="9"/>
      <c r="RA38" s="17"/>
      <c r="RB38" s="102" t="str">
        <f t="shared" si="36"/>
        <v/>
      </c>
      <c r="RC38" s="15" t="str">
        <f>IF(RC37="","",IF(RC37='（参考）【別紙２】'!$E$35,"",IF(MONTH(RC37)=MONTH(RC37+1),RC37+1,"")))</f>
        <v/>
      </c>
      <c r="RD38" s="13" t="str">
        <f>IF(COUNTIF(祝日一覧!$E$2:$E$142,RC38),"○",IF(RG38&lt;&gt;"","○",""))</f>
        <v/>
      </c>
      <c r="RE38" s="25"/>
      <c r="RF38" s="45" t="str">
        <f t="shared" si="113"/>
        <v/>
      </c>
      <c r="RG38" s="45"/>
      <c r="RH38" s="167"/>
      <c r="RI38" s="168"/>
      <c r="RJ38" s="9"/>
      <c r="RK38" s="219" t="str">
        <f>IF(RL21/RL19&lt;8/28,"未達成",IF(RL75="○","月単位の週休２日達成","未達成"))</f>
        <v>未達成</v>
      </c>
      <c r="RL38" s="220"/>
      <c r="RM38" s="9"/>
      <c r="RN38" s="17"/>
      <c r="RO38" s="102" t="str">
        <f t="shared" si="37"/>
        <v/>
      </c>
      <c r="RP38" s="15" t="str">
        <f>IF(RP37="","",IF(RP37='（参考）【別紙２】'!$E$35,"",IF(MONTH(RP37)=MONTH(RP37+1),RP37+1,"")))</f>
        <v/>
      </c>
      <c r="RQ38" s="13" t="str">
        <f>IF(COUNTIF(祝日一覧!$E$2:$E$142,RP38),"○",IF(RT38&lt;&gt;"","○",""))</f>
        <v/>
      </c>
      <c r="RR38" s="25"/>
      <c r="RS38" s="45" t="str">
        <f t="shared" si="114"/>
        <v/>
      </c>
      <c r="RT38" s="45"/>
      <c r="RU38" s="167"/>
      <c r="RV38" s="168"/>
      <c r="RW38" s="9"/>
      <c r="RX38" s="219" t="str">
        <f>IF(RY21/RY19&lt;8/28,"未達成",IF(RY75="○","月単位の週休２日達成","未達成"))</f>
        <v>未達成</v>
      </c>
      <c r="RY38" s="220"/>
      <c r="RZ38" s="9"/>
      <c r="SA38" s="17"/>
      <c r="SB38" s="102" t="str">
        <f t="shared" si="38"/>
        <v/>
      </c>
      <c r="SC38" s="15" t="str">
        <f>IF(SC37="","",IF(SC37='（参考）【別紙２】'!$E$35,"",IF(MONTH(SC37)=MONTH(SC37+1),SC37+1,"")))</f>
        <v/>
      </c>
      <c r="SD38" s="13" t="str">
        <f>IF(COUNTIF(祝日一覧!$E$2:$E$142,SC38),"○",IF(SG38&lt;&gt;"","○",""))</f>
        <v/>
      </c>
      <c r="SE38" s="25"/>
      <c r="SF38" s="45" t="str">
        <f t="shared" si="115"/>
        <v/>
      </c>
      <c r="SG38" s="45"/>
      <c r="SH38" s="167"/>
      <c r="SI38" s="168"/>
      <c r="SJ38" s="9"/>
      <c r="SK38" s="219" t="str">
        <f>IF(SL21/SL19&lt;8/28,"未達成",IF(SL75="○","月単位の週休２日達成","未達成"))</f>
        <v>未達成</v>
      </c>
      <c r="SL38" s="220"/>
      <c r="SM38" s="9"/>
    </row>
    <row r="39" spans="1:507" ht="15.6" customHeight="1">
      <c r="A39" s="17"/>
      <c r="B39" s="102" t="str">
        <f t="shared" si="0"/>
        <v/>
      </c>
      <c r="C39" s="15" t="str">
        <f>IF(C38="","",IF(C38='（参考）【別紙２】'!$E$35,"",IF(MONTH(C38)=MONTH(C38+1),C38+1,"")))</f>
        <v/>
      </c>
      <c r="D39" s="13" t="str">
        <f>IF(COUNTIF(祝日一覧!$E$2:$E$142,C39),"○",IF(G39&lt;&gt;"","○",""))</f>
        <v/>
      </c>
      <c r="E39" s="26"/>
      <c r="F39" s="45" t="str">
        <f t="shared" si="39"/>
        <v/>
      </c>
      <c r="G39" s="45"/>
      <c r="H39" s="167"/>
      <c r="I39" s="168"/>
      <c r="J39" s="43"/>
      <c r="K39" s="221"/>
      <c r="L39" s="222"/>
      <c r="M39" s="9"/>
      <c r="N39" s="17"/>
      <c r="O39" s="102" t="str">
        <f t="shared" si="1"/>
        <v>土</v>
      </c>
      <c r="P39" s="15">
        <f>IF(P38="","",IF(P38='（参考）【別紙２】'!$E$35,"",IF(MONTH(P38)=MONTH(P38+1),P38+1,"")))</f>
        <v>45808</v>
      </c>
      <c r="Q39" s="13" t="str">
        <f>IF(COUNTIF(祝日一覧!$E$2:$E$142,P39),"○",IF(T39&lt;&gt;"","○",""))</f>
        <v/>
      </c>
      <c r="R39" s="26"/>
      <c r="S39" s="45" t="str">
        <f t="shared" si="78"/>
        <v>○</v>
      </c>
      <c r="T39" s="45"/>
      <c r="U39" s="167"/>
      <c r="V39" s="168"/>
      <c r="W39" s="9"/>
      <c r="X39" s="221"/>
      <c r="Y39" s="222"/>
      <c r="Z39" s="9"/>
      <c r="AA39" s="17"/>
      <c r="AB39" s="102" t="str">
        <f t="shared" si="2"/>
        <v/>
      </c>
      <c r="AC39" s="15" t="str">
        <f>IF(AC38="","",IF(AC38='（参考）【別紙２】'!$E$35,"",IF(MONTH(AC38)=MONTH(AC38+1),AC38+1,"")))</f>
        <v/>
      </c>
      <c r="AD39" s="13" t="str">
        <f>IF(COUNTIF(祝日一覧!$E$2:$E$142,AC39),"○",IF(AG39&lt;&gt;"","○",""))</f>
        <v/>
      </c>
      <c r="AE39" s="26"/>
      <c r="AF39" s="45" t="str">
        <f t="shared" si="79"/>
        <v/>
      </c>
      <c r="AG39" s="45"/>
      <c r="AH39" s="167"/>
      <c r="AI39" s="168"/>
      <c r="AJ39" s="9"/>
      <c r="AK39" s="221"/>
      <c r="AL39" s="222"/>
      <c r="AM39" s="9"/>
      <c r="AN39" s="17"/>
      <c r="AO39" s="102" t="str">
        <f t="shared" si="3"/>
        <v>木</v>
      </c>
      <c r="AP39" s="15">
        <f>IF(AP38="","",IF(AP38='（参考）【別紙２】'!$E$35,"",IF(MONTH(AP38)=MONTH(AP38+1),AP38+1,"")))</f>
        <v>45869</v>
      </c>
      <c r="AQ39" s="13" t="str">
        <f>IF(COUNTIF(祝日一覧!$E$2:$E$142,AP39),"○",IF(AT39&lt;&gt;"","○",""))</f>
        <v/>
      </c>
      <c r="AR39" s="26"/>
      <c r="AS39" s="45" t="str">
        <f t="shared" si="80"/>
        <v/>
      </c>
      <c r="AT39" s="45"/>
      <c r="AU39" s="167"/>
      <c r="AV39" s="168"/>
      <c r="AW39" s="9"/>
      <c r="AX39" s="221"/>
      <c r="AY39" s="222"/>
      <c r="AZ39" s="9"/>
      <c r="BA39" s="17"/>
      <c r="BB39" s="102" t="str">
        <f t="shared" si="4"/>
        <v>日</v>
      </c>
      <c r="BC39" s="15">
        <f>IF(BC38="","",IF(BC38='（参考）【別紙２】'!$E$35,"",IF(MONTH(BC38)=MONTH(BC38+1),BC38+1,"")))</f>
        <v>45900</v>
      </c>
      <c r="BD39" s="13" t="str">
        <f>IF(COUNTIF(祝日一覧!$E$2:$E$142,BC39),"○",IF(BG39&lt;&gt;"","○",""))</f>
        <v/>
      </c>
      <c r="BE39" s="26"/>
      <c r="BF39" s="45" t="str">
        <f t="shared" si="81"/>
        <v>○</v>
      </c>
      <c r="BG39" s="45"/>
      <c r="BH39" s="167"/>
      <c r="BI39" s="168"/>
      <c r="BJ39" s="9"/>
      <c r="BK39" s="221"/>
      <c r="BL39" s="222"/>
      <c r="BM39" s="9"/>
      <c r="BN39" s="17"/>
      <c r="BO39" s="102" t="str">
        <f t="shared" si="5"/>
        <v/>
      </c>
      <c r="BP39" s="15" t="str">
        <f>IF(BP38="","",IF(BP38='（参考）【別紙２】'!$E$35,"",IF(MONTH(BP38)=MONTH(BP38+1),BP38+1,"")))</f>
        <v/>
      </c>
      <c r="BQ39" s="13" t="str">
        <f>IF(COUNTIF(祝日一覧!$E$2:$E$142,BP39),"○",IF(BT39&lt;&gt;"","○",""))</f>
        <v/>
      </c>
      <c r="BR39" s="26"/>
      <c r="BS39" s="45" t="str">
        <f t="shared" si="82"/>
        <v/>
      </c>
      <c r="BT39" s="45"/>
      <c r="BU39" s="167"/>
      <c r="BV39" s="168"/>
      <c r="BW39" s="9"/>
      <c r="BX39" s="221"/>
      <c r="BY39" s="222"/>
      <c r="BZ39" s="9"/>
      <c r="CA39" s="17"/>
      <c r="CB39" s="102" t="str">
        <f t="shared" si="6"/>
        <v/>
      </c>
      <c r="CC39" s="15" t="str">
        <f>IF(CC38="","",IF(CC38='（参考）【別紙２】'!$E$35,"",IF(MONTH(CC38)=MONTH(CC38+1),CC38+1,"")))</f>
        <v/>
      </c>
      <c r="CD39" s="13" t="str">
        <f>IF(COUNTIF(祝日一覧!$E$2:$E$142,CC39),"○",IF(CG39&lt;&gt;"","○",""))</f>
        <v/>
      </c>
      <c r="CE39" s="26"/>
      <c r="CF39" s="45" t="str">
        <f t="shared" si="83"/>
        <v/>
      </c>
      <c r="CG39" s="45"/>
      <c r="CH39" s="167"/>
      <c r="CI39" s="168"/>
      <c r="CJ39" s="9"/>
      <c r="CK39" s="221"/>
      <c r="CL39" s="222"/>
      <c r="CM39" s="9"/>
      <c r="CN39" s="17"/>
      <c r="CO39" s="102" t="str">
        <f t="shared" si="7"/>
        <v/>
      </c>
      <c r="CP39" s="15" t="str">
        <f>IF(CP38="","",IF(CP38='（参考）【別紙２】'!$E$35,"",IF(MONTH(CP38)=MONTH(CP38+1),CP38+1,"")))</f>
        <v/>
      </c>
      <c r="CQ39" s="13" t="str">
        <f>IF(COUNTIF(祝日一覧!$E$2:$E$142,CP39),"○",IF(CT39&lt;&gt;"","○",""))</f>
        <v/>
      </c>
      <c r="CR39" s="26"/>
      <c r="CS39" s="45" t="str">
        <f t="shared" si="84"/>
        <v/>
      </c>
      <c r="CT39" s="45"/>
      <c r="CU39" s="167"/>
      <c r="CV39" s="168"/>
      <c r="CW39" s="9"/>
      <c r="CX39" s="221"/>
      <c r="CY39" s="222"/>
      <c r="CZ39" s="9"/>
      <c r="DA39" s="17"/>
      <c r="DB39" s="102" t="str">
        <f t="shared" si="8"/>
        <v/>
      </c>
      <c r="DC39" s="15" t="str">
        <f>IF(DC38="","",IF(DC38='（参考）【別紙２】'!$E$35,"",IF(MONTH(DC38)=MONTH(DC38+1),DC38+1,"")))</f>
        <v/>
      </c>
      <c r="DD39" s="13" t="str">
        <f>IF(COUNTIF(祝日一覧!$E$2:$E$142,DC39),"○",IF(DG39&lt;&gt;"","○",""))</f>
        <v/>
      </c>
      <c r="DE39" s="26"/>
      <c r="DF39" s="45" t="str">
        <f t="shared" si="85"/>
        <v/>
      </c>
      <c r="DG39" s="45"/>
      <c r="DH39" s="167"/>
      <c r="DI39" s="168"/>
      <c r="DJ39" s="9"/>
      <c r="DK39" s="221"/>
      <c r="DL39" s="222"/>
      <c r="DM39" s="9"/>
      <c r="DN39" s="17"/>
      <c r="DO39" s="102" t="str">
        <f t="shared" si="9"/>
        <v/>
      </c>
      <c r="DP39" s="15" t="str">
        <f>IF(DP38="","",IF(DP38='（参考）【別紙２】'!$E$35,"",IF(MONTH(DP38)=MONTH(DP38+1),DP38+1,"")))</f>
        <v/>
      </c>
      <c r="DQ39" s="13" t="str">
        <f>IF(COUNTIF(祝日一覧!$E$2:$E$142,DP39),"○",IF(DT39&lt;&gt;"","○",""))</f>
        <v/>
      </c>
      <c r="DR39" s="26"/>
      <c r="DS39" s="45" t="str">
        <f t="shared" si="86"/>
        <v/>
      </c>
      <c r="DT39" s="45"/>
      <c r="DU39" s="167"/>
      <c r="DV39" s="168"/>
      <c r="DW39" s="9"/>
      <c r="DX39" s="221"/>
      <c r="DY39" s="222"/>
      <c r="DZ39" s="9"/>
      <c r="EA39" s="17"/>
      <c r="EB39" s="102" t="str">
        <f t="shared" si="10"/>
        <v/>
      </c>
      <c r="EC39" s="15" t="str">
        <f>IF(EC38="","",IF(EC38='（参考）【別紙２】'!$E$35,"",IF(MONTH(EC38)=MONTH(EC38+1),EC38+1,"")))</f>
        <v/>
      </c>
      <c r="ED39" s="13" t="str">
        <f>IF(COUNTIF(祝日一覧!$E$2:$E$142,EC39),"○",IF(EG39&lt;&gt;"","○",""))</f>
        <v/>
      </c>
      <c r="EE39" s="26"/>
      <c r="EF39" s="45" t="str">
        <f t="shared" si="87"/>
        <v/>
      </c>
      <c r="EG39" s="45"/>
      <c r="EH39" s="167"/>
      <c r="EI39" s="168"/>
      <c r="EJ39" s="9"/>
      <c r="EK39" s="221"/>
      <c r="EL39" s="222"/>
      <c r="EM39" s="9"/>
      <c r="EN39" s="17"/>
      <c r="EO39" s="102" t="str">
        <f t="shared" si="11"/>
        <v/>
      </c>
      <c r="EP39" s="15" t="str">
        <f>IF(EP38="","",IF(EP38='（参考）【別紙２】'!$E$35,"",IF(MONTH(EP38)=MONTH(EP38+1),EP38+1,"")))</f>
        <v/>
      </c>
      <c r="EQ39" s="13" t="str">
        <f>IF(COUNTIF(祝日一覧!$E$2:$E$142,EP39),"○",IF(ET39&lt;&gt;"","○",""))</f>
        <v/>
      </c>
      <c r="ER39" s="26"/>
      <c r="ES39" s="45" t="str">
        <f t="shared" si="88"/>
        <v/>
      </c>
      <c r="ET39" s="45"/>
      <c r="EU39" s="167"/>
      <c r="EV39" s="168"/>
      <c r="EW39" s="9"/>
      <c r="EX39" s="221"/>
      <c r="EY39" s="222"/>
      <c r="EZ39" s="9"/>
      <c r="FA39" s="17"/>
      <c r="FB39" s="102" t="str">
        <f t="shared" si="12"/>
        <v/>
      </c>
      <c r="FC39" s="15" t="str">
        <f>IF(FC38="","",IF(FC38='（参考）【別紙２】'!$E$35,"",IF(MONTH(FC38)=MONTH(FC38+1),FC38+1,"")))</f>
        <v/>
      </c>
      <c r="FD39" s="13" t="str">
        <f>IF(COUNTIF(祝日一覧!$E$2:$E$142,FC39),"○",IF(FG39&lt;&gt;"","○",""))</f>
        <v/>
      </c>
      <c r="FE39" s="26"/>
      <c r="FF39" s="45" t="str">
        <f t="shared" si="89"/>
        <v/>
      </c>
      <c r="FG39" s="45"/>
      <c r="FH39" s="167"/>
      <c r="FI39" s="168"/>
      <c r="FJ39" s="9"/>
      <c r="FK39" s="221"/>
      <c r="FL39" s="222"/>
      <c r="FM39" s="9"/>
      <c r="FN39" s="17"/>
      <c r="FO39" s="102" t="str">
        <f t="shared" si="13"/>
        <v/>
      </c>
      <c r="FP39" s="15" t="str">
        <f>IF(FP38="","",IF(FP38='（参考）【別紙２】'!$E$35,"",IF(MONTH(FP38)=MONTH(FP38+1),FP38+1,"")))</f>
        <v/>
      </c>
      <c r="FQ39" s="13" t="str">
        <f>IF(COUNTIF(祝日一覧!$E$2:$E$142,FP39),"○",IF(FT39&lt;&gt;"","○",""))</f>
        <v/>
      </c>
      <c r="FR39" s="26"/>
      <c r="FS39" s="45" t="str">
        <f t="shared" si="90"/>
        <v/>
      </c>
      <c r="FT39" s="45"/>
      <c r="FU39" s="167"/>
      <c r="FV39" s="168"/>
      <c r="FW39" s="9"/>
      <c r="FX39" s="221"/>
      <c r="FY39" s="222"/>
      <c r="FZ39" s="9"/>
      <c r="GA39" s="17"/>
      <c r="GB39" s="102" t="str">
        <f t="shared" si="14"/>
        <v/>
      </c>
      <c r="GC39" s="15" t="str">
        <f>IF(GC38="","",IF(GC38='（参考）【別紙２】'!$E$35,"",IF(MONTH(GC38)=MONTH(GC38+1),GC38+1,"")))</f>
        <v/>
      </c>
      <c r="GD39" s="13" t="str">
        <f>IF(COUNTIF(祝日一覧!$E$2:$E$142,GC39),"○",IF(GG39&lt;&gt;"","○",""))</f>
        <v/>
      </c>
      <c r="GE39" s="25"/>
      <c r="GF39" s="45" t="str">
        <f t="shared" si="91"/>
        <v/>
      </c>
      <c r="GG39" s="45"/>
      <c r="GH39" s="167"/>
      <c r="GI39" s="168"/>
      <c r="GJ39" s="9"/>
      <c r="GK39" s="221"/>
      <c r="GL39" s="222"/>
      <c r="GM39" s="9"/>
      <c r="GN39" s="17"/>
      <c r="GO39" s="102" t="str">
        <f t="shared" si="15"/>
        <v/>
      </c>
      <c r="GP39" s="15" t="str">
        <f>IF(GP38="","",IF(GP38='（参考）【別紙２】'!$E$35,"",IF(MONTH(GP38)=MONTH(GP38+1),GP38+1,"")))</f>
        <v/>
      </c>
      <c r="GQ39" s="13" t="str">
        <f>IF(COUNTIF(祝日一覧!$E$2:$E$142,GP39),"○",IF(GT39&lt;&gt;"","○",""))</f>
        <v/>
      </c>
      <c r="GR39" s="25"/>
      <c r="GS39" s="45" t="str">
        <f t="shared" si="92"/>
        <v/>
      </c>
      <c r="GT39" s="45"/>
      <c r="GU39" s="167"/>
      <c r="GV39" s="168"/>
      <c r="GW39" s="9"/>
      <c r="GX39" s="221"/>
      <c r="GY39" s="222"/>
      <c r="GZ39" s="9"/>
      <c r="HA39" s="17"/>
      <c r="HB39" s="102" t="str">
        <f t="shared" si="16"/>
        <v/>
      </c>
      <c r="HC39" s="15" t="str">
        <f>IF(HC38="","",IF(HC38='（参考）【別紙２】'!$E$35,"",IF(MONTH(HC38)=MONTH(HC38+1),HC38+1,"")))</f>
        <v/>
      </c>
      <c r="HD39" s="13" t="str">
        <f>IF(COUNTIF(祝日一覧!$E$2:$E$142,HC39),"○",IF(HG39&lt;&gt;"","○",""))</f>
        <v/>
      </c>
      <c r="HE39" s="26"/>
      <c r="HF39" s="45" t="str">
        <f t="shared" si="93"/>
        <v/>
      </c>
      <c r="HG39" s="45"/>
      <c r="HH39" s="167"/>
      <c r="HI39" s="168"/>
      <c r="HJ39" s="9"/>
      <c r="HK39" s="221"/>
      <c r="HL39" s="222"/>
      <c r="HM39" s="9"/>
      <c r="HN39" s="17"/>
      <c r="HO39" s="102" t="str">
        <f t="shared" si="17"/>
        <v/>
      </c>
      <c r="HP39" s="15" t="str">
        <f>IF(HP38="","",IF(HP38='（参考）【別紙２】'!$E$35,"",IF(MONTH(HP38)=MONTH(HP38+1),HP38+1,"")))</f>
        <v/>
      </c>
      <c r="HQ39" s="13" t="str">
        <f>IF(COUNTIF(祝日一覧!$E$2:$E$142,HP39),"○",IF(HT39&lt;&gt;"","○",""))</f>
        <v/>
      </c>
      <c r="HR39" s="25"/>
      <c r="HS39" s="45" t="str">
        <f t="shared" si="94"/>
        <v/>
      </c>
      <c r="HT39" s="45"/>
      <c r="HU39" s="167"/>
      <c r="HV39" s="168"/>
      <c r="HW39" s="9"/>
      <c r="HX39" s="221"/>
      <c r="HY39" s="222"/>
      <c r="HZ39" s="9"/>
      <c r="IA39" s="17"/>
      <c r="IB39" s="102" t="str">
        <f t="shared" si="18"/>
        <v/>
      </c>
      <c r="IC39" s="15" t="str">
        <f>IF(IC38="","",IF(IC38='（参考）【別紙２】'!$E$35,"",IF(MONTH(IC38)=MONTH(IC38+1),IC38+1,"")))</f>
        <v/>
      </c>
      <c r="ID39" s="13" t="str">
        <f>IF(COUNTIF(祝日一覧!$E$2:$E$142,IC39),"○",IF(IG39&lt;&gt;"","○",""))</f>
        <v/>
      </c>
      <c r="IE39" s="25"/>
      <c r="IF39" s="45" t="str">
        <f t="shared" si="95"/>
        <v/>
      </c>
      <c r="IG39" s="45"/>
      <c r="IH39" s="167"/>
      <c r="II39" s="168"/>
      <c r="IJ39" s="9"/>
      <c r="IK39" s="221"/>
      <c r="IL39" s="222"/>
      <c r="IM39" s="9"/>
      <c r="IN39" s="17"/>
      <c r="IO39" s="102" t="str">
        <f t="shared" si="19"/>
        <v/>
      </c>
      <c r="IP39" s="15" t="str">
        <f>IF(IP38="","",IF(IP38='（参考）【別紙２】'!$E$35,"",IF(MONTH(IP38)=MONTH(IP38+1),IP38+1,"")))</f>
        <v/>
      </c>
      <c r="IQ39" s="13" t="str">
        <f>IF(COUNTIF(祝日一覧!$E$2:$E$142,IP39),"○",IF(IT39&lt;&gt;"","○",""))</f>
        <v/>
      </c>
      <c r="IR39" s="25"/>
      <c r="IS39" s="45" t="str">
        <f t="shared" si="96"/>
        <v/>
      </c>
      <c r="IT39" s="45"/>
      <c r="IU39" s="167"/>
      <c r="IV39" s="168"/>
      <c r="IW39" s="9"/>
      <c r="IX39" s="221"/>
      <c r="IY39" s="222"/>
      <c r="IZ39" s="9"/>
      <c r="JA39" s="17"/>
      <c r="JB39" s="102" t="str">
        <f t="shared" si="20"/>
        <v/>
      </c>
      <c r="JC39" s="15" t="str">
        <f>IF(JC38="","",IF(JC38='（参考）【別紙２】'!$E$35,"",IF(MONTH(JC38)=MONTH(JC38+1),JC38+1,"")))</f>
        <v/>
      </c>
      <c r="JD39" s="13" t="str">
        <f>IF(COUNTIF(祝日一覧!$E$2:$E$142,JC39),"○",IF(JG39&lt;&gt;"","○",""))</f>
        <v/>
      </c>
      <c r="JE39" s="25"/>
      <c r="JF39" s="45" t="str">
        <f t="shared" si="97"/>
        <v/>
      </c>
      <c r="JG39" s="45"/>
      <c r="JH39" s="167"/>
      <c r="JI39" s="168"/>
      <c r="JJ39" s="9"/>
      <c r="JK39" s="221"/>
      <c r="JL39" s="222"/>
      <c r="JM39" s="9"/>
      <c r="JN39" s="17"/>
      <c r="JO39" s="102" t="str">
        <f t="shared" si="21"/>
        <v/>
      </c>
      <c r="JP39" s="15" t="str">
        <f>IF(JP38="","",IF(JP38='（参考）【別紙２】'!$E$35,"",IF(MONTH(JP38)=MONTH(JP38+1),JP38+1,"")))</f>
        <v/>
      </c>
      <c r="JQ39" s="13" t="str">
        <f>IF(COUNTIF(祝日一覧!$E$2:$E$142,JP39),"○",IF(JT39&lt;&gt;"","○",""))</f>
        <v/>
      </c>
      <c r="JR39" s="25"/>
      <c r="JS39" s="45" t="str">
        <f t="shared" si="98"/>
        <v/>
      </c>
      <c r="JT39" s="45"/>
      <c r="JU39" s="167"/>
      <c r="JV39" s="168"/>
      <c r="JW39" s="9"/>
      <c r="JX39" s="221"/>
      <c r="JY39" s="222"/>
      <c r="JZ39" s="9"/>
      <c r="KA39" s="17"/>
      <c r="KB39" s="102" t="str">
        <f t="shared" si="22"/>
        <v/>
      </c>
      <c r="KC39" s="15" t="str">
        <f>IF(KC38="","",IF(KC38='（参考）【別紙２】'!$E$35,"",IF(MONTH(KC38)=MONTH(KC38+1),KC38+1,"")))</f>
        <v/>
      </c>
      <c r="KD39" s="13" t="str">
        <f>IF(COUNTIF(祝日一覧!$E$2:$E$142,KC39),"○",IF(KG39&lt;&gt;"","○",""))</f>
        <v/>
      </c>
      <c r="KE39" s="25"/>
      <c r="KF39" s="45" t="str">
        <f t="shared" si="99"/>
        <v/>
      </c>
      <c r="KG39" s="45"/>
      <c r="KH39" s="167"/>
      <c r="KI39" s="168"/>
      <c r="KJ39" s="9"/>
      <c r="KK39" s="221"/>
      <c r="KL39" s="222"/>
      <c r="KM39" s="9"/>
      <c r="KN39" s="17"/>
      <c r="KO39" s="102" t="str">
        <f t="shared" si="23"/>
        <v/>
      </c>
      <c r="KP39" s="15" t="str">
        <f>IF(KP38="","",IF(KP38='（参考）【別紙２】'!$E$35,"",IF(MONTH(KP38)=MONTH(KP38+1),KP38+1,"")))</f>
        <v/>
      </c>
      <c r="KQ39" s="13" t="str">
        <f>IF(COUNTIF(祝日一覧!$E$2:$E$142,KP39),"○",IF(KT39&lt;&gt;"","○",""))</f>
        <v/>
      </c>
      <c r="KR39" s="25"/>
      <c r="KS39" s="45" t="str">
        <f t="shared" si="100"/>
        <v/>
      </c>
      <c r="KT39" s="45"/>
      <c r="KU39" s="167"/>
      <c r="KV39" s="168"/>
      <c r="KW39" s="9"/>
      <c r="KX39" s="221"/>
      <c r="KY39" s="222"/>
      <c r="KZ39" s="9"/>
      <c r="LA39" s="17"/>
      <c r="LB39" s="102" t="str">
        <f t="shared" si="24"/>
        <v/>
      </c>
      <c r="LC39" s="15" t="str">
        <f>IF(LC38="","",IF(LC38='（参考）【別紙２】'!$E$35,"",IF(MONTH(LC38)=MONTH(LC38+1),LC38+1,"")))</f>
        <v/>
      </c>
      <c r="LD39" s="13" t="str">
        <f>IF(COUNTIF(祝日一覧!$E$2:$E$142,LC39),"○",IF(LG39&lt;&gt;"","○",""))</f>
        <v/>
      </c>
      <c r="LE39" s="25"/>
      <c r="LF39" s="45" t="str">
        <f t="shared" si="101"/>
        <v/>
      </c>
      <c r="LG39" s="45"/>
      <c r="LH39" s="167"/>
      <c r="LI39" s="168"/>
      <c r="LJ39" s="9"/>
      <c r="LK39" s="221"/>
      <c r="LL39" s="222"/>
      <c r="LM39" s="9"/>
      <c r="LN39" s="17"/>
      <c r="LO39" s="102" t="str">
        <f t="shared" si="25"/>
        <v/>
      </c>
      <c r="LP39" s="15" t="str">
        <f>IF(LP38="","",IF(LP38='（参考）【別紙２】'!$E$35,"",IF(MONTH(LP38)=MONTH(LP38+1),LP38+1,"")))</f>
        <v/>
      </c>
      <c r="LQ39" s="13" t="str">
        <f>IF(COUNTIF(祝日一覧!$E$2:$E$142,LP39),"○",IF(LT39&lt;&gt;"","○",""))</f>
        <v/>
      </c>
      <c r="LR39" s="25"/>
      <c r="LS39" s="45" t="str">
        <f t="shared" si="102"/>
        <v/>
      </c>
      <c r="LT39" s="45"/>
      <c r="LU39" s="167"/>
      <c r="LV39" s="168"/>
      <c r="LW39" s="9"/>
      <c r="LX39" s="221"/>
      <c r="LY39" s="222"/>
      <c r="LZ39" s="9"/>
      <c r="MA39" s="17"/>
      <c r="MB39" s="102" t="str">
        <f t="shared" si="26"/>
        <v/>
      </c>
      <c r="MC39" s="15" t="str">
        <f>IF(MC38="","",IF(MC38='（参考）【別紙２】'!$E$35,"",IF(MONTH(MC38)=MONTH(MC38+1),MC38+1,"")))</f>
        <v/>
      </c>
      <c r="MD39" s="13" t="str">
        <f>IF(COUNTIF(祝日一覧!$E$2:$E$142,MC39),"○",IF(MG39&lt;&gt;"","○",""))</f>
        <v/>
      </c>
      <c r="ME39" s="25"/>
      <c r="MF39" s="45" t="str">
        <f t="shared" si="103"/>
        <v/>
      </c>
      <c r="MG39" s="45"/>
      <c r="MH39" s="167"/>
      <c r="MI39" s="168"/>
      <c r="MJ39" s="9"/>
      <c r="MK39" s="221"/>
      <c r="ML39" s="222"/>
      <c r="MM39" s="9"/>
      <c r="MN39" s="17"/>
      <c r="MO39" s="102" t="str">
        <f t="shared" si="27"/>
        <v/>
      </c>
      <c r="MP39" s="15" t="str">
        <f>IF(MP38="","",IF(MP38='（参考）【別紙２】'!$E$35,"",IF(MONTH(MP38)=MONTH(MP38+1),MP38+1,"")))</f>
        <v/>
      </c>
      <c r="MQ39" s="13" t="str">
        <f>IF(COUNTIF(祝日一覧!$E$2:$E$142,MP39),"○",IF(MT39&lt;&gt;"","○",""))</f>
        <v/>
      </c>
      <c r="MR39" s="25"/>
      <c r="MS39" s="45" t="str">
        <f t="shared" si="104"/>
        <v/>
      </c>
      <c r="MT39" s="45"/>
      <c r="MU39" s="167"/>
      <c r="MV39" s="168"/>
      <c r="MW39" s="9"/>
      <c r="MX39" s="221"/>
      <c r="MY39" s="222"/>
      <c r="MZ39" s="9"/>
      <c r="NA39" s="17"/>
      <c r="NB39" s="102" t="str">
        <f t="shared" si="28"/>
        <v/>
      </c>
      <c r="NC39" s="15" t="str">
        <f>IF(NC38="","",IF(NC38='（参考）【別紙２】'!$E$35,"",IF(MONTH(NC38)=MONTH(NC38+1),NC38+1,"")))</f>
        <v/>
      </c>
      <c r="ND39" s="13" t="str">
        <f>IF(COUNTIF(祝日一覧!$E$2:$E$142,NC39),"○",IF(NG39&lt;&gt;"","○",""))</f>
        <v/>
      </c>
      <c r="NE39" s="25"/>
      <c r="NF39" s="45" t="str">
        <f t="shared" si="105"/>
        <v/>
      </c>
      <c r="NG39" s="45"/>
      <c r="NH39" s="167"/>
      <c r="NI39" s="168"/>
      <c r="NJ39" s="9"/>
      <c r="NK39" s="221"/>
      <c r="NL39" s="222"/>
      <c r="NM39" s="9"/>
      <c r="NN39" s="17"/>
      <c r="NO39" s="102" t="str">
        <f t="shared" si="29"/>
        <v/>
      </c>
      <c r="NP39" s="15" t="str">
        <f>IF(NP38="","",IF(NP38='（参考）【別紙２】'!$E$35,"",IF(MONTH(NP38)=MONTH(NP38+1),NP38+1,"")))</f>
        <v/>
      </c>
      <c r="NQ39" s="13" t="str">
        <f>IF(COUNTIF(祝日一覧!$E$2:$E$142,NP39),"○",IF(NT39&lt;&gt;"","○",""))</f>
        <v/>
      </c>
      <c r="NR39" s="25"/>
      <c r="NS39" s="45" t="str">
        <f t="shared" si="106"/>
        <v/>
      </c>
      <c r="NT39" s="45"/>
      <c r="NU39" s="167"/>
      <c r="NV39" s="168"/>
      <c r="NW39" s="9"/>
      <c r="NX39" s="221"/>
      <c r="NY39" s="222"/>
      <c r="NZ39" s="9"/>
      <c r="OA39" s="17"/>
      <c r="OB39" s="102" t="str">
        <f t="shared" si="30"/>
        <v/>
      </c>
      <c r="OC39" s="15" t="str">
        <f>IF(OC38="","",IF(OC38='（参考）【別紙２】'!$E$35,"",IF(MONTH(OC38)=MONTH(OC38+1),OC38+1,"")))</f>
        <v/>
      </c>
      <c r="OD39" s="13" t="str">
        <f>IF(COUNTIF(祝日一覧!$E$2:$E$142,OC39),"○",IF(OG39&lt;&gt;"","○",""))</f>
        <v/>
      </c>
      <c r="OE39" s="25"/>
      <c r="OF39" s="45" t="str">
        <f t="shared" si="107"/>
        <v/>
      </c>
      <c r="OG39" s="45"/>
      <c r="OH39" s="167"/>
      <c r="OI39" s="168"/>
      <c r="OJ39" s="9"/>
      <c r="OK39" s="221"/>
      <c r="OL39" s="222"/>
      <c r="OM39" s="9"/>
      <c r="ON39" s="17"/>
      <c r="OO39" s="102" t="str">
        <f t="shared" si="31"/>
        <v/>
      </c>
      <c r="OP39" s="15" t="str">
        <f>IF(OP38="","",IF(OP38='（参考）【別紙２】'!$E$35,"",IF(MONTH(OP38)=MONTH(OP38+1),OP38+1,"")))</f>
        <v/>
      </c>
      <c r="OQ39" s="13" t="str">
        <f>IF(COUNTIF(祝日一覧!$E$2:$E$142,OP39),"○",IF(OT39&lt;&gt;"","○",""))</f>
        <v/>
      </c>
      <c r="OR39" s="25"/>
      <c r="OS39" s="45" t="str">
        <f t="shared" si="108"/>
        <v/>
      </c>
      <c r="OT39" s="45"/>
      <c r="OU39" s="167"/>
      <c r="OV39" s="168"/>
      <c r="OW39" s="9"/>
      <c r="OX39" s="221"/>
      <c r="OY39" s="222"/>
      <c r="OZ39" s="9"/>
      <c r="PA39" s="17"/>
      <c r="PB39" s="102" t="str">
        <f t="shared" si="32"/>
        <v/>
      </c>
      <c r="PC39" s="15" t="str">
        <f>IF(PC38="","",IF(PC38='（参考）【別紙２】'!$E$35,"",IF(MONTH(PC38)=MONTH(PC38+1),PC38+1,"")))</f>
        <v/>
      </c>
      <c r="PD39" s="13" t="str">
        <f>IF(COUNTIF(祝日一覧!$E$2:$E$142,PC39),"○",IF(PG39&lt;&gt;"","○",""))</f>
        <v/>
      </c>
      <c r="PE39" s="25"/>
      <c r="PF39" s="45" t="str">
        <f t="shared" si="109"/>
        <v/>
      </c>
      <c r="PG39" s="45"/>
      <c r="PH39" s="167"/>
      <c r="PI39" s="168"/>
      <c r="PJ39" s="9"/>
      <c r="PK39" s="221"/>
      <c r="PL39" s="222"/>
      <c r="PM39" s="9"/>
      <c r="PN39" s="17"/>
      <c r="PO39" s="102" t="str">
        <f t="shared" si="33"/>
        <v/>
      </c>
      <c r="PP39" s="15" t="str">
        <f>IF(PP38="","",IF(PP38='（参考）【別紙２】'!$E$35,"",IF(MONTH(PP38)=MONTH(PP38+1),PP38+1,"")))</f>
        <v/>
      </c>
      <c r="PQ39" s="13" t="str">
        <f>IF(COUNTIF(祝日一覧!$E$2:$E$142,PP39),"○",IF(PT39&lt;&gt;"","○",""))</f>
        <v/>
      </c>
      <c r="PR39" s="25"/>
      <c r="PS39" s="45" t="str">
        <f t="shared" si="110"/>
        <v/>
      </c>
      <c r="PT39" s="45"/>
      <c r="PU39" s="167"/>
      <c r="PV39" s="168"/>
      <c r="PW39" s="9"/>
      <c r="PX39" s="221"/>
      <c r="PY39" s="222"/>
      <c r="PZ39" s="9"/>
      <c r="QA39" s="17"/>
      <c r="QB39" s="102" t="str">
        <f t="shared" si="34"/>
        <v/>
      </c>
      <c r="QC39" s="15" t="str">
        <f>IF(QC38="","",IF(QC38='（参考）【別紙２】'!$E$35,"",IF(MONTH(QC38)=MONTH(QC38+1),QC38+1,"")))</f>
        <v/>
      </c>
      <c r="QD39" s="13" t="str">
        <f>IF(COUNTIF(祝日一覧!$E$2:$E$142,QC39),"○",IF(QG39&lt;&gt;"","○",""))</f>
        <v/>
      </c>
      <c r="QE39" s="25"/>
      <c r="QF39" s="45" t="str">
        <f t="shared" si="111"/>
        <v/>
      </c>
      <c r="QG39" s="45"/>
      <c r="QH39" s="167"/>
      <c r="QI39" s="168"/>
      <c r="QJ39" s="9"/>
      <c r="QK39" s="221"/>
      <c r="QL39" s="222"/>
      <c r="QM39" s="9"/>
      <c r="QN39" s="17"/>
      <c r="QO39" s="102" t="str">
        <f t="shared" si="35"/>
        <v/>
      </c>
      <c r="QP39" s="15" t="str">
        <f>IF(QP38="","",IF(QP38='（参考）【別紙２】'!$E$35,"",IF(MONTH(QP38)=MONTH(QP38+1),QP38+1,"")))</f>
        <v/>
      </c>
      <c r="QQ39" s="13" t="str">
        <f>IF(COUNTIF(祝日一覧!$E$2:$E$142,QP39),"○",IF(QT39&lt;&gt;"","○",""))</f>
        <v/>
      </c>
      <c r="QR39" s="25"/>
      <c r="QS39" s="45" t="str">
        <f t="shared" si="112"/>
        <v/>
      </c>
      <c r="QT39" s="45"/>
      <c r="QU39" s="167"/>
      <c r="QV39" s="168"/>
      <c r="QW39" s="9"/>
      <c r="QX39" s="221"/>
      <c r="QY39" s="222"/>
      <c r="QZ39" s="9"/>
      <c r="RA39" s="17"/>
      <c r="RB39" s="102" t="str">
        <f t="shared" si="36"/>
        <v/>
      </c>
      <c r="RC39" s="15" t="str">
        <f>IF(RC38="","",IF(RC38='（参考）【別紙２】'!$E$35,"",IF(MONTH(RC38)=MONTH(RC38+1),RC38+1,"")))</f>
        <v/>
      </c>
      <c r="RD39" s="13" t="str">
        <f>IF(COUNTIF(祝日一覧!$E$2:$E$142,RC39),"○",IF(RG39&lt;&gt;"","○",""))</f>
        <v/>
      </c>
      <c r="RE39" s="25"/>
      <c r="RF39" s="45" t="str">
        <f t="shared" si="113"/>
        <v/>
      </c>
      <c r="RG39" s="45"/>
      <c r="RH39" s="167"/>
      <c r="RI39" s="168"/>
      <c r="RJ39" s="9"/>
      <c r="RK39" s="221"/>
      <c r="RL39" s="222"/>
      <c r="RM39" s="9"/>
      <c r="RN39" s="17"/>
      <c r="RO39" s="102" t="str">
        <f t="shared" si="37"/>
        <v/>
      </c>
      <c r="RP39" s="15" t="str">
        <f>IF(RP38="","",IF(RP38='（参考）【別紙２】'!$E$35,"",IF(MONTH(RP38)=MONTH(RP38+1),RP38+1,"")))</f>
        <v/>
      </c>
      <c r="RQ39" s="13" t="str">
        <f>IF(COUNTIF(祝日一覧!$E$2:$E$142,RP39),"○",IF(RT39&lt;&gt;"","○",""))</f>
        <v/>
      </c>
      <c r="RR39" s="25"/>
      <c r="RS39" s="45" t="str">
        <f t="shared" si="114"/>
        <v/>
      </c>
      <c r="RT39" s="45"/>
      <c r="RU39" s="167"/>
      <c r="RV39" s="168"/>
      <c r="RW39" s="9"/>
      <c r="RX39" s="221"/>
      <c r="RY39" s="222"/>
      <c r="RZ39" s="9"/>
      <c r="SA39" s="17"/>
      <c r="SB39" s="102" t="str">
        <f t="shared" si="38"/>
        <v/>
      </c>
      <c r="SC39" s="15" t="str">
        <f>IF(SC38="","",IF(SC38='（参考）【別紙２】'!$E$35,"",IF(MONTH(SC38)=MONTH(SC38+1),SC38+1,"")))</f>
        <v/>
      </c>
      <c r="SD39" s="13" t="str">
        <f>IF(COUNTIF(祝日一覧!$E$2:$E$142,SC39),"○",IF(SG39&lt;&gt;"","○",""))</f>
        <v/>
      </c>
      <c r="SE39" s="25"/>
      <c r="SF39" s="45" t="str">
        <f t="shared" si="115"/>
        <v/>
      </c>
      <c r="SG39" s="45"/>
      <c r="SH39" s="167"/>
      <c r="SI39" s="168"/>
      <c r="SJ39" s="9"/>
      <c r="SK39" s="221"/>
      <c r="SL39" s="222"/>
      <c r="SM39" s="9"/>
    </row>
    <row r="40" spans="1:507" ht="15.6" customHeight="1">
      <c r="A40" s="18"/>
      <c r="B40" s="102" t="str">
        <f t="shared" si="0"/>
        <v/>
      </c>
      <c r="C40" s="15" t="str">
        <f>IF(C39="","",IF(C39='（参考）【別紙２】'!$E$35,"",IF(MONTH(C39)=MONTH(C39+1),C39+1,"")))</f>
        <v/>
      </c>
      <c r="D40" s="13" t="str">
        <f>IF(COUNTIF(祝日一覧!$E$2:$E$142,C40),"○",IF(G40&lt;&gt;"","○",""))</f>
        <v/>
      </c>
      <c r="E40" s="26"/>
      <c r="F40" s="45" t="str">
        <f t="shared" si="39"/>
        <v/>
      </c>
      <c r="G40" s="45"/>
      <c r="H40" s="167"/>
      <c r="I40" s="168"/>
      <c r="J40" s="43"/>
      <c r="K40" s="223" t="s">
        <v>108</v>
      </c>
      <c r="L40" s="224"/>
      <c r="M40" s="9"/>
      <c r="N40" s="18"/>
      <c r="O40" s="102" t="str">
        <f t="shared" si="1"/>
        <v/>
      </c>
      <c r="P40" s="15" t="str">
        <f>IF(P39="","",IF(P39='（参考）【別紙２】'!$E$35,"",IF(MONTH(P39)=MONTH(P39+1),P39+1,"")))</f>
        <v/>
      </c>
      <c r="Q40" s="13" t="str">
        <f>IF(COUNTIF(祝日一覧!$E$2:$E$142,P40),"○",IF(T40&lt;&gt;"","○",""))</f>
        <v/>
      </c>
      <c r="R40" s="26"/>
      <c r="S40" s="45" t="str">
        <f t="shared" si="78"/>
        <v/>
      </c>
      <c r="T40" s="45"/>
      <c r="U40" s="167"/>
      <c r="V40" s="168"/>
      <c r="W40" s="9"/>
      <c r="X40" s="226" t="s">
        <v>108</v>
      </c>
      <c r="Y40" s="227"/>
      <c r="Z40" s="9"/>
      <c r="AA40" s="18"/>
      <c r="AB40" s="102" t="str">
        <f t="shared" si="2"/>
        <v/>
      </c>
      <c r="AC40" s="15" t="str">
        <f>IF(AC39="","",IF(AC39='（参考）【別紙２】'!$E$35,"",IF(MONTH(AC39)=MONTH(AC39+1),AC39+1,"")))</f>
        <v/>
      </c>
      <c r="AD40" s="13" t="str">
        <f>IF(COUNTIF(祝日一覧!$E$2:$E$142,AC40),"○",IF(AG40&lt;&gt;"","○",""))</f>
        <v/>
      </c>
      <c r="AE40" s="26"/>
      <c r="AF40" s="45" t="str">
        <f t="shared" si="79"/>
        <v/>
      </c>
      <c r="AG40" s="45"/>
      <c r="AH40" s="167"/>
      <c r="AI40" s="168"/>
      <c r="AJ40" s="9"/>
      <c r="AK40" s="226" t="s">
        <v>108</v>
      </c>
      <c r="AL40" s="227"/>
      <c r="AM40" s="9"/>
      <c r="AN40" s="18"/>
      <c r="AO40" s="102" t="str">
        <f t="shared" si="3"/>
        <v/>
      </c>
      <c r="AP40" s="15" t="str">
        <f>IF(AP39="","",IF(AP39='（参考）【別紙２】'!$E$35,"",IF(MONTH(AP39)=MONTH(AP39+1),AP39+1,"")))</f>
        <v/>
      </c>
      <c r="AQ40" s="13" t="str">
        <f>IF(COUNTIF(祝日一覧!$E$2:$E$142,AP40),"○",IF(AT40&lt;&gt;"","○",""))</f>
        <v/>
      </c>
      <c r="AR40" s="26"/>
      <c r="AS40" s="45" t="str">
        <f t="shared" si="80"/>
        <v/>
      </c>
      <c r="AT40" s="45"/>
      <c r="AU40" s="167"/>
      <c r="AV40" s="168"/>
      <c r="AW40" s="9"/>
      <c r="AX40" s="226" t="s">
        <v>108</v>
      </c>
      <c r="AY40" s="227"/>
      <c r="AZ40" s="9"/>
      <c r="BA40" s="18"/>
      <c r="BB40" s="102" t="str">
        <f t="shared" si="4"/>
        <v/>
      </c>
      <c r="BC40" s="15" t="str">
        <f>IF(BC39="","",IF(BC39='（参考）【別紙２】'!$E$35,"",IF(MONTH(BC39)=MONTH(BC39+1),BC39+1,"")))</f>
        <v/>
      </c>
      <c r="BD40" s="13" t="str">
        <f>IF(COUNTIF(祝日一覧!$E$2:$E$142,BC40),"○",IF(BG40&lt;&gt;"","○",""))</f>
        <v/>
      </c>
      <c r="BE40" s="26"/>
      <c r="BF40" s="45" t="str">
        <f t="shared" si="81"/>
        <v/>
      </c>
      <c r="BG40" s="45"/>
      <c r="BH40" s="167"/>
      <c r="BI40" s="168"/>
      <c r="BJ40" s="9"/>
      <c r="BK40" s="226" t="s">
        <v>108</v>
      </c>
      <c r="BL40" s="227"/>
      <c r="BM40" s="9"/>
      <c r="BN40" s="18"/>
      <c r="BO40" s="102" t="str">
        <f t="shared" si="5"/>
        <v/>
      </c>
      <c r="BP40" s="15" t="str">
        <f>IF(BP39="","",IF(BP39='（参考）【別紙２】'!$E$35,"",IF(MONTH(BP39)=MONTH(BP39+1),BP39+1,"")))</f>
        <v/>
      </c>
      <c r="BQ40" s="13" t="str">
        <f>IF(COUNTIF(祝日一覧!$E$2:$E$142,BP40),"○",IF(BT40&lt;&gt;"","○",""))</f>
        <v/>
      </c>
      <c r="BR40" s="26"/>
      <c r="BS40" s="45" t="str">
        <f t="shared" si="82"/>
        <v/>
      </c>
      <c r="BT40" s="45"/>
      <c r="BU40" s="167"/>
      <c r="BV40" s="168"/>
      <c r="BW40" s="9"/>
      <c r="BX40" s="226" t="s">
        <v>108</v>
      </c>
      <c r="BY40" s="227"/>
      <c r="BZ40" s="9"/>
      <c r="CA40" s="18"/>
      <c r="CB40" s="102" t="str">
        <f t="shared" si="6"/>
        <v/>
      </c>
      <c r="CC40" s="15" t="str">
        <f>IF(CC39="","",IF(CC39='（参考）【別紙２】'!$E$35,"",IF(MONTH(CC39)=MONTH(CC39+1),CC39+1,"")))</f>
        <v/>
      </c>
      <c r="CD40" s="13" t="str">
        <f>IF(COUNTIF(祝日一覧!$E$2:$E$142,CC40),"○",IF(CG40&lt;&gt;"","○",""))</f>
        <v/>
      </c>
      <c r="CE40" s="26"/>
      <c r="CF40" s="45" t="str">
        <f t="shared" si="83"/>
        <v/>
      </c>
      <c r="CG40" s="45"/>
      <c r="CH40" s="167"/>
      <c r="CI40" s="168"/>
      <c r="CJ40" s="9"/>
      <c r="CK40" s="226" t="s">
        <v>108</v>
      </c>
      <c r="CL40" s="227"/>
      <c r="CM40" s="9"/>
      <c r="CN40" s="18"/>
      <c r="CO40" s="102" t="str">
        <f t="shared" si="7"/>
        <v/>
      </c>
      <c r="CP40" s="15" t="str">
        <f>IF(CP39="","",IF(CP39='（参考）【別紙２】'!$E$35,"",IF(MONTH(CP39)=MONTH(CP39+1),CP39+1,"")))</f>
        <v/>
      </c>
      <c r="CQ40" s="13" t="str">
        <f>IF(COUNTIF(祝日一覧!$E$2:$E$142,CP40),"○",IF(CT40&lt;&gt;"","○",""))</f>
        <v/>
      </c>
      <c r="CR40" s="26"/>
      <c r="CS40" s="45" t="str">
        <f t="shared" si="84"/>
        <v/>
      </c>
      <c r="CT40" s="45"/>
      <c r="CU40" s="167"/>
      <c r="CV40" s="168"/>
      <c r="CW40" s="9"/>
      <c r="CX40" s="226" t="s">
        <v>108</v>
      </c>
      <c r="CY40" s="227"/>
      <c r="CZ40" s="9"/>
      <c r="DA40" s="18"/>
      <c r="DB40" s="102" t="str">
        <f t="shared" si="8"/>
        <v/>
      </c>
      <c r="DC40" s="15" t="str">
        <f>IF(DC39="","",IF(DC39='（参考）【別紙２】'!$E$35,"",IF(MONTH(DC39)=MONTH(DC39+1),DC39+1,"")))</f>
        <v/>
      </c>
      <c r="DD40" s="13" t="str">
        <f>IF(COUNTIF(祝日一覧!$E$2:$E$142,DC40),"○",IF(DG40&lt;&gt;"","○",""))</f>
        <v/>
      </c>
      <c r="DE40" s="26"/>
      <c r="DF40" s="45" t="str">
        <f t="shared" si="85"/>
        <v/>
      </c>
      <c r="DG40" s="45"/>
      <c r="DH40" s="167"/>
      <c r="DI40" s="168"/>
      <c r="DJ40" s="9"/>
      <c r="DK40" s="226" t="s">
        <v>108</v>
      </c>
      <c r="DL40" s="227"/>
      <c r="DM40" s="9"/>
      <c r="DN40" s="18"/>
      <c r="DO40" s="102" t="str">
        <f t="shared" si="9"/>
        <v/>
      </c>
      <c r="DP40" s="15" t="str">
        <f>IF(DP39="","",IF(DP39='（参考）【別紙２】'!$E$35,"",IF(MONTH(DP39)=MONTH(DP39+1),DP39+1,"")))</f>
        <v/>
      </c>
      <c r="DQ40" s="13" t="str">
        <f>IF(COUNTIF(祝日一覧!$E$2:$E$142,DP40),"○",IF(DT40&lt;&gt;"","○",""))</f>
        <v/>
      </c>
      <c r="DR40" s="26"/>
      <c r="DS40" s="45" t="str">
        <f t="shared" si="86"/>
        <v/>
      </c>
      <c r="DT40" s="45"/>
      <c r="DU40" s="167"/>
      <c r="DV40" s="168"/>
      <c r="DW40" s="9"/>
      <c r="DX40" s="226" t="s">
        <v>108</v>
      </c>
      <c r="DY40" s="227"/>
      <c r="DZ40" s="9"/>
      <c r="EA40" s="18"/>
      <c r="EB40" s="102" t="str">
        <f t="shared" si="10"/>
        <v/>
      </c>
      <c r="EC40" s="15" t="str">
        <f>IF(EC39="","",IF(EC39='（参考）【別紙２】'!$E$35,"",IF(MONTH(EC39)=MONTH(EC39+1),EC39+1,"")))</f>
        <v/>
      </c>
      <c r="ED40" s="13" t="str">
        <f>IF(COUNTIF(祝日一覧!$E$2:$E$142,EC40),"○",IF(EG40&lt;&gt;"","○",""))</f>
        <v/>
      </c>
      <c r="EE40" s="26"/>
      <c r="EF40" s="45" t="str">
        <f t="shared" si="87"/>
        <v/>
      </c>
      <c r="EG40" s="45"/>
      <c r="EH40" s="167"/>
      <c r="EI40" s="168"/>
      <c r="EJ40" s="9"/>
      <c r="EK40" s="226" t="s">
        <v>108</v>
      </c>
      <c r="EL40" s="227"/>
      <c r="EM40" s="9"/>
      <c r="EN40" s="18"/>
      <c r="EO40" s="102" t="str">
        <f t="shared" si="11"/>
        <v/>
      </c>
      <c r="EP40" s="15" t="str">
        <f>IF(EP39="","",IF(EP39='（参考）【別紙２】'!$E$35,"",IF(MONTH(EP39)=MONTH(EP39+1),EP39+1,"")))</f>
        <v/>
      </c>
      <c r="EQ40" s="13" t="str">
        <f>IF(COUNTIF(祝日一覧!$E$2:$E$142,EP40),"○",IF(ET40&lt;&gt;"","○",""))</f>
        <v/>
      </c>
      <c r="ER40" s="26"/>
      <c r="ES40" s="45" t="str">
        <f t="shared" si="88"/>
        <v/>
      </c>
      <c r="ET40" s="45"/>
      <c r="EU40" s="167"/>
      <c r="EV40" s="168"/>
      <c r="EW40" s="9"/>
      <c r="EX40" s="226" t="s">
        <v>108</v>
      </c>
      <c r="EY40" s="227"/>
      <c r="EZ40" s="9"/>
      <c r="FA40" s="18"/>
      <c r="FB40" s="102" t="str">
        <f t="shared" si="12"/>
        <v/>
      </c>
      <c r="FC40" s="15" t="str">
        <f>IF(FC39="","",IF(FC39='（参考）【別紙２】'!$E$35,"",IF(MONTH(FC39)=MONTH(FC39+1),FC39+1,"")))</f>
        <v/>
      </c>
      <c r="FD40" s="13" t="str">
        <f>IF(COUNTIF(祝日一覧!$E$2:$E$142,FC40),"○",IF(FG40&lt;&gt;"","○",""))</f>
        <v/>
      </c>
      <c r="FE40" s="26"/>
      <c r="FF40" s="45" t="str">
        <f t="shared" si="89"/>
        <v/>
      </c>
      <c r="FG40" s="45"/>
      <c r="FH40" s="167"/>
      <c r="FI40" s="168"/>
      <c r="FJ40" s="9"/>
      <c r="FK40" s="226" t="s">
        <v>108</v>
      </c>
      <c r="FL40" s="227"/>
      <c r="FM40" s="9"/>
      <c r="FN40" s="18"/>
      <c r="FO40" s="102" t="str">
        <f t="shared" si="13"/>
        <v/>
      </c>
      <c r="FP40" s="15" t="str">
        <f>IF(FP39="","",IF(FP39='（参考）【別紙２】'!$E$35,"",IF(MONTH(FP39)=MONTH(FP39+1),FP39+1,"")))</f>
        <v/>
      </c>
      <c r="FQ40" s="13" t="str">
        <f>IF(COUNTIF(祝日一覧!$E$2:$E$142,FP40),"○",IF(FT40&lt;&gt;"","○",""))</f>
        <v/>
      </c>
      <c r="FR40" s="26"/>
      <c r="FS40" s="45" t="str">
        <f t="shared" si="90"/>
        <v/>
      </c>
      <c r="FT40" s="45"/>
      <c r="FU40" s="167"/>
      <c r="FV40" s="168"/>
      <c r="FW40" s="9"/>
      <c r="FX40" s="226" t="s">
        <v>108</v>
      </c>
      <c r="FY40" s="227"/>
      <c r="FZ40" s="9"/>
      <c r="GA40" s="18"/>
      <c r="GB40" s="102" t="str">
        <f t="shared" si="14"/>
        <v/>
      </c>
      <c r="GC40" s="15" t="str">
        <f>IF(GC39="","",IF(GC39='（参考）【別紙２】'!$E$35,"",IF(MONTH(GC39)=MONTH(GC39+1),GC39+1,"")))</f>
        <v/>
      </c>
      <c r="GD40" s="13" t="str">
        <f>IF(COUNTIF(祝日一覧!$E$2:$E$142,GC40),"○",IF(GG40&lt;&gt;"","○",""))</f>
        <v/>
      </c>
      <c r="GE40" s="25"/>
      <c r="GF40" s="45" t="str">
        <f t="shared" si="91"/>
        <v/>
      </c>
      <c r="GG40" s="45"/>
      <c r="GH40" s="167"/>
      <c r="GI40" s="168"/>
      <c r="GJ40" s="9"/>
      <c r="GK40" s="226" t="s">
        <v>108</v>
      </c>
      <c r="GL40" s="227"/>
      <c r="GM40" s="9"/>
      <c r="GN40" s="18"/>
      <c r="GO40" s="102" t="str">
        <f t="shared" si="15"/>
        <v/>
      </c>
      <c r="GP40" s="15" t="str">
        <f>IF(GP39="","",IF(GP39='（参考）【別紙２】'!$E$35,"",IF(MONTH(GP39)=MONTH(GP39+1),GP39+1,"")))</f>
        <v/>
      </c>
      <c r="GQ40" s="13" t="str">
        <f>IF(COUNTIF(祝日一覧!$E$2:$E$142,GP40),"○",IF(GT40&lt;&gt;"","○",""))</f>
        <v/>
      </c>
      <c r="GR40" s="25"/>
      <c r="GS40" s="45" t="str">
        <f t="shared" si="92"/>
        <v/>
      </c>
      <c r="GT40" s="45"/>
      <c r="GU40" s="167"/>
      <c r="GV40" s="168"/>
      <c r="GW40" s="9"/>
      <c r="GX40" s="226" t="s">
        <v>108</v>
      </c>
      <c r="GY40" s="227"/>
      <c r="GZ40" s="9"/>
      <c r="HA40" s="18"/>
      <c r="HB40" s="102" t="str">
        <f t="shared" si="16"/>
        <v/>
      </c>
      <c r="HC40" s="15" t="str">
        <f>IF(HC39="","",IF(HC39='（参考）【別紙２】'!$E$35,"",IF(MONTH(HC39)=MONTH(HC39+1),HC39+1,"")))</f>
        <v/>
      </c>
      <c r="HD40" s="13" t="str">
        <f>IF(COUNTIF(祝日一覧!$E$2:$E$142,HC40),"○",IF(HG40&lt;&gt;"","○",""))</f>
        <v/>
      </c>
      <c r="HE40" s="26"/>
      <c r="HF40" s="45" t="str">
        <f t="shared" si="93"/>
        <v/>
      </c>
      <c r="HG40" s="45"/>
      <c r="HH40" s="167"/>
      <c r="HI40" s="168"/>
      <c r="HJ40" s="9"/>
      <c r="HK40" s="226" t="s">
        <v>108</v>
      </c>
      <c r="HL40" s="227"/>
      <c r="HM40" s="9"/>
      <c r="HN40" s="18"/>
      <c r="HO40" s="102" t="str">
        <f t="shared" si="17"/>
        <v/>
      </c>
      <c r="HP40" s="15" t="str">
        <f>IF(HP39="","",IF(HP39='（参考）【別紙２】'!$E$35,"",IF(MONTH(HP39)=MONTH(HP39+1),HP39+1,"")))</f>
        <v/>
      </c>
      <c r="HQ40" s="13" t="str">
        <f>IF(COUNTIF(祝日一覧!$E$2:$E$142,HP40),"○",IF(HT40&lt;&gt;"","○",""))</f>
        <v/>
      </c>
      <c r="HR40" s="25"/>
      <c r="HS40" s="45" t="str">
        <f t="shared" si="94"/>
        <v/>
      </c>
      <c r="HT40" s="45"/>
      <c r="HU40" s="167"/>
      <c r="HV40" s="168"/>
      <c r="HW40" s="9"/>
      <c r="HX40" s="226" t="s">
        <v>108</v>
      </c>
      <c r="HY40" s="227"/>
      <c r="HZ40" s="9"/>
      <c r="IA40" s="18"/>
      <c r="IB40" s="102" t="str">
        <f t="shared" si="18"/>
        <v/>
      </c>
      <c r="IC40" s="15" t="str">
        <f>IF(IC39="","",IF(IC39='（参考）【別紙２】'!$E$35,"",IF(MONTH(IC39)=MONTH(IC39+1),IC39+1,"")))</f>
        <v/>
      </c>
      <c r="ID40" s="13" t="str">
        <f>IF(COUNTIF(祝日一覧!$E$2:$E$142,IC40),"○",IF(IG40&lt;&gt;"","○",""))</f>
        <v/>
      </c>
      <c r="IE40" s="25"/>
      <c r="IF40" s="45" t="str">
        <f t="shared" si="95"/>
        <v/>
      </c>
      <c r="IG40" s="45"/>
      <c r="IH40" s="167"/>
      <c r="II40" s="168"/>
      <c r="IJ40" s="9"/>
      <c r="IK40" s="226" t="s">
        <v>108</v>
      </c>
      <c r="IL40" s="227"/>
      <c r="IM40" s="9"/>
      <c r="IN40" s="18"/>
      <c r="IO40" s="102" t="str">
        <f t="shared" si="19"/>
        <v/>
      </c>
      <c r="IP40" s="15" t="str">
        <f>IF(IP39="","",IF(IP39='（参考）【別紙２】'!$E$35,"",IF(MONTH(IP39)=MONTH(IP39+1),IP39+1,"")))</f>
        <v/>
      </c>
      <c r="IQ40" s="13" t="str">
        <f>IF(COUNTIF(祝日一覧!$E$2:$E$142,IP40),"○",IF(IT40&lt;&gt;"","○",""))</f>
        <v/>
      </c>
      <c r="IR40" s="25"/>
      <c r="IS40" s="45" t="str">
        <f t="shared" si="96"/>
        <v/>
      </c>
      <c r="IT40" s="45"/>
      <c r="IU40" s="167"/>
      <c r="IV40" s="168"/>
      <c r="IW40" s="9"/>
      <c r="IX40" s="226" t="s">
        <v>108</v>
      </c>
      <c r="IY40" s="227"/>
      <c r="IZ40" s="9"/>
      <c r="JA40" s="18"/>
      <c r="JB40" s="102" t="str">
        <f t="shared" si="20"/>
        <v/>
      </c>
      <c r="JC40" s="15" t="str">
        <f>IF(JC39="","",IF(JC39='（参考）【別紙２】'!$E$35,"",IF(MONTH(JC39)=MONTH(JC39+1),JC39+1,"")))</f>
        <v/>
      </c>
      <c r="JD40" s="13" t="str">
        <f>IF(COUNTIF(祝日一覧!$E$2:$E$142,JC40),"○",IF(JG40&lt;&gt;"","○",""))</f>
        <v/>
      </c>
      <c r="JE40" s="25"/>
      <c r="JF40" s="45" t="str">
        <f t="shared" si="97"/>
        <v/>
      </c>
      <c r="JG40" s="45"/>
      <c r="JH40" s="167"/>
      <c r="JI40" s="168"/>
      <c r="JJ40" s="9"/>
      <c r="JK40" s="226" t="s">
        <v>108</v>
      </c>
      <c r="JL40" s="227"/>
      <c r="JM40" s="9"/>
      <c r="JN40" s="18"/>
      <c r="JO40" s="102" t="str">
        <f t="shared" si="21"/>
        <v/>
      </c>
      <c r="JP40" s="15" t="str">
        <f>IF(JP39="","",IF(JP39='（参考）【別紙２】'!$E$35,"",IF(MONTH(JP39)=MONTH(JP39+1),JP39+1,"")))</f>
        <v/>
      </c>
      <c r="JQ40" s="13" t="str">
        <f>IF(COUNTIF(祝日一覧!$E$2:$E$142,JP40),"○",IF(JT40&lt;&gt;"","○",""))</f>
        <v/>
      </c>
      <c r="JR40" s="25"/>
      <c r="JS40" s="45" t="str">
        <f t="shared" si="98"/>
        <v/>
      </c>
      <c r="JT40" s="45"/>
      <c r="JU40" s="167"/>
      <c r="JV40" s="168"/>
      <c r="JW40" s="9"/>
      <c r="JX40" s="226" t="s">
        <v>108</v>
      </c>
      <c r="JY40" s="227"/>
      <c r="JZ40" s="9"/>
      <c r="KA40" s="18"/>
      <c r="KB40" s="102" t="str">
        <f t="shared" si="22"/>
        <v/>
      </c>
      <c r="KC40" s="15" t="str">
        <f>IF(KC39="","",IF(KC39='（参考）【別紙２】'!$E$35,"",IF(MONTH(KC39)=MONTH(KC39+1),KC39+1,"")))</f>
        <v/>
      </c>
      <c r="KD40" s="13" t="str">
        <f>IF(COUNTIF(祝日一覧!$E$2:$E$142,KC40),"○",IF(KG40&lt;&gt;"","○",""))</f>
        <v/>
      </c>
      <c r="KE40" s="25"/>
      <c r="KF40" s="45" t="str">
        <f t="shared" si="99"/>
        <v/>
      </c>
      <c r="KG40" s="45"/>
      <c r="KH40" s="167"/>
      <c r="KI40" s="168"/>
      <c r="KJ40" s="9"/>
      <c r="KK40" s="226" t="s">
        <v>108</v>
      </c>
      <c r="KL40" s="227"/>
      <c r="KM40" s="9"/>
      <c r="KN40" s="18"/>
      <c r="KO40" s="102" t="str">
        <f t="shared" si="23"/>
        <v/>
      </c>
      <c r="KP40" s="15" t="str">
        <f>IF(KP39="","",IF(KP39='（参考）【別紙２】'!$E$35,"",IF(MONTH(KP39)=MONTH(KP39+1),KP39+1,"")))</f>
        <v/>
      </c>
      <c r="KQ40" s="13" t="str">
        <f>IF(COUNTIF(祝日一覧!$E$2:$E$142,KP40),"○",IF(KT40&lt;&gt;"","○",""))</f>
        <v/>
      </c>
      <c r="KR40" s="25"/>
      <c r="KS40" s="45" t="str">
        <f t="shared" si="100"/>
        <v/>
      </c>
      <c r="KT40" s="45"/>
      <c r="KU40" s="167"/>
      <c r="KV40" s="168"/>
      <c r="KW40" s="9"/>
      <c r="KX40" s="226" t="s">
        <v>108</v>
      </c>
      <c r="KY40" s="227"/>
      <c r="KZ40" s="9"/>
      <c r="LA40" s="18"/>
      <c r="LB40" s="102" t="str">
        <f t="shared" si="24"/>
        <v/>
      </c>
      <c r="LC40" s="15" t="str">
        <f>IF(LC39="","",IF(LC39='（参考）【別紙２】'!$E$35,"",IF(MONTH(LC39)=MONTH(LC39+1),LC39+1,"")))</f>
        <v/>
      </c>
      <c r="LD40" s="13" t="str">
        <f>IF(COUNTIF(祝日一覧!$E$2:$E$142,LC40),"○",IF(LG40&lt;&gt;"","○",""))</f>
        <v/>
      </c>
      <c r="LE40" s="25"/>
      <c r="LF40" s="45" t="str">
        <f t="shared" si="101"/>
        <v/>
      </c>
      <c r="LG40" s="45"/>
      <c r="LH40" s="167"/>
      <c r="LI40" s="168"/>
      <c r="LJ40" s="9"/>
      <c r="LK40" s="226" t="s">
        <v>108</v>
      </c>
      <c r="LL40" s="227"/>
      <c r="LM40" s="9"/>
      <c r="LN40" s="18"/>
      <c r="LO40" s="102" t="str">
        <f t="shared" si="25"/>
        <v/>
      </c>
      <c r="LP40" s="15" t="str">
        <f>IF(LP39="","",IF(LP39='（参考）【別紙２】'!$E$35,"",IF(MONTH(LP39)=MONTH(LP39+1),LP39+1,"")))</f>
        <v/>
      </c>
      <c r="LQ40" s="13" t="str">
        <f>IF(COUNTIF(祝日一覧!$E$2:$E$142,LP40),"○",IF(LT40&lt;&gt;"","○",""))</f>
        <v/>
      </c>
      <c r="LR40" s="25"/>
      <c r="LS40" s="45" t="str">
        <f t="shared" si="102"/>
        <v/>
      </c>
      <c r="LT40" s="45"/>
      <c r="LU40" s="167"/>
      <c r="LV40" s="168"/>
      <c r="LW40" s="9"/>
      <c r="LX40" s="226" t="s">
        <v>108</v>
      </c>
      <c r="LY40" s="227"/>
      <c r="LZ40" s="9"/>
      <c r="MA40" s="18"/>
      <c r="MB40" s="102" t="str">
        <f t="shared" si="26"/>
        <v/>
      </c>
      <c r="MC40" s="15" t="str">
        <f>IF(MC39="","",IF(MC39='（参考）【別紙２】'!$E$35,"",IF(MONTH(MC39)=MONTH(MC39+1),MC39+1,"")))</f>
        <v/>
      </c>
      <c r="MD40" s="13" t="str">
        <f>IF(COUNTIF(祝日一覧!$E$2:$E$142,MC40),"○",IF(MG40&lt;&gt;"","○",""))</f>
        <v/>
      </c>
      <c r="ME40" s="25"/>
      <c r="MF40" s="45" t="str">
        <f t="shared" si="103"/>
        <v/>
      </c>
      <c r="MG40" s="45"/>
      <c r="MH40" s="167"/>
      <c r="MI40" s="168"/>
      <c r="MJ40" s="9"/>
      <c r="MK40" s="226" t="s">
        <v>108</v>
      </c>
      <c r="ML40" s="227"/>
      <c r="MM40" s="9"/>
      <c r="MN40" s="18"/>
      <c r="MO40" s="102" t="str">
        <f t="shared" si="27"/>
        <v/>
      </c>
      <c r="MP40" s="15" t="str">
        <f>IF(MP39="","",IF(MP39='（参考）【別紙２】'!$E$35,"",IF(MONTH(MP39)=MONTH(MP39+1),MP39+1,"")))</f>
        <v/>
      </c>
      <c r="MQ40" s="13" t="str">
        <f>IF(COUNTIF(祝日一覧!$E$2:$E$142,MP40),"○",IF(MT40&lt;&gt;"","○",""))</f>
        <v/>
      </c>
      <c r="MR40" s="25"/>
      <c r="MS40" s="45" t="str">
        <f t="shared" si="104"/>
        <v/>
      </c>
      <c r="MT40" s="45"/>
      <c r="MU40" s="167"/>
      <c r="MV40" s="168"/>
      <c r="MW40" s="9"/>
      <c r="MX40" s="226" t="s">
        <v>108</v>
      </c>
      <c r="MY40" s="227"/>
      <c r="MZ40" s="9"/>
      <c r="NA40" s="18"/>
      <c r="NB40" s="102" t="str">
        <f t="shared" si="28"/>
        <v/>
      </c>
      <c r="NC40" s="15" t="str">
        <f>IF(NC39="","",IF(NC39='（参考）【別紙２】'!$E$35,"",IF(MONTH(NC39)=MONTH(NC39+1),NC39+1,"")))</f>
        <v/>
      </c>
      <c r="ND40" s="13" t="str">
        <f>IF(COUNTIF(祝日一覧!$E$2:$E$142,NC40),"○",IF(NG40&lt;&gt;"","○",""))</f>
        <v/>
      </c>
      <c r="NE40" s="25"/>
      <c r="NF40" s="45" t="str">
        <f t="shared" si="105"/>
        <v/>
      </c>
      <c r="NG40" s="45"/>
      <c r="NH40" s="167"/>
      <c r="NI40" s="168"/>
      <c r="NJ40" s="9"/>
      <c r="NK40" s="226" t="s">
        <v>108</v>
      </c>
      <c r="NL40" s="227"/>
      <c r="NM40" s="9"/>
      <c r="NN40" s="18"/>
      <c r="NO40" s="102" t="str">
        <f t="shared" si="29"/>
        <v/>
      </c>
      <c r="NP40" s="15" t="str">
        <f>IF(NP39="","",IF(NP39='（参考）【別紙２】'!$E$35,"",IF(MONTH(NP39)=MONTH(NP39+1),NP39+1,"")))</f>
        <v/>
      </c>
      <c r="NQ40" s="13" t="str">
        <f>IF(COUNTIF(祝日一覧!$E$2:$E$142,NP40),"○",IF(NT40&lt;&gt;"","○",""))</f>
        <v/>
      </c>
      <c r="NR40" s="25"/>
      <c r="NS40" s="45" t="str">
        <f t="shared" si="106"/>
        <v/>
      </c>
      <c r="NT40" s="45"/>
      <c r="NU40" s="167"/>
      <c r="NV40" s="168"/>
      <c r="NW40" s="9"/>
      <c r="NX40" s="226" t="s">
        <v>108</v>
      </c>
      <c r="NY40" s="227"/>
      <c r="NZ40" s="9"/>
      <c r="OA40" s="18"/>
      <c r="OB40" s="102" t="str">
        <f t="shared" si="30"/>
        <v/>
      </c>
      <c r="OC40" s="15" t="str">
        <f>IF(OC39="","",IF(OC39='（参考）【別紙２】'!$E$35,"",IF(MONTH(OC39)=MONTH(OC39+1),OC39+1,"")))</f>
        <v/>
      </c>
      <c r="OD40" s="13" t="str">
        <f>IF(COUNTIF(祝日一覧!$E$2:$E$142,OC40),"○",IF(OG40&lt;&gt;"","○",""))</f>
        <v/>
      </c>
      <c r="OE40" s="25"/>
      <c r="OF40" s="45" t="str">
        <f t="shared" si="107"/>
        <v/>
      </c>
      <c r="OG40" s="45"/>
      <c r="OH40" s="167"/>
      <c r="OI40" s="168"/>
      <c r="OJ40" s="9"/>
      <c r="OK40" s="226" t="s">
        <v>108</v>
      </c>
      <c r="OL40" s="227"/>
      <c r="OM40" s="9"/>
      <c r="ON40" s="18"/>
      <c r="OO40" s="102" t="str">
        <f t="shared" si="31"/>
        <v/>
      </c>
      <c r="OP40" s="15" t="str">
        <f>IF(OP39="","",IF(OP39='（参考）【別紙２】'!$E$35,"",IF(MONTH(OP39)=MONTH(OP39+1),OP39+1,"")))</f>
        <v/>
      </c>
      <c r="OQ40" s="13" t="str">
        <f>IF(COUNTIF(祝日一覧!$E$2:$E$142,OP40),"○",IF(OT40&lt;&gt;"","○",""))</f>
        <v/>
      </c>
      <c r="OR40" s="25"/>
      <c r="OS40" s="45" t="str">
        <f t="shared" si="108"/>
        <v/>
      </c>
      <c r="OT40" s="45"/>
      <c r="OU40" s="167"/>
      <c r="OV40" s="168"/>
      <c r="OW40" s="9"/>
      <c r="OX40" s="226" t="s">
        <v>108</v>
      </c>
      <c r="OY40" s="227"/>
      <c r="OZ40" s="9"/>
      <c r="PA40" s="18"/>
      <c r="PB40" s="102" t="str">
        <f t="shared" si="32"/>
        <v/>
      </c>
      <c r="PC40" s="15" t="str">
        <f>IF(PC39="","",IF(PC39='（参考）【別紙２】'!$E$35,"",IF(MONTH(PC39)=MONTH(PC39+1),PC39+1,"")))</f>
        <v/>
      </c>
      <c r="PD40" s="13" t="str">
        <f>IF(COUNTIF(祝日一覧!$E$2:$E$142,PC40),"○",IF(PG40&lt;&gt;"","○",""))</f>
        <v/>
      </c>
      <c r="PE40" s="25"/>
      <c r="PF40" s="45" t="str">
        <f t="shared" si="109"/>
        <v/>
      </c>
      <c r="PG40" s="45"/>
      <c r="PH40" s="167"/>
      <c r="PI40" s="168"/>
      <c r="PJ40" s="9"/>
      <c r="PK40" s="226" t="s">
        <v>108</v>
      </c>
      <c r="PL40" s="227"/>
      <c r="PM40" s="9"/>
      <c r="PN40" s="18"/>
      <c r="PO40" s="102" t="str">
        <f t="shared" si="33"/>
        <v/>
      </c>
      <c r="PP40" s="15" t="str">
        <f>IF(PP39="","",IF(PP39='（参考）【別紙２】'!$E$35,"",IF(MONTH(PP39)=MONTH(PP39+1),PP39+1,"")))</f>
        <v/>
      </c>
      <c r="PQ40" s="13" t="str">
        <f>IF(COUNTIF(祝日一覧!$E$2:$E$142,PP40),"○",IF(PT40&lt;&gt;"","○",""))</f>
        <v/>
      </c>
      <c r="PR40" s="25"/>
      <c r="PS40" s="45" t="str">
        <f t="shared" si="110"/>
        <v/>
      </c>
      <c r="PT40" s="45"/>
      <c r="PU40" s="167"/>
      <c r="PV40" s="168"/>
      <c r="PW40" s="9"/>
      <c r="PX40" s="226" t="s">
        <v>108</v>
      </c>
      <c r="PY40" s="227"/>
      <c r="PZ40" s="9"/>
      <c r="QA40" s="18"/>
      <c r="QB40" s="102" t="str">
        <f t="shared" si="34"/>
        <v/>
      </c>
      <c r="QC40" s="15" t="str">
        <f>IF(QC39="","",IF(QC39='（参考）【別紙２】'!$E$35,"",IF(MONTH(QC39)=MONTH(QC39+1),QC39+1,"")))</f>
        <v/>
      </c>
      <c r="QD40" s="13" t="str">
        <f>IF(COUNTIF(祝日一覧!$E$2:$E$142,QC40),"○",IF(QG40&lt;&gt;"","○",""))</f>
        <v/>
      </c>
      <c r="QE40" s="25"/>
      <c r="QF40" s="45" t="str">
        <f t="shared" si="111"/>
        <v/>
      </c>
      <c r="QG40" s="45"/>
      <c r="QH40" s="167"/>
      <c r="QI40" s="168"/>
      <c r="QJ40" s="9"/>
      <c r="QK40" s="226" t="s">
        <v>108</v>
      </c>
      <c r="QL40" s="227"/>
      <c r="QM40" s="9"/>
      <c r="QN40" s="18"/>
      <c r="QO40" s="102" t="str">
        <f t="shared" si="35"/>
        <v/>
      </c>
      <c r="QP40" s="15" t="str">
        <f>IF(QP39="","",IF(QP39='（参考）【別紙２】'!$E$35,"",IF(MONTH(QP39)=MONTH(QP39+1),QP39+1,"")))</f>
        <v/>
      </c>
      <c r="QQ40" s="13" t="str">
        <f>IF(COUNTIF(祝日一覧!$E$2:$E$142,QP40),"○",IF(QT40&lt;&gt;"","○",""))</f>
        <v/>
      </c>
      <c r="QR40" s="25"/>
      <c r="QS40" s="45" t="str">
        <f t="shared" si="112"/>
        <v/>
      </c>
      <c r="QT40" s="45"/>
      <c r="QU40" s="167"/>
      <c r="QV40" s="168"/>
      <c r="QW40" s="9"/>
      <c r="QX40" s="226" t="s">
        <v>108</v>
      </c>
      <c r="QY40" s="227"/>
      <c r="QZ40" s="9"/>
      <c r="RA40" s="18"/>
      <c r="RB40" s="102" t="str">
        <f t="shared" si="36"/>
        <v/>
      </c>
      <c r="RC40" s="15" t="str">
        <f>IF(RC39="","",IF(RC39='（参考）【別紙２】'!$E$35,"",IF(MONTH(RC39)=MONTH(RC39+1),RC39+1,"")))</f>
        <v/>
      </c>
      <c r="RD40" s="13" t="str">
        <f>IF(COUNTIF(祝日一覧!$E$2:$E$142,RC40),"○",IF(RG40&lt;&gt;"","○",""))</f>
        <v/>
      </c>
      <c r="RE40" s="25"/>
      <c r="RF40" s="45" t="str">
        <f t="shared" si="113"/>
        <v/>
      </c>
      <c r="RG40" s="45"/>
      <c r="RH40" s="167"/>
      <c r="RI40" s="168"/>
      <c r="RJ40" s="9"/>
      <c r="RK40" s="226" t="s">
        <v>108</v>
      </c>
      <c r="RL40" s="227"/>
      <c r="RM40" s="9"/>
      <c r="RN40" s="18"/>
      <c r="RO40" s="102" t="str">
        <f t="shared" si="37"/>
        <v/>
      </c>
      <c r="RP40" s="15" t="str">
        <f>IF(RP39="","",IF(RP39='（参考）【別紙２】'!$E$35,"",IF(MONTH(RP39)=MONTH(RP39+1),RP39+1,"")))</f>
        <v/>
      </c>
      <c r="RQ40" s="13" t="str">
        <f>IF(COUNTIF(祝日一覧!$E$2:$E$142,RP40),"○",IF(RT40&lt;&gt;"","○",""))</f>
        <v/>
      </c>
      <c r="RR40" s="25"/>
      <c r="RS40" s="45" t="str">
        <f t="shared" si="114"/>
        <v/>
      </c>
      <c r="RT40" s="45"/>
      <c r="RU40" s="167"/>
      <c r="RV40" s="168"/>
      <c r="RW40" s="9"/>
      <c r="RX40" s="226" t="s">
        <v>108</v>
      </c>
      <c r="RY40" s="227"/>
      <c r="RZ40" s="9"/>
      <c r="SA40" s="18"/>
      <c r="SB40" s="102" t="str">
        <f t="shared" si="38"/>
        <v/>
      </c>
      <c r="SC40" s="15" t="str">
        <f>IF(SC39="","",IF(SC39='（参考）【別紙２】'!$E$35,"",IF(MONTH(SC39)=MONTH(SC39+1),SC39+1,"")))</f>
        <v/>
      </c>
      <c r="SD40" s="13" t="str">
        <f>IF(COUNTIF(祝日一覧!$E$2:$E$142,SC40),"○",IF(SG40&lt;&gt;"","○",""))</f>
        <v/>
      </c>
      <c r="SE40" s="25"/>
      <c r="SF40" s="45" t="str">
        <f t="shared" si="115"/>
        <v/>
      </c>
      <c r="SG40" s="45"/>
      <c r="SH40" s="167"/>
      <c r="SI40" s="168"/>
      <c r="SJ40" s="9"/>
      <c r="SK40" s="226" t="s">
        <v>108</v>
      </c>
      <c r="SL40" s="227"/>
      <c r="SM40" s="9"/>
    </row>
    <row r="41" spans="1:507" ht="15.6" customHeight="1">
      <c r="A41" s="17"/>
      <c r="B41" s="102" t="str">
        <f t="shared" si="0"/>
        <v/>
      </c>
      <c r="C41" s="15" t="str">
        <f>IF(C40="","",IF(C40='（参考）【別紙２】'!$E$35,"",IF(MONTH(C40)=MONTH(C40+1),C40+1,"")))</f>
        <v/>
      </c>
      <c r="D41" s="13" t="str">
        <f>IF(COUNTIF(祝日一覧!$E$2:$E$142,C41),"○",IF(G41&lt;&gt;"","○",""))</f>
        <v/>
      </c>
      <c r="E41" s="26"/>
      <c r="F41" s="45" t="str">
        <f t="shared" si="39"/>
        <v/>
      </c>
      <c r="G41" s="45"/>
      <c r="H41" s="167"/>
      <c r="I41" s="168"/>
      <c r="J41" s="43"/>
      <c r="K41" s="224"/>
      <c r="L41" s="224"/>
      <c r="M41" s="9"/>
      <c r="N41" s="17"/>
      <c r="O41" s="102" t="str">
        <f t="shared" si="1"/>
        <v/>
      </c>
      <c r="P41" s="15" t="str">
        <f>IF(P40="","",IF(P40='（参考）【別紙２】'!$E$35,"",IF(MONTH(P40)=MONTH(P40+1),P40+1,"")))</f>
        <v/>
      </c>
      <c r="Q41" s="13" t="str">
        <f>IF(COUNTIF(祝日一覧!$E$2:$E$142,P41),"○",IF(T41&lt;&gt;"","○",""))</f>
        <v/>
      </c>
      <c r="R41" s="26"/>
      <c r="S41" s="45" t="str">
        <f t="shared" si="78"/>
        <v/>
      </c>
      <c r="T41" s="45"/>
      <c r="U41" s="167"/>
      <c r="V41" s="168"/>
      <c r="W41" s="9"/>
      <c r="X41" s="227"/>
      <c r="Y41" s="227"/>
      <c r="Z41" s="9"/>
      <c r="AA41" s="17"/>
      <c r="AB41" s="102" t="str">
        <f t="shared" si="2"/>
        <v/>
      </c>
      <c r="AC41" s="15" t="str">
        <f>IF(AC40="","",IF(AC40='（参考）【別紙２】'!$E$35,"",IF(MONTH(AC40)=MONTH(AC40+1),AC40+1,"")))</f>
        <v/>
      </c>
      <c r="AD41" s="13" t="str">
        <f>IF(COUNTIF(祝日一覧!$E$2:$E$142,AC41),"○",IF(AG41&lt;&gt;"","○",""))</f>
        <v/>
      </c>
      <c r="AE41" s="26"/>
      <c r="AF41" s="45" t="str">
        <f t="shared" si="79"/>
        <v/>
      </c>
      <c r="AG41" s="45"/>
      <c r="AH41" s="167"/>
      <c r="AI41" s="168"/>
      <c r="AJ41" s="9"/>
      <c r="AK41" s="227"/>
      <c r="AL41" s="227"/>
      <c r="AM41" s="9"/>
      <c r="AN41" s="17"/>
      <c r="AO41" s="102" t="str">
        <f t="shared" si="3"/>
        <v/>
      </c>
      <c r="AP41" s="15" t="str">
        <f>IF(AP40="","",IF(AP40='（参考）【別紙２】'!$E$35,"",IF(MONTH(AP40)=MONTH(AP40+1),AP40+1,"")))</f>
        <v/>
      </c>
      <c r="AQ41" s="13" t="str">
        <f>IF(COUNTIF(祝日一覧!$E$2:$E$142,AP41),"○",IF(AT41&lt;&gt;"","○",""))</f>
        <v/>
      </c>
      <c r="AR41" s="26"/>
      <c r="AS41" s="45" t="str">
        <f t="shared" si="80"/>
        <v/>
      </c>
      <c r="AT41" s="45"/>
      <c r="AU41" s="167"/>
      <c r="AV41" s="168"/>
      <c r="AW41" s="9"/>
      <c r="AX41" s="227"/>
      <c r="AY41" s="227"/>
      <c r="AZ41" s="9"/>
      <c r="BA41" s="17"/>
      <c r="BB41" s="102" t="str">
        <f t="shared" si="4"/>
        <v/>
      </c>
      <c r="BC41" s="15" t="str">
        <f>IF(BC40="","",IF(BC40='（参考）【別紙２】'!$E$35,"",IF(MONTH(BC40)=MONTH(BC40+1),BC40+1,"")))</f>
        <v/>
      </c>
      <c r="BD41" s="13" t="str">
        <f>IF(COUNTIF(祝日一覧!$E$2:$E$142,BC41),"○",IF(BG41&lt;&gt;"","○",""))</f>
        <v/>
      </c>
      <c r="BE41" s="26"/>
      <c r="BF41" s="45" t="str">
        <f t="shared" si="81"/>
        <v/>
      </c>
      <c r="BG41" s="45"/>
      <c r="BH41" s="167"/>
      <c r="BI41" s="168"/>
      <c r="BJ41" s="9"/>
      <c r="BK41" s="227"/>
      <c r="BL41" s="227"/>
      <c r="BM41" s="9"/>
      <c r="BN41" s="17"/>
      <c r="BO41" s="102" t="str">
        <f t="shared" si="5"/>
        <v/>
      </c>
      <c r="BP41" s="15" t="str">
        <f>IF(BP40="","",IF(BP40='（参考）【別紙２】'!$E$35,"",IF(MONTH(BP40)=MONTH(BP40+1),BP40+1,"")))</f>
        <v/>
      </c>
      <c r="BQ41" s="13" t="str">
        <f>IF(COUNTIF(祝日一覧!$E$2:$E$142,BP41),"○",IF(BT41&lt;&gt;"","○",""))</f>
        <v/>
      </c>
      <c r="BR41" s="26"/>
      <c r="BS41" s="45" t="str">
        <f t="shared" si="82"/>
        <v/>
      </c>
      <c r="BT41" s="45"/>
      <c r="BU41" s="167"/>
      <c r="BV41" s="168"/>
      <c r="BW41" s="9"/>
      <c r="BX41" s="227"/>
      <c r="BY41" s="227"/>
      <c r="BZ41" s="9"/>
      <c r="CA41" s="17"/>
      <c r="CB41" s="102" t="str">
        <f t="shared" si="6"/>
        <v/>
      </c>
      <c r="CC41" s="15" t="str">
        <f>IF(CC40="","",IF(CC40='（参考）【別紙２】'!$E$35,"",IF(MONTH(CC40)=MONTH(CC40+1),CC40+1,"")))</f>
        <v/>
      </c>
      <c r="CD41" s="13" t="str">
        <f>IF(COUNTIF(祝日一覧!$E$2:$E$142,CC41),"○",IF(CG41&lt;&gt;"","○",""))</f>
        <v/>
      </c>
      <c r="CE41" s="26"/>
      <c r="CF41" s="45" t="str">
        <f t="shared" si="83"/>
        <v/>
      </c>
      <c r="CG41" s="45"/>
      <c r="CH41" s="167"/>
      <c r="CI41" s="168"/>
      <c r="CJ41" s="9"/>
      <c r="CK41" s="227"/>
      <c r="CL41" s="227"/>
      <c r="CM41" s="9"/>
      <c r="CN41" s="17"/>
      <c r="CO41" s="102" t="str">
        <f t="shared" si="7"/>
        <v/>
      </c>
      <c r="CP41" s="15" t="str">
        <f>IF(CP40="","",IF(CP40='（参考）【別紙２】'!$E$35,"",IF(MONTH(CP40)=MONTH(CP40+1),CP40+1,"")))</f>
        <v/>
      </c>
      <c r="CQ41" s="13" t="str">
        <f>IF(COUNTIF(祝日一覧!$E$2:$E$142,CP41),"○",IF(CT41&lt;&gt;"","○",""))</f>
        <v/>
      </c>
      <c r="CR41" s="26"/>
      <c r="CS41" s="45" t="str">
        <f t="shared" si="84"/>
        <v/>
      </c>
      <c r="CT41" s="45"/>
      <c r="CU41" s="167"/>
      <c r="CV41" s="168"/>
      <c r="CW41" s="9"/>
      <c r="CX41" s="227"/>
      <c r="CY41" s="227"/>
      <c r="CZ41" s="9"/>
      <c r="DA41" s="17"/>
      <c r="DB41" s="102" t="str">
        <f t="shared" si="8"/>
        <v/>
      </c>
      <c r="DC41" s="15" t="str">
        <f>IF(DC40="","",IF(DC40='（参考）【別紙２】'!$E$35,"",IF(MONTH(DC40)=MONTH(DC40+1),DC40+1,"")))</f>
        <v/>
      </c>
      <c r="DD41" s="13" t="str">
        <f>IF(COUNTIF(祝日一覧!$E$2:$E$142,DC41),"○",IF(DG41&lt;&gt;"","○",""))</f>
        <v/>
      </c>
      <c r="DE41" s="26"/>
      <c r="DF41" s="45" t="str">
        <f t="shared" si="85"/>
        <v/>
      </c>
      <c r="DG41" s="45"/>
      <c r="DH41" s="167"/>
      <c r="DI41" s="168"/>
      <c r="DJ41" s="9"/>
      <c r="DK41" s="227"/>
      <c r="DL41" s="227"/>
      <c r="DM41" s="9"/>
      <c r="DN41" s="17"/>
      <c r="DO41" s="102" t="str">
        <f t="shared" si="9"/>
        <v/>
      </c>
      <c r="DP41" s="15" t="str">
        <f>IF(DP40="","",IF(DP40='（参考）【別紙２】'!$E$35,"",IF(MONTH(DP40)=MONTH(DP40+1),DP40+1,"")))</f>
        <v/>
      </c>
      <c r="DQ41" s="13" t="str">
        <f>IF(COUNTIF(祝日一覧!$E$2:$E$142,DP41),"○",IF(DT41&lt;&gt;"","○",""))</f>
        <v/>
      </c>
      <c r="DR41" s="26"/>
      <c r="DS41" s="45" t="str">
        <f t="shared" si="86"/>
        <v/>
      </c>
      <c r="DT41" s="45"/>
      <c r="DU41" s="167"/>
      <c r="DV41" s="168"/>
      <c r="DW41" s="9"/>
      <c r="DX41" s="227"/>
      <c r="DY41" s="227"/>
      <c r="DZ41" s="9"/>
      <c r="EA41" s="17"/>
      <c r="EB41" s="102" t="str">
        <f t="shared" si="10"/>
        <v/>
      </c>
      <c r="EC41" s="15" t="str">
        <f>IF(EC40="","",IF(EC40='（参考）【別紙２】'!$E$35,"",IF(MONTH(EC40)=MONTH(EC40+1),EC40+1,"")))</f>
        <v/>
      </c>
      <c r="ED41" s="13" t="str">
        <f>IF(COUNTIF(祝日一覧!$E$2:$E$142,EC41),"○",IF(EG41&lt;&gt;"","○",""))</f>
        <v/>
      </c>
      <c r="EE41" s="26"/>
      <c r="EF41" s="45" t="str">
        <f t="shared" si="87"/>
        <v/>
      </c>
      <c r="EG41" s="45"/>
      <c r="EH41" s="167"/>
      <c r="EI41" s="168"/>
      <c r="EJ41" s="9"/>
      <c r="EK41" s="227"/>
      <c r="EL41" s="227"/>
      <c r="EM41" s="9"/>
      <c r="EN41" s="17"/>
      <c r="EO41" s="102" t="str">
        <f t="shared" si="11"/>
        <v/>
      </c>
      <c r="EP41" s="15" t="str">
        <f>IF(EP40="","",IF(EP40='（参考）【別紙２】'!$E$35,"",IF(MONTH(EP40)=MONTH(EP40+1),EP40+1,"")))</f>
        <v/>
      </c>
      <c r="EQ41" s="13" t="str">
        <f>IF(COUNTIF(祝日一覧!$E$2:$E$142,EP41),"○",IF(ET41&lt;&gt;"","○",""))</f>
        <v/>
      </c>
      <c r="ER41" s="26"/>
      <c r="ES41" s="45" t="str">
        <f t="shared" si="88"/>
        <v/>
      </c>
      <c r="ET41" s="45"/>
      <c r="EU41" s="167"/>
      <c r="EV41" s="168"/>
      <c r="EW41" s="9"/>
      <c r="EX41" s="227"/>
      <c r="EY41" s="227"/>
      <c r="EZ41" s="9"/>
      <c r="FA41" s="17"/>
      <c r="FB41" s="102" t="str">
        <f t="shared" si="12"/>
        <v/>
      </c>
      <c r="FC41" s="15" t="str">
        <f>IF(FC40="","",IF(FC40='（参考）【別紙２】'!$E$35,"",IF(MONTH(FC40)=MONTH(FC40+1),FC40+1,"")))</f>
        <v/>
      </c>
      <c r="FD41" s="13" t="str">
        <f>IF(COUNTIF(祝日一覧!$E$2:$E$142,FC41),"○",IF(FG41&lt;&gt;"","○",""))</f>
        <v/>
      </c>
      <c r="FE41" s="26"/>
      <c r="FF41" s="45" t="str">
        <f t="shared" si="89"/>
        <v/>
      </c>
      <c r="FG41" s="45"/>
      <c r="FH41" s="167"/>
      <c r="FI41" s="168"/>
      <c r="FJ41" s="9"/>
      <c r="FK41" s="227"/>
      <c r="FL41" s="227"/>
      <c r="FM41" s="9"/>
      <c r="FN41" s="17"/>
      <c r="FO41" s="102" t="str">
        <f t="shared" si="13"/>
        <v/>
      </c>
      <c r="FP41" s="15" t="str">
        <f>IF(FP40="","",IF(FP40='（参考）【別紙２】'!$E$35,"",IF(MONTH(FP40)=MONTH(FP40+1),FP40+1,"")))</f>
        <v/>
      </c>
      <c r="FQ41" s="13" t="str">
        <f>IF(COUNTIF(祝日一覧!$E$2:$E$142,FP41),"○",IF(FT41&lt;&gt;"","○",""))</f>
        <v/>
      </c>
      <c r="FR41" s="26"/>
      <c r="FS41" s="45" t="str">
        <f t="shared" si="90"/>
        <v/>
      </c>
      <c r="FT41" s="45"/>
      <c r="FU41" s="167"/>
      <c r="FV41" s="168"/>
      <c r="FW41" s="9"/>
      <c r="FX41" s="227"/>
      <c r="FY41" s="227"/>
      <c r="FZ41" s="9"/>
      <c r="GA41" s="17"/>
      <c r="GB41" s="102" t="str">
        <f t="shared" si="14"/>
        <v/>
      </c>
      <c r="GC41" s="15" t="str">
        <f>IF(GC40="","",IF(GC40='（参考）【別紙２】'!$E$35,"",IF(MONTH(GC40)=MONTH(GC40+1),GC40+1,"")))</f>
        <v/>
      </c>
      <c r="GD41" s="13" t="str">
        <f>IF(COUNTIF(祝日一覧!$E$2:$E$142,GC41),"○",IF(GG41&lt;&gt;"","○",""))</f>
        <v/>
      </c>
      <c r="GE41" s="25"/>
      <c r="GF41" s="45" t="str">
        <f t="shared" si="91"/>
        <v/>
      </c>
      <c r="GG41" s="45"/>
      <c r="GH41" s="167"/>
      <c r="GI41" s="168"/>
      <c r="GJ41" s="9"/>
      <c r="GK41" s="227"/>
      <c r="GL41" s="227"/>
      <c r="GM41" s="9"/>
      <c r="GN41" s="17"/>
      <c r="GO41" s="102" t="str">
        <f t="shared" si="15"/>
        <v/>
      </c>
      <c r="GP41" s="15" t="str">
        <f>IF(GP40="","",IF(GP40='（参考）【別紙２】'!$E$35,"",IF(MONTH(GP40)=MONTH(GP40+1),GP40+1,"")))</f>
        <v/>
      </c>
      <c r="GQ41" s="13" t="str">
        <f>IF(COUNTIF(祝日一覧!$E$2:$E$142,GP41),"○",IF(GT41&lt;&gt;"","○",""))</f>
        <v/>
      </c>
      <c r="GR41" s="25"/>
      <c r="GS41" s="45" t="str">
        <f t="shared" si="92"/>
        <v/>
      </c>
      <c r="GT41" s="45"/>
      <c r="GU41" s="167"/>
      <c r="GV41" s="168"/>
      <c r="GW41" s="9"/>
      <c r="GX41" s="227"/>
      <c r="GY41" s="227"/>
      <c r="GZ41" s="9"/>
      <c r="HA41" s="17"/>
      <c r="HB41" s="102" t="str">
        <f t="shared" si="16"/>
        <v/>
      </c>
      <c r="HC41" s="15" t="str">
        <f>IF(HC40="","",IF(HC40='（参考）【別紙２】'!$E$35,"",IF(MONTH(HC40)=MONTH(HC40+1),HC40+1,"")))</f>
        <v/>
      </c>
      <c r="HD41" s="13" t="str">
        <f>IF(COUNTIF(祝日一覧!$E$2:$E$142,HC41),"○",IF(HG41&lt;&gt;"","○",""))</f>
        <v/>
      </c>
      <c r="HE41" s="26"/>
      <c r="HF41" s="45" t="str">
        <f t="shared" si="93"/>
        <v/>
      </c>
      <c r="HG41" s="45"/>
      <c r="HH41" s="167"/>
      <c r="HI41" s="168"/>
      <c r="HJ41" s="9"/>
      <c r="HK41" s="227"/>
      <c r="HL41" s="227"/>
      <c r="HM41" s="9"/>
      <c r="HN41" s="17"/>
      <c r="HO41" s="102" t="str">
        <f t="shared" si="17"/>
        <v/>
      </c>
      <c r="HP41" s="15" t="str">
        <f>IF(HP40="","",IF(HP40='（参考）【別紙２】'!$E$35,"",IF(MONTH(HP40)=MONTH(HP40+1),HP40+1,"")))</f>
        <v/>
      </c>
      <c r="HQ41" s="13" t="str">
        <f>IF(COUNTIF(祝日一覧!$E$2:$E$142,HP41),"○",IF(HT41&lt;&gt;"","○",""))</f>
        <v/>
      </c>
      <c r="HR41" s="25"/>
      <c r="HS41" s="45" t="str">
        <f t="shared" si="94"/>
        <v/>
      </c>
      <c r="HT41" s="45"/>
      <c r="HU41" s="167"/>
      <c r="HV41" s="168"/>
      <c r="HW41" s="9"/>
      <c r="HX41" s="227"/>
      <c r="HY41" s="227"/>
      <c r="HZ41" s="9"/>
      <c r="IA41" s="17"/>
      <c r="IB41" s="102" t="str">
        <f t="shared" si="18"/>
        <v/>
      </c>
      <c r="IC41" s="15" t="str">
        <f>IF(IC40="","",IF(IC40='（参考）【別紙２】'!$E$35,"",IF(MONTH(IC40)=MONTH(IC40+1),IC40+1,"")))</f>
        <v/>
      </c>
      <c r="ID41" s="13" t="str">
        <f>IF(COUNTIF(祝日一覧!$E$2:$E$142,IC41),"○",IF(IG41&lt;&gt;"","○",""))</f>
        <v/>
      </c>
      <c r="IE41" s="25"/>
      <c r="IF41" s="45" t="str">
        <f t="shared" si="95"/>
        <v/>
      </c>
      <c r="IG41" s="45"/>
      <c r="IH41" s="167"/>
      <c r="II41" s="168"/>
      <c r="IJ41" s="9"/>
      <c r="IK41" s="227"/>
      <c r="IL41" s="227"/>
      <c r="IM41" s="9"/>
      <c r="IN41" s="17"/>
      <c r="IO41" s="102" t="str">
        <f t="shared" si="19"/>
        <v/>
      </c>
      <c r="IP41" s="15" t="str">
        <f>IF(IP40="","",IF(IP40='（参考）【別紙２】'!$E$35,"",IF(MONTH(IP40)=MONTH(IP40+1),IP40+1,"")))</f>
        <v/>
      </c>
      <c r="IQ41" s="13" t="str">
        <f>IF(COUNTIF(祝日一覧!$E$2:$E$142,IP41),"○",IF(IT41&lt;&gt;"","○",""))</f>
        <v/>
      </c>
      <c r="IR41" s="25"/>
      <c r="IS41" s="45" t="str">
        <f t="shared" si="96"/>
        <v/>
      </c>
      <c r="IT41" s="45"/>
      <c r="IU41" s="167"/>
      <c r="IV41" s="168"/>
      <c r="IW41" s="9"/>
      <c r="IX41" s="227"/>
      <c r="IY41" s="227"/>
      <c r="IZ41" s="9"/>
      <c r="JA41" s="17"/>
      <c r="JB41" s="102" t="str">
        <f t="shared" si="20"/>
        <v/>
      </c>
      <c r="JC41" s="15" t="str">
        <f>IF(JC40="","",IF(JC40='（参考）【別紙２】'!$E$35,"",IF(MONTH(JC40)=MONTH(JC40+1),JC40+1,"")))</f>
        <v/>
      </c>
      <c r="JD41" s="13" t="str">
        <f>IF(COUNTIF(祝日一覧!$E$2:$E$142,JC41),"○",IF(JG41&lt;&gt;"","○",""))</f>
        <v/>
      </c>
      <c r="JE41" s="25"/>
      <c r="JF41" s="45" t="str">
        <f t="shared" si="97"/>
        <v/>
      </c>
      <c r="JG41" s="45"/>
      <c r="JH41" s="167"/>
      <c r="JI41" s="168"/>
      <c r="JJ41" s="9"/>
      <c r="JK41" s="227"/>
      <c r="JL41" s="227"/>
      <c r="JM41" s="9"/>
      <c r="JN41" s="17"/>
      <c r="JO41" s="102" t="str">
        <f t="shared" si="21"/>
        <v/>
      </c>
      <c r="JP41" s="15" t="str">
        <f>IF(JP40="","",IF(JP40='（参考）【別紙２】'!$E$35,"",IF(MONTH(JP40)=MONTH(JP40+1),JP40+1,"")))</f>
        <v/>
      </c>
      <c r="JQ41" s="13" t="str">
        <f>IF(COUNTIF(祝日一覧!$E$2:$E$142,JP41),"○",IF(JT41&lt;&gt;"","○",""))</f>
        <v/>
      </c>
      <c r="JR41" s="25"/>
      <c r="JS41" s="45" t="str">
        <f t="shared" si="98"/>
        <v/>
      </c>
      <c r="JT41" s="45"/>
      <c r="JU41" s="167"/>
      <c r="JV41" s="168"/>
      <c r="JW41" s="9"/>
      <c r="JX41" s="227"/>
      <c r="JY41" s="227"/>
      <c r="JZ41" s="9"/>
      <c r="KA41" s="17"/>
      <c r="KB41" s="102" t="str">
        <f t="shared" si="22"/>
        <v/>
      </c>
      <c r="KC41" s="15" t="str">
        <f>IF(KC40="","",IF(KC40='（参考）【別紙２】'!$E$35,"",IF(MONTH(KC40)=MONTH(KC40+1),KC40+1,"")))</f>
        <v/>
      </c>
      <c r="KD41" s="13" t="str">
        <f>IF(COUNTIF(祝日一覧!$E$2:$E$142,KC41),"○",IF(KG41&lt;&gt;"","○",""))</f>
        <v/>
      </c>
      <c r="KE41" s="25"/>
      <c r="KF41" s="45" t="str">
        <f t="shared" si="99"/>
        <v/>
      </c>
      <c r="KG41" s="45"/>
      <c r="KH41" s="167"/>
      <c r="KI41" s="168"/>
      <c r="KJ41" s="9"/>
      <c r="KK41" s="227"/>
      <c r="KL41" s="227"/>
      <c r="KM41" s="9"/>
      <c r="KN41" s="17"/>
      <c r="KO41" s="102" t="str">
        <f t="shared" si="23"/>
        <v/>
      </c>
      <c r="KP41" s="15" t="str">
        <f>IF(KP40="","",IF(KP40='（参考）【別紙２】'!$E$35,"",IF(MONTH(KP40)=MONTH(KP40+1),KP40+1,"")))</f>
        <v/>
      </c>
      <c r="KQ41" s="13" t="str">
        <f>IF(COUNTIF(祝日一覧!$E$2:$E$142,KP41),"○",IF(KT41&lt;&gt;"","○",""))</f>
        <v/>
      </c>
      <c r="KR41" s="25"/>
      <c r="KS41" s="45" t="str">
        <f t="shared" si="100"/>
        <v/>
      </c>
      <c r="KT41" s="45"/>
      <c r="KU41" s="167"/>
      <c r="KV41" s="168"/>
      <c r="KW41" s="9"/>
      <c r="KX41" s="227"/>
      <c r="KY41" s="227"/>
      <c r="KZ41" s="9"/>
      <c r="LA41" s="17"/>
      <c r="LB41" s="102" t="str">
        <f t="shared" si="24"/>
        <v/>
      </c>
      <c r="LC41" s="15" t="str">
        <f>IF(LC40="","",IF(LC40='（参考）【別紙２】'!$E$35,"",IF(MONTH(LC40)=MONTH(LC40+1),LC40+1,"")))</f>
        <v/>
      </c>
      <c r="LD41" s="13" t="str">
        <f>IF(COUNTIF(祝日一覧!$E$2:$E$142,LC41),"○",IF(LG41&lt;&gt;"","○",""))</f>
        <v/>
      </c>
      <c r="LE41" s="25"/>
      <c r="LF41" s="45" t="str">
        <f t="shared" si="101"/>
        <v/>
      </c>
      <c r="LG41" s="45"/>
      <c r="LH41" s="167"/>
      <c r="LI41" s="168"/>
      <c r="LJ41" s="9"/>
      <c r="LK41" s="227"/>
      <c r="LL41" s="227"/>
      <c r="LM41" s="9"/>
      <c r="LN41" s="17"/>
      <c r="LO41" s="102" t="str">
        <f t="shared" si="25"/>
        <v/>
      </c>
      <c r="LP41" s="15" t="str">
        <f>IF(LP40="","",IF(LP40='（参考）【別紙２】'!$E$35,"",IF(MONTH(LP40)=MONTH(LP40+1),LP40+1,"")))</f>
        <v/>
      </c>
      <c r="LQ41" s="13" t="str">
        <f>IF(COUNTIF(祝日一覧!$E$2:$E$142,LP41),"○",IF(LT41&lt;&gt;"","○",""))</f>
        <v/>
      </c>
      <c r="LR41" s="25"/>
      <c r="LS41" s="45" t="str">
        <f t="shared" si="102"/>
        <v/>
      </c>
      <c r="LT41" s="45"/>
      <c r="LU41" s="167"/>
      <c r="LV41" s="168"/>
      <c r="LW41" s="9"/>
      <c r="LX41" s="227"/>
      <c r="LY41" s="227"/>
      <c r="LZ41" s="9"/>
      <c r="MA41" s="17"/>
      <c r="MB41" s="102" t="str">
        <f t="shared" si="26"/>
        <v/>
      </c>
      <c r="MC41" s="15" t="str">
        <f>IF(MC40="","",IF(MC40='（参考）【別紙２】'!$E$35,"",IF(MONTH(MC40)=MONTH(MC40+1),MC40+1,"")))</f>
        <v/>
      </c>
      <c r="MD41" s="13" t="str">
        <f>IF(COUNTIF(祝日一覧!$E$2:$E$142,MC41),"○",IF(MG41&lt;&gt;"","○",""))</f>
        <v/>
      </c>
      <c r="ME41" s="25"/>
      <c r="MF41" s="45" t="str">
        <f t="shared" si="103"/>
        <v/>
      </c>
      <c r="MG41" s="45"/>
      <c r="MH41" s="167"/>
      <c r="MI41" s="168"/>
      <c r="MJ41" s="9"/>
      <c r="MK41" s="227"/>
      <c r="ML41" s="227"/>
      <c r="MM41" s="9"/>
      <c r="MN41" s="17"/>
      <c r="MO41" s="102" t="str">
        <f t="shared" si="27"/>
        <v/>
      </c>
      <c r="MP41" s="15" t="str">
        <f>IF(MP40="","",IF(MP40='（参考）【別紙２】'!$E$35,"",IF(MONTH(MP40)=MONTH(MP40+1),MP40+1,"")))</f>
        <v/>
      </c>
      <c r="MQ41" s="13" t="str">
        <f>IF(COUNTIF(祝日一覧!$E$2:$E$142,MP41),"○",IF(MT41&lt;&gt;"","○",""))</f>
        <v/>
      </c>
      <c r="MR41" s="25"/>
      <c r="MS41" s="45" t="str">
        <f t="shared" si="104"/>
        <v/>
      </c>
      <c r="MT41" s="45"/>
      <c r="MU41" s="167"/>
      <c r="MV41" s="168"/>
      <c r="MW41" s="9"/>
      <c r="MX41" s="227"/>
      <c r="MY41" s="227"/>
      <c r="MZ41" s="9"/>
      <c r="NA41" s="17"/>
      <c r="NB41" s="102" t="str">
        <f t="shared" si="28"/>
        <v/>
      </c>
      <c r="NC41" s="15" t="str">
        <f>IF(NC40="","",IF(NC40='（参考）【別紙２】'!$E$35,"",IF(MONTH(NC40)=MONTH(NC40+1),NC40+1,"")))</f>
        <v/>
      </c>
      <c r="ND41" s="13" t="str">
        <f>IF(COUNTIF(祝日一覧!$E$2:$E$142,NC41),"○",IF(NG41&lt;&gt;"","○",""))</f>
        <v/>
      </c>
      <c r="NE41" s="25"/>
      <c r="NF41" s="45" t="str">
        <f t="shared" si="105"/>
        <v/>
      </c>
      <c r="NG41" s="45"/>
      <c r="NH41" s="167"/>
      <c r="NI41" s="168"/>
      <c r="NJ41" s="9"/>
      <c r="NK41" s="227"/>
      <c r="NL41" s="227"/>
      <c r="NM41" s="9"/>
      <c r="NN41" s="17"/>
      <c r="NO41" s="102" t="str">
        <f t="shared" si="29"/>
        <v/>
      </c>
      <c r="NP41" s="15" t="str">
        <f>IF(NP40="","",IF(NP40='（参考）【別紙２】'!$E$35,"",IF(MONTH(NP40)=MONTH(NP40+1),NP40+1,"")))</f>
        <v/>
      </c>
      <c r="NQ41" s="13" t="str">
        <f>IF(COUNTIF(祝日一覧!$E$2:$E$142,NP41),"○",IF(NT41&lt;&gt;"","○",""))</f>
        <v/>
      </c>
      <c r="NR41" s="25"/>
      <c r="NS41" s="45" t="str">
        <f t="shared" si="106"/>
        <v/>
      </c>
      <c r="NT41" s="45"/>
      <c r="NU41" s="167"/>
      <c r="NV41" s="168"/>
      <c r="NW41" s="9"/>
      <c r="NX41" s="227"/>
      <c r="NY41" s="227"/>
      <c r="NZ41" s="9"/>
      <c r="OA41" s="17"/>
      <c r="OB41" s="102" t="str">
        <f t="shared" si="30"/>
        <v/>
      </c>
      <c r="OC41" s="15" t="str">
        <f>IF(OC40="","",IF(OC40='（参考）【別紙２】'!$E$35,"",IF(MONTH(OC40)=MONTH(OC40+1),OC40+1,"")))</f>
        <v/>
      </c>
      <c r="OD41" s="13" t="str">
        <f>IF(COUNTIF(祝日一覧!$E$2:$E$142,OC41),"○",IF(OG41&lt;&gt;"","○",""))</f>
        <v/>
      </c>
      <c r="OE41" s="25"/>
      <c r="OF41" s="45" t="str">
        <f t="shared" si="107"/>
        <v/>
      </c>
      <c r="OG41" s="45"/>
      <c r="OH41" s="167"/>
      <c r="OI41" s="168"/>
      <c r="OJ41" s="9"/>
      <c r="OK41" s="227"/>
      <c r="OL41" s="227"/>
      <c r="OM41" s="9"/>
      <c r="ON41" s="17"/>
      <c r="OO41" s="102" t="str">
        <f t="shared" si="31"/>
        <v/>
      </c>
      <c r="OP41" s="15" t="str">
        <f>IF(OP40="","",IF(OP40='（参考）【別紙２】'!$E$35,"",IF(MONTH(OP40)=MONTH(OP40+1),OP40+1,"")))</f>
        <v/>
      </c>
      <c r="OQ41" s="13" t="str">
        <f>IF(COUNTIF(祝日一覧!$E$2:$E$142,OP41),"○",IF(OT41&lt;&gt;"","○",""))</f>
        <v/>
      </c>
      <c r="OR41" s="25"/>
      <c r="OS41" s="45" t="str">
        <f t="shared" si="108"/>
        <v/>
      </c>
      <c r="OT41" s="45"/>
      <c r="OU41" s="167"/>
      <c r="OV41" s="168"/>
      <c r="OW41" s="9"/>
      <c r="OX41" s="227"/>
      <c r="OY41" s="227"/>
      <c r="OZ41" s="9"/>
      <c r="PA41" s="17"/>
      <c r="PB41" s="102" t="str">
        <f t="shared" si="32"/>
        <v/>
      </c>
      <c r="PC41" s="15" t="str">
        <f>IF(PC40="","",IF(PC40='（参考）【別紙２】'!$E$35,"",IF(MONTH(PC40)=MONTH(PC40+1),PC40+1,"")))</f>
        <v/>
      </c>
      <c r="PD41" s="13" t="str">
        <f>IF(COUNTIF(祝日一覧!$E$2:$E$142,PC41),"○",IF(PG41&lt;&gt;"","○",""))</f>
        <v/>
      </c>
      <c r="PE41" s="25"/>
      <c r="PF41" s="45" t="str">
        <f t="shared" si="109"/>
        <v/>
      </c>
      <c r="PG41" s="45"/>
      <c r="PH41" s="167"/>
      <c r="PI41" s="168"/>
      <c r="PJ41" s="9"/>
      <c r="PK41" s="227"/>
      <c r="PL41" s="227"/>
      <c r="PM41" s="9"/>
      <c r="PN41" s="17"/>
      <c r="PO41" s="102" t="str">
        <f t="shared" si="33"/>
        <v/>
      </c>
      <c r="PP41" s="15" t="str">
        <f>IF(PP40="","",IF(PP40='（参考）【別紙２】'!$E$35,"",IF(MONTH(PP40)=MONTH(PP40+1),PP40+1,"")))</f>
        <v/>
      </c>
      <c r="PQ41" s="13" t="str">
        <f>IF(COUNTIF(祝日一覧!$E$2:$E$142,PP41),"○",IF(PT41&lt;&gt;"","○",""))</f>
        <v/>
      </c>
      <c r="PR41" s="25"/>
      <c r="PS41" s="45" t="str">
        <f t="shared" si="110"/>
        <v/>
      </c>
      <c r="PT41" s="45"/>
      <c r="PU41" s="167"/>
      <c r="PV41" s="168"/>
      <c r="PW41" s="9"/>
      <c r="PX41" s="227"/>
      <c r="PY41" s="227"/>
      <c r="PZ41" s="9"/>
      <c r="QA41" s="17"/>
      <c r="QB41" s="102" t="str">
        <f t="shared" si="34"/>
        <v/>
      </c>
      <c r="QC41" s="15" t="str">
        <f>IF(QC40="","",IF(QC40='（参考）【別紙２】'!$E$35,"",IF(MONTH(QC40)=MONTH(QC40+1),QC40+1,"")))</f>
        <v/>
      </c>
      <c r="QD41" s="13" t="str">
        <f>IF(COUNTIF(祝日一覧!$E$2:$E$142,QC41),"○",IF(QG41&lt;&gt;"","○",""))</f>
        <v/>
      </c>
      <c r="QE41" s="25"/>
      <c r="QF41" s="45" t="str">
        <f t="shared" si="111"/>
        <v/>
      </c>
      <c r="QG41" s="45"/>
      <c r="QH41" s="167"/>
      <c r="QI41" s="168"/>
      <c r="QJ41" s="9"/>
      <c r="QK41" s="227"/>
      <c r="QL41" s="227"/>
      <c r="QM41" s="9"/>
      <c r="QN41" s="17"/>
      <c r="QO41" s="102" t="str">
        <f t="shared" si="35"/>
        <v/>
      </c>
      <c r="QP41" s="15" t="str">
        <f>IF(QP40="","",IF(QP40='（参考）【別紙２】'!$E$35,"",IF(MONTH(QP40)=MONTH(QP40+1),QP40+1,"")))</f>
        <v/>
      </c>
      <c r="QQ41" s="13" t="str">
        <f>IF(COUNTIF(祝日一覧!$E$2:$E$142,QP41),"○",IF(QT41&lt;&gt;"","○",""))</f>
        <v/>
      </c>
      <c r="QR41" s="25"/>
      <c r="QS41" s="45" t="str">
        <f t="shared" si="112"/>
        <v/>
      </c>
      <c r="QT41" s="45"/>
      <c r="QU41" s="167"/>
      <c r="QV41" s="168"/>
      <c r="QW41" s="9"/>
      <c r="QX41" s="227"/>
      <c r="QY41" s="227"/>
      <c r="QZ41" s="9"/>
      <c r="RA41" s="17"/>
      <c r="RB41" s="102" t="str">
        <f t="shared" si="36"/>
        <v/>
      </c>
      <c r="RC41" s="15" t="str">
        <f>IF(RC40="","",IF(RC40='（参考）【別紙２】'!$E$35,"",IF(MONTH(RC40)=MONTH(RC40+1),RC40+1,"")))</f>
        <v/>
      </c>
      <c r="RD41" s="13" t="str">
        <f>IF(COUNTIF(祝日一覧!$E$2:$E$142,RC41),"○",IF(RG41&lt;&gt;"","○",""))</f>
        <v/>
      </c>
      <c r="RE41" s="25"/>
      <c r="RF41" s="45" t="str">
        <f t="shared" si="113"/>
        <v/>
      </c>
      <c r="RG41" s="45"/>
      <c r="RH41" s="167"/>
      <c r="RI41" s="168"/>
      <c r="RJ41" s="9"/>
      <c r="RK41" s="227"/>
      <c r="RL41" s="227"/>
      <c r="RM41" s="9"/>
      <c r="RN41" s="17"/>
      <c r="RO41" s="102" t="str">
        <f t="shared" si="37"/>
        <v/>
      </c>
      <c r="RP41" s="15" t="str">
        <f>IF(RP40="","",IF(RP40='（参考）【別紙２】'!$E$35,"",IF(MONTH(RP40)=MONTH(RP40+1),RP40+1,"")))</f>
        <v/>
      </c>
      <c r="RQ41" s="13" t="str">
        <f>IF(COUNTIF(祝日一覧!$E$2:$E$142,RP41),"○",IF(RT41&lt;&gt;"","○",""))</f>
        <v/>
      </c>
      <c r="RR41" s="25"/>
      <c r="RS41" s="45" t="str">
        <f t="shared" si="114"/>
        <v/>
      </c>
      <c r="RT41" s="45"/>
      <c r="RU41" s="167"/>
      <c r="RV41" s="168"/>
      <c r="RW41" s="9"/>
      <c r="RX41" s="227"/>
      <c r="RY41" s="227"/>
      <c r="RZ41" s="9"/>
      <c r="SA41" s="17"/>
      <c r="SB41" s="102" t="str">
        <f t="shared" si="38"/>
        <v/>
      </c>
      <c r="SC41" s="15" t="str">
        <f>IF(SC40="","",IF(SC40='（参考）【別紙２】'!$E$35,"",IF(MONTH(SC40)=MONTH(SC40+1),SC40+1,"")))</f>
        <v/>
      </c>
      <c r="SD41" s="13" t="str">
        <f>IF(COUNTIF(祝日一覧!$E$2:$E$142,SC41),"○",IF(SG41&lt;&gt;"","○",""))</f>
        <v/>
      </c>
      <c r="SE41" s="25"/>
      <c r="SF41" s="45" t="str">
        <f t="shared" si="115"/>
        <v/>
      </c>
      <c r="SG41" s="45"/>
      <c r="SH41" s="167"/>
      <c r="SI41" s="168"/>
      <c r="SJ41" s="9"/>
      <c r="SK41" s="227"/>
      <c r="SL41" s="227"/>
      <c r="SM41" s="9"/>
    </row>
    <row r="42" spans="1:507" ht="15.6" customHeight="1">
      <c r="A42" s="9"/>
      <c r="B42" s="102" t="str">
        <f t="shared" si="0"/>
        <v/>
      </c>
      <c r="C42" s="15" t="str">
        <f>IF(C41="","",IF(C41='（参考）【別紙２】'!$E$35,"",IF(MONTH(C41)=MONTH(C41+1),C41+1,"")))</f>
        <v/>
      </c>
      <c r="D42" s="13" t="str">
        <f>IF(COUNTIF(祝日一覧!$E$2:$E$142,C42),"○",IF(G42&lt;&gt;"","○",""))</f>
        <v/>
      </c>
      <c r="E42" s="26"/>
      <c r="F42" s="45" t="str">
        <f t="shared" si="39"/>
        <v/>
      </c>
      <c r="G42" s="45"/>
      <c r="H42" s="167"/>
      <c r="I42" s="168"/>
      <c r="J42" s="43"/>
      <c r="K42" s="224"/>
      <c r="L42" s="224"/>
      <c r="M42" s="9"/>
      <c r="N42" s="9"/>
      <c r="O42" s="102" t="str">
        <f t="shared" si="1"/>
        <v/>
      </c>
      <c r="P42" s="15" t="str">
        <f>IF(P41="","",IF(P41='（参考）【別紙２】'!$E$35,"",IF(MONTH(P41)=MONTH(P41+1),P41+1,"")))</f>
        <v/>
      </c>
      <c r="Q42" s="13" t="str">
        <f>IF(COUNTIF(祝日一覧!$E$2:$E$142,P42),"○",IF(T42&lt;&gt;"","○",""))</f>
        <v/>
      </c>
      <c r="R42" s="26"/>
      <c r="S42" s="45" t="str">
        <f t="shared" si="78"/>
        <v/>
      </c>
      <c r="T42" s="45"/>
      <c r="U42" s="167"/>
      <c r="V42" s="168"/>
      <c r="W42" s="9"/>
      <c r="X42" s="227"/>
      <c r="Y42" s="227"/>
      <c r="Z42" s="9"/>
      <c r="AA42" s="9"/>
      <c r="AB42" s="102" t="str">
        <f t="shared" si="2"/>
        <v/>
      </c>
      <c r="AC42" s="15" t="str">
        <f>IF(AC41="","",IF(AC41='（参考）【別紙２】'!$E$35,"",IF(MONTH(AC41)=MONTH(AC41+1),AC41+1,"")))</f>
        <v/>
      </c>
      <c r="AD42" s="13" t="str">
        <f>IF(COUNTIF(祝日一覧!$E$2:$E$142,AC42),"○",IF(AG42&lt;&gt;"","○",""))</f>
        <v/>
      </c>
      <c r="AE42" s="26"/>
      <c r="AF42" s="45" t="str">
        <f t="shared" si="79"/>
        <v/>
      </c>
      <c r="AG42" s="45"/>
      <c r="AH42" s="167"/>
      <c r="AI42" s="168"/>
      <c r="AJ42" s="9"/>
      <c r="AK42" s="227"/>
      <c r="AL42" s="227"/>
      <c r="AM42" s="9"/>
      <c r="AN42" s="9"/>
      <c r="AO42" s="102" t="str">
        <f t="shared" si="3"/>
        <v/>
      </c>
      <c r="AP42" s="15" t="str">
        <f>IF(AP41="","",IF(AP41='（参考）【別紙２】'!$E$35,"",IF(MONTH(AP41)=MONTH(AP41+1),AP41+1,"")))</f>
        <v/>
      </c>
      <c r="AQ42" s="13" t="str">
        <f>IF(COUNTIF(祝日一覧!$E$2:$E$142,AP42),"○",IF(AT42&lt;&gt;"","○",""))</f>
        <v/>
      </c>
      <c r="AR42" s="26"/>
      <c r="AS42" s="45" t="str">
        <f t="shared" si="80"/>
        <v/>
      </c>
      <c r="AT42" s="45"/>
      <c r="AU42" s="167"/>
      <c r="AV42" s="168"/>
      <c r="AW42" s="9"/>
      <c r="AX42" s="227"/>
      <c r="AY42" s="227"/>
      <c r="AZ42" s="9"/>
      <c r="BA42" s="9"/>
      <c r="BB42" s="102" t="str">
        <f t="shared" si="4"/>
        <v/>
      </c>
      <c r="BC42" s="15" t="str">
        <f>IF(BC41="","",IF(BC41='（参考）【別紙２】'!$E$35,"",IF(MONTH(BC41)=MONTH(BC41+1),BC41+1,"")))</f>
        <v/>
      </c>
      <c r="BD42" s="13" t="str">
        <f>IF(COUNTIF(祝日一覧!$E$2:$E$142,BC42),"○",IF(BG42&lt;&gt;"","○",""))</f>
        <v/>
      </c>
      <c r="BE42" s="26"/>
      <c r="BF42" s="45" t="str">
        <f t="shared" si="81"/>
        <v/>
      </c>
      <c r="BG42" s="45"/>
      <c r="BH42" s="167"/>
      <c r="BI42" s="168"/>
      <c r="BJ42" s="9"/>
      <c r="BK42" s="227"/>
      <c r="BL42" s="227"/>
      <c r="BM42" s="9"/>
      <c r="BN42" s="9"/>
      <c r="BO42" s="102" t="str">
        <f t="shared" si="5"/>
        <v/>
      </c>
      <c r="BP42" s="15" t="str">
        <f>IF(BP41="","",IF(BP41='（参考）【別紙２】'!$E$35,"",IF(MONTH(BP41)=MONTH(BP41+1),BP41+1,"")))</f>
        <v/>
      </c>
      <c r="BQ42" s="13" t="str">
        <f>IF(COUNTIF(祝日一覧!$E$2:$E$142,BP42),"○",IF(BT42&lt;&gt;"","○",""))</f>
        <v/>
      </c>
      <c r="BR42" s="26"/>
      <c r="BS42" s="45" t="str">
        <f t="shared" si="82"/>
        <v/>
      </c>
      <c r="BT42" s="45"/>
      <c r="BU42" s="167"/>
      <c r="BV42" s="168"/>
      <c r="BW42" s="9"/>
      <c r="BX42" s="227"/>
      <c r="BY42" s="227"/>
      <c r="BZ42" s="9"/>
      <c r="CA42" s="9"/>
      <c r="CB42" s="102" t="str">
        <f t="shared" si="6"/>
        <v/>
      </c>
      <c r="CC42" s="15" t="str">
        <f>IF(CC41="","",IF(CC41='（参考）【別紙２】'!$E$35,"",IF(MONTH(CC41)=MONTH(CC41+1),CC41+1,"")))</f>
        <v/>
      </c>
      <c r="CD42" s="13" t="str">
        <f>IF(COUNTIF(祝日一覧!$E$2:$E$142,CC42),"○",IF(CG42&lt;&gt;"","○",""))</f>
        <v/>
      </c>
      <c r="CE42" s="26"/>
      <c r="CF42" s="45" t="str">
        <f t="shared" si="83"/>
        <v/>
      </c>
      <c r="CG42" s="45"/>
      <c r="CH42" s="167"/>
      <c r="CI42" s="168"/>
      <c r="CJ42" s="9"/>
      <c r="CK42" s="227"/>
      <c r="CL42" s="227"/>
      <c r="CM42" s="9"/>
      <c r="CN42" s="9"/>
      <c r="CO42" s="102" t="str">
        <f t="shared" si="7"/>
        <v/>
      </c>
      <c r="CP42" s="15" t="str">
        <f>IF(CP41="","",IF(CP41='（参考）【別紙２】'!$E$35,"",IF(MONTH(CP41)=MONTH(CP41+1),CP41+1,"")))</f>
        <v/>
      </c>
      <c r="CQ42" s="13" t="str">
        <f>IF(COUNTIF(祝日一覧!$E$2:$E$142,CP42),"○",IF(CT42&lt;&gt;"","○",""))</f>
        <v/>
      </c>
      <c r="CR42" s="26"/>
      <c r="CS42" s="45" t="str">
        <f t="shared" si="84"/>
        <v/>
      </c>
      <c r="CT42" s="45"/>
      <c r="CU42" s="167"/>
      <c r="CV42" s="168"/>
      <c r="CW42" s="9"/>
      <c r="CX42" s="227"/>
      <c r="CY42" s="227"/>
      <c r="CZ42" s="9"/>
      <c r="DA42" s="9"/>
      <c r="DB42" s="102" t="str">
        <f t="shared" si="8"/>
        <v/>
      </c>
      <c r="DC42" s="15" t="str">
        <f>IF(DC41="","",IF(DC41='（参考）【別紙２】'!$E$35,"",IF(MONTH(DC41)=MONTH(DC41+1),DC41+1,"")))</f>
        <v/>
      </c>
      <c r="DD42" s="13" t="str">
        <f>IF(COUNTIF(祝日一覧!$E$2:$E$142,DC42),"○",IF(DG42&lt;&gt;"","○",""))</f>
        <v/>
      </c>
      <c r="DE42" s="26"/>
      <c r="DF42" s="45" t="str">
        <f t="shared" si="85"/>
        <v/>
      </c>
      <c r="DG42" s="45"/>
      <c r="DH42" s="167"/>
      <c r="DI42" s="168"/>
      <c r="DJ42" s="9"/>
      <c r="DK42" s="227"/>
      <c r="DL42" s="227"/>
      <c r="DM42" s="9"/>
      <c r="DN42" s="9"/>
      <c r="DO42" s="102" t="str">
        <f t="shared" si="9"/>
        <v/>
      </c>
      <c r="DP42" s="15" t="str">
        <f>IF(DP41="","",IF(DP41='（参考）【別紙２】'!$E$35,"",IF(MONTH(DP41)=MONTH(DP41+1),DP41+1,"")))</f>
        <v/>
      </c>
      <c r="DQ42" s="13" t="str">
        <f>IF(COUNTIF(祝日一覧!$E$2:$E$142,DP42),"○",IF(DT42&lt;&gt;"","○",""))</f>
        <v/>
      </c>
      <c r="DR42" s="26"/>
      <c r="DS42" s="45" t="str">
        <f t="shared" si="86"/>
        <v/>
      </c>
      <c r="DT42" s="45"/>
      <c r="DU42" s="167"/>
      <c r="DV42" s="168"/>
      <c r="DW42" s="9"/>
      <c r="DX42" s="227"/>
      <c r="DY42" s="227"/>
      <c r="DZ42" s="9"/>
      <c r="EA42" s="9"/>
      <c r="EB42" s="102" t="str">
        <f t="shared" si="10"/>
        <v/>
      </c>
      <c r="EC42" s="15" t="str">
        <f>IF(EC41="","",IF(EC41='（参考）【別紙２】'!$E$35,"",IF(MONTH(EC41)=MONTH(EC41+1),EC41+1,"")))</f>
        <v/>
      </c>
      <c r="ED42" s="13" t="str">
        <f>IF(COUNTIF(祝日一覧!$E$2:$E$142,EC42),"○",IF(EG42&lt;&gt;"","○",""))</f>
        <v/>
      </c>
      <c r="EE42" s="26"/>
      <c r="EF42" s="45" t="str">
        <f t="shared" si="87"/>
        <v/>
      </c>
      <c r="EG42" s="45"/>
      <c r="EH42" s="167"/>
      <c r="EI42" s="168"/>
      <c r="EJ42" s="9"/>
      <c r="EK42" s="227"/>
      <c r="EL42" s="227"/>
      <c r="EM42" s="9"/>
      <c r="EN42" s="9"/>
      <c r="EO42" s="102" t="str">
        <f t="shared" si="11"/>
        <v/>
      </c>
      <c r="EP42" s="15" t="str">
        <f>IF(EP41="","",IF(EP41='（参考）【別紙２】'!$E$35,"",IF(MONTH(EP41)=MONTH(EP41+1),EP41+1,"")))</f>
        <v/>
      </c>
      <c r="EQ42" s="13" t="str">
        <f>IF(COUNTIF(祝日一覧!$E$2:$E$142,EP42),"○",IF(ET42&lt;&gt;"","○",""))</f>
        <v/>
      </c>
      <c r="ER42" s="26"/>
      <c r="ES42" s="45" t="str">
        <f t="shared" si="88"/>
        <v/>
      </c>
      <c r="ET42" s="45"/>
      <c r="EU42" s="167"/>
      <c r="EV42" s="168"/>
      <c r="EW42" s="9"/>
      <c r="EX42" s="227"/>
      <c r="EY42" s="227"/>
      <c r="EZ42" s="9"/>
      <c r="FA42" s="9"/>
      <c r="FB42" s="102" t="str">
        <f t="shared" si="12"/>
        <v/>
      </c>
      <c r="FC42" s="15" t="str">
        <f>IF(FC41="","",IF(FC41='（参考）【別紙２】'!$E$35,"",IF(MONTH(FC41)=MONTH(FC41+1),FC41+1,"")))</f>
        <v/>
      </c>
      <c r="FD42" s="13" t="str">
        <f>IF(COUNTIF(祝日一覧!$E$2:$E$142,FC42),"○",IF(FG42&lt;&gt;"","○",""))</f>
        <v/>
      </c>
      <c r="FE42" s="26"/>
      <c r="FF42" s="45" t="str">
        <f t="shared" si="89"/>
        <v/>
      </c>
      <c r="FG42" s="45"/>
      <c r="FH42" s="167"/>
      <c r="FI42" s="168"/>
      <c r="FJ42" s="9"/>
      <c r="FK42" s="227"/>
      <c r="FL42" s="227"/>
      <c r="FM42" s="9"/>
      <c r="FN42" s="9"/>
      <c r="FO42" s="102" t="str">
        <f t="shared" si="13"/>
        <v/>
      </c>
      <c r="FP42" s="15" t="str">
        <f>IF(FP41="","",IF(FP41='（参考）【別紙２】'!$E$35,"",IF(MONTH(FP41)=MONTH(FP41+1),FP41+1,"")))</f>
        <v/>
      </c>
      <c r="FQ42" s="13" t="str">
        <f>IF(COUNTIF(祝日一覧!$E$2:$E$142,FP42),"○",IF(FT42&lt;&gt;"","○",""))</f>
        <v/>
      </c>
      <c r="FR42" s="26"/>
      <c r="FS42" s="45" t="str">
        <f t="shared" si="90"/>
        <v/>
      </c>
      <c r="FT42" s="45"/>
      <c r="FU42" s="167"/>
      <c r="FV42" s="168"/>
      <c r="FW42" s="9"/>
      <c r="FX42" s="227"/>
      <c r="FY42" s="227"/>
      <c r="FZ42" s="9"/>
      <c r="GA42" s="9"/>
      <c r="GB42" s="102" t="str">
        <f t="shared" si="14"/>
        <v/>
      </c>
      <c r="GC42" s="15" t="str">
        <f>IF(GC41="","",IF(GC41='（参考）【別紙２】'!$E$35,"",IF(MONTH(GC41)=MONTH(GC41+1),GC41+1,"")))</f>
        <v/>
      </c>
      <c r="GD42" s="13" t="str">
        <f>IF(COUNTIF(祝日一覧!$E$2:$E$142,GC42),"○",IF(GG42&lt;&gt;"","○",""))</f>
        <v/>
      </c>
      <c r="GE42" s="25"/>
      <c r="GF42" s="45" t="str">
        <f t="shared" si="91"/>
        <v/>
      </c>
      <c r="GG42" s="45"/>
      <c r="GH42" s="167"/>
      <c r="GI42" s="168"/>
      <c r="GJ42" s="9"/>
      <c r="GK42" s="227"/>
      <c r="GL42" s="227"/>
      <c r="GM42" s="9"/>
      <c r="GN42" s="9"/>
      <c r="GO42" s="102" t="str">
        <f t="shared" si="15"/>
        <v/>
      </c>
      <c r="GP42" s="15" t="str">
        <f>IF(GP41="","",IF(GP41='（参考）【別紙２】'!$E$35,"",IF(MONTH(GP41)=MONTH(GP41+1),GP41+1,"")))</f>
        <v/>
      </c>
      <c r="GQ42" s="13" t="str">
        <f>IF(COUNTIF(祝日一覧!$E$2:$E$142,GP42),"○",IF(GT42&lt;&gt;"","○",""))</f>
        <v/>
      </c>
      <c r="GR42" s="25"/>
      <c r="GS42" s="45" t="str">
        <f t="shared" si="92"/>
        <v/>
      </c>
      <c r="GT42" s="45"/>
      <c r="GU42" s="167"/>
      <c r="GV42" s="168"/>
      <c r="GW42" s="9"/>
      <c r="GX42" s="227"/>
      <c r="GY42" s="227"/>
      <c r="GZ42" s="9"/>
      <c r="HA42" s="9"/>
      <c r="HB42" s="102" t="str">
        <f t="shared" si="16"/>
        <v/>
      </c>
      <c r="HC42" s="15" t="str">
        <f>IF(HC41="","",IF(HC41='（参考）【別紙２】'!$E$35,"",IF(MONTH(HC41)=MONTH(HC41+1),HC41+1,"")))</f>
        <v/>
      </c>
      <c r="HD42" s="13" t="str">
        <f>IF(COUNTIF(祝日一覧!$E$2:$E$142,HC42),"○",IF(HG42&lt;&gt;"","○",""))</f>
        <v/>
      </c>
      <c r="HE42" s="26"/>
      <c r="HF42" s="45" t="str">
        <f t="shared" si="93"/>
        <v/>
      </c>
      <c r="HG42" s="45"/>
      <c r="HH42" s="167"/>
      <c r="HI42" s="168"/>
      <c r="HJ42" s="9"/>
      <c r="HK42" s="227"/>
      <c r="HL42" s="227"/>
      <c r="HM42" s="9"/>
      <c r="HN42" s="9"/>
      <c r="HO42" s="102" t="str">
        <f t="shared" si="17"/>
        <v/>
      </c>
      <c r="HP42" s="15" t="str">
        <f>IF(HP41="","",IF(HP41='（参考）【別紙２】'!$E$35,"",IF(MONTH(HP41)=MONTH(HP41+1),HP41+1,"")))</f>
        <v/>
      </c>
      <c r="HQ42" s="13" t="str">
        <f>IF(COUNTIF(祝日一覧!$E$2:$E$142,HP42),"○",IF(HT42&lt;&gt;"","○",""))</f>
        <v/>
      </c>
      <c r="HR42" s="25"/>
      <c r="HS42" s="45" t="str">
        <f t="shared" si="94"/>
        <v/>
      </c>
      <c r="HT42" s="45"/>
      <c r="HU42" s="167"/>
      <c r="HV42" s="168"/>
      <c r="HW42" s="9"/>
      <c r="HX42" s="227"/>
      <c r="HY42" s="227"/>
      <c r="HZ42" s="9"/>
      <c r="IA42" s="9"/>
      <c r="IB42" s="102" t="str">
        <f t="shared" si="18"/>
        <v/>
      </c>
      <c r="IC42" s="15" t="str">
        <f>IF(IC41="","",IF(IC41='（参考）【別紙２】'!$E$35,"",IF(MONTH(IC41)=MONTH(IC41+1),IC41+1,"")))</f>
        <v/>
      </c>
      <c r="ID42" s="13" t="str">
        <f>IF(COUNTIF(祝日一覧!$E$2:$E$142,IC42),"○",IF(IG42&lt;&gt;"","○",""))</f>
        <v/>
      </c>
      <c r="IE42" s="25"/>
      <c r="IF42" s="45" t="str">
        <f t="shared" si="95"/>
        <v/>
      </c>
      <c r="IG42" s="45"/>
      <c r="IH42" s="167"/>
      <c r="II42" s="168"/>
      <c r="IJ42" s="9"/>
      <c r="IK42" s="227"/>
      <c r="IL42" s="227"/>
      <c r="IM42" s="9"/>
      <c r="IN42" s="9"/>
      <c r="IO42" s="102" t="str">
        <f t="shared" si="19"/>
        <v/>
      </c>
      <c r="IP42" s="15" t="str">
        <f>IF(IP41="","",IF(IP41='（参考）【別紙２】'!$E$35,"",IF(MONTH(IP41)=MONTH(IP41+1),IP41+1,"")))</f>
        <v/>
      </c>
      <c r="IQ42" s="13" t="str">
        <f>IF(COUNTIF(祝日一覧!$E$2:$E$142,IP42),"○",IF(IT42&lt;&gt;"","○",""))</f>
        <v/>
      </c>
      <c r="IR42" s="25"/>
      <c r="IS42" s="45" t="str">
        <f t="shared" si="96"/>
        <v/>
      </c>
      <c r="IT42" s="45"/>
      <c r="IU42" s="167"/>
      <c r="IV42" s="168"/>
      <c r="IW42" s="9"/>
      <c r="IX42" s="227"/>
      <c r="IY42" s="227"/>
      <c r="IZ42" s="9"/>
      <c r="JA42" s="9"/>
      <c r="JB42" s="102" t="str">
        <f t="shared" si="20"/>
        <v/>
      </c>
      <c r="JC42" s="15" t="str">
        <f>IF(JC41="","",IF(JC41='（参考）【別紙２】'!$E$35,"",IF(MONTH(JC41)=MONTH(JC41+1),JC41+1,"")))</f>
        <v/>
      </c>
      <c r="JD42" s="13" t="str">
        <f>IF(COUNTIF(祝日一覧!$E$2:$E$142,JC42),"○",IF(JG42&lt;&gt;"","○",""))</f>
        <v/>
      </c>
      <c r="JE42" s="25"/>
      <c r="JF42" s="45" t="str">
        <f t="shared" si="97"/>
        <v/>
      </c>
      <c r="JG42" s="45"/>
      <c r="JH42" s="167"/>
      <c r="JI42" s="168"/>
      <c r="JJ42" s="9"/>
      <c r="JK42" s="227"/>
      <c r="JL42" s="227"/>
      <c r="JM42" s="9"/>
      <c r="JN42" s="9"/>
      <c r="JO42" s="102" t="str">
        <f t="shared" si="21"/>
        <v/>
      </c>
      <c r="JP42" s="15" t="str">
        <f>IF(JP41="","",IF(JP41='（参考）【別紙２】'!$E$35,"",IF(MONTH(JP41)=MONTH(JP41+1),JP41+1,"")))</f>
        <v/>
      </c>
      <c r="JQ42" s="13" t="str">
        <f>IF(COUNTIF(祝日一覧!$E$2:$E$142,JP42),"○",IF(JT42&lt;&gt;"","○",""))</f>
        <v/>
      </c>
      <c r="JR42" s="25"/>
      <c r="JS42" s="45" t="str">
        <f t="shared" si="98"/>
        <v/>
      </c>
      <c r="JT42" s="45"/>
      <c r="JU42" s="167"/>
      <c r="JV42" s="168"/>
      <c r="JW42" s="9"/>
      <c r="JX42" s="227"/>
      <c r="JY42" s="227"/>
      <c r="JZ42" s="9"/>
      <c r="KA42" s="9"/>
      <c r="KB42" s="102" t="str">
        <f t="shared" si="22"/>
        <v/>
      </c>
      <c r="KC42" s="15" t="str">
        <f>IF(KC41="","",IF(KC41='（参考）【別紙２】'!$E$35,"",IF(MONTH(KC41)=MONTH(KC41+1),KC41+1,"")))</f>
        <v/>
      </c>
      <c r="KD42" s="13" t="str">
        <f>IF(COUNTIF(祝日一覧!$E$2:$E$142,KC42),"○",IF(KG42&lt;&gt;"","○",""))</f>
        <v/>
      </c>
      <c r="KE42" s="25"/>
      <c r="KF42" s="45" t="str">
        <f t="shared" si="99"/>
        <v/>
      </c>
      <c r="KG42" s="45"/>
      <c r="KH42" s="167"/>
      <c r="KI42" s="168"/>
      <c r="KJ42" s="9"/>
      <c r="KK42" s="227"/>
      <c r="KL42" s="227"/>
      <c r="KM42" s="9"/>
      <c r="KN42" s="9"/>
      <c r="KO42" s="102" t="str">
        <f t="shared" si="23"/>
        <v/>
      </c>
      <c r="KP42" s="15" t="str">
        <f>IF(KP41="","",IF(KP41='（参考）【別紙２】'!$E$35,"",IF(MONTH(KP41)=MONTH(KP41+1),KP41+1,"")))</f>
        <v/>
      </c>
      <c r="KQ42" s="13" t="str">
        <f>IF(COUNTIF(祝日一覧!$E$2:$E$142,KP42),"○",IF(KT42&lt;&gt;"","○",""))</f>
        <v/>
      </c>
      <c r="KR42" s="25"/>
      <c r="KS42" s="45" t="str">
        <f t="shared" si="100"/>
        <v/>
      </c>
      <c r="KT42" s="45"/>
      <c r="KU42" s="167"/>
      <c r="KV42" s="168"/>
      <c r="KW42" s="9"/>
      <c r="KX42" s="227"/>
      <c r="KY42" s="227"/>
      <c r="KZ42" s="9"/>
      <c r="LA42" s="9"/>
      <c r="LB42" s="102" t="str">
        <f t="shared" si="24"/>
        <v/>
      </c>
      <c r="LC42" s="15" t="str">
        <f>IF(LC41="","",IF(LC41='（参考）【別紙２】'!$E$35,"",IF(MONTH(LC41)=MONTH(LC41+1),LC41+1,"")))</f>
        <v/>
      </c>
      <c r="LD42" s="13" t="str">
        <f>IF(COUNTIF(祝日一覧!$E$2:$E$142,LC42),"○",IF(LG42&lt;&gt;"","○",""))</f>
        <v/>
      </c>
      <c r="LE42" s="25"/>
      <c r="LF42" s="45" t="str">
        <f t="shared" si="101"/>
        <v/>
      </c>
      <c r="LG42" s="45"/>
      <c r="LH42" s="167"/>
      <c r="LI42" s="168"/>
      <c r="LJ42" s="9"/>
      <c r="LK42" s="227"/>
      <c r="LL42" s="227"/>
      <c r="LM42" s="9"/>
      <c r="LN42" s="9"/>
      <c r="LO42" s="102" t="str">
        <f t="shared" si="25"/>
        <v/>
      </c>
      <c r="LP42" s="15" t="str">
        <f>IF(LP41="","",IF(LP41='（参考）【別紙２】'!$E$35,"",IF(MONTH(LP41)=MONTH(LP41+1),LP41+1,"")))</f>
        <v/>
      </c>
      <c r="LQ42" s="13" t="str">
        <f>IF(COUNTIF(祝日一覧!$E$2:$E$142,LP42),"○",IF(LT42&lt;&gt;"","○",""))</f>
        <v/>
      </c>
      <c r="LR42" s="25"/>
      <c r="LS42" s="45" t="str">
        <f t="shared" si="102"/>
        <v/>
      </c>
      <c r="LT42" s="45"/>
      <c r="LU42" s="167"/>
      <c r="LV42" s="168"/>
      <c r="LW42" s="9"/>
      <c r="LX42" s="227"/>
      <c r="LY42" s="227"/>
      <c r="LZ42" s="9"/>
      <c r="MA42" s="9"/>
      <c r="MB42" s="102" t="str">
        <f t="shared" si="26"/>
        <v/>
      </c>
      <c r="MC42" s="15" t="str">
        <f>IF(MC41="","",IF(MC41='（参考）【別紙２】'!$E$35,"",IF(MONTH(MC41)=MONTH(MC41+1),MC41+1,"")))</f>
        <v/>
      </c>
      <c r="MD42" s="13" t="str">
        <f>IF(COUNTIF(祝日一覧!$E$2:$E$142,MC42),"○",IF(MG42&lt;&gt;"","○",""))</f>
        <v/>
      </c>
      <c r="ME42" s="25"/>
      <c r="MF42" s="45" t="str">
        <f t="shared" si="103"/>
        <v/>
      </c>
      <c r="MG42" s="45"/>
      <c r="MH42" s="167"/>
      <c r="MI42" s="168"/>
      <c r="MJ42" s="9"/>
      <c r="MK42" s="227"/>
      <c r="ML42" s="227"/>
      <c r="MM42" s="9"/>
      <c r="MN42" s="9"/>
      <c r="MO42" s="102" t="str">
        <f t="shared" si="27"/>
        <v/>
      </c>
      <c r="MP42" s="15" t="str">
        <f>IF(MP41="","",IF(MP41='（参考）【別紙２】'!$E$35,"",IF(MONTH(MP41)=MONTH(MP41+1),MP41+1,"")))</f>
        <v/>
      </c>
      <c r="MQ42" s="13" t="str">
        <f>IF(COUNTIF(祝日一覧!$E$2:$E$142,MP42),"○",IF(MT42&lt;&gt;"","○",""))</f>
        <v/>
      </c>
      <c r="MR42" s="25"/>
      <c r="MS42" s="45" t="str">
        <f t="shared" si="104"/>
        <v/>
      </c>
      <c r="MT42" s="45"/>
      <c r="MU42" s="167"/>
      <c r="MV42" s="168"/>
      <c r="MW42" s="9"/>
      <c r="MX42" s="227"/>
      <c r="MY42" s="227"/>
      <c r="MZ42" s="9"/>
      <c r="NA42" s="9"/>
      <c r="NB42" s="102" t="str">
        <f t="shared" si="28"/>
        <v/>
      </c>
      <c r="NC42" s="15" t="str">
        <f>IF(NC41="","",IF(NC41='（参考）【別紙２】'!$E$35,"",IF(MONTH(NC41)=MONTH(NC41+1),NC41+1,"")))</f>
        <v/>
      </c>
      <c r="ND42" s="13" t="str">
        <f>IF(COUNTIF(祝日一覧!$E$2:$E$142,NC42),"○",IF(NG42&lt;&gt;"","○",""))</f>
        <v/>
      </c>
      <c r="NE42" s="25"/>
      <c r="NF42" s="45" t="str">
        <f t="shared" si="105"/>
        <v/>
      </c>
      <c r="NG42" s="45"/>
      <c r="NH42" s="167"/>
      <c r="NI42" s="168"/>
      <c r="NJ42" s="9"/>
      <c r="NK42" s="227"/>
      <c r="NL42" s="227"/>
      <c r="NM42" s="9"/>
      <c r="NN42" s="9"/>
      <c r="NO42" s="102" t="str">
        <f t="shared" si="29"/>
        <v/>
      </c>
      <c r="NP42" s="15" t="str">
        <f>IF(NP41="","",IF(NP41='（参考）【別紙２】'!$E$35,"",IF(MONTH(NP41)=MONTH(NP41+1),NP41+1,"")))</f>
        <v/>
      </c>
      <c r="NQ42" s="13" t="str">
        <f>IF(COUNTIF(祝日一覧!$E$2:$E$142,NP42),"○",IF(NT42&lt;&gt;"","○",""))</f>
        <v/>
      </c>
      <c r="NR42" s="25"/>
      <c r="NS42" s="45" t="str">
        <f t="shared" si="106"/>
        <v/>
      </c>
      <c r="NT42" s="45"/>
      <c r="NU42" s="167"/>
      <c r="NV42" s="168"/>
      <c r="NW42" s="9"/>
      <c r="NX42" s="227"/>
      <c r="NY42" s="227"/>
      <c r="NZ42" s="9"/>
      <c r="OA42" s="9"/>
      <c r="OB42" s="102" t="str">
        <f t="shared" si="30"/>
        <v/>
      </c>
      <c r="OC42" s="15" t="str">
        <f>IF(OC41="","",IF(OC41='（参考）【別紙２】'!$E$35,"",IF(MONTH(OC41)=MONTH(OC41+1),OC41+1,"")))</f>
        <v/>
      </c>
      <c r="OD42" s="13" t="str">
        <f>IF(COUNTIF(祝日一覧!$E$2:$E$142,OC42),"○",IF(OG42&lt;&gt;"","○",""))</f>
        <v/>
      </c>
      <c r="OE42" s="25"/>
      <c r="OF42" s="45" t="str">
        <f t="shared" si="107"/>
        <v/>
      </c>
      <c r="OG42" s="45"/>
      <c r="OH42" s="167"/>
      <c r="OI42" s="168"/>
      <c r="OJ42" s="9"/>
      <c r="OK42" s="227"/>
      <c r="OL42" s="227"/>
      <c r="OM42" s="9"/>
      <c r="ON42" s="9"/>
      <c r="OO42" s="102" t="str">
        <f t="shared" si="31"/>
        <v/>
      </c>
      <c r="OP42" s="15" t="str">
        <f>IF(OP41="","",IF(OP41='（参考）【別紙２】'!$E$35,"",IF(MONTH(OP41)=MONTH(OP41+1),OP41+1,"")))</f>
        <v/>
      </c>
      <c r="OQ42" s="13" t="str">
        <f>IF(COUNTIF(祝日一覧!$E$2:$E$142,OP42),"○",IF(OT42&lt;&gt;"","○",""))</f>
        <v/>
      </c>
      <c r="OR42" s="25"/>
      <c r="OS42" s="45" t="str">
        <f t="shared" si="108"/>
        <v/>
      </c>
      <c r="OT42" s="45"/>
      <c r="OU42" s="167"/>
      <c r="OV42" s="168"/>
      <c r="OW42" s="9"/>
      <c r="OX42" s="227"/>
      <c r="OY42" s="227"/>
      <c r="OZ42" s="9"/>
      <c r="PA42" s="9"/>
      <c r="PB42" s="102" t="str">
        <f t="shared" si="32"/>
        <v/>
      </c>
      <c r="PC42" s="15" t="str">
        <f>IF(PC41="","",IF(PC41='（参考）【別紙２】'!$E$35,"",IF(MONTH(PC41)=MONTH(PC41+1),PC41+1,"")))</f>
        <v/>
      </c>
      <c r="PD42" s="13" t="str">
        <f>IF(COUNTIF(祝日一覧!$E$2:$E$142,PC42),"○",IF(PG42&lt;&gt;"","○",""))</f>
        <v/>
      </c>
      <c r="PE42" s="25"/>
      <c r="PF42" s="45" t="str">
        <f t="shared" si="109"/>
        <v/>
      </c>
      <c r="PG42" s="45"/>
      <c r="PH42" s="167"/>
      <c r="PI42" s="168"/>
      <c r="PJ42" s="9"/>
      <c r="PK42" s="227"/>
      <c r="PL42" s="227"/>
      <c r="PM42" s="9"/>
      <c r="PN42" s="9"/>
      <c r="PO42" s="102" t="str">
        <f t="shared" si="33"/>
        <v/>
      </c>
      <c r="PP42" s="15" t="str">
        <f>IF(PP41="","",IF(PP41='（参考）【別紙２】'!$E$35,"",IF(MONTH(PP41)=MONTH(PP41+1),PP41+1,"")))</f>
        <v/>
      </c>
      <c r="PQ42" s="13" t="str">
        <f>IF(COUNTIF(祝日一覧!$E$2:$E$142,PP42),"○",IF(PT42&lt;&gt;"","○",""))</f>
        <v/>
      </c>
      <c r="PR42" s="25"/>
      <c r="PS42" s="45" t="str">
        <f t="shared" si="110"/>
        <v/>
      </c>
      <c r="PT42" s="45"/>
      <c r="PU42" s="167"/>
      <c r="PV42" s="168"/>
      <c r="PW42" s="9"/>
      <c r="PX42" s="227"/>
      <c r="PY42" s="227"/>
      <c r="PZ42" s="9"/>
      <c r="QA42" s="9"/>
      <c r="QB42" s="102" t="str">
        <f t="shared" si="34"/>
        <v/>
      </c>
      <c r="QC42" s="15" t="str">
        <f>IF(QC41="","",IF(QC41='（参考）【別紙２】'!$E$35,"",IF(MONTH(QC41)=MONTH(QC41+1),QC41+1,"")))</f>
        <v/>
      </c>
      <c r="QD42" s="13" t="str">
        <f>IF(COUNTIF(祝日一覧!$E$2:$E$142,QC42),"○",IF(QG42&lt;&gt;"","○",""))</f>
        <v/>
      </c>
      <c r="QE42" s="25"/>
      <c r="QF42" s="45" t="str">
        <f t="shared" si="111"/>
        <v/>
      </c>
      <c r="QG42" s="45"/>
      <c r="QH42" s="167"/>
      <c r="QI42" s="168"/>
      <c r="QJ42" s="9"/>
      <c r="QK42" s="227"/>
      <c r="QL42" s="227"/>
      <c r="QM42" s="9"/>
      <c r="QN42" s="9"/>
      <c r="QO42" s="102" t="str">
        <f t="shared" si="35"/>
        <v/>
      </c>
      <c r="QP42" s="15" t="str">
        <f>IF(QP41="","",IF(QP41='（参考）【別紙２】'!$E$35,"",IF(MONTH(QP41)=MONTH(QP41+1),QP41+1,"")))</f>
        <v/>
      </c>
      <c r="QQ42" s="13" t="str">
        <f>IF(COUNTIF(祝日一覧!$E$2:$E$142,QP42),"○",IF(QT42&lt;&gt;"","○",""))</f>
        <v/>
      </c>
      <c r="QR42" s="25"/>
      <c r="QS42" s="45" t="str">
        <f t="shared" si="112"/>
        <v/>
      </c>
      <c r="QT42" s="45"/>
      <c r="QU42" s="167"/>
      <c r="QV42" s="168"/>
      <c r="QW42" s="9"/>
      <c r="QX42" s="227"/>
      <c r="QY42" s="227"/>
      <c r="QZ42" s="9"/>
      <c r="RA42" s="9"/>
      <c r="RB42" s="102" t="str">
        <f t="shared" si="36"/>
        <v/>
      </c>
      <c r="RC42" s="15" t="str">
        <f>IF(RC41="","",IF(RC41='（参考）【別紙２】'!$E$35,"",IF(MONTH(RC41)=MONTH(RC41+1),RC41+1,"")))</f>
        <v/>
      </c>
      <c r="RD42" s="13" t="str">
        <f>IF(COUNTIF(祝日一覧!$E$2:$E$142,RC42),"○",IF(RG42&lt;&gt;"","○",""))</f>
        <v/>
      </c>
      <c r="RE42" s="25"/>
      <c r="RF42" s="45" t="str">
        <f t="shared" si="113"/>
        <v/>
      </c>
      <c r="RG42" s="45"/>
      <c r="RH42" s="167"/>
      <c r="RI42" s="168"/>
      <c r="RJ42" s="9"/>
      <c r="RK42" s="227"/>
      <c r="RL42" s="227"/>
      <c r="RM42" s="9"/>
      <c r="RN42" s="9"/>
      <c r="RO42" s="102" t="str">
        <f t="shared" si="37"/>
        <v/>
      </c>
      <c r="RP42" s="15" t="str">
        <f>IF(RP41="","",IF(RP41='（参考）【別紙２】'!$E$35,"",IF(MONTH(RP41)=MONTH(RP41+1),RP41+1,"")))</f>
        <v/>
      </c>
      <c r="RQ42" s="13" t="str">
        <f>IF(COUNTIF(祝日一覧!$E$2:$E$142,RP42),"○",IF(RT42&lt;&gt;"","○",""))</f>
        <v/>
      </c>
      <c r="RR42" s="25"/>
      <c r="RS42" s="45" t="str">
        <f t="shared" si="114"/>
        <v/>
      </c>
      <c r="RT42" s="45"/>
      <c r="RU42" s="167"/>
      <c r="RV42" s="168"/>
      <c r="RW42" s="9"/>
      <c r="RX42" s="227"/>
      <c r="RY42" s="227"/>
      <c r="RZ42" s="9"/>
      <c r="SA42" s="9"/>
      <c r="SB42" s="102" t="str">
        <f t="shared" si="38"/>
        <v/>
      </c>
      <c r="SC42" s="15" t="str">
        <f>IF(SC41="","",IF(SC41='（参考）【別紙２】'!$E$35,"",IF(MONTH(SC41)=MONTH(SC41+1),SC41+1,"")))</f>
        <v/>
      </c>
      <c r="SD42" s="13" t="str">
        <f>IF(COUNTIF(祝日一覧!$E$2:$E$142,SC42),"○",IF(SG42&lt;&gt;"","○",""))</f>
        <v/>
      </c>
      <c r="SE42" s="25"/>
      <c r="SF42" s="45" t="str">
        <f t="shared" si="115"/>
        <v/>
      </c>
      <c r="SG42" s="45"/>
      <c r="SH42" s="167"/>
      <c r="SI42" s="168"/>
      <c r="SJ42" s="9"/>
      <c r="SK42" s="227"/>
      <c r="SL42" s="227"/>
      <c r="SM42" s="9"/>
    </row>
    <row r="43" spans="1:507" ht="15.6" customHeight="1">
      <c r="A43" s="9"/>
      <c r="B43" s="102" t="str">
        <f t="shared" si="0"/>
        <v/>
      </c>
      <c r="C43" s="15" t="str">
        <f>IF(C42="","",IF(C42='（参考）【別紙２】'!$E$35,"",IF(MONTH(C42)=MONTH(C42+1),C42+1,"")))</f>
        <v/>
      </c>
      <c r="D43" s="13" t="str">
        <f>IF(COUNTIF(祝日一覧!$E$2:$E$142,C43),"○",IF(G43&lt;&gt;"","○",""))</f>
        <v/>
      </c>
      <c r="E43" s="26"/>
      <c r="F43" s="45" t="str">
        <f t="shared" si="39"/>
        <v/>
      </c>
      <c r="G43" s="45"/>
      <c r="H43" s="167"/>
      <c r="I43" s="168"/>
      <c r="J43" s="43"/>
      <c r="K43" s="225"/>
      <c r="L43" s="225"/>
      <c r="M43" s="9"/>
      <c r="N43" s="9"/>
      <c r="O43" s="102" t="str">
        <f t="shared" si="1"/>
        <v/>
      </c>
      <c r="P43" s="15" t="str">
        <f>IF(P42="","",IF(P42='（参考）【別紙２】'!$E$35,"",IF(MONTH(P42)=MONTH(P42+1),P42+1,"")))</f>
        <v/>
      </c>
      <c r="Q43" s="13" t="str">
        <f>IF(COUNTIF(祝日一覧!$E$2:$E$142,P43),"○",IF(T43&lt;&gt;"","○",""))</f>
        <v/>
      </c>
      <c r="R43" s="26"/>
      <c r="S43" s="45" t="str">
        <f t="shared" si="78"/>
        <v/>
      </c>
      <c r="T43" s="45"/>
      <c r="U43" s="167"/>
      <c r="V43" s="168"/>
      <c r="W43" s="9"/>
      <c r="X43" s="228"/>
      <c r="Y43" s="228"/>
      <c r="Z43" s="9"/>
      <c r="AA43" s="9"/>
      <c r="AB43" s="102" t="str">
        <f t="shared" si="2"/>
        <v/>
      </c>
      <c r="AC43" s="15" t="str">
        <f>IF(AC42="","",IF(AC42='（参考）【別紙２】'!$E$35,"",IF(MONTH(AC42)=MONTH(AC42+1),AC42+1,"")))</f>
        <v/>
      </c>
      <c r="AD43" s="13" t="str">
        <f>IF(COUNTIF(祝日一覧!$E$2:$E$142,AC43),"○",IF(AG43&lt;&gt;"","○",""))</f>
        <v/>
      </c>
      <c r="AE43" s="26"/>
      <c r="AF43" s="45" t="str">
        <f t="shared" si="79"/>
        <v/>
      </c>
      <c r="AG43" s="45"/>
      <c r="AH43" s="167"/>
      <c r="AI43" s="168"/>
      <c r="AJ43" s="9"/>
      <c r="AK43" s="228"/>
      <c r="AL43" s="228"/>
      <c r="AM43" s="9"/>
      <c r="AN43" s="9"/>
      <c r="AO43" s="102" t="str">
        <f t="shared" si="3"/>
        <v/>
      </c>
      <c r="AP43" s="15" t="str">
        <f>IF(AP42="","",IF(AP42='（参考）【別紙２】'!$E$35,"",IF(MONTH(AP42)=MONTH(AP42+1),AP42+1,"")))</f>
        <v/>
      </c>
      <c r="AQ43" s="13" t="str">
        <f>IF(COUNTIF(祝日一覧!$E$2:$E$142,AP43),"○",IF(AT43&lt;&gt;"","○",""))</f>
        <v/>
      </c>
      <c r="AR43" s="26"/>
      <c r="AS43" s="45" t="str">
        <f t="shared" si="80"/>
        <v/>
      </c>
      <c r="AT43" s="45"/>
      <c r="AU43" s="167"/>
      <c r="AV43" s="168"/>
      <c r="AW43" s="9"/>
      <c r="AX43" s="228"/>
      <c r="AY43" s="228"/>
      <c r="AZ43" s="9"/>
      <c r="BA43" s="9"/>
      <c r="BB43" s="102" t="str">
        <f t="shared" si="4"/>
        <v/>
      </c>
      <c r="BC43" s="15" t="str">
        <f>IF(BC42="","",IF(BC42='（参考）【別紙２】'!$E$35,"",IF(MONTH(BC42)=MONTH(BC42+1),BC42+1,"")))</f>
        <v/>
      </c>
      <c r="BD43" s="13" t="str">
        <f>IF(COUNTIF(祝日一覧!$E$2:$E$142,BC43),"○",IF(BG43&lt;&gt;"","○",""))</f>
        <v/>
      </c>
      <c r="BE43" s="26"/>
      <c r="BF43" s="45" t="str">
        <f t="shared" si="81"/>
        <v/>
      </c>
      <c r="BG43" s="45"/>
      <c r="BH43" s="167"/>
      <c r="BI43" s="168"/>
      <c r="BJ43" s="9"/>
      <c r="BK43" s="228"/>
      <c r="BL43" s="228"/>
      <c r="BM43" s="9"/>
      <c r="BN43" s="9"/>
      <c r="BO43" s="102" t="str">
        <f t="shared" si="5"/>
        <v/>
      </c>
      <c r="BP43" s="15" t="str">
        <f>IF(BP42="","",IF(BP42='（参考）【別紙２】'!$E$35,"",IF(MONTH(BP42)=MONTH(BP42+1),BP42+1,"")))</f>
        <v/>
      </c>
      <c r="BQ43" s="13" t="str">
        <f>IF(COUNTIF(祝日一覧!$E$2:$E$142,BP43),"○",IF(BT43&lt;&gt;"","○",""))</f>
        <v/>
      </c>
      <c r="BR43" s="26"/>
      <c r="BS43" s="45" t="str">
        <f t="shared" si="82"/>
        <v/>
      </c>
      <c r="BT43" s="45"/>
      <c r="BU43" s="167"/>
      <c r="BV43" s="168"/>
      <c r="BW43" s="9"/>
      <c r="BX43" s="228"/>
      <c r="BY43" s="228"/>
      <c r="BZ43" s="9"/>
      <c r="CA43" s="9"/>
      <c r="CB43" s="102" t="str">
        <f t="shared" si="6"/>
        <v/>
      </c>
      <c r="CC43" s="15" t="str">
        <f>IF(CC42="","",IF(CC42='（参考）【別紙２】'!$E$35,"",IF(MONTH(CC42)=MONTH(CC42+1),CC42+1,"")))</f>
        <v/>
      </c>
      <c r="CD43" s="13" t="str">
        <f>IF(COUNTIF(祝日一覧!$E$2:$E$142,CC43),"○",IF(CG43&lt;&gt;"","○",""))</f>
        <v/>
      </c>
      <c r="CE43" s="26"/>
      <c r="CF43" s="45" t="str">
        <f t="shared" si="83"/>
        <v/>
      </c>
      <c r="CG43" s="45"/>
      <c r="CH43" s="167"/>
      <c r="CI43" s="168"/>
      <c r="CJ43" s="9"/>
      <c r="CK43" s="228"/>
      <c r="CL43" s="228"/>
      <c r="CM43" s="9"/>
      <c r="CN43" s="9"/>
      <c r="CO43" s="102" t="str">
        <f t="shared" si="7"/>
        <v/>
      </c>
      <c r="CP43" s="15" t="str">
        <f>IF(CP42="","",IF(CP42='（参考）【別紙２】'!$E$35,"",IF(MONTH(CP42)=MONTH(CP42+1),CP42+1,"")))</f>
        <v/>
      </c>
      <c r="CQ43" s="13" t="str">
        <f>IF(COUNTIF(祝日一覧!$E$2:$E$142,CP43),"○",IF(CT43&lt;&gt;"","○",""))</f>
        <v/>
      </c>
      <c r="CR43" s="26"/>
      <c r="CS43" s="45" t="str">
        <f t="shared" si="84"/>
        <v/>
      </c>
      <c r="CT43" s="45"/>
      <c r="CU43" s="167"/>
      <c r="CV43" s="168"/>
      <c r="CW43" s="9"/>
      <c r="CX43" s="228"/>
      <c r="CY43" s="228"/>
      <c r="CZ43" s="9"/>
      <c r="DA43" s="9"/>
      <c r="DB43" s="102" t="str">
        <f t="shared" si="8"/>
        <v/>
      </c>
      <c r="DC43" s="15" t="str">
        <f>IF(DC42="","",IF(DC42='（参考）【別紙２】'!$E$35,"",IF(MONTH(DC42)=MONTH(DC42+1),DC42+1,"")))</f>
        <v/>
      </c>
      <c r="DD43" s="13" t="str">
        <f>IF(COUNTIF(祝日一覧!$E$2:$E$142,DC43),"○",IF(DG43&lt;&gt;"","○",""))</f>
        <v/>
      </c>
      <c r="DE43" s="26"/>
      <c r="DF43" s="45" t="str">
        <f t="shared" si="85"/>
        <v/>
      </c>
      <c r="DG43" s="45"/>
      <c r="DH43" s="167"/>
      <c r="DI43" s="168"/>
      <c r="DJ43" s="9"/>
      <c r="DK43" s="228"/>
      <c r="DL43" s="228"/>
      <c r="DM43" s="9"/>
      <c r="DN43" s="9"/>
      <c r="DO43" s="102" t="str">
        <f t="shared" si="9"/>
        <v/>
      </c>
      <c r="DP43" s="15" t="str">
        <f>IF(DP42="","",IF(DP42='（参考）【別紙２】'!$E$35,"",IF(MONTH(DP42)=MONTH(DP42+1),DP42+1,"")))</f>
        <v/>
      </c>
      <c r="DQ43" s="13" t="str">
        <f>IF(COUNTIF(祝日一覧!$E$2:$E$142,DP43),"○",IF(DT43&lt;&gt;"","○",""))</f>
        <v/>
      </c>
      <c r="DR43" s="26"/>
      <c r="DS43" s="45" t="str">
        <f t="shared" si="86"/>
        <v/>
      </c>
      <c r="DT43" s="45"/>
      <c r="DU43" s="167"/>
      <c r="DV43" s="168"/>
      <c r="DW43" s="9"/>
      <c r="DX43" s="228"/>
      <c r="DY43" s="228"/>
      <c r="DZ43" s="9"/>
      <c r="EA43" s="9"/>
      <c r="EB43" s="102" t="str">
        <f t="shared" si="10"/>
        <v/>
      </c>
      <c r="EC43" s="15" t="str">
        <f>IF(EC42="","",IF(EC42='（参考）【別紙２】'!$E$35,"",IF(MONTH(EC42)=MONTH(EC42+1),EC42+1,"")))</f>
        <v/>
      </c>
      <c r="ED43" s="13" t="str">
        <f>IF(COUNTIF(祝日一覧!$E$2:$E$142,EC43),"○",IF(EG43&lt;&gt;"","○",""))</f>
        <v/>
      </c>
      <c r="EE43" s="26"/>
      <c r="EF43" s="45" t="str">
        <f t="shared" si="87"/>
        <v/>
      </c>
      <c r="EG43" s="45"/>
      <c r="EH43" s="167"/>
      <c r="EI43" s="168"/>
      <c r="EJ43" s="9"/>
      <c r="EK43" s="228"/>
      <c r="EL43" s="228"/>
      <c r="EM43" s="9"/>
      <c r="EN43" s="9"/>
      <c r="EO43" s="102" t="str">
        <f t="shared" si="11"/>
        <v/>
      </c>
      <c r="EP43" s="15" t="str">
        <f>IF(EP42="","",IF(EP42='（参考）【別紙２】'!$E$35,"",IF(MONTH(EP42)=MONTH(EP42+1),EP42+1,"")))</f>
        <v/>
      </c>
      <c r="EQ43" s="13" t="str">
        <f>IF(COUNTIF(祝日一覧!$E$2:$E$142,EP43),"○",IF(ET43&lt;&gt;"","○",""))</f>
        <v/>
      </c>
      <c r="ER43" s="26"/>
      <c r="ES43" s="45" t="str">
        <f t="shared" si="88"/>
        <v/>
      </c>
      <c r="ET43" s="45"/>
      <c r="EU43" s="167"/>
      <c r="EV43" s="168"/>
      <c r="EW43" s="9"/>
      <c r="EX43" s="228"/>
      <c r="EY43" s="228"/>
      <c r="EZ43" s="9"/>
      <c r="FA43" s="9"/>
      <c r="FB43" s="102" t="str">
        <f t="shared" si="12"/>
        <v/>
      </c>
      <c r="FC43" s="15" t="str">
        <f>IF(FC42="","",IF(FC42='（参考）【別紙２】'!$E$35,"",IF(MONTH(FC42)=MONTH(FC42+1),FC42+1,"")))</f>
        <v/>
      </c>
      <c r="FD43" s="13" t="str">
        <f>IF(COUNTIF(祝日一覧!$E$2:$E$142,FC43),"○",IF(FG43&lt;&gt;"","○",""))</f>
        <v/>
      </c>
      <c r="FE43" s="26"/>
      <c r="FF43" s="45" t="str">
        <f t="shared" si="89"/>
        <v/>
      </c>
      <c r="FG43" s="45"/>
      <c r="FH43" s="167"/>
      <c r="FI43" s="168"/>
      <c r="FJ43" s="9"/>
      <c r="FK43" s="228"/>
      <c r="FL43" s="228"/>
      <c r="FM43" s="9"/>
      <c r="FN43" s="9"/>
      <c r="FO43" s="102" t="str">
        <f t="shared" si="13"/>
        <v/>
      </c>
      <c r="FP43" s="15" t="str">
        <f>IF(FP42="","",IF(FP42='（参考）【別紙２】'!$E$35,"",IF(MONTH(FP42)=MONTH(FP42+1),FP42+1,"")))</f>
        <v/>
      </c>
      <c r="FQ43" s="13" t="str">
        <f>IF(COUNTIF(祝日一覧!$E$2:$E$142,FP43),"○",IF(FT43&lt;&gt;"","○",""))</f>
        <v/>
      </c>
      <c r="FR43" s="26"/>
      <c r="FS43" s="45" t="str">
        <f t="shared" si="90"/>
        <v/>
      </c>
      <c r="FT43" s="45"/>
      <c r="FU43" s="167"/>
      <c r="FV43" s="168"/>
      <c r="FW43" s="9"/>
      <c r="FX43" s="228"/>
      <c r="FY43" s="228"/>
      <c r="FZ43" s="9"/>
      <c r="GA43" s="9"/>
      <c r="GB43" s="102" t="str">
        <f t="shared" si="14"/>
        <v/>
      </c>
      <c r="GC43" s="15" t="str">
        <f>IF(GC42="","",IF(GC42='（参考）【別紙２】'!$E$35,"",IF(MONTH(GC42)=MONTH(GC42+1),GC42+1,"")))</f>
        <v/>
      </c>
      <c r="GD43" s="13" t="str">
        <f>IF(COUNTIF(祝日一覧!$E$2:$E$142,GC43),"○",IF(GG43&lt;&gt;"","○",""))</f>
        <v/>
      </c>
      <c r="GE43" s="25"/>
      <c r="GF43" s="45" t="str">
        <f t="shared" si="91"/>
        <v/>
      </c>
      <c r="GG43" s="45"/>
      <c r="GH43" s="167"/>
      <c r="GI43" s="168"/>
      <c r="GJ43" s="9"/>
      <c r="GK43" s="228"/>
      <c r="GL43" s="228"/>
      <c r="GM43" s="9"/>
      <c r="GN43" s="9"/>
      <c r="GO43" s="102" t="str">
        <f t="shared" si="15"/>
        <v/>
      </c>
      <c r="GP43" s="15" t="str">
        <f>IF(GP42="","",IF(GP42='（参考）【別紙２】'!$E$35,"",IF(MONTH(GP42)=MONTH(GP42+1),GP42+1,"")))</f>
        <v/>
      </c>
      <c r="GQ43" s="13" t="str">
        <f>IF(COUNTIF(祝日一覧!$E$2:$E$142,GP43),"○",IF(GT43&lt;&gt;"","○",""))</f>
        <v/>
      </c>
      <c r="GR43" s="25"/>
      <c r="GS43" s="45" t="str">
        <f t="shared" si="92"/>
        <v/>
      </c>
      <c r="GT43" s="45"/>
      <c r="GU43" s="167"/>
      <c r="GV43" s="168"/>
      <c r="GW43" s="9"/>
      <c r="GX43" s="228"/>
      <c r="GY43" s="228"/>
      <c r="GZ43" s="9"/>
      <c r="HA43" s="9"/>
      <c r="HB43" s="102" t="str">
        <f t="shared" si="16"/>
        <v/>
      </c>
      <c r="HC43" s="15" t="str">
        <f>IF(HC42="","",IF(HC42='（参考）【別紙２】'!$E$35,"",IF(MONTH(HC42)=MONTH(HC42+1),HC42+1,"")))</f>
        <v/>
      </c>
      <c r="HD43" s="13" t="str">
        <f>IF(COUNTIF(祝日一覧!$E$2:$E$142,HC43),"○",IF(HG43&lt;&gt;"","○",""))</f>
        <v/>
      </c>
      <c r="HE43" s="26"/>
      <c r="HF43" s="45" t="str">
        <f t="shared" si="93"/>
        <v/>
      </c>
      <c r="HG43" s="45"/>
      <c r="HH43" s="167"/>
      <c r="HI43" s="168"/>
      <c r="HJ43" s="9"/>
      <c r="HK43" s="228"/>
      <c r="HL43" s="228"/>
      <c r="HM43" s="9"/>
      <c r="HN43" s="9"/>
      <c r="HO43" s="102" t="str">
        <f t="shared" si="17"/>
        <v/>
      </c>
      <c r="HP43" s="15" t="str">
        <f>IF(HP42="","",IF(HP42='（参考）【別紙２】'!$E$35,"",IF(MONTH(HP42)=MONTH(HP42+1),HP42+1,"")))</f>
        <v/>
      </c>
      <c r="HQ43" s="13" t="str">
        <f>IF(COUNTIF(祝日一覧!$E$2:$E$142,HP43),"○",IF(HT43&lt;&gt;"","○",""))</f>
        <v/>
      </c>
      <c r="HR43" s="25"/>
      <c r="HS43" s="45" t="str">
        <f t="shared" si="94"/>
        <v/>
      </c>
      <c r="HT43" s="45"/>
      <c r="HU43" s="167"/>
      <c r="HV43" s="168"/>
      <c r="HW43" s="9"/>
      <c r="HX43" s="228"/>
      <c r="HY43" s="228"/>
      <c r="HZ43" s="9"/>
      <c r="IA43" s="9"/>
      <c r="IB43" s="102" t="str">
        <f t="shared" si="18"/>
        <v/>
      </c>
      <c r="IC43" s="15" t="str">
        <f>IF(IC42="","",IF(IC42='（参考）【別紙２】'!$E$35,"",IF(MONTH(IC42)=MONTH(IC42+1),IC42+1,"")))</f>
        <v/>
      </c>
      <c r="ID43" s="13" t="str">
        <f>IF(COUNTIF(祝日一覧!$E$2:$E$142,IC43),"○",IF(IG43&lt;&gt;"","○",""))</f>
        <v/>
      </c>
      <c r="IE43" s="25"/>
      <c r="IF43" s="45" t="str">
        <f t="shared" si="95"/>
        <v/>
      </c>
      <c r="IG43" s="45"/>
      <c r="IH43" s="167"/>
      <c r="II43" s="168"/>
      <c r="IJ43" s="9"/>
      <c r="IK43" s="228"/>
      <c r="IL43" s="228"/>
      <c r="IM43" s="9"/>
      <c r="IN43" s="9"/>
      <c r="IO43" s="102" t="str">
        <f t="shared" si="19"/>
        <v/>
      </c>
      <c r="IP43" s="15" t="str">
        <f>IF(IP42="","",IF(IP42='（参考）【別紙２】'!$E$35,"",IF(MONTH(IP42)=MONTH(IP42+1),IP42+1,"")))</f>
        <v/>
      </c>
      <c r="IQ43" s="13" t="str">
        <f>IF(COUNTIF(祝日一覧!$E$2:$E$142,IP43),"○",IF(IT43&lt;&gt;"","○",""))</f>
        <v/>
      </c>
      <c r="IR43" s="25"/>
      <c r="IS43" s="45" t="str">
        <f t="shared" si="96"/>
        <v/>
      </c>
      <c r="IT43" s="45"/>
      <c r="IU43" s="167"/>
      <c r="IV43" s="168"/>
      <c r="IW43" s="9"/>
      <c r="IX43" s="228"/>
      <c r="IY43" s="228"/>
      <c r="IZ43" s="9"/>
      <c r="JA43" s="9"/>
      <c r="JB43" s="102" t="str">
        <f t="shared" si="20"/>
        <v/>
      </c>
      <c r="JC43" s="15" t="str">
        <f>IF(JC42="","",IF(JC42='（参考）【別紙２】'!$E$35,"",IF(MONTH(JC42)=MONTH(JC42+1),JC42+1,"")))</f>
        <v/>
      </c>
      <c r="JD43" s="13" t="str">
        <f>IF(COUNTIF(祝日一覧!$E$2:$E$142,JC43),"○",IF(JG43&lt;&gt;"","○",""))</f>
        <v/>
      </c>
      <c r="JE43" s="25"/>
      <c r="JF43" s="45" t="str">
        <f t="shared" si="97"/>
        <v/>
      </c>
      <c r="JG43" s="45"/>
      <c r="JH43" s="167"/>
      <c r="JI43" s="168"/>
      <c r="JJ43" s="9"/>
      <c r="JK43" s="228"/>
      <c r="JL43" s="228"/>
      <c r="JM43" s="9"/>
      <c r="JN43" s="9"/>
      <c r="JO43" s="102" t="str">
        <f t="shared" si="21"/>
        <v/>
      </c>
      <c r="JP43" s="15" t="str">
        <f>IF(JP42="","",IF(JP42='（参考）【別紙２】'!$E$35,"",IF(MONTH(JP42)=MONTH(JP42+1),JP42+1,"")))</f>
        <v/>
      </c>
      <c r="JQ43" s="13" t="str">
        <f>IF(COUNTIF(祝日一覧!$E$2:$E$142,JP43),"○",IF(JT43&lt;&gt;"","○",""))</f>
        <v/>
      </c>
      <c r="JR43" s="25"/>
      <c r="JS43" s="45" t="str">
        <f t="shared" si="98"/>
        <v/>
      </c>
      <c r="JT43" s="45"/>
      <c r="JU43" s="167"/>
      <c r="JV43" s="168"/>
      <c r="JW43" s="9"/>
      <c r="JX43" s="228"/>
      <c r="JY43" s="228"/>
      <c r="JZ43" s="9"/>
      <c r="KA43" s="9"/>
      <c r="KB43" s="102" t="str">
        <f t="shared" si="22"/>
        <v/>
      </c>
      <c r="KC43" s="15" t="str">
        <f>IF(KC42="","",IF(KC42='（参考）【別紙２】'!$E$35,"",IF(MONTH(KC42)=MONTH(KC42+1),KC42+1,"")))</f>
        <v/>
      </c>
      <c r="KD43" s="13" t="str">
        <f>IF(COUNTIF(祝日一覧!$E$2:$E$142,KC43),"○",IF(KG43&lt;&gt;"","○",""))</f>
        <v/>
      </c>
      <c r="KE43" s="25"/>
      <c r="KF43" s="45" t="str">
        <f t="shared" si="99"/>
        <v/>
      </c>
      <c r="KG43" s="45"/>
      <c r="KH43" s="167"/>
      <c r="KI43" s="168"/>
      <c r="KJ43" s="9"/>
      <c r="KK43" s="228"/>
      <c r="KL43" s="228"/>
      <c r="KM43" s="9"/>
      <c r="KN43" s="9"/>
      <c r="KO43" s="102" t="str">
        <f t="shared" si="23"/>
        <v/>
      </c>
      <c r="KP43" s="15" t="str">
        <f>IF(KP42="","",IF(KP42='（参考）【別紙２】'!$E$35,"",IF(MONTH(KP42)=MONTH(KP42+1),KP42+1,"")))</f>
        <v/>
      </c>
      <c r="KQ43" s="13" t="str">
        <f>IF(COUNTIF(祝日一覧!$E$2:$E$142,KP43),"○",IF(KT43&lt;&gt;"","○",""))</f>
        <v/>
      </c>
      <c r="KR43" s="25"/>
      <c r="KS43" s="45" t="str">
        <f t="shared" si="100"/>
        <v/>
      </c>
      <c r="KT43" s="45"/>
      <c r="KU43" s="167"/>
      <c r="KV43" s="168"/>
      <c r="KW43" s="9"/>
      <c r="KX43" s="228"/>
      <c r="KY43" s="228"/>
      <c r="KZ43" s="9"/>
      <c r="LA43" s="9"/>
      <c r="LB43" s="102" t="str">
        <f t="shared" si="24"/>
        <v/>
      </c>
      <c r="LC43" s="15" t="str">
        <f>IF(LC42="","",IF(LC42='（参考）【別紙２】'!$E$35,"",IF(MONTH(LC42)=MONTH(LC42+1),LC42+1,"")))</f>
        <v/>
      </c>
      <c r="LD43" s="13" t="str">
        <f>IF(COUNTIF(祝日一覧!$E$2:$E$142,LC43),"○",IF(LG43&lt;&gt;"","○",""))</f>
        <v/>
      </c>
      <c r="LE43" s="25"/>
      <c r="LF43" s="45" t="str">
        <f t="shared" si="101"/>
        <v/>
      </c>
      <c r="LG43" s="45"/>
      <c r="LH43" s="167"/>
      <c r="LI43" s="168"/>
      <c r="LJ43" s="9"/>
      <c r="LK43" s="228"/>
      <c r="LL43" s="228"/>
      <c r="LM43" s="9"/>
      <c r="LN43" s="9"/>
      <c r="LO43" s="102" t="str">
        <f t="shared" si="25"/>
        <v/>
      </c>
      <c r="LP43" s="15" t="str">
        <f>IF(LP42="","",IF(LP42='（参考）【別紙２】'!$E$35,"",IF(MONTH(LP42)=MONTH(LP42+1),LP42+1,"")))</f>
        <v/>
      </c>
      <c r="LQ43" s="13" t="str">
        <f>IF(COUNTIF(祝日一覧!$E$2:$E$142,LP43),"○",IF(LT43&lt;&gt;"","○",""))</f>
        <v/>
      </c>
      <c r="LR43" s="25"/>
      <c r="LS43" s="45" t="str">
        <f t="shared" si="102"/>
        <v/>
      </c>
      <c r="LT43" s="45"/>
      <c r="LU43" s="167"/>
      <c r="LV43" s="168"/>
      <c r="LW43" s="9"/>
      <c r="LX43" s="228"/>
      <c r="LY43" s="228"/>
      <c r="LZ43" s="9"/>
      <c r="MA43" s="9"/>
      <c r="MB43" s="102" t="str">
        <f t="shared" si="26"/>
        <v/>
      </c>
      <c r="MC43" s="15" t="str">
        <f>IF(MC42="","",IF(MC42='（参考）【別紙２】'!$E$35,"",IF(MONTH(MC42)=MONTH(MC42+1),MC42+1,"")))</f>
        <v/>
      </c>
      <c r="MD43" s="13" t="str">
        <f>IF(COUNTIF(祝日一覧!$E$2:$E$142,MC43),"○",IF(MG43&lt;&gt;"","○",""))</f>
        <v/>
      </c>
      <c r="ME43" s="25"/>
      <c r="MF43" s="45" t="str">
        <f t="shared" si="103"/>
        <v/>
      </c>
      <c r="MG43" s="45"/>
      <c r="MH43" s="167"/>
      <c r="MI43" s="168"/>
      <c r="MJ43" s="9"/>
      <c r="MK43" s="228"/>
      <c r="ML43" s="228"/>
      <c r="MM43" s="9"/>
      <c r="MN43" s="9"/>
      <c r="MO43" s="102" t="str">
        <f t="shared" si="27"/>
        <v/>
      </c>
      <c r="MP43" s="15" t="str">
        <f>IF(MP42="","",IF(MP42='（参考）【別紙２】'!$E$35,"",IF(MONTH(MP42)=MONTH(MP42+1),MP42+1,"")))</f>
        <v/>
      </c>
      <c r="MQ43" s="13" t="str">
        <f>IF(COUNTIF(祝日一覧!$E$2:$E$142,MP43),"○",IF(MT43&lt;&gt;"","○",""))</f>
        <v/>
      </c>
      <c r="MR43" s="25"/>
      <c r="MS43" s="45" t="str">
        <f t="shared" si="104"/>
        <v/>
      </c>
      <c r="MT43" s="45"/>
      <c r="MU43" s="167"/>
      <c r="MV43" s="168"/>
      <c r="MW43" s="9"/>
      <c r="MX43" s="228"/>
      <c r="MY43" s="228"/>
      <c r="MZ43" s="9"/>
      <c r="NA43" s="9"/>
      <c r="NB43" s="102" t="str">
        <f t="shared" si="28"/>
        <v/>
      </c>
      <c r="NC43" s="15" t="str">
        <f>IF(NC42="","",IF(NC42='（参考）【別紙２】'!$E$35,"",IF(MONTH(NC42)=MONTH(NC42+1),NC42+1,"")))</f>
        <v/>
      </c>
      <c r="ND43" s="13" t="str">
        <f>IF(COUNTIF(祝日一覧!$E$2:$E$142,NC43),"○",IF(NG43&lt;&gt;"","○",""))</f>
        <v/>
      </c>
      <c r="NE43" s="25"/>
      <c r="NF43" s="45" t="str">
        <f t="shared" si="105"/>
        <v/>
      </c>
      <c r="NG43" s="45"/>
      <c r="NH43" s="167"/>
      <c r="NI43" s="168"/>
      <c r="NJ43" s="9"/>
      <c r="NK43" s="228"/>
      <c r="NL43" s="228"/>
      <c r="NM43" s="9"/>
      <c r="NN43" s="9"/>
      <c r="NO43" s="102" t="str">
        <f t="shared" si="29"/>
        <v/>
      </c>
      <c r="NP43" s="15" t="str">
        <f>IF(NP42="","",IF(NP42='（参考）【別紙２】'!$E$35,"",IF(MONTH(NP42)=MONTH(NP42+1),NP42+1,"")))</f>
        <v/>
      </c>
      <c r="NQ43" s="13" t="str">
        <f>IF(COUNTIF(祝日一覧!$E$2:$E$142,NP43),"○",IF(NT43&lt;&gt;"","○",""))</f>
        <v/>
      </c>
      <c r="NR43" s="25"/>
      <c r="NS43" s="45" t="str">
        <f t="shared" si="106"/>
        <v/>
      </c>
      <c r="NT43" s="45"/>
      <c r="NU43" s="167"/>
      <c r="NV43" s="168"/>
      <c r="NW43" s="9"/>
      <c r="NX43" s="228"/>
      <c r="NY43" s="228"/>
      <c r="NZ43" s="9"/>
      <c r="OA43" s="9"/>
      <c r="OB43" s="102" t="str">
        <f t="shared" si="30"/>
        <v/>
      </c>
      <c r="OC43" s="15" t="str">
        <f>IF(OC42="","",IF(OC42='（参考）【別紙２】'!$E$35,"",IF(MONTH(OC42)=MONTH(OC42+1),OC42+1,"")))</f>
        <v/>
      </c>
      <c r="OD43" s="13" t="str">
        <f>IF(COUNTIF(祝日一覧!$E$2:$E$142,OC43),"○",IF(OG43&lt;&gt;"","○",""))</f>
        <v/>
      </c>
      <c r="OE43" s="25"/>
      <c r="OF43" s="45" t="str">
        <f t="shared" si="107"/>
        <v/>
      </c>
      <c r="OG43" s="45"/>
      <c r="OH43" s="167"/>
      <c r="OI43" s="168"/>
      <c r="OJ43" s="9"/>
      <c r="OK43" s="228"/>
      <c r="OL43" s="228"/>
      <c r="OM43" s="9"/>
      <c r="ON43" s="9"/>
      <c r="OO43" s="102" t="str">
        <f t="shared" si="31"/>
        <v/>
      </c>
      <c r="OP43" s="15" t="str">
        <f>IF(OP42="","",IF(OP42='（参考）【別紙２】'!$E$35,"",IF(MONTH(OP42)=MONTH(OP42+1),OP42+1,"")))</f>
        <v/>
      </c>
      <c r="OQ43" s="13" t="str">
        <f>IF(COUNTIF(祝日一覧!$E$2:$E$142,OP43),"○",IF(OT43&lt;&gt;"","○",""))</f>
        <v/>
      </c>
      <c r="OR43" s="25"/>
      <c r="OS43" s="45" t="str">
        <f t="shared" si="108"/>
        <v/>
      </c>
      <c r="OT43" s="45"/>
      <c r="OU43" s="167"/>
      <c r="OV43" s="168"/>
      <c r="OW43" s="9"/>
      <c r="OX43" s="228"/>
      <c r="OY43" s="228"/>
      <c r="OZ43" s="9"/>
      <c r="PA43" s="9"/>
      <c r="PB43" s="102" t="str">
        <f t="shared" si="32"/>
        <v/>
      </c>
      <c r="PC43" s="15" t="str">
        <f>IF(PC42="","",IF(PC42='（参考）【別紙２】'!$E$35,"",IF(MONTH(PC42)=MONTH(PC42+1),PC42+1,"")))</f>
        <v/>
      </c>
      <c r="PD43" s="13" t="str">
        <f>IF(COUNTIF(祝日一覧!$E$2:$E$142,PC43),"○",IF(PG43&lt;&gt;"","○",""))</f>
        <v/>
      </c>
      <c r="PE43" s="25"/>
      <c r="PF43" s="45" t="str">
        <f t="shared" si="109"/>
        <v/>
      </c>
      <c r="PG43" s="45"/>
      <c r="PH43" s="167"/>
      <c r="PI43" s="168"/>
      <c r="PJ43" s="9"/>
      <c r="PK43" s="228"/>
      <c r="PL43" s="228"/>
      <c r="PM43" s="9"/>
      <c r="PN43" s="9"/>
      <c r="PO43" s="102" t="str">
        <f t="shared" si="33"/>
        <v/>
      </c>
      <c r="PP43" s="15" t="str">
        <f>IF(PP42="","",IF(PP42='（参考）【別紙２】'!$E$35,"",IF(MONTH(PP42)=MONTH(PP42+1),PP42+1,"")))</f>
        <v/>
      </c>
      <c r="PQ43" s="13" t="str">
        <f>IF(COUNTIF(祝日一覧!$E$2:$E$142,PP43),"○",IF(PT43&lt;&gt;"","○",""))</f>
        <v/>
      </c>
      <c r="PR43" s="25"/>
      <c r="PS43" s="45" t="str">
        <f t="shared" si="110"/>
        <v/>
      </c>
      <c r="PT43" s="45"/>
      <c r="PU43" s="167"/>
      <c r="PV43" s="168"/>
      <c r="PW43" s="9"/>
      <c r="PX43" s="228"/>
      <c r="PY43" s="228"/>
      <c r="PZ43" s="9"/>
      <c r="QA43" s="9"/>
      <c r="QB43" s="102" t="str">
        <f t="shared" si="34"/>
        <v/>
      </c>
      <c r="QC43" s="15" t="str">
        <f>IF(QC42="","",IF(QC42='（参考）【別紙２】'!$E$35,"",IF(MONTH(QC42)=MONTH(QC42+1),QC42+1,"")))</f>
        <v/>
      </c>
      <c r="QD43" s="13" t="str">
        <f>IF(COUNTIF(祝日一覧!$E$2:$E$142,QC43),"○",IF(QG43&lt;&gt;"","○",""))</f>
        <v/>
      </c>
      <c r="QE43" s="25"/>
      <c r="QF43" s="45" t="str">
        <f t="shared" si="111"/>
        <v/>
      </c>
      <c r="QG43" s="45"/>
      <c r="QH43" s="167"/>
      <c r="QI43" s="168"/>
      <c r="QJ43" s="9"/>
      <c r="QK43" s="228"/>
      <c r="QL43" s="228"/>
      <c r="QM43" s="9"/>
      <c r="QN43" s="9"/>
      <c r="QO43" s="102" t="str">
        <f t="shared" si="35"/>
        <v/>
      </c>
      <c r="QP43" s="15" t="str">
        <f>IF(QP42="","",IF(QP42='（参考）【別紙２】'!$E$35,"",IF(MONTH(QP42)=MONTH(QP42+1),QP42+1,"")))</f>
        <v/>
      </c>
      <c r="QQ43" s="13" t="str">
        <f>IF(COUNTIF(祝日一覧!$E$2:$E$142,QP43),"○",IF(QT43&lt;&gt;"","○",""))</f>
        <v/>
      </c>
      <c r="QR43" s="25"/>
      <c r="QS43" s="45" t="str">
        <f t="shared" si="112"/>
        <v/>
      </c>
      <c r="QT43" s="45"/>
      <c r="QU43" s="167"/>
      <c r="QV43" s="168"/>
      <c r="QW43" s="9"/>
      <c r="QX43" s="228"/>
      <c r="QY43" s="228"/>
      <c r="QZ43" s="9"/>
      <c r="RA43" s="9"/>
      <c r="RB43" s="102" t="str">
        <f t="shared" si="36"/>
        <v/>
      </c>
      <c r="RC43" s="15" t="str">
        <f>IF(RC42="","",IF(RC42='（参考）【別紙２】'!$E$35,"",IF(MONTH(RC42)=MONTH(RC42+1),RC42+1,"")))</f>
        <v/>
      </c>
      <c r="RD43" s="13" t="str">
        <f>IF(COUNTIF(祝日一覧!$E$2:$E$142,RC43),"○",IF(RG43&lt;&gt;"","○",""))</f>
        <v/>
      </c>
      <c r="RE43" s="25"/>
      <c r="RF43" s="45" t="str">
        <f t="shared" si="113"/>
        <v/>
      </c>
      <c r="RG43" s="45"/>
      <c r="RH43" s="167"/>
      <c r="RI43" s="168"/>
      <c r="RJ43" s="9"/>
      <c r="RK43" s="228"/>
      <c r="RL43" s="228"/>
      <c r="RM43" s="9"/>
      <c r="RN43" s="9"/>
      <c r="RO43" s="102" t="str">
        <f t="shared" si="37"/>
        <v/>
      </c>
      <c r="RP43" s="15" t="str">
        <f>IF(RP42="","",IF(RP42='（参考）【別紙２】'!$E$35,"",IF(MONTH(RP42)=MONTH(RP42+1),RP42+1,"")))</f>
        <v/>
      </c>
      <c r="RQ43" s="13" t="str">
        <f>IF(COUNTIF(祝日一覧!$E$2:$E$142,RP43),"○",IF(RT43&lt;&gt;"","○",""))</f>
        <v/>
      </c>
      <c r="RR43" s="25"/>
      <c r="RS43" s="45" t="str">
        <f t="shared" si="114"/>
        <v/>
      </c>
      <c r="RT43" s="45"/>
      <c r="RU43" s="167"/>
      <c r="RV43" s="168"/>
      <c r="RW43" s="9"/>
      <c r="RX43" s="228"/>
      <c r="RY43" s="228"/>
      <c r="RZ43" s="9"/>
      <c r="SA43" s="9"/>
      <c r="SB43" s="102" t="str">
        <f t="shared" si="38"/>
        <v/>
      </c>
      <c r="SC43" s="15" t="str">
        <f>IF(SC42="","",IF(SC42='（参考）【別紙２】'!$E$35,"",IF(MONTH(SC42)=MONTH(SC42+1),SC42+1,"")))</f>
        <v/>
      </c>
      <c r="SD43" s="13" t="str">
        <f>IF(COUNTIF(祝日一覧!$E$2:$E$142,SC43),"○",IF(SG43&lt;&gt;"","○",""))</f>
        <v/>
      </c>
      <c r="SE43" s="25"/>
      <c r="SF43" s="45" t="str">
        <f t="shared" si="115"/>
        <v/>
      </c>
      <c r="SG43" s="45"/>
      <c r="SH43" s="167"/>
      <c r="SI43" s="168"/>
      <c r="SJ43" s="9"/>
      <c r="SK43" s="228"/>
      <c r="SL43" s="228"/>
      <c r="SM43" s="9"/>
    </row>
    <row r="44" spans="1:507" ht="15.6" customHeight="1">
      <c r="A44" s="9"/>
      <c r="B44" s="102" t="str">
        <f t="shared" si="0"/>
        <v/>
      </c>
      <c r="C44" s="15" t="str">
        <f>IF(C43="","",IF(C43='（参考）【別紙２】'!$E$35,"",IF(MONTH(C43)=MONTH(C43+1),C43+1,"")))</f>
        <v/>
      </c>
      <c r="D44" s="13" t="str">
        <f>IF(COUNTIF(祝日一覧!$E$2:$E$142,C44),"○",IF(G44&lt;&gt;"","○",""))</f>
        <v/>
      </c>
      <c r="E44" s="26"/>
      <c r="F44" s="45" t="str">
        <f t="shared" si="39"/>
        <v/>
      </c>
      <c r="G44" s="45"/>
      <c r="H44" s="167"/>
      <c r="I44" s="168"/>
      <c r="J44" s="43"/>
      <c r="K44" s="229" t="s">
        <v>109</v>
      </c>
      <c r="L44" s="229"/>
      <c r="M44" s="9"/>
      <c r="N44" s="9"/>
      <c r="O44" s="102" t="str">
        <f t="shared" si="1"/>
        <v/>
      </c>
      <c r="P44" s="15" t="str">
        <f>IF(P43="","",IF(P43='（参考）【別紙２】'!$E$35,"",IF(MONTH(P43)=MONTH(P43+1),P43+1,"")))</f>
        <v/>
      </c>
      <c r="Q44" s="13" t="str">
        <f>IF(COUNTIF(祝日一覧!$E$2:$E$142,P44),"○",IF(T44&lt;&gt;"","○",""))</f>
        <v/>
      </c>
      <c r="R44" s="26"/>
      <c r="S44" s="45" t="str">
        <f t="shared" si="78"/>
        <v/>
      </c>
      <c r="T44" s="45"/>
      <c r="U44" s="167"/>
      <c r="V44" s="168"/>
      <c r="W44" s="9"/>
      <c r="X44" s="230" t="s">
        <v>109</v>
      </c>
      <c r="Y44" s="230"/>
      <c r="Z44" s="9"/>
      <c r="AA44" s="9"/>
      <c r="AB44" s="102" t="str">
        <f t="shared" si="2"/>
        <v/>
      </c>
      <c r="AC44" s="15" t="str">
        <f>IF(AC43="","",IF(AC43='（参考）【別紙２】'!$E$35,"",IF(MONTH(AC43)=MONTH(AC43+1),AC43+1,"")))</f>
        <v/>
      </c>
      <c r="AD44" s="13" t="str">
        <f>IF(COUNTIF(祝日一覧!$E$2:$E$142,AC44),"○",IF(AG44&lt;&gt;"","○",""))</f>
        <v/>
      </c>
      <c r="AE44" s="26"/>
      <c r="AF44" s="45" t="str">
        <f t="shared" si="79"/>
        <v/>
      </c>
      <c r="AG44" s="45"/>
      <c r="AH44" s="167"/>
      <c r="AI44" s="168"/>
      <c r="AJ44" s="9"/>
      <c r="AK44" s="230" t="s">
        <v>109</v>
      </c>
      <c r="AL44" s="230"/>
      <c r="AM44" s="9"/>
      <c r="AN44" s="9"/>
      <c r="AO44" s="102" t="str">
        <f t="shared" si="3"/>
        <v/>
      </c>
      <c r="AP44" s="15" t="str">
        <f>IF(AP43="","",IF(AP43='（参考）【別紙２】'!$E$35,"",IF(MONTH(AP43)=MONTH(AP43+1),AP43+1,"")))</f>
        <v/>
      </c>
      <c r="AQ44" s="13" t="str">
        <f>IF(COUNTIF(祝日一覧!$E$2:$E$142,AP44),"○",IF(AT44&lt;&gt;"","○",""))</f>
        <v/>
      </c>
      <c r="AR44" s="26"/>
      <c r="AS44" s="45" t="str">
        <f t="shared" si="80"/>
        <v/>
      </c>
      <c r="AT44" s="45"/>
      <c r="AU44" s="167"/>
      <c r="AV44" s="168"/>
      <c r="AW44" s="9"/>
      <c r="AX44" s="230" t="s">
        <v>109</v>
      </c>
      <c r="AY44" s="230"/>
      <c r="AZ44" s="9"/>
      <c r="BA44" s="9"/>
      <c r="BB44" s="102" t="str">
        <f t="shared" si="4"/>
        <v/>
      </c>
      <c r="BC44" s="15" t="str">
        <f>IF(BC43="","",IF(BC43='（参考）【別紙２】'!$E$35,"",IF(MONTH(BC43)=MONTH(BC43+1),BC43+1,"")))</f>
        <v/>
      </c>
      <c r="BD44" s="13" t="str">
        <f>IF(COUNTIF(祝日一覧!$E$2:$E$142,BC44),"○",IF(BG44&lt;&gt;"","○",""))</f>
        <v/>
      </c>
      <c r="BE44" s="26"/>
      <c r="BF44" s="45" t="str">
        <f t="shared" si="81"/>
        <v/>
      </c>
      <c r="BG44" s="45"/>
      <c r="BH44" s="167"/>
      <c r="BI44" s="168"/>
      <c r="BJ44" s="9"/>
      <c r="BK44" s="230" t="s">
        <v>109</v>
      </c>
      <c r="BL44" s="230"/>
      <c r="BM44" s="9"/>
      <c r="BN44" s="9"/>
      <c r="BO44" s="102" t="str">
        <f t="shared" si="5"/>
        <v/>
      </c>
      <c r="BP44" s="15" t="str">
        <f>IF(BP43="","",IF(BP43='（参考）【別紙２】'!$E$35,"",IF(MONTH(BP43)=MONTH(BP43+1),BP43+1,"")))</f>
        <v/>
      </c>
      <c r="BQ44" s="13" t="str">
        <f>IF(COUNTIF(祝日一覧!$E$2:$E$142,BP44),"○",IF(BT44&lt;&gt;"","○",""))</f>
        <v/>
      </c>
      <c r="BR44" s="26"/>
      <c r="BS44" s="45" t="str">
        <f t="shared" si="82"/>
        <v/>
      </c>
      <c r="BT44" s="45"/>
      <c r="BU44" s="167"/>
      <c r="BV44" s="168"/>
      <c r="BW44" s="9"/>
      <c r="BX44" s="230" t="s">
        <v>109</v>
      </c>
      <c r="BY44" s="230"/>
      <c r="BZ44" s="9"/>
      <c r="CA44" s="9"/>
      <c r="CB44" s="102" t="str">
        <f t="shared" si="6"/>
        <v/>
      </c>
      <c r="CC44" s="15" t="str">
        <f>IF(CC43="","",IF(CC43='（参考）【別紙２】'!$E$35,"",IF(MONTH(CC43)=MONTH(CC43+1),CC43+1,"")))</f>
        <v/>
      </c>
      <c r="CD44" s="13" t="str">
        <f>IF(COUNTIF(祝日一覧!$E$2:$E$142,CC44),"○",IF(CG44&lt;&gt;"","○",""))</f>
        <v/>
      </c>
      <c r="CE44" s="26"/>
      <c r="CF44" s="45" t="str">
        <f t="shared" si="83"/>
        <v/>
      </c>
      <c r="CG44" s="45"/>
      <c r="CH44" s="167"/>
      <c r="CI44" s="168"/>
      <c r="CJ44" s="9"/>
      <c r="CK44" s="230" t="s">
        <v>109</v>
      </c>
      <c r="CL44" s="230"/>
      <c r="CM44" s="9"/>
      <c r="CN44" s="9"/>
      <c r="CO44" s="102" t="str">
        <f t="shared" si="7"/>
        <v/>
      </c>
      <c r="CP44" s="15" t="str">
        <f>IF(CP43="","",IF(CP43='（参考）【別紙２】'!$E$35,"",IF(MONTH(CP43)=MONTH(CP43+1),CP43+1,"")))</f>
        <v/>
      </c>
      <c r="CQ44" s="13" t="str">
        <f>IF(COUNTIF(祝日一覧!$E$2:$E$142,CP44),"○",IF(CT44&lt;&gt;"","○",""))</f>
        <v/>
      </c>
      <c r="CR44" s="26"/>
      <c r="CS44" s="45" t="str">
        <f t="shared" si="84"/>
        <v/>
      </c>
      <c r="CT44" s="45"/>
      <c r="CU44" s="167"/>
      <c r="CV44" s="168"/>
      <c r="CW44" s="9"/>
      <c r="CX44" s="230" t="s">
        <v>109</v>
      </c>
      <c r="CY44" s="230"/>
      <c r="CZ44" s="9"/>
      <c r="DA44" s="9"/>
      <c r="DB44" s="102" t="str">
        <f t="shared" si="8"/>
        <v/>
      </c>
      <c r="DC44" s="15" t="str">
        <f>IF(DC43="","",IF(DC43='（参考）【別紙２】'!$E$35,"",IF(MONTH(DC43)=MONTH(DC43+1),DC43+1,"")))</f>
        <v/>
      </c>
      <c r="DD44" s="13" t="str">
        <f>IF(COUNTIF(祝日一覧!$E$2:$E$142,DC44),"○",IF(DG44&lt;&gt;"","○",""))</f>
        <v/>
      </c>
      <c r="DE44" s="26"/>
      <c r="DF44" s="45" t="str">
        <f t="shared" si="85"/>
        <v/>
      </c>
      <c r="DG44" s="45"/>
      <c r="DH44" s="167"/>
      <c r="DI44" s="168"/>
      <c r="DJ44" s="9"/>
      <c r="DK44" s="230" t="s">
        <v>109</v>
      </c>
      <c r="DL44" s="230"/>
      <c r="DM44" s="9"/>
      <c r="DN44" s="9"/>
      <c r="DO44" s="102" t="str">
        <f t="shared" si="9"/>
        <v/>
      </c>
      <c r="DP44" s="15" t="str">
        <f>IF(DP43="","",IF(DP43='（参考）【別紙２】'!$E$35,"",IF(MONTH(DP43)=MONTH(DP43+1),DP43+1,"")))</f>
        <v/>
      </c>
      <c r="DQ44" s="13" t="str">
        <f>IF(COUNTIF(祝日一覧!$E$2:$E$142,DP44),"○",IF(DT44&lt;&gt;"","○",""))</f>
        <v/>
      </c>
      <c r="DR44" s="26"/>
      <c r="DS44" s="45" t="str">
        <f t="shared" si="86"/>
        <v/>
      </c>
      <c r="DT44" s="45"/>
      <c r="DU44" s="167"/>
      <c r="DV44" s="168"/>
      <c r="DW44" s="9"/>
      <c r="DX44" s="230" t="s">
        <v>109</v>
      </c>
      <c r="DY44" s="230"/>
      <c r="DZ44" s="9"/>
      <c r="EA44" s="9"/>
      <c r="EB44" s="102" t="str">
        <f t="shared" si="10"/>
        <v/>
      </c>
      <c r="EC44" s="15" t="str">
        <f>IF(EC43="","",IF(EC43='（参考）【別紙２】'!$E$35,"",IF(MONTH(EC43)=MONTH(EC43+1),EC43+1,"")))</f>
        <v/>
      </c>
      <c r="ED44" s="13" t="str">
        <f>IF(COUNTIF(祝日一覧!$E$2:$E$142,EC44),"○",IF(EG44&lt;&gt;"","○",""))</f>
        <v/>
      </c>
      <c r="EE44" s="26"/>
      <c r="EF44" s="45" t="str">
        <f t="shared" si="87"/>
        <v/>
      </c>
      <c r="EG44" s="45"/>
      <c r="EH44" s="167"/>
      <c r="EI44" s="168"/>
      <c r="EJ44" s="9"/>
      <c r="EK44" s="230" t="s">
        <v>109</v>
      </c>
      <c r="EL44" s="230"/>
      <c r="EM44" s="9"/>
      <c r="EN44" s="9"/>
      <c r="EO44" s="102" t="str">
        <f t="shared" si="11"/>
        <v/>
      </c>
      <c r="EP44" s="15" t="str">
        <f>IF(EP43="","",IF(EP43='（参考）【別紙２】'!$E$35,"",IF(MONTH(EP43)=MONTH(EP43+1),EP43+1,"")))</f>
        <v/>
      </c>
      <c r="EQ44" s="13" t="str">
        <f>IF(COUNTIF(祝日一覧!$E$2:$E$142,EP44),"○",IF(ET44&lt;&gt;"","○",""))</f>
        <v/>
      </c>
      <c r="ER44" s="26"/>
      <c r="ES44" s="45" t="str">
        <f t="shared" si="88"/>
        <v/>
      </c>
      <c r="ET44" s="45"/>
      <c r="EU44" s="167"/>
      <c r="EV44" s="168"/>
      <c r="EW44" s="9"/>
      <c r="EX44" s="230" t="s">
        <v>109</v>
      </c>
      <c r="EY44" s="230"/>
      <c r="EZ44" s="9"/>
      <c r="FA44" s="9"/>
      <c r="FB44" s="102" t="str">
        <f t="shared" si="12"/>
        <v/>
      </c>
      <c r="FC44" s="15" t="str">
        <f>IF(FC43="","",IF(FC43='（参考）【別紙２】'!$E$35,"",IF(MONTH(FC43)=MONTH(FC43+1),FC43+1,"")))</f>
        <v/>
      </c>
      <c r="FD44" s="13" t="str">
        <f>IF(COUNTIF(祝日一覧!$E$2:$E$142,FC44),"○",IF(FG44&lt;&gt;"","○",""))</f>
        <v/>
      </c>
      <c r="FE44" s="26"/>
      <c r="FF44" s="45" t="str">
        <f t="shared" si="89"/>
        <v/>
      </c>
      <c r="FG44" s="45"/>
      <c r="FH44" s="167"/>
      <c r="FI44" s="168"/>
      <c r="FJ44" s="9"/>
      <c r="FK44" s="230" t="s">
        <v>109</v>
      </c>
      <c r="FL44" s="230"/>
      <c r="FM44" s="9"/>
      <c r="FN44" s="9"/>
      <c r="FO44" s="102" t="str">
        <f t="shared" si="13"/>
        <v/>
      </c>
      <c r="FP44" s="15" t="str">
        <f>IF(FP43="","",IF(FP43='（参考）【別紙２】'!$E$35,"",IF(MONTH(FP43)=MONTH(FP43+1),FP43+1,"")))</f>
        <v/>
      </c>
      <c r="FQ44" s="13" t="str">
        <f>IF(COUNTIF(祝日一覧!$E$2:$E$142,FP44),"○",IF(FT44&lt;&gt;"","○",""))</f>
        <v/>
      </c>
      <c r="FR44" s="26"/>
      <c r="FS44" s="45" t="str">
        <f t="shared" si="90"/>
        <v/>
      </c>
      <c r="FT44" s="45"/>
      <c r="FU44" s="167"/>
      <c r="FV44" s="168"/>
      <c r="FW44" s="9"/>
      <c r="FX44" s="230" t="s">
        <v>109</v>
      </c>
      <c r="FY44" s="230"/>
      <c r="FZ44" s="9"/>
      <c r="GA44" s="9"/>
      <c r="GB44" s="102" t="str">
        <f t="shared" si="14"/>
        <v/>
      </c>
      <c r="GC44" s="15" t="str">
        <f>IF(GC43="","",IF(GC43='（参考）【別紙２】'!$E$35,"",IF(MONTH(GC43)=MONTH(GC43+1),GC43+1,"")))</f>
        <v/>
      </c>
      <c r="GD44" s="13" t="str">
        <f>IF(COUNTIF(祝日一覧!$E$2:$E$142,GC44),"○",IF(GG44&lt;&gt;"","○",""))</f>
        <v/>
      </c>
      <c r="GE44" s="25"/>
      <c r="GF44" s="45" t="str">
        <f t="shared" si="91"/>
        <v/>
      </c>
      <c r="GG44" s="45"/>
      <c r="GH44" s="167"/>
      <c r="GI44" s="168"/>
      <c r="GJ44" s="9"/>
      <c r="GK44" s="230" t="s">
        <v>109</v>
      </c>
      <c r="GL44" s="230"/>
      <c r="GM44" s="9"/>
      <c r="GN44" s="9"/>
      <c r="GO44" s="102" t="str">
        <f t="shared" si="15"/>
        <v/>
      </c>
      <c r="GP44" s="15" t="str">
        <f>IF(GP43="","",IF(GP43='（参考）【別紙２】'!$E$35,"",IF(MONTH(GP43)=MONTH(GP43+1),GP43+1,"")))</f>
        <v/>
      </c>
      <c r="GQ44" s="13" t="str">
        <f>IF(COUNTIF(祝日一覧!$E$2:$E$142,GP44),"○",IF(GT44&lt;&gt;"","○",""))</f>
        <v/>
      </c>
      <c r="GR44" s="25"/>
      <c r="GS44" s="45" t="str">
        <f t="shared" si="92"/>
        <v/>
      </c>
      <c r="GT44" s="45"/>
      <c r="GU44" s="167"/>
      <c r="GV44" s="168"/>
      <c r="GW44" s="9"/>
      <c r="GX44" s="230" t="s">
        <v>109</v>
      </c>
      <c r="GY44" s="230"/>
      <c r="GZ44" s="9"/>
      <c r="HA44" s="9"/>
      <c r="HB44" s="102" t="str">
        <f t="shared" si="16"/>
        <v/>
      </c>
      <c r="HC44" s="15" t="str">
        <f>IF(HC43="","",IF(HC43='（参考）【別紙２】'!$E$35,"",IF(MONTH(HC43)=MONTH(HC43+1),HC43+1,"")))</f>
        <v/>
      </c>
      <c r="HD44" s="13" t="str">
        <f>IF(COUNTIF(祝日一覧!$E$2:$E$142,HC44),"○",IF(HG44&lt;&gt;"","○",""))</f>
        <v/>
      </c>
      <c r="HE44" s="26"/>
      <c r="HF44" s="45" t="str">
        <f t="shared" si="93"/>
        <v/>
      </c>
      <c r="HG44" s="45"/>
      <c r="HH44" s="167"/>
      <c r="HI44" s="168"/>
      <c r="HJ44" s="9"/>
      <c r="HK44" s="230" t="s">
        <v>109</v>
      </c>
      <c r="HL44" s="230"/>
      <c r="HM44" s="9"/>
      <c r="HN44" s="9"/>
      <c r="HO44" s="102" t="str">
        <f t="shared" si="17"/>
        <v/>
      </c>
      <c r="HP44" s="15" t="str">
        <f>IF(HP43="","",IF(HP43='（参考）【別紙２】'!$E$35,"",IF(MONTH(HP43)=MONTH(HP43+1),HP43+1,"")))</f>
        <v/>
      </c>
      <c r="HQ44" s="13" t="str">
        <f>IF(COUNTIF(祝日一覧!$E$2:$E$142,HP44),"○",IF(HT44&lt;&gt;"","○",""))</f>
        <v/>
      </c>
      <c r="HR44" s="25"/>
      <c r="HS44" s="45" t="str">
        <f t="shared" si="94"/>
        <v/>
      </c>
      <c r="HT44" s="45"/>
      <c r="HU44" s="167"/>
      <c r="HV44" s="168"/>
      <c r="HW44" s="9"/>
      <c r="HX44" s="230" t="s">
        <v>109</v>
      </c>
      <c r="HY44" s="230"/>
      <c r="HZ44" s="9"/>
      <c r="IA44" s="9"/>
      <c r="IB44" s="102" t="str">
        <f t="shared" si="18"/>
        <v/>
      </c>
      <c r="IC44" s="15" t="str">
        <f>IF(IC43="","",IF(IC43='（参考）【別紙２】'!$E$35,"",IF(MONTH(IC43)=MONTH(IC43+1),IC43+1,"")))</f>
        <v/>
      </c>
      <c r="ID44" s="13" t="str">
        <f>IF(COUNTIF(祝日一覧!$E$2:$E$142,IC44),"○",IF(IG44&lt;&gt;"","○",""))</f>
        <v/>
      </c>
      <c r="IE44" s="25"/>
      <c r="IF44" s="45" t="str">
        <f t="shared" si="95"/>
        <v/>
      </c>
      <c r="IG44" s="45"/>
      <c r="IH44" s="167"/>
      <c r="II44" s="168"/>
      <c r="IJ44" s="9"/>
      <c r="IK44" s="230" t="s">
        <v>109</v>
      </c>
      <c r="IL44" s="230"/>
      <c r="IM44" s="9"/>
      <c r="IN44" s="9"/>
      <c r="IO44" s="102" t="str">
        <f t="shared" si="19"/>
        <v/>
      </c>
      <c r="IP44" s="15" t="str">
        <f>IF(IP43="","",IF(IP43='（参考）【別紙２】'!$E$35,"",IF(MONTH(IP43)=MONTH(IP43+1),IP43+1,"")))</f>
        <v/>
      </c>
      <c r="IQ44" s="13" t="str">
        <f>IF(COUNTIF(祝日一覧!$E$2:$E$142,IP44),"○",IF(IT44&lt;&gt;"","○",""))</f>
        <v/>
      </c>
      <c r="IR44" s="25"/>
      <c r="IS44" s="45" t="str">
        <f t="shared" si="96"/>
        <v/>
      </c>
      <c r="IT44" s="45"/>
      <c r="IU44" s="167"/>
      <c r="IV44" s="168"/>
      <c r="IW44" s="9"/>
      <c r="IX44" s="230" t="s">
        <v>109</v>
      </c>
      <c r="IY44" s="230"/>
      <c r="IZ44" s="9"/>
      <c r="JA44" s="9"/>
      <c r="JB44" s="102" t="str">
        <f t="shared" si="20"/>
        <v/>
      </c>
      <c r="JC44" s="15" t="str">
        <f>IF(JC43="","",IF(JC43='（参考）【別紙２】'!$E$35,"",IF(MONTH(JC43)=MONTH(JC43+1),JC43+1,"")))</f>
        <v/>
      </c>
      <c r="JD44" s="13" t="str">
        <f>IF(COUNTIF(祝日一覧!$E$2:$E$142,JC44),"○",IF(JG44&lt;&gt;"","○",""))</f>
        <v/>
      </c>
      <c r="JE44" s="25"/>
      <c r="JF44" s="45" t="str">
        <f t="shared" si="97"/>
        <v/>
      </c>
      <c r="JG44" s="45"/>
      <c r="JH44" s="167"/>
      <c r="JI44" s="168"/>
      <c r="JJ44" s="9"/>
      <c r="JK44" s="230" t="s">
        <v>109</v>
      </c>
      <c r="JL44" s="230"/>
      <c r="JM44" s="9"/>
      <c r="JN44" s="9"/>
      <c r="JO44" s="102" t="str">
        <f t="shared" si="21"/>
        <v/>
      </c>
      <c r="JP44" s="15" t="str">
        <f>IF(JP43="","",IF(JP43='（参考）【別紙２】'!$E$35,"",IF(MONTH(JP43)=MONTH(JP43+1),JP43+1,"")))</f>
        <v/>
      </c>
      <c r="JQ44" s="13" t="str">
        <f>IF(COUNTIF(祝日一覧!$E$2:$E$142,JP44),"○",IF(JT44&lt;&gt;"","○",""))</f>
        <v/>
      </c>
      <c r="JR44" s="25"/>
      <c r="JS44" s="45" t="str">
        <f t="shared" si="98"/>
        <v/>
      </c>
      <c r="JT44" s="45"/>
      <c r="JU44" s="167"/>
      <c r="JV44" s="168"/>
      <c r="JW44" s="9"/>
      <c r="JX44" s="230" t="s">
        <v>109</v>
      </c>
      <c r="JY44" s="230"/>
      <c r="JZ44" s="9"/>
      <c r="KA44" s="9"/>
      <c r="KB44" s="102" t="str">
        <f t="shared" si="22"/>
        <v/>
      </c>
      <c r="KC44" s="15" t="str">
        <f>IF(KC43="","",IF(KC43='（参考）【別紙２】'!$E$35,"",IF(MONTH(KC43)=MONTH(KC43+1),KC43+1,"")))</f>
        <v/>
      </c>
      <c r="KD44" s="13" t="str">
        <f>IF(COUNTIF(祝日一覧!$E$2:$E$142,KC44),"○",IF(KG44&lt;&gt;"","○",""))</f>
        <v/>
      </c>
      <c r="KE44" s="25"/>
      <c r="KF44" s="45" t="str">
        <f t="shared" si="99"/>
        <v/>
      </c>
      <c r="KG44" s="45"/>
      <c r="KH44" s="167"/>
      <c r="KI44" s="168"/>
      <c r="KJ44" s="9"/>
      <c r="KK44" s="230" t="s">
        <v>109</v>
      </c>
      <c r="KL44" s="230"/>
      <c r="KM44" s="9"/>
      <c r="KN44" s="9"/>
      <c r="KO44" s="102" t="str">
        <f t="shared" si="23"/>
        <v/>
      </c>
      <c r="KP44" s="15" t="str">
        <f>IF(KP43="","",IF(KP43='（参考）【別紙２】'!$E$35,"",IF(MONTH(KP43)=MONTH(KP43+1),KP43+1,"")))</f>
        <v/>
      </c>
      <c r="KQ44" s="13" t="str">
        <f>IF(COUNTIF(祝日一覧!$E$2:$E$142,KP44),"○",IF(KT44&lt;&gt;"","○",""))</f>
        <v/>
      </c>
      <c r="KR44" s="25"/>
      <c r="KS44" s="45" t="str">
        <f t="shared" si="100"/>
        <v/>
      </c>
      <c r="KT44" s="45"/>
      <c r="KU44" s="167"/>
      <c r="KV44" s="168"/>
      <c r="KW44" s="9"/>
      <c r="KX44" s="230" t="s">
        <v>109</v>
      </c>
      <c r="KY44" s="230"/>
      <c r="KZ44" s="9"/>
      <c r="LA44" s="9"/>
      <c r="LB44" s="102" t="str">
        <f t="shared" si="24"/>
        <v/>
      </c>
      <c r="LC44" s="15" t="str">
        <f>IF(LC43="","",IF(LC43='（参考）【別紙２】'!$E$35,"",IF(MONTH(LC43)=MONTH(LC43+1),LC43+1,"")))</f>
        <v/>
      </c>
      <c r="LD44" s="13" t="str">
        <f>IF(COUNTIF(祝日一覧!$E$2:$E$142,LC44),"○",IF(LG44&lt;&gt;"","○",""))</f>
        <v/>
      </c>
      <c r="LE44" s="25"/>
      <c r="LF44" s="45" t="str">
        <f t="shared" si="101"/>
        <v/>
      </c>
      <c r="LG44" s="45"/>
      <c r="LH44" s="167"/>
      <c r="LI44" s="168"/>
      <c r="LJ44" s="9"/>
      <c r="LK44" s="230" t="s">
        <v>109</v>
      </c>
      <c r="LL44" s="230"/>
      <c r="LM44" s="9"/>
      <c r="LN44" s="9"/>
      <c r="LO44" s="102" t="str">
        <f t="shared" si="25"/>
        <v/>
      </c>
      <c r="LP44" s="15" t="str">
        <f>IF(LP43="","",IF(LP43='（参考）【別紙２】'!$E$35,"",IF(MONTH(LP43)=MONTH(LP43+1),LP43+1,"")))</f>
        <v/>
      </c>
      <c r="LQ44" s="13" t="str">
        <f>IF(COUNTIF(祝日一覧!$E$2:$E$142,LP44),"○",IF(LT44&lt;&gt;"","○",""))</f>
        <v/>
      </c>
      <c r="LR44" s="25"/>
      <c r="LS44" s="45" t="str">
        <f t="shared" si="102"/>
        <v/>
      </c>
      <c r="LT44" s="45"/>
      <c r="LU44" s="167"/>
      <c r="LV44" s="168"/>
      <c r="LW44" s="9"/>
      <c r="LX44" s="230" t="s">
        <v>109</v>
      </c>
      <c r="LY44" s="230"/>
      <c r="LZ44" s="9"/>
      <c r="MA44" s="9"/>
      <c r="MB44" s="102" t="str">
        <f t="shared" si="26"/>
        <v/>
      </c>
      <c r="MC44" s="15" t="str">
        <f>IF(MC43="","",IF(MC43='（参考）【別紙２】'!$E$35,"",IF(MONTH(MC43)=MONTH(MC43+1),MC43+1,"")))</f>
        <v/>
      </c>
      <c r="MD44" s="13" t="str">
        <f>IF(COUNTIF(祝日一覧!$E$2:$E$142,MC44),"○",IF(MG44&lt;&gt;"","○",""))</f>
        <v/>
      </c>
      <c r="ME44" s="25"/>
      <c r="MF44" s="45" t="str">
        <f t="shared" si="103"/>
        <v/>
      </c>
      <c r="MG44" s="45"/>
      <c r="MH44" s="167"/>
      <c r="MI44" s="168"/>
      <c r="MJ44" s="9"/>
      <c r="MK44" s="230" t="s">
        <v>109</v>
      </c>
      <c r="ML44" s="230"/>
      <c r="MM44" s="9"/>
      <c r="MN44" s="9"/>
      <c r="MO44" s="102" t="str">
        <f t="shared" si="27"/>
        <v/>
      </c>
      <c r="MP44" s="15" t="str">
        <f>IF(MP43="","",IF(MP43='（参考）【別紙２】'!$E$35,"",IF(MONTH(MP43)=MONTH(MP43+1),MP43+1,"")))</f>
        <v/>
      </c>
      <c r="MQ44" s="13" t="str">
        <f>IF(COUNTIF(祝日一覧!$E$2:$E$142,MP44),"○",IF(MT44&lt;&gt;"","○",""))</f>
        <v/>
      </c>
      <c r="MR44" s="25"/>
      <c r="MS44" s="45" t="str">
        <f t="shared" si="104"/>
        <v/>
      </c>
      <c r="MT44" s="45"/>
      <c r="MU44" s="167"/>
      <c r="MV44" s="168"/>
      <c r="MW44" s="9"/>
      <c r="MX44" s="230" t="s">
        <v>109</v>
      </c>
      <c r="MY44" s="230"/>
      <c r="MZ44" s="9"/>
      <c r="NA44" s="9"/>
      <c r="NB44" s="102" t="str">
        <f t="shared" si="28"/>
        <v/>
      </c>
      <c r="NC44" s="15" t="str">
        <f>IF(NC43="","",IF(NC43='（参考）【別紙２】'!$E$35,"",IF(MONTH(NC43)=MONTH(NC43+1),NC43+1,"")))</f>
        <v/>
      </c>
      <c r="ND44" s="13" t="str">
        <f>IF(COUNTIF(祝日一覧!$E$2:$E$142,NC44),"○",IF(NG44&lt;&gt;"","○",""))</f>
        <v/>
      </c>
      <c r="NE44" s="25"/>
      <c r="NF44" s="45" t="str">
        <f t="shared" si="105"/>
        <v/>
      </c>
      <c r="NG44" s="45"/>
      <c r="NH44" s="167"/>
      <c r="NI44" s="168"/>
      <c r="NJ44" s="9"/>
      <c r="NK44" s="230" t="s">
        <v>109</v>
      </c>
      <c r="NL44" s="230"/>
      <c r="NM44" s="9"/>
      <c r="NN44" s="9"/>
      <c r="NO44" s="102" t="str">
        <f t="shared" si="29"/>
        <v/>
      </c>
      <c r="NP44" s="15" t="str">
        <f>IF(NP43="","",IF(NP43='（参考）【別紙２】'!$E$35,"",IF(MONTH(NP43)=MONTH(NP43+1),NP43+1,"")))</f>
        <v/>
      </c>
      <c r="NQ44" s="13" t="str">
        <f>IF(COUNTIF(祝日一覧!$E$2:$E$142,NP44),"○",IF(NT44&lt;&gt;"","○",""))</f>
        <v/>
      </c>
      <c r="NR44" s="25"/>
      <c r="NS44" s="45" t="str">
        <f t="shared" si="106"/>
        <v/>
      </c>
      <c r="NT44" s="45"/>
      <c r="NU44" s="167"/>
      <c r="NV44" s="168"/>
      <c r="NW44" s="9"/>
      <c r="NX44" s="230" t="s">
        <v>109</v>
      </c>
      <c r="NY44" s="230"/>
      <c r="NZ44" s="9"/>
      <c r="OA44" s="9"/>
      <c r="OB44" s="102" t="str">
        <f t="shared" si="30"/>
        <v/>
      </c>
      <c r="OC44" s="15" t="str">
        <f>IF(OC43="","",IF(OC43='（参考）【別紙２】'!$E$35,"",IF(MONTH(OC43)=MONTH(OC43+1),OC43+1,"")))</f>
        <v/>
      </c>
      <c r="OD44" s="13" t="str">
        <f>IF(COUNTIF(祝日一覧!$E$2:$E$142,OC44),"○",IF(OG44&lt;&gt;"","○",""))</f>
        <v/>
      </c>
      <c r="OE44" s="25"/>
      <c r="OF44" s="45" t="str">
        <f t="shared" si="107"/>
        <v/>
      </c>
      <c r="OG44" s="45"/>
      <c r="OH44" s="167"/>
      <c r="OI44" s="168"/>
      <c r="OJ44" s="9"/>
      <c r="OK44" s="230" t="s">
        <v>109</v>
      </c>
      <c r="OL44" s="230"/>
      <c r="OM44" s="9"/>
      <c r="ON44" s="9"/>
      <c r="OO44" s="102" t="str">
        <f t="shared" si="31"/>
        <v/>
      </c>
      <c r="OP44" s="15" t="str">
        <f>IF(OP43="","",IF(OP43='（参考）【別紙２】'!$E$35,"",IF(MONTH(OP43)=MONTH(OP43+1),OP43+1,"")))</f>
        <v/>
      </c>
      <c r="OQ44" s="13" t="str">
        <f>IF(COUNTIF(祝日一覧!$E$2:$E$142,OP44),"○",IF(OT44&lt;&gt;"","○",""))</f>
        <v/>
      </c>
      <c r="OR44" s="25"/>
      <c r="OS44" s="45" t="str">
        <f t="shared" si="108"/>
        <v/>
      </c>
      <c r="OT44" s="45"/>
      <c r="OU44" s="167"/>
      <c r="OV44" s="168"/>
      <c r="OW44" s="9"/>
      <c r="OX44" s="230" t="s">
        <v>109</v>
      </c>
      <c r="OY44" s="230"/>
      <c r="OZ44" s="9"/>
      <c r="PA44" s="9"/>
      <c r="PB44" s="102" t="str">
        <f t="shared" si="32"/>
        <v/>
      </c>
      <c r="PC44" s="15" t="str">
        <f>IF(PC43="","",IF(PC43='（参考）【別紙２】'!$E$35,"",IF(MONTH(PC43)=MONTH(PC43+1),PC43+1,"")))</f>
        <v/>
      </c>
      <c r="PD44" s="13" t="str">
        <f>IF(COUNTIF(祝日一覧!$E$2:$E$142,PC44),"○",IF(PG44&lt;&gt;"","○",""))</f>
        <v/>
      </c>
      <c r="PE44" s="25"/>
      <c r="PF44" s="45" t="str">
        <f t="shared" si="109"/>
        <v/>
      </c>
      <c r="PG44" s="45"/>
      <c r="PH44" s="167"/>
      <c r="PI44" s="168"/>
      <c r="PJ44" s="9"/>
      <c r="PK44" s="230" t="s">
        <v>109</v>
      </c>
      <c r="PL44" s="230"/>
      <c r="PM44" s="9"/>
      <c r="PN44" s="9"/>
      <c r="PO44" s="102" t="str">
        <f t="shared" si="33"/>
        <v/>
      </c>
      <c r="PP44" s="15" t="str">
        <f>IF(PP43="","",IF(PP43='（参考）【別紙２】'!$E$35,"",IF(MONTH(PP43)=MONTH(PP43+1),PP43+1,"")))</f>
        <v/>
      </c>
      <c r="PQ44" s="13" t="str">
        <f>IF(COUNTIF(祝日一覧!$E$2:$E$142,PP44),"○",IF(PT44&lt;&gt;"","○",""))</f>
        <v/>
      </c>
      <c r="PR44" s="25"/>
      <c r="PS44" s="45" t="str">
        <f t="shared" si="110"/>
        <v/>
      </c>
      <c r="PT44" s="45"/>
      <c r="PU44" s="167"/>
      <c r="PV44" s="168"/>
      <c r="PW44" s="9"/>
      <c r="PX44" s="230" t="s">
        <v>109</v>
      </c>
      <c r="PY44" s="230"/>
      <c r="PZ44" s="9"/>
      <c r="QA44" s="9"/>
      <c r="QB44" s="102" t="str">
        <f t="shared" si="34"/>
        <v/>
      </c>
      <c r="QC44" s="15" t="str">
        <f>IF(QC43="","",IF(QC43='（参考）【別紙２】'!$E$35,"",IF(MONTH(QC43)=MONTH(QC43+1),QC43+1,"")))</f>
        <v/>
      </c>
      <c r="QD44" s="13" t="str">
        <f>IF(COUNTIF(祝日一覧!$E$2:$E$142,QC44),"○",IF(QG44&lt;&gt;"","○",""))</f>
        <v/>
      </c>
      <c r="QE44" s="25"/>
      <c r="QF44" s="45" t="str">
        <f t="shared" si="111"/>
        <v/>
      </c>
      <c r="QG44" s="45"/>
      <c r="QH44" s="167"/>
      <c r="QI44" s="168"/>
      <c r="QJ44" s="9"/>
      <c r="QK44" s="230" t="s">
        <v>109</v>
      </c>
      <c r="QL44" s="230"/>
      <c r="QM44" s="9"/>
      <c r="QN44" s="9"/>
      <c r="QO44" s="102" t="str">
        <f t="shared" si="35"/>
        <v/>
      </c>
      <c r="QP44" s="15" t="str">
        <f>IF(QP43="","",IF(QP43='（参考）【別紙２】'!$E$35,"",IF(MONTH(QP43)=MONTH(QP43+1),QP43+1,"")))</f>
        <v/>
      </c>
      <c r="QQ44" s="13" t="str">
        <f>IF(COUNTIF(祝日一覧!$E$2:$E$142,QP44),"○",IF(QT44&lt;&gt;"","○",""))</f>
        <v/>
      </c>
      <c r="QR44" s="25"/>
      <c r="QS44" s="45" t="str">
        <f t="shared" si="112"/>
        <v/>
      </c>
      <c r="QT44" s="45"/>
      <c r="QU44" s="167"/>
      <c r="QV44" s="168"/>
      <c r="QW44" s="9"/>
      <c r="QX44" s="230" t="s">
        <v>109</v>
      </c>
      <c r="QY44" s="230"/>
      <c r="QZ44" s="9"/>
      <c r="RA44" s="9"/>
      <c r="RB44" s="102" t="str">
        <f t="shared" si="36"/>
        <v/>
      </c>
      <c r="RC44" s="15" t="str">
        <f>IF(RC43="","",IF(RC43='（参考）【別紙２】'!$E$35,"",IF(MONTH(RC43)=MONTH(RC43+1),RC43+1,"")))</f>
        <v/>
      </c>
      <c r="RD44" s="13" t="str">
        <f>IF(COUNTIF(祝日一覧!$E$2:$E$142,RC44),"○",IF(RG44&lt;&gt;"","○",""))</f>
        <v/>
      </c>
      <c r="RE44" s="25"/>
      <c r="RF44" s="45" t="str">
        <f t="shared" si="113"/>
        <v/>
      </c>
      <c r="RG44" s="45"/>
      <c r="RH44" s="167"/>
      <c r="RI44" s="168"/>
      <c r="RJ44" s="9"/>
      <c r="RK44" s="230" t="s">
        <v>109</v>
      </c>
      <c r="RL44" s="230"/>
      <c r="RM44" s="9"/>
      <c r="RN44" s="9"/>
      <c r="RO44" s="102" t="str">
        <f t="shared" si="37"/>
        <v/>
      </c>
      <c r="RP44" s="15" t="str">
        <f>IF(RP43="","",IF(RP43='（参考）【別紙２】'!$E$35,"",IF(MONTH(RP43)=MONTH(RP43+1),RP43+1,"")))</f>
        <v/>
      </c>
      <c r="RQ44" s="13" t="str">
        <f>IF(COUNTIF(祝日一覧!$E$2:$E$142,RP44),"○",IF(RT44&lt;&gt;"","○",""))</f>
        <v/>
      </c>
      <c r="RR44" s="25"/>
      <c r="RS44" s="45" t="str">
        <f t="shared" si="114"/>
        <v/>
      </c>
      <c r="RT44" s="45"/>
      <c r="RU44" s="167"/>
      <c r="RV44" s="168"/>
      <c r="RW44" s="9"/>
      <c r="RX44" s="230" t="s">
        <v>109</v>
      </c>
      <c r="RY44" s="230"/>
      <c r="RZ44" s="9"/>
      <c r="SA44" s="9"/>
      <c r="SB44" s="102" t="str">
        <f t="shared" si="38"/>
        <v/>
      </c>
      <c r="SC44" s="15" t="str">
        <f>IF(SC43="","",IF(SC43='（参考）【別紙２】'!$E$35,"",IF(MONTH(SC43)=MONTH(SC43+1),SC43+1,"")))</f>
        <v/>
      </c>
      <c r="SD44" s="13" t="str">
        <f>IF(COUNTIF(祝日一覧!$E$2:$E$142,SC44),"○",IF(SG44&lt;&gt;"","○",""))</f>
        <v/>
      </c>
      <c r="SE44" s="25"/>
      <c r="SF44" s="45" t="str">
        <f t="shared" si="115"/>
        <v/>
      </c>
      <c r="SG44" s="45"/>
      <c r="SH44" s="167"/>
      <c r="SI44" s="168"/>
      <c r="SJ44" s="9"/>
      <c r="SK44" s="230" t="s">
        <v>109</v>
      </c>
      <c r="SL44" s="230"/>
      <c r="SM44" s="9"/>
    </row>
    <row r="45" spans="1:507" ht="15.6" customHeight="1">
      <c r="A45" s="9"/>
      <c r="B45" s="102" t="str">
        <f t="shared" si="0"/>
        <v/>
      </c>
      <c r="C45" s="15" t="str">
        <f>IF(C44="","",IF(C44='（参考）【別紙２】'!$E$35,"",IF(MONTH(C44)=MONTH(C44+1),C44+1,"")))</f>
        <v/>
      </c>
      <c r="D45" s="13" t="str">
        <f>IF(COUNTIF(祝日一覧!$E$2:$E$142,C45),"○",IF(G45&lt;&gt;"","○",""))</f>
        <v/>
      </c>
      <c r="E45" s="26"/>
      <c r="F45" s="45" t="str">
        <f t="shared" si="39"/>
        <v/>
      </c>
      <c r="G45" s="45"/>
      <c r="H45" s="167"/>
      <c r="I45" s="168"/>
      <c r="J45" s="43"/>
      <c r="K45" s="229"/>
      <c r="L45" s="229"/>
      <c r="M45" s="9"/>
      <c r="N45" s="9"/>
      <c r="O45" s="102" t="str">
        <f t="shared" si="1"/>
        <v/>
      </c>
      <c r="P45" s="15" t="str">
        <f>IF(P44="","",IF(P44='（参考）【別紙２】'!$E$35,"",IF(MONTH(P44)=MONTH(P44+1),P44+1,"")))</f>
        <v/>
      </c>
      <c r="Q45" s="13" t="str">
        <f>IF(COUNTIF(祝日一覧!$E$2:$E$142,P45),"○",IF(T45&lt;&gt;"","○",""))</f>
        <v/>
      </c>
      <c r="R45" s="26"/>
      <c r="S45" s="45" t="str">
        <f t="shared" si="78"/>
        <v/>
      </c>
      <c r="T45" s="45"/>
      <c r="U45" s="167"/>
      <c r="V45" s="168"/>
      <c r="W45" s="9"/>
      <c r="X45" s="230"/>
      <c r="Y45" s="230"/>
      <c r="Z45" s="9"/>
      <c r="AA45" s="9"/>
      <c r="AB45" s="102" t="str">
        <f t="shared" si="2"/>
        <v/>
      </c>
      <c r="AC45" s="15" t="str">
        <f>IF(AC44="","",IF(AC44='（参考）【別紙２】'!$E$35,"",IF(MONTH(AC44)=MONTH(AC44+1),AC44+1,"")))</f>
        <v/>
      </c>
      <c r="AD45" s="13" t="str">
        <f>IF(COUNTIF(祝日一覧!$E$2:$E$142,AC45),"○",IF(AG45&lt;&gt;"","○",""))</f>
        <v/>
      </c>
      <c r="AE45" s="26"/>
      <c r="AF45" s="45" t="str">
        <f t="shared" si="79"/>
        <v/>
      </c>
      <c r="AG45" s="45"/>
      <c r="AH45" s="167"/>
      <c r="AI45" s="168"/>
      <c r="AJ45" s="9"/>
      <c r="AK45" s="230"/>
      <c r="AL45" s="230"/>
      <c r="AM45" s="9"/>
      <c r="AN45" s="9"/>
      <c r="AO45" s="102" t="str">
        <f t="shared" si="3"/>
        <v/>
      </c>
      <c r="AP45" s="15" t="str">
        <f>IF(AP44="","",IF(AP44='（参考）【別紙２】'!$E$35,"",IF(MONTH(AP44)=MONTH(AP44+1),AP44+1,"")))</f>
        <v/>
      </c>
      <c r="AQ45" s="13" t="str">
        <f>IF(COUNTIF(祝日一覧!$E$2:$E$142,AP45),"○",IF(AT45&lt;&gt;"","○",""))</f>
        <v/>
      </c>
      <c r="AR45" s="26"/>
      <c r="AS45" s="45" t="str">
        <f t="shared" si="80"/>
        <v/>
      </c>
      <c r="AT45" s="45"/>
      <c r="AU45" s="167"/>
      <c r="AV45" s="168"/>
      <c r="AW45" s="9"/>
      <c r="AX45" s="230"/>
      <c r="AY45" s="230"/>
      <c r="AZ45" s="9"/>
      <c r="BA45" s="9"/>
      <c r="BB45" s="102" t="str">
        <f t="shared" si="4"/>
        <v/>
      </c>
      <c r="BC45" s="15" t="str">
        <f>IF(BC44="","",IF(BC44='（参考）【別紙２】'!$E$35,"",IF(MONTH(BC44)=MONTH(BC44+1),BC44+1,"")))</f>
        <v/>
      </c>
      <c r="BD45" s="13" t="str">
        <f>IF(COUNTIF(祝日一覧!$E$2:$E$142,BC45),"○",IF(BG45&lt;&gt;"","○",""))</f>
        <v/>
      </c>
      <c r="BE45" s="26"/>
      <c r="BF45" s="45" t="str">
        <f t="shared" si="81"/>
        <v/>
      </c>
      <c r="BG45" s="45"/>
      <c r="BH45" s="167"/>
      <c r="BI45" s="168"/>
      <c r="BJ45" s="9"/>
      <c r="BK45" s="230"/>
      <c r="BL45" s="230"/>
      <c r="BM45" s="9"/>
      <c r="BN45" s="9"/>
      <c r="BO45" s="102" t="str">
        <f t="shared" si="5"/>
        <v/>
      </c>
      <c r="BP45" s="15" t="str">
        <f>IF(BP44="","",IF(BP44='（参考）【別紙２】'!$E$35,"",IF(MONTH(BP44)=MONTH(BP44+1),BP44+1,"")))</f>
        <v/>
      </c>
      <c r="BQ45" s="13" t="str">
        <f>IF(COUNTIF(祝日一覧!$E$2:$E$142,BP45),"○",IF(BT45&lt;&gt;"","○",""))</f>
        <v/>
      </c>
      <c r="BR45" s="26"/>
      <c r="BS45" s="45" t="str">
        <f t="shared" si="82"/>
        <v/>
      </c>
      <c r="BT45" s="45"/>
      <c r="BU45" s="167"/>
      <c r="BV45" s="168"/>
      <c r="BW45" s="9"/>
      <c r="BX45" s="230"/>
      <c r="BY45" s="230"/>
      <c r="BZ45" s="9"/>
      <c r="CA45" s="9"/>
      <c r="CB45" s="102" t="str">
        <f t="shared" si="6"/>
        <v/>
      </c>
      <c r="CC45" s="15" t="str">
        <f>IF(CC44="","",IF(CC44='（参考）【別紙２】'!$E$35,"",IF(MONTH(CC44)=MONTH(CC44+1),CC44+1,"")))</f>
        <v/>
      </c>
      <c r="CD45" s="13" t="str">
        <f>IF(COUNTIF(祝日一覧!$E$2:$E$142,CC45),"○",IF(CG45&lt;&gt;"","○",""))</f>
        <v/>
      </c>
      <c r="CE45" s="26"/>
      <c r="CF45" s="45" t="str">
        <f t="shared" si="83"/>
        <v/>
      </c>
      <c r="CG45" s="45"/>
      <c r="CH45" s="167"/>
      <c r="CI45" s="168"/>
      <c r="CJ45" s="9"/>
      <c r="CK45" s="230"/>
      <c r="CL45" s="230"/>
      <c r="CM45" s="9"/>
      <c r="CN45" s="9"/>
      <c r="CO45" s="102" t="str">
        <f t="shared" si="7"/>
        <v/>
      </c>
      <c r="CP45" s="15" t="str">
        <f>IF(CP44="","",IF(CP44='（参考）【別紙２】'!$E$35,"",IF(MONTH(CP44)=MONTH(CP44+1),CP44+1,"")))</f>
        <v/>
      </c>
      <c r="CQ45" s="13" t="str">
        <f>IF(COUNTIF(祝日一覧!$E$2:$E$142,CP45),"○",IF(CT45&lt;&gt;"","○",""))</f>
        <v/>
      </c>
      <c r="CR45" s="26"/>
      <c r="CS45" s="45" t="str">
        <f t="shared" si="84"/>
        <v/>
      </c>
      <c r="CT45" s="45"/>
      <c r="CU45" s="167"/>
      <c r="CV45" s="168"/>
      <c r="CW45" s="9"/>
      <c r="CX45" s="230"/>
      <c r="CY45" s="230"/>
      <c r="CZ45" s="9"/>
      <c r="DA45" s="9"/>
      <c r="DB45" s="102" t="str">
        <f t="shared" si="8"/>
        <v/>
      </c>
      <c r="DC45" s="15" t="str">
        <f>IF(DC44="","",IF(DC44='（参考）【別紙２】'!$E$35,"",IF(MONTH(DC44)=MONTH(DC44+1),DC44+1,"")))</f>
        <v/>
      </c>
      <c r="DD45" s="13" t="str">
        <f>IF(COUNTIF(祝日一覧!$E$2:$E$142,DC45),"○",IF(DG45&lt;&gt;"","○",""))</f>
        <v/>
      </c>
      <c r="DE45" s="26"/>
      <c r="DF45" s="45" t="str">
        <f t="shared" si="85"/>
        <v/>
      </c>
      <c r="DG45" s="45"/>
      <c r="DH45" s="167"/>
      <c r="DI45" s="168"/>
      <c r="DJ45" s="9"/>
      <c r="DK45" s="230"/>
      <c r="DL45" s="230"/>
      <c r="DM45" s="9"/>
      <c r="DN45" s="9"/>
      <c r="DO45" s="102" t="str">
        <f t="shared" si="9"/>
        <v/>
      </c>
      <c r="DP45" s="15" t="str">
        <f>IF(DP44="","",IF(DP44='（参考）【別紙２】'!$E$35,"",IF(MONTH(DP44)=MONTH(DP44+1),DP44+1,"")))</f>
        <v/>
      </c>
      <c r="DQ45" s="13" t="str">
        <f>IF(COUNTIF(祝日一覧!$E$2:$E$142,DP45),"○",IF(DT45&lt;&gt;"","○",""))</f>
        <v/>
      </c>
      <c r="DR45" s="26"/>
      <c r="DS45" s="45" t="str">
        <f t="shared" si="86"/>
        <v/>
      </c>
      <c r="DT45" s="45"/>
      <c r="DU45" s="167"/>
      <c r="DV45" s="168"/>
      <c r="DW45" s="9"/>
      <c r="DX45" s="230"/>
      <c r="DY45" s="230"/>
      <c r="DZ45" s="9"/>
      <c r="EA45" s="9"/>
      <c r="EB45" s="102" t="str">
        <f t="shared" si="10"/>
        <v/>
      </c>
      <c r="EC45" s="15" t="str">
        <f>IF(EC44="","",IF(EC44='（参考）【別紙２】'!$E$35,"",IF(MONTH(EC44)=MONTH(EC44+1),EC44+1,"")))</f>
        <v/>
      </c>
      <c r="ED45" s="13" t="str">
        <f>IF(COUNTIF(祝日一覧!$E$2:$E$142,EC45),"○",IF(EG45&lt;&gt;"","○",""))</f>
        <v/>
      </c>
      <c r="EE45" s="26"/>
      <c r="EF45" s="45" t="str">
        <f t="shared" si="87"/>
        <v/>
      </c>
      <c r="EG45" s="45"/>
      <c r="EH45" s="167"/>
      <c r="EI45" s="168"/>
      <c r="EJ45" s="9"/>
      <c r="EK45" s="230"/>
      <c r="EL45" s="230"/>
      <c r="EM45" s="9"/>
      <c r="EN45" s="9"/>
      <c r="EO45" s="102" t="str">
        <f t="shared" si="11"/>
        <v/>
      </c>
      <c r="EP45" s="15" t="str">
        <f>IF(EP44="","",IF(EP44='（参考）【別紙２】'!$E$35,"",IF(MONTH(EP44)=MONTH(EP44+1),EP44+1,"")))</f>
        <v/>
      </c>
      <c r="EQ45" s="13" t="str">
        <f>IF(COUNTIF(祝日一覧!$E$2:$E$142,EP45),"○",IF(ET45&lt;&gt;"","○",""))</f>
        <v/>
      </c>
      <c r="ER45" s="26"/>
      <c r="ES45" s="45" t="str">
        <f t="shared" si="88"/>
        <v/>
      </c>
      <c r="ET45" s="45"/>
      <c r="EU45" s="167"/>
      <c r="EV45" s="168"/>
      <c r="EW45" s="9"/>
      <c r="EX45" s="230"/>
      <c r="EY45" s="230"/>
      <c r="EZ45" s="9"/>
      <c r="FA45" s="9"/>
      <c r="FB45" s="102" t="str">
        <f t="shared" si="12"/>
        <v/>
      </c>
      <c r="FC45" s="15" t="str">
        <f>IF(FC44="","",IF(FC44='（参考）【別紙２】'!$E$35,"",IF(MONTH(FC44)=MONTH(FC44+1),FC44+1,"")))</f>
        <v/>
      </c>
      <c r="FD45" s="13" t="str">
        <f>IF(COUNTIF(祝日一覧!$E$2:$E$142,FC45),"○",IF(FG45&lt;&gt;"","○",""))</f>
        <v/>
      </c>
      <c r="FE45" s="26"/>
      <c r="FF45" s="45" t="str">
        <f t="shared" si="89"/>
        <v/>
      </c>
      <c r="FG45" s="45"/>
      <c r="FH45" s="167"/>
      <c r="FI45" s="168"/>
      <c r="FJ45" s="9"/>
      <c r="FK45" s="230"/>
      <c r="FL45" s="230"/>
      <c r="FM45" s="9"/>
      <c r="FN45" s="9"/>
      <c r="FO45" s="102" t="str">
        <f t="shared" si="13"/>
        <v/>
      </c>
      <c r="FP45" s="15" t="str">
        <f>IF(FP44="","",IF(FP44='（参考）【別紙２】'!$E$35,"",IF(MONTH(FP44)=MONTH(FP44+1),FP44+1,"")))</f>
        <v/>
      </c>
      <c r="FQ45" s="13" t="str">
        <f>IF(COUNTIF(祝日一覧!$E$2:$E$142,FP45),"○",IF(FT45&lt;&gt;"","○",""))</f>
        <v/>
      </c>
      <c r="FR45" s="26"/>
      <c r="FS45" s="45" t="str">
        <f t="shared" si="90"/>
        <v/>
      </c>
      <c r="FT45" s="45"/>
      <c r="FU45" s="167"/>
      <c r="FV45" s="168"/>
      <c r="FW45" s="9"/>
      <c r="FX45" s="230"/>
      <c r="FY45" s="230"/>
      <c r="FZ45" s="9"/>
      <c r="GA45" s="9"/>
      <c r="GB45" s="102" t="str">
        <f t="shared" si="14"/>
        <v/>
      </c>
      <c r="GC45" s="15" t="str">
        <f>IF(GC44="","",IF(GC44='（参考）【別紙２】'!$E$35,"",IF(MONTH(GC44)=MONTH(GC44+1),GC44+1,"")))</f>
        <v/>
      </c>
      <c r="GD45" s="13" t="str">
        <f>IF(COUNTIF(祝日一覧!$E$2:$E$142,GC45),"○",IF(GG45&lt;&gt;"","○",""))</f>
        <v/>
      </c>
      <c r="GE45" s="25"/>
      <c r="GF45" s="45" t="str">
        <f t="shared" si="91"/>
        <v/>
      </c>
      <c r="GG45" s="45"/>
      <c r="GH45" s="167"/>
      <c r="GI45" s="168"/>
      <c r="GJ45" s="9"/>
      <c r="GK45" s="230"/>
      <c r="GL45" s="230"/>
      <c r="GM45" s="9"/>
      <c r="GN45" s="9"/>
      <c r="GO45" s="102" t="str">
        <f t="shared" si="15"/>
        <v/>
      </c>
      <c r="GP45" s="15" t="str">
        <f>IF(GP44="","",IF(GP44='（参考）【別紙２】'!$E$35,"",IF(MONTH(GP44)=MONTH(GP44+1),GP44+1,"")))</f>
        <v/>
      </c>
      <c r="GQ45" s="13" t="str">
        <f>IF(COUNTIF(祝日一覧!$E$2:$E$142,GP45),"○",IF(GT45&lt;&gt;"","○",""))</f>
        <v/>
      </c>
      <c r="GR45" s="25"/>
      <c r="GS45" s="45" t="str">
        <f t="shared" si="92"/>
        <v/>
      </c>
      <c r="GT45" s="45"/>
      <c r="GU45" s="167"/>
      <c r="GV45" s="168"/>
      <c r="GW45" s="9"/>
      <c r="GX45" s="230"/>
      <c r="GY45" s="230"/>
      <c r="GZ45" s="9"/>
      <c r="HA45" s="9"/>
      <c r="HB45" s="102" t="str">
        <f t="shared" si="16"/>
        <v/>
      </c>
      <c r="HC45" s="15" t="str">
        <f>IF(HC44="","",IF(HC44='（参考）【別紙２】'!$E$35,"",IF(MONTH(HC44)=MONTH(HC44+1),HC44+1,"")))</f>
        <v/>
      </c>
      <c r="HD45" s="13" t="str">
        <f>IF(COUNTIF(祝日一覧!$E$2:$E$142,HC45),"○",IF(HG45&lt;&gt;"","○",""))</f>
        <v/>
      </c>
      <c r="HE45" s="26"/>
      <c r="HF45" s="45" t="str">
        <f t="shared" si="93"/>
        <v/>
      </c>
      <c r="HG45" s="45"/>
      <c r="HH45" s="167"/>
      <c r="HI45" s="168"/>
      <c r="HJ45" s="9"/>
      <c r="HK45" s="230"/>
      <c r="HL45" s="230"/>
      <c r="HM45" s="9"/>
      <c r="HN45" s="9"/>
      <c r="HO45" s="102" t="str">
        <f t="shared" si="17"/>
        <v/>
      </c>
      <c r="HP45" s="15" t="str">
        <f>IF(HP44="","",IF(HP44='（参考）【別紙２】'!$E$35,"",IF(MONTH(HP44)=MONTH(HP44+1),HP44+1,"")))</f>
        <v/>
      </c>
      <c r="HQ45" s="13" t="str">
        <f>IF(COUNTIF(祝日一覧!$E$2:$E$142,HP45),"○",IF(HT45&lt;&gt;"","○",""))</f>
        <v/>
      </c>
      <c r="HR45" s="25"/>
      <c r="HS45" s="45" t="str">
        <f t="shared" si="94"/>
        <v/>
      </c>
      <c r="HT45" s="45"/>
      <c r="HU45" s="167"/>
      <c r="HV45" s="168"/>
      <c r="HW45" s="9"/>
      <c r="HX45" s="230"/>
      <c r="HY45" s="230"/>
      <c r="HZ45" s="9"/>
      <c r="IA45" s="9"/>
      <c r="IB45" s="102" t="str">
        <f t="shared" si="18"/>
        <v/>
      </c>
      <c r="IC45" s="15" t="str">
        <f>IF(IC44="","",IF(IC44='（参考）【別紙２】'!$E$35,"",IF(MONTH(IC44)=MONTH(IC44+1),IC44+1,"")))</f>
        <v/>
      </c>
      <c r="ID45" s="13" t="str">
        <f>IF(COUNTIF(祝日一覧!$E$2:$E$142,IC45),"○",IF(IG45&lt;&gt;"","○",""))</f>
        <v/>
      </c>
      <c r="IE45" s="25"/>
      <c r="IF45" s="45" t="str">
        <f t="shared" si="95"/>
        <v/>
      </c>
      <c r="IG45" s="45"/>
      <c r="IH45" s="167"/>
      <c r="II45" s="168"/>
      <c r="IJ45" s="9"/>
      <c r="IK45" s="230"/>
      <c r="IL45" s="230"/>
      <c r="IM45" s="9"/>
      <c r="IN45" s="9"/>
      <c r="IO45" s="102" t="str">
        <f t="shared" si="19"/>
        <v/>
      </c>
      <c r="IP45" s="15" t="str">
        <f>IF(IP44="","",IF(IP44='（参考）【別紙２】'!$E$35,"",IF(MONTH(IP44)=MONTH(IP44+1),IP44+1,"")))</f>
        <v/>
      </c>
      <c r="IQ45" s="13" t="str">
        <f>IF(COUNTIF(祝日一覧!$E$2:$E$142,IP45),"○",IF(IT45&lt;&gt;"","○",""))</f>
        <v/>
      </c>
      <c r="IR45" s="25"/>
      <c r="IS45" s="45" t="str">
        <f t="shared" si="96"/>
        <v/>
      </c>
      <c r="IT45" s="45"/>
      <c r="IU45" s="167"/>
      <c r="IV45" s="168"/>
      <c r="IW45" s="9"/>
      <c r="IX45" s="230"/>
      <c r="IY45" s="230"/>
      <c r="IZ45" s="9"/>
      <c r="JA45" s="9"/>
      <c r="JB45" s="102" t="str">
        <f t="shared" si="20"/>
        <v/>
      </c>
      <c r="JC45" s="15" t="str">
        <f>IF(JC44="","",IF(JC44='（参考）【別紙２】'!$E$35,"",IF(MONTH(JC44)=MONTH(JC44+1),JC44+1,"")))</f>
        <v/>
      </c>
      <c r="JD45" s="13" t="str">
        <f>IF(COUNTIF(祝日一覧!$E$2:$E$142,JC45),"○",IF(JG45&lt;&gt;"","○",""))</f>
        <v/>
      </c>
      <c r="JE45" s="25"/>
      <c r="JF45" s="45" t="str">
        <f t="shared" si="97"/>
        <v/>
      </c>
      <c r="JG45" s="45"/>
      <c r="JH45" s="167"/>
      <c r="JI45" s="168"/>
      <c r="JJ45" s="9"/>
      <c r="JK45" s="230"/>
      <c r="JL45" s="230"/>
      <c r="JM45" s="9"/>
      <c r="JN45" s="9"/>
      <c r="JO45" s="102" t="str">
        <f t="shared" si="21"/>
        <v/>
      </c>
      <c r="JP45" s="15" t="str">
        <f>IF(JP44="","",IF(JP44='（参考）【別紙２】'!$E$35,"",IF(MONTH(JP44)=MONTH(JP44+1),JP44+1,"")))</f>
        <v/>
      </c>
      <c r="JQ45" s="13" t="str">
        <f>IF(COUNTIF(祝日一覧!$E$2:$E$142,JP45),"○",IF(JT45&lt;&gt;"","○",""))</f>
        <v/>
      </c>
      <c r="JR45" s="25"/>
      <c r="JS45" s="45" t="str">
        <f t="shared" si="98"/>
        <v/>
      </c>
      <c r="JT45" s="45"/>
      <c r="JU45" s="167"/>
      <c r="JV45" s="168"/>
      <c r="JW45" s="9"/>
      <c r="JX45" s="230"/>
      <c r="JY45" s="230"/>
      <c r="JZ45" s="9"/>
      <c r="KA45" s="9"/>
      <c r="KB45" s="102" t="str">
        <f t="shared" si="22"/>
        <v/>
      </c>
      <c r="KC45" s="15" t="str">
        <f>IF(KC44="","",IF(KC44='（参考）【別紙２】'!$E$35,"",IF(MONTH(KC44)=MONTH(KC44+1),KC44+1,"")))</f>
        <v/>
      </c>
      <c r="KD45" s="13" t="str">
        <f>IF(COUNTIF(祝日一覧!$E$2:$E$142,KC45),"○",IF(KG45&lt;&gt;"","○",""))</f>
        <v/>
      </c>
      <c r="KE45" s="25"/>
      <c r="KF45" s="45" t="str">
        <f t="shared" si="99"/>
        <v/>
      </c>
      <c r="KG45" s="45"/>
      <c r="KH45" s="167"/>
      <c r="KI45" s="168"/>
      <c r="KJ45" s="9"/>
      <c r="KK45" s="230"/>
      <c r="KL45" s="230"/>
      <c r="KM45" s="9"/>
      <c r="KN45" s="9"/>
      <c r="KO45" s="102" t="str">
        <f t="shared" si="23"/>
        <v/>
      </c>
      <c r="KP45" s="15" t="str">
        <f>IF(KP44="","",IF(KP44='（参考）【別紙２】'!$E$35,"",IF(MONTH(KP44)=MONTH(KP44+1),KP44+1,"")))</f>
        <v/>
      </c>
      <c r="KQ45" s="13" t="str">
        <f>IF(COUNTIF(祝日一覧!$E$2:$E$142,KP45),"○",IF(KT45&lt;&gt;"","○",""))</f>
        <v/>
      </c>
      <c r="KR45" s="25"/>
      <c r="KS45" s="45" t="str">
        <f t="shared" si="100"/>
        <v/>
      </c>
      <c r="KT45" s="45"/>
      <c r="KU45" s="167"/>
      <c r="KV45" s="168"/>
      <c r="KW45" s="9"/>
      <c r="KX45" s="230"/>
      <c r="KY45" s="230"/>
      <c r="KZ45" s="9"/>
      <c r="LA45" s="9"/>
      <c r="LB45" s="102" t="str">
        <f t="shared" si="24"/>
        <v/>
      </c>
      <c r="LC45" s="15" t="str">
        <f>IF(LC44="","",IF(LC44='（参考）【別紙２】'!$E$35,"",IF(MONTH(LC44)=MONTH(LC44+1),LC44+1,"")))</f>
        <v/>
      </c>
      <c r="LD45" s="13" t="str">
        <f>IF(COUNTIF(祝日一覧!$E$2:$E$142,LC45),"○",IF(LG45&lt;&gt;"","○",""))</f>
        <v/>
      </c>
      <c r="LE45" s="25"/>
      <c r="LF45" s="45" t="str">
        <f t="shared" si="101"/>
        <v/>
      </c>
      <c r="LG45" s="45"/>
      <c r="LH45" s="167"/>
      <c r="LI45" s="168"/>
      <c r="LJ45" s="9"/>
      <c r="LK45" s="230"/>
      <c r="LL45" s="230"/>
      <c r="LM45" s="9"/>
      <c r="LN45" s="9"/>
      <c r="LO45" s="102" t="str">
        <f t="shared" si="25"/>
        <v/>
      </c>
      <c r="LP45" s="15" t="str">
        <f>IF(LP44="","",IF(LP44='（参考）【別紙２】'!$E$35,"",IF(MONTH(LP44)=MONTH(LP44+1),LP44+1,"")))</f>
        <v/>
      </c>
      <c r="LQ45" s="13" t="str">
        <f>IF(COUNTIF(祝日一覧!$E$2:$E$142,LP45),"○",IF(LT45&lt;&gt;"","○",""))</f>
        <v/>
      </c>
      <c r="LR45" s="25"/>
      <c r="LS45" s="45" t="str">
        <f t="shared" si="102"/>
        <v/>
      </c>
      <c r="LT45" s="45"/>
      <c r="LU45" s="167"/>
      <c r="LV45" s="168"/>
      <c r="LW45" s="9"/>
      <c r="LX45" s="230"/>
      <c r="LY45" s="230"/>
      <c r="LZ45" s="9"/>
      <c r="MA45" s="9"/>
      <c r="MB45" s="102" t="str">
        <f t="shared" si="26"/>
        <v/>
      </c>
      <c r="MC45" s="15" t="str">
        <f>IF(MC44="","",IF(MC44='（参考）【別紙２】'!$E$35,"",IF(MONTH(MC44)=MONTH(MC44+1),MC44+1,"")))</f>
        <v/>
      </c>
      <c r="MD45" s="13" t="str">
        <f>IF(COUNTIF(祝日一覧!$E$2:$E$142,MC45),"○",IF(MG45&lt;&gt;"","○",""))</f>
        <v/>
      </c>
      <c r="ME45" s="25"/>
      <c r="MF45" s="45" t="str">
        <f t="shared" si="103"/>
        <v/>
      </c>
      <c r="MG45" s="45"/>
      <c r="MH45" s="167"/>
      <c r="MI45" s="168"/>
      <c r="MJ45" s="9"/>
      <c r="MK45" s="230"/>
      <c r="ML45" s="230"/>
      <c r="MM45" s="9"/>
      <c r="MN45" s="9"/>
      <c r="MO45" s="102" t="str">
        <f t="shared" si="27"/>
        <v/>
      </c>
      <c r="MP45" s="15" t="str">
        <f>IF(MP44="","",IF(MP44='（参考）【別紙２】'!$E$35,"",IF(MONTH(MP44)=MONTH(MP44+1),MP44+1,"")))</f>
        <v/>
      </c>
      <c r="MQ45" s="13" t="str">
        <f>IF(COUNTIF(祝日一覧!$E$2:$E$142,MP45),"○",IF(MT45&lt;&gt;"","○",""))</f>
        <v/>
      </c>
      <c r="MR45" s="25"/>
      <c r="MS45" s="45" t="str">
        <f t="shared" si="104"/>
        <v/>
      </c>
      <c r="MT45" s="45"/>
      <c r="MU45" s="167"/>
      <c r="MV45" s="168"/>
      <c r="MW45" s="9"/>
      <c r="MX45" s="230"/>
      <c r="MY45" s="230"/>
      <c r="MZ45" s="9"/>
      <c r="NA45" s="9"/>
      <c r="NB45" s="102" t="str">
        <f t="shared" si="28"/>
        <v/>
      </c>
      <c r="NC45" s="15" t="str">
        <f>IF(NC44="","",IF(NC44='（参考）【別紙２】'!$E$35,"",IF(MONTH(NC44)=MONTH(NC44+1),NC44+1,"")))</f>
        <v/>
      </c>
      <c r="ND45" s="13" t="str">
        <f>IF(COUNTIF(祝日一覧!$E$2:$E$142,NC45),"○",IF(NG45&lt;&gt;"","○",""))</f>
        <v/>
      </c>
      <c r="NE45" s="25"/>
      <c r="NF45" s="45" t="str">
        <f t="shared" si="105"/>
        <v/>
      </c>
      <c r="NG45" s="45"/>
      <c r="NH45" s="167"/>
      <c r="NI45" s="168"/>
      <c r="NJ45" s="9"/>
      <c r="NK45" s="230"/>
      <c r="NL45" s="230"/>
      <c r="NM45" s="9"/>
      <c r="NN45" s="9"/>
      <c r="NO45" s="102" t="str">
        <f t="shared" si="29"/>
        <v/>
      </c>
      <c r="NP45" s="15" t="str">
        <f>IF(NP44="","",IF(NP44='（参考）【別紙２】'!$E$35,"",IF(MONTH(NP44)=MONTH(NP44+1),NP44+1,"")))</f>
        <v/>
      </c>
      <c r="NQ45" s="13" t="str">
        <f>IF(COUNTIF(祝日一覧!$E$2:$E$142,NP45),"○",IF(NT45&lt;&gt;"","○",""))</f>
        <v/>
      </c>
      <c r="NR45" s="25"/>
      <c r="NS45" s="45" t="str">
        <f t="shared" si="106"/>
        <v/>
      </c>
      <c r="NT45" s="45"/>
      <c r="NU45" s="167"/>
      <c r="NV45" s="168"/>
      <c r="NW45" s="9"/>
      <c r="NX45" s="230"/>
      <c r="NY45" s="230"/>
      <c r="NZ45" s="9"/>
      <c r="OA45" s="9"/>
      <c r="OB45" s="102" t="str">
        <f t="shared" si="30"/>
        <v/>
      </c>
      <c r="OC45" s="15" t="str">
        <f>IF(OC44="","",IF(OC44='（参考）【別紙２】'!$E$35,"",IF(MONTH(OC44)=MONTH(OC44+1),OC44+1,"")))</f>
        <v/>
      </c>
      <c r="OD45" s="13" t="str">
        <f>IF(COUNTIF(祝日一覧!$E$2:$E$142,OC45),"○",IF(OG45&lt;&gt;"","○",""))</f>
        <v/>
      </c>
      <c r="OE45" s="25"/>
      <c r="OF45" s="45" t="str">
        <f t="shared" si="107"/>
        <v/>
      </c>
      <c r="OG45" s="45"/>
      <c r="OH45" s="167"/>
      <c r="OI45" s="168"/>
      <c r="OJ45" s="9"/>
      <c r="OK45" s="230"/>
      <c r="OL45" s="230"/>
      <c r="OM45" s="9"/>
      <c r="ON45" s="9"/>
      <c r="OO45" s="102" t="str">
        <f t="shared" si="31"/>
        <v/>
      </c>
      <c r="OP45" s="15" t="str">
        <f>IF(OP44="","",IF(OP44='（参考）【別紙２】'!$E$35,"",IF(MONTH(OP44)=MONTH(OP44+1),OP44+1,"")))</f>
        <v/>
      </c>
      <c r="OQ45" s="13" t="str">
        <f>IF(COUNTIF(祝日一覧!$E$2:$E$142,OP45),"○",IF(OT45&lt;&gt;"","○",""))</f>
        <v/>
      </c>
      <c r="OR45" s="25"/>
      <c r="OS45" s="45" t="str">
        <f t="shared" si="108"/>
        <v/>
      </c>
      <c r="OT45" s="45"/>
      <c r="OU45" s="167"/>
      <c r="OV45" s="168"/>
      <c r="OW45" s="9"/>
      <c r="OX45" s="230"/>
      <c r="OY45" s="230"/>
      <c r="OZ45" s="9"/>
      <c r="PA45" s="9"/>
      <c r="PB45" s="102" t="str">
        <f t="shared" si="32"/>
        <v/>
      </c>
      <c r="PC45" s="15" t="str">
        <f>IF(PC44="","",IF(PC44='（参考）【別紙２】'!$E$35,"",IF(MONTH(PC44)=MONTH(PC44+1),PC44+1,"")))</f>
        <v/>
      </c>
      <c r="PD45" s="13" t="str">
        <f>IF(COUNTIF(祝日一覧!$E$2:$E$142,PC45),"○",IF(PG45&lt;&gt;"","○",""))</f>
        <v/>
      </c>
      <c r="PE45" s="25"/>
      <c r="PF45" s="45" t="str">
        <f t="shared" si="109"/>
        <v/>
      </c>
      <c r="PG45" s="45"/>
      <c r="PH45" s="167"/>
      <c r="PI45" s="168"/>
      <c r="PJ45" s="9"/>
      <c r="PK45" s="230"/>
      <c r="PL45" s="230"/>
      <c r="PM45" s="9"/>
      <c r="PN45" s="9"/>
      <c r="PO45" s="102" t="str">
        <f t="shared" si="33"/>
        <v/>
      </c>
      <c r="PP45" s="15" t="str">
        <f>IF(PP44="","",IF(PP44='（参考）【別紙２】'!$E$35,"",IF(MONTH(PP44)=MONTH(PP44+1),PP44+1,"")))</f>
        <v/>
      </c>
      <c r="PQ45" s="13" t="str">
        <f>IF(COUNTIF(祝日一覧!$E$2:$E$142,PP45),"○",IF(PT45&lt;&gt;"","○",""))</f>
        <v/>
      </c>
      <c r="PR45" s="25"/>
      <c r="PS45" s="45" t="str">
        <f t="shared" si="110"/>
        <v/>
      </c>
      <c r="PT45" s="45"/>
      <c r="PU45" s="167"/>
      <c r="PV45" s="168"/>
      <c r="PW45" s="9"/>
      <c r="PX45" s="230"/>
      <c r="PY45" s="230"/>
      <c r="PZ45" s="9"/>
      <c r="QA45" s="9"/>
      <c r="QB45" s="102" t="str">
        <f t="shared" si="34"/>
        <v/>
      </c>
      <c r="QC45" s="15" t="str">
        <f>IF(QC44="","",IF(QC44='（参考）【別紙２】'!$E$35,"",IF(MONTH(QC44)=MONTH(QC44+1),QC44+1,"")))</f>
        <v/>
      </c>
      <c r="QD45" s="13" t="str">
        <f>IF(COUNTIF(祝日一覧!$E$2:$E$142,QC45),"○",IF(QG45&lt;&gt;"","○",""))</f>
        <v/>
      </c>
      <c r="QE45" s="25"/>
      <c r="QF45" s="45" t="str">
        <f t="shared" si="111"/>
        <v/>
      </c>
      <c r="QG45" s="45"/>
      <c r="QH45" s="167"/>
      <c r="QI45" s="168"/>
      <c r="QJ45" s="9"/>
      <c r="QK45" s="230"/>
      <c r="QL45" s="230"/>
      <c r="QM45" s="9"/>
      <c r="QN45" s="9"/>
      <c r="QO45" s="102" t="str">
        <f t="shared" si="35"/>
        <v/>
      </c>
      <c r="QP45" s="15" t="str">
        <f>IF(QP44="","",IF(QP44='（参考）【別紙２】'!$E$35,"",IF(MONTH(QP44)=MONTH(QP44+1),QP44+1,"")))</f>
        <v/>
      </c>
      <c r="QQ45" s="13" t="str">
        <f>IF(COUNTIF(祝日一覧!$E$2:$E$142,QP45),"○",IF(QT45&lt;&gt;"","○",""))</f>
        <v/>
      </c>
      <c r="QR45" s="25"/>
      <c r="QS45" s="45" t="str">
        <f t="shared" si="112"/>
        <v/>
      </c>
      <c r="QT45" s="45"/>
      <c r="QU45" s="167"/>
      <c r="QV45" s="168"/>
      <c r="QW45" s="9"/>
      <c r="QX45" s="230"/>
      <c r="QY45" s="230"/>
      <c r="QZ45" s="9"/>
      <c r="RA45" s="9"/>
      <c r="RB45" s="102" t="str">
        <f t="shared" si="36"/>
        <v/>
      </c>
      <c r="RC45" s="15" t="str">
        <f>IF(RC44="","",IF(RC44='（参考）【別紙２】'!$E$35,"",IF(MONTH(RC44)=MONTH(RC44+1),RC44+1,"")))</f>
        <v/>
      </c>
      <c r="RD45" s="13" t="str">
        <f>IF(COUNTIF(祝日一覧!$E$2:$E$142,RC45),"○",IF(RG45&lt;&gt;"","○",""))</f>
        <v/>
      </c>
      <c r="RE45" s="25"/>
      <c r="RF45" s="45" t="str">
        <f t="shared" si="113"/>
        <v/>
      </c>
      <c r="RG45" s="45"/>
      <c r="RH45" s="167"/>
      <c r="RI45" s="168"/>
      <c r="RJ45" s="9"/>
      <c r="RK45" s="230"/>
      <c r="RL45" s="230"/>
      <c r="RM45" s="9"/>
      <c r="RN45" s="9"/>
      <c r="RO45" s="102" t="str">
        <f t="shared" si="37"/>
        <v/>
      </c>
      <c r="RP45" s="15" t="str">
        <f>IF(RP44="","",IF(RP44='（参考）【別紙２】'!$E$35,"",IF(MONTH(RP44)=MONTH(RP44+1),RP44+1,"")))</f>
        <v/>
      </c>
      <c r="RQ45" s="13" t="str">
        <f>IF(COUNTIF(祝日一覧!$E$2:$E$142,RP45),"○",IF(RT45&lt;&gt;"","○",""))</f>
        <v/>
      </c>
      <c r="RR45" s="25"/>
      <c r="RS45" s="45" t="str">
        <f t="shared" si="114"/>
        <v/>
      </c>
      <c r="RT45" s="45"/>
      <c r="RU45" s="167"/>
      <c r="RV45" s="168"/>
      <c r="RW45" s="9"/>
      <c r="RX45" s="230"/>
      <c r="RY45" s="230"/>
      <c r="RZ45" s="9"/>
      <c r="SA45" s="9"/>
      <c r="SB45" s="102" t="str">
        <f t="shared" si="38"/>
        <v/>
      </c>
      <c r="SC45" s="15" t="str">
        <f>IF(SC44="","",IF(SC44='（参考）【別紙２】'!$E$35,"",IF(MONTH(SC44)=MONTH(SC44+1),SC44+1,"")))</f>
        <v/>
      </c>
      <c r="SD45" s="13" t="str">
        <f>IF(COUNTIF(祝日一覧!$E$2:$E$142,SC45),"○",IF(SG45&lt;&gt;"","○",""))</f>
        <v/>
      </c>
      <c r="SE45" s="25"/>
      <c r="SF45" s="45" t="str">
        <f t="shared" si="115"/>
        <v/>
      </c>
      <c r="SG45" s="45"/>
      <c r="SH45" s="167"/>
      <c r="SI45" s="168"/>
      <c r="SJ45" s="9"/>
      <c r="SK45" s="230"/>
      <c r="SL45" s="230"/>
      <c r="SM45" s="9"/>
    </row>
    <row r="46" spans="1:507" ht="15.6" customHeight="1">
      <c r="A46" s="9"/>
      <c r="B46" s="19" t="str">
        <f t="shared" si="0"/>
        <v/>
      </c>
      <c r="C46" s="20" t="str">
        <f>IF(C45="","",IF(C45='（参考）【別紙２】'!$E$35,"",IF(MONTH(C45)=MONTH(C45+1),C45+1,"")))</f>
        <v/>
      </c>
      <c r="D46" s="39" t="str">
        <f>IF(COUNTIF(祝日一覧!$E$2:$E$142,C46),"○",IF(G46&lt;&gt;"","○",""))</f>
        <v/>
      </c>
      <c r="E46" s="27"/>
      <c r="F46" s="46" t="str">
        <f t="shared" si="39"/>
        <v/>
      </c>
      <c r="G46" s="46"/>
      <c r="H46" s="231"/>
      <c r="I46" s="232"/>
      <c r="J46" s="43"/>
      <c r="K46" s="233" t="str">
        <f>IF(K38="未達成","未達成",IF(AND(L69=1),"完全週休２日達成","未達成"))</f>
        <v>未達成</v>
      </c>
      <c r="L46" s="234"/>
      <c r="M46" s="9"/>
      <c r="N46" s="9"/>
      <c r="O46" s="19" t="str">
        <f t="shared" si="1"/>
        <v/>
      </c>
      <c r="P46" s="20" t="str">
        <f>IF(P45="","",IF(P45='（参考）【別紙２】'!$E$35,"",IF(MONTH(P45)=MONTH(P45+1),P45+1,"")))</f>
        <v/>
      </c>
      <c r="Q46" s="39" t="str">
        <f>IF(COUNTIF(祝日一覧!$E$2:$E$142,P46),"○",IF(T46&lt;&gt;"","○",""))</f>
        <v/>
      </c>
      <c r="R46" s="27"/>
      <c r="S46" s="46" t="str">
        <f t="shared" si="78"/>
        <v/>
      </c>
      <c r="T46" s="46"/>
      <c r="U46" s="231"/>
      <c r="V46" s="232"/>
      <c r="W46" s="9"/>
      <c r="X46" s="233" t="str">
        <f>IF(X38="未達成","未達成",IF(AND(Y69=1),"完全週休２日達成","未達成"))</f>
        <v>未達成</v>
      </c>
      <c r="Y46" s="234"/>
      <c r="Z46" s="9"/>
      <c r="AA46" s="9"/>
      <c r="AB46" s="19" t="str">
        <f t="shared" si="2"/>
        <v/>
      </c>
      <c r="AC46" s="20" t="str">
        <f>IF(AC45="","",IF(AC45='（参考）【別紙２】'!$E$35,"",IF(MONTH(AC45)=MONTH(AC45+1),AC45+1,"")))</f>
        <v/>
      </c>
      <c r="AD46" s="39" t="str">
        <f>IF(COUNTIF(祝日一覧!$E$2:$E$142,AC46),"○",IF(AG46&lt;&gt;"","○",""))</f>
        <v/>
      </c>
      <c r="AE46" s="27"/>
      <c r="AF46" s="46" t="str">
        <f t="shared" si="79"/>
        <v/>
      </c>
      <c r="AG46" s="46"/>
      <c r="AH46" s="231"/>
      <c r="AI46" s="232"/>
      <c r="AJ46" s="9"/>
      <c r="AK46" s="233" t="str">
        <f>IF(AK38="未達成","未達成",IF(AND(AL69=1),"完全週休２日達成","未達成"))</f>
        <v>未達成</v>
      </c>
      <c r="AL46" s="234"/>
      <c r="AM46" s="9"/>
      <c r="AN46" s="9"/>
      <c r="AO46" s="19" t="str">
        <f t="shared" si="3"/>
        <v/>
      </c>
      <c r="AP46" s="20" t="str">
        <f>IF(AP45="","",IF(AP45='（参考）【別紙２】'!$E$35,"",IF(MONTH(AP45)=MONTH(AP45+1),AP45+1,"")))</f>
        <v/>
      </c>
      <c r="AQ46" s="39" t="str">
        <f>IF(COUNTIF(祝日一覧!$E$2:$E$142,AP46),"○",IF(AT46&lt;&gt;"","○",""))</f>
        <v/>
      </c>
      <c r="AR46" s="27"/>
      <c r="AS46" s="46" t="str">
        <f t="shared" si="80"/>
        <v/>
      </c>
      <c r="AT46" s="46"/>
      <c r="AU46" s="231"/>
      <c r="AV46" s="232"/>
      <c r="AW46" s="9"/>
      <c r="AX46" s="233" t="str">
        <f>IF(AX38="未達成","未達成",IF(AND(AY69=1),"完全週休２日達成","未達成"))</f>
        <v>未達成</v>
      </c>
      <c r="AY46" s="234"/>
      <c r="AZ46" s="9"/>
      <c r="BA46" s="9"/>
      <c r="BB46" s="19" t="str">
        <f t="shared" si="4"/>
        <v/>
      </c>
      <c r="BC46" s="20" t="str">
        <f>IF(BC45="","",IF(BC45='（参考）【別紙２】'!$E$35,"",IF(MONTH(BC45)=MONTH(BC45+1),BC45+1,"")))</f>
        <v/>
      </c>
      <c r="BD46" s="39" t="str">
        <f>IF(COUNTIF(祝日一覧!$E$2:$E$142,BC46),"○",IF(BG46&lt;&gt;"","○",""))</f>
        <v/>
      </c>
      <c r="BE46" s="27"/>
      <c r="BF46" s="46" t="str">
        <f t="shared" si="81"/>
        <v/>
      </c>
      <c r="BG46" s="46"/>
      <c r="BH46" s="231"/>
      <c r="BI46" s="232"/>
      <c r="BJ46" s="9"/>
      <c r="BK46" s="233" t="str">
        <f>IF(BK38="未達成","未達成",IF(AND(BL69=1),"完全週休２日達成","未達成"))</f>
        <v>未達成</v>
      </c>
      <c r="BL46" s="234"/>
      <c r="BM46" s="9"/>
      <c r="BN46" s="9"/>
      <c r="BO46" s="19" t="str">
        <f t="shared" si="5"/>
        <v/>
      </c>
      <c r="BP46" s="20" t="str">
        <f>IF(BP45="","",IF(BP45='（参考）【別紙２】'!$E$35,"",IF(MONTH(BP45)=MONTH(BP45+1),BP45+1,"")))</f>
        <v/>
      </c>
      <c r="BQ46" s="39" t="str">
        <f>IF(COUNTIF(祝日一覧!$E$2:$E$142,BP46),"○",IF(BT46&lt;&gt;"","○",""))</f>
        <v/>
      </c>
      <c r="BR46" s="27"/>
      <c r="BS46" s="46" t="str">
        <f t="shared" si="82"/>
        <v/>
      </c>
      <c r="BT46" s="46"/>
      <c r="BU46" s="231"/>
      <c r="BV46" s="232"/>
      <c r="BW46" s="9"/>
      <c r="BX46" s="233" t="str">
        <f>IF(BX38="未達成","未達成",IF(AND(BY69=1),"完全週休２日達成","未達成"))</f>
        <v>未達成</v>
      </c>
      <c r="BY46" s="234"/>
      <c r="BZ46" s="9"/>
      <c r="CA46" s="9"/>
      <c r="CB46" s="19" t="str">
        <f t="shared" si="6"/>
        <v/>
      </c>
      <c r="CC46" s="20" t="str">
        <f>IF(CC45="","",IF(CC45='（参考）【別紙２】'!$E$35,"",IF(MONTH(CC45)=MONTH(CC45+1),CC45+1,"")))</f>
        <v/>
      </c>
      <c r="CD46" s="39" t="str">
        <f>IF(COUNTIF(祝日一覧!$E$2:$E$142,CC46),"○",IF(CG46&lt;&gt;"","○",""))</f>
        <v/>
      </c>
      <c r="CE46" s="27"/>
      <c r="CF46" s="46" t="str">
        <f t="shared" si="83"/>
        <v/>
      </c>
      <c r="CG46" s="46"/>
      <c r="CH46" s="231"/>
      <c r="CI46" s="232"/>
      <c r="CJ46" s="9"/>
      <c r="CK46" s="233" t="str">
        <f>IF(CK38="未達成","未達成",IF(AND(CL69=1),"完全週休２日達成","未達成"))</f>
        <v>未達成</v>
      </c>
      <c r="CL46" s="234"/>
      <c r="CM46" s="9"/>
      <c r="CN46" s="9"/>
      <c r="CO46" s="19" t="str">
        <f t="shared" si="7"/>
        <v/>
      </c>
      <c r="CP46" s="20" t="str">
        <f>IF(CP45="","",IF(CP45='（参考）【別紙２】'!$E$35,"",IF(MONTH(CP45)=MONTH(CP45+1),CP45+1,"")))</f>
        <v/>
      </c>
      <c r="CQ46" s="39" t="str">
        <f>IF(COUNTIF(祝日一覧!$E$2:$E$142,CP46),"○",IF(CT46&lt;&gt;"","○",""))</f>
        <v/>
      </c>
      <c r="CR46" s="27"/>
      <c r="CS46" s="46" t="str">
        <f t="shared" si="84"/>
        <v/>
      </c>
      <c r="CT46" s="46"/>
      <c r="CU46" s="231"/>
      <c r="CV46" s="232"/>
      <c r="CW46" s="9"/>
      <c r="CX46" s="233" t="str">
        <f>IF(CX38="未達成","未達成",IF(AND(CY69=1),"完全週休２日達成","未達成"))</f>
        <v>未達成</v>
      </c>
      <c r="CY46" s="234"/>
      <c r="CZ46" s="9"/>
      <c r="DA46" s="9"/>
      <c r="DB46" s="19" t="str">
        <f t="shared" si="8"/>
        <v/>
      </c>
      <c r="DC46" s="20" t="str">
        <f>IF(DC45="","",IF(DC45='（参考）【別紙２】'!$E$35,"",IF(MONTH(DC45)=MONTH(DC45+1),DC45+1,"")))</f>
        <v/>
      </c>
      <c r="DD46" s="39" t="str">
        <f>IF(COUNTIF(祝日一覧!$E$2:$E$142,DC46),"○",IF(DG46&lt;&gt;"","○",""))</f>
        <v/>
      </c>
      <c r="DE46" s="27"/>
      <c r="DF46" s="46" t="str">
        <f t="shared" si="85"/>
        <v/>
      </c>
      <c r="DG46" s="46"/>
      <c r="DH46" s="231"/>
      <c r="DI46" s="232"/>
      <c r="DJ46" s="9"/>
      <c r="DK46" s="233" t="str">
        <f>IF(DK38="未達成","未達成",IF(AND(DL69=1),"完全週休２日達成","未達成"))</f>
        <v>未達成</v>
      </c>
      <c r="DL46" s="234"/>
      <c r="DM46" s="9"/>
      <c r="DN46" s="9"/>
      <c r="DO46" s="19" t="str">
        <f t="shared" si="9"/>
        <v/>
      </c>
      <c r="DP46" s="20" t="str">
        <f>IF(DP45="","",IF(DP45='（参考）【別紙２】'!$E$35,"",IF(MONTH(DP45)=MONTH(DP45+1),DP45+1,"")))</f>
        <v/>
      </c>
      <c r="DQ46" s="39" t="str">
        <f>IF(COUNTIF(祝日一覧!$E$2:$E$142,DP46),"○",IF(DT46&lt;&gt;"","○",""))</f>
        <v/>
      </c>
      <c r="DR46" s="27"/>
      <c r="DS46" s="46" t="str">
        <f t="shared" si="86"/>
        <v/>
      </c>
      <c r="DT46" s="46"/>
      <c r="DU46" s="231"/>
      <c r="DV46" s="232"/>
      <c r="DW46" s="9"/>
      <c r="DX46" s="233" t="str">
        <f>IF(DX38="未達成","未達成",IF(AND(DY69=1),"完全週休２日達成","未達成"))</f>
        <v>未達成</v>
      </c>
      <c r="DY46" s="234"/>
      <c r="DZ46" s="9"/>
      <c r="EA46" s="9"/>
      <c r="EB46" s="19" t="str">
        <f t="shared" si="10"/>
        <v/>
      </c>
      <c r="EC46" s="20" t="str">
        <f>IF(EC45="","",IF(EC45='（参考）【別紙２】'!$E$35,"",IF(MONTH(EC45)=MONTH(EC45+1),EC45+1,"")))</f>
        <v/>
      </c>
      <c r="ED46" s="39" t="str">
        <f>IF(COUNTIF(祝日一覧!$E$2:$E$142,EC46),"○",IF(EG46&lt;&gt;"","○",""))</f>
        <v/>
      </c>
      <c r="EE46" s="27"/>
      <c r="EF46" s="46" t="str">
        <f t="shared" si="87"/>
        <v/>
      </c>
      <c r="EG46" s="46"/>
      <c r="EH46" s="231"/>
      <c r="EI46" s="232"/>
      <c r="EJ46" s="9"/>
      <c r="EK46" s="233" t="str">
        <f>IF(EK38="未達成","未達成",IF(AND(EL69=1),"完全週休２日達成","未達成"))</f>
        <v>未達成</v>
      </c>
      <c r="EL46" s="234"/>
      <c r="EM46" s="9"/>
      <c r="EN46" s="9"/>
      <c r="EO46" s="19" t="str">
        <f t="shared" si="11"/>
        <v/>
      </c>
      <c r="EP46" s="20" t="str">
        <f>IF(EP45="","",IF(EP45='（参考）【別紙２】'!$E$35,"",IF(MONTH(EP45)=MONTH(EP45+1),EP45+1,"")))</f>
        <v/>
      </c>
      <c r="EQ46" s="39" t="str">
        <f>IF(COUNTIF(祝日一覧!$E$2:$E$142,EP46),"○",IF(ET46&lt;&gt;"","○",""))</f>
        <v/>
      </c>
      <c r="ER46" s="27"/>
      <c r="ES46" s="46" t="str">
        <f t="shared" si="88"/>
        <v/>
      </c>
      <c r="ET46" s="46"/>
      <c r="EU46" s="231"/>
      <c r="EV46" s="232"/>
      <c r="EW46" s="9"/>
      <c r="EX46" s="233" t="str">
        <f>IF(EX38="未達成","未達成",IF(AND(EY69=1),"完全週休２日達成","未達成"))</f>
        <v>未達成</v>
      </c>
      <c r="EY46" s="234"/>
      <c r="EZ46" s="9"/>
      <c r="FA46" s="9"/>
      <c r="FB46" s="19" t="str">
        <f t="shared" si="12"/>
        <v/>
      </c>
      <c r="FC46" s="20" t="str">
        <f>IF(FC45="","",IF(FC45='（参考）【別紙２】'!$E$35,"",IF(MONTH(FC45)=MONTH(FC45+1),FC45+1,"")))</f>
        <v/>
      </c>
      <c r="FD46" s="39" t="str">
        <f>IF(COUNTIF(祝日一覧!$E$2:$E$142,FC46),"○",IF(FG46&lt;&gt;"","○",""))</f>
        <v/>
      </c>
      <c r="FE46" s="27"/>
      <c r="FF46" s="46" t="str">
        <f t="shared" si="89"/>
        <v/>
      </c>
      <c r="FG46" s="46"/>
      <c r="FH46" s="231"/>
      <c r="FI46" s="232"/>
      <c r="FJ46" s="9"/>
      <c r="FK46" s="233" t="str">
        <f>IF(FK38="未達成","未達成",IF(AND(FL69=1),"完全週休２日達成","未達成"))</f>
        <v>未達成</v>
      </c>
      <c r="FL46" s="234"/>
      <c r="FM46" s="9"/>
      <c r="FN46" s="9"/>
      <c r="FO46" s="19" t="str">
        <f t="shared" si="13"/>
        <v/>
      </c>
      <c r="FP46" s="20" t="str">
        <f>IF(FP45="","",IF(FP45='（参考）【別紙２】'!$E$35,"",IF(MONTH(FP45)=MONTH(FP45+1),FP45+1,"")))</f>
        <v/>
      </c>
      <c r="FQ46" s="39" t="str">
        <f>IF(COUNTIF(祝日一覧!$E$2:$E$142,FP46),"○",IF(FT46&lt;&gt;"","○",""))</f>
        <v/>
      </c>
      <c r="FR46" s="27"/>
      <c r="FS46" s="46" t="str">
        <f t="shared" si="90"/>
        <v/>
      </c>
      <c r="FT46" s="46"/>
      <c r="FU46" s="231"/>
      <c r="FV46" s="232"/>
      <c r="FW46" s="9"/>
      <c r="FX46" s="233" t="str">
        <f>IF(FX38="未達成","未達成",IF(AND(FY69=1),"完全週休２日達成","未達成"))</f>
        <v>未達成</v>
      </c>
      <c r="FY46" s="234"/>
      <c r="FZ46" s="9"/>
      <c r="GA46" s="9"/>
      <c r="GB46" s="19" t="str">
        <f t="shared" si="14"/>
        <v/>
      </c>
      <c r="GC46" s="20" t="str">
        <f>IF(GC45="","",IF(GC45='（参考）【別紙２】'!$E$35,"",IF(MONTH(GC45)=MONTH(GC45+1),GC45+1,"")))</f>
        <v/>
      </c>
      <c r="GD46" s="39" t="str">
        <f>IF(COUNTIF(祝日一覧!$E$2:$E$142,GC46),"○",IF(GG46&lt;&gt;"","○",""))</f>
        <v/>
      </c>
      <c r="GE46" s="27"/>
      <c r="GF46" s="46" t="str">
        <f t="shared" si="91"/>
        <v/>
      </c>
      <c r="GG46" s="46"/>
      <c r="GH46" s="231"/>
      <c r="GI46" s="232"/>
      <c r="GJ46" s="9"/>
      <c r="GK46" s="233" t="str">
        <f>IF(GK38="未達成","未達成",IF(AND(GL69=1),"完全週休２日達成","未達成"))</f>
        <v>未達成</v>
      </c>
      <c r="GL46" s="234"/>
      <c r="GM46" s="9"/>
      <c r="GN46" s="9"/>
      <c r="GO46" s="19" t="str">
        <f t="shared" si="15"/>
        <v/>
      </c>
      <c r="GP46" s="20" t="str">
        <f>IF(GP45="","",IF(GP45='（参考）【別紙２】'!$E$35,"",IF(MONTH(GP45)=MONTH(GP45+1),GP45+1,"")))</f>
        <v/>
      </c>
      <c r="GQ46" s="39" t="str">
        <f>IF(COUNTIF(祝日一覧!$E$2:$E$142,GP46),"○",IF(GT46&lt;&gt;"","○",""))</f>
        <v/>
      </c>
      <c r="GR46" s="27"/>
      <c r="GS46" s="46" t="str">
        <f t="shared" si="92"/>
        <v/>
      </c>
      <c r="GT46" s="46"/>
      <c r="GU46" s="231"/>
      <c r="GV46" s="232"/>
      <c r="GW46" s="9"/>
      <c r="GX46" s="233" t="str">
        <f>IF(GX38="未達成","未達成",IF(AND(GY69=1),"完全週休２日達成","未達成"))</f>
        <v>未達成</v>
      </c>
      <c r="GY46" s="234"/>
      <c r="GZ46" s="9"/>
      <c r="HA46" s="9"/>
      <c r="HB46" s="19" t="str">
        <f t="shared" si="16"/>
        <v/>
      </c>
      <c r="HC46" s="20" t="str">
        <f>IF(HC45="","",IF(HC45='（参考）【別紙２】'!$E$35,"",IF(MONTH(HC45)=MONTH(HC45+1),HC45+1,"")))</f>
        <v/>
      </c>
      <c r="HD46" s="39" t="str">
        <f>IF(COUNTIF(祝日一覧!$E$2:$E$142,HC46),"○",IF(HG46&lt;&gt;"","○",""))</f>
        <v/>
      </c>
      <c r="HE46" s="27"/>
      <c r="HF46" s="46" t="str">
        <f t="shared" si="93"/>
        <v/>
      </c>
      <c r="HG46" s="46"/>
      <c r="HH46" s="231"/>
      <c r="HI46" s="232"/>
      <c r="HJ46" s="9"/>
      <c r="HK46" s="233" t="str">
        <f>IF(HK38="未達成","未達成",IF(AND(HL69=1),"完全週休２日達成","未達成"))</f>
        <v>未達成</v>
      </c>
      <c r="HL46" s="234"/>
      <c r="HM46" s="9"/>
      <c r="HN46" s="9"/>
      <c r="HO46" s="19" t="str">
        <f t="shared" si="17"/>
        <v/>
      </c>
      <c r="HP46" s="20" t="str">
        <f>IF(HP45="","",IF(HP45='（参考）【別紙２】'!$E$35,"",IF(MONTH(HP45)=MONTH(HP45+1),HP45+1,"")))</f>
        <v/>
      </c>
      <c r="HQ46" s="39" t="str">
        <f>IF(COUNTIF(祝日一覧!$E$2:$E$142,HP46),"○",IF(HT46&lt;&gt;"","○",""))</f>
        <v/>
      </c>
      <c r="HR46" s="27"/>
      <c r="HS46" s="46" t="str">
        <f t="shared" si="94"/>
        <v/>
      </c>
      <c r="HT46" s="46"/>
      <c r="HU46" s="231"/>
      <c r="HV46" s="232"/>
      <c r="HW46" s="9"/>
      <c r="HX46" s="233" t="str">
        <f>IF(HX38="未達成","未達成",IF(AND(HY69=1),"完全週休２日達成","未達成"))</f>
        <v>未達成</v>
      </c>
      <c r="HY46" s="234"/>
      <c r="HZ46" s="9"/>
      <c r="IA46" s="9"/>
      <c r="IB46" s="19" t="str">
        <f t="shared" si="18"/>
        <v/>
      </c>
      <c r="IC46" s="20" t="str">
        <f>IF(IC45="","",IF(IC45='（参考）【別紙２】'!$E$35,"",IF(MONTH(IC45)=MONTH(IC45+1),IC45+1,"")))</f>
        <v/>
      </c>
      <c r="ID46" s="39" t="str">
        <f>IF(COUNTIF(祝日一覧!$E$2:$E$142,IC46),"○",IF(IG46&lt;&gt;"","○",""))</f>
        <v/>
      </c>
      <c r="IE46" s="27"/>
      <c r="IF46" s="46" t="str">
        <f t="shared" si="95"/>
        <v/>
      </c>
      <c r="IG46" s="46"/>
      <c r="IH46" s="231"/>
      <c r="II46" s="232"/>
      <c r="IJ46" s="9"/>
      <c r="IK46" s="233" t="str">
        <f>IF(IK38="未達成","未達成",IF(AND(IL69=1),"完全週休２日達成","未達成"))</f>
        <v>未達成</v>
      </c>
      <c r="IL46" s="234"/>
      <c r="IM46" s="9"/>
      <c r="IN46" s="9"/>
      <c r="IO46" s="19" t="str">
        <f t="shared" si="19"/>
        <v/>
      </c>
      <c r="IP46" s="20" t="str">
        <f>IF(IP45="","",IF(IP45='（参考）【別紙２】'!$E$35,"",IF(MONTH(IP45)=MONTH(IP45+1),IP45+1,"")))</f>
        <v/>
      </c>
      <c r="IQ46" s="39" t="str">
        <f>IF(COUNTIF(祝日一覧!$E$2:$E$142,IP46),"○",IF(IT46&lt;&gt;"","○",""))</f>
        <v/>
      </c>
      <c r="IR46" s="27"/>
      <c r="IS46" s="46" t="str">
        <f t="shared" si="96"/>
        <v/>
      </c>
      <c r="IT46" s="46"/>
      <c r="IU46" s="231"/>
      <c r="IV46" s="232"/>
      <c r="IW46" s="9"/>
      <c r="IX46" s="233" t="str">
        <f>IF(IX38="未達成","未達成",IF(AND(IY69=1),"完全週休２日達成","未達成"))</f>
        <v>未達成</v>
      </c>
      <c r="IY46" s="234"/>
      <c r="IZ46" s="9"/>
      <c r="JA46" s="9"/>
      <c r="JB46" s="19" t="str">
        <f t="shared" si="20"/>
        <v/>
      </c>
      <c r="JC46" s="20" t="str">
        <f>IF(JC45="","",IF(JC45='（参考）【別紙２】'!$E$35,"",IF(MONTH(JC45)=MONTH(JC45+1),JC45+1,"")))</f>
        <v/>
      </c>
      <c r="JD46" s="39" t="str">
        <f>IF(COUNTIF(祝日一覧!$E$2:$E$142,JC46),"○",IF(JG46&lt;&gt;"","○",""))</f>
        <v/>
      </c>
      <c r="JE46" s="27"/>
      <c r="JF46" s="46" t="str">
        <f t="shared" si="97"/>
        <v/>
      </c>
      <c r="JG46" s="46"/>
      <c r="JH46" s="231"/>
      <c r="JI46" s="232"/>
      <c r="JJ46" s="9"/>
      <c r="JK46" s="233" t="str">
        <f>IF(JK38="未達成","未達成",IF(AND(JL69=1),"完全週休２日達成","未達成"))</f>
        <v>未達成</v>
      </c>
      <c r="JL46" s="234"/>
      <c r="JM46" s="9"/>
      <c r="JN46" s="9"/>
      <c r="JO46" s="19" t="str">
        <f t="shared" si="21"/>
        <v/>
      </c>
      <c r="JP46" s="20" t="str">
        <f>IF(JP45="","",IF(JP45='（参考）【別紙２】'!$E$35,"",IF(MONTH(JP45)=MONTH(JP45+1),JP45+1,"")))</f>
        <v/>
      </c>
      <c r="JQ46" s="39" t="str">
        <f>IF(COUNTIF(祝日一覧!$E$2:$E$142,JP46),"○",IF(JT46&lt;&gt;"","○",""))</f>
        <v/>
      </c>
      <c r="JR46" s="27"/>
      <c r="JS46" s="46" t="str">
        <f t="shared" si="98"/>
        <v/>
      </c>
      <c r="JT46" s="46"/>
      <c r="JU46" s="231"/>
      <c r="JV46" s="232"/>
      <c r="JW46" s="9"/>
      <c r="JX46" s="233" t="str">
        <f>IF(JX38="未達成","未達成",IF(AND(JY69=1),"完全週休２日達成","未達成"))</f>
        <v>未達成</v>
      </c>
      <c r="JY46" s="234"/>
      <c r="JZ46" s="9"/>
      <c r="KA46" s="9"/>
      <c r="KB46" s="19" t="str">
        <f t="shared" si="22"/>
        <v/>
      </c>
      <c r="KC46" s="20" t="str">
        <f>IF(KC45="","",IF(KC45='（参考）【別紙２】'!$E$35,"",IF(MONTH(KC45)=MONTH(KC45+1),KC45+1,"")))</f>
        <v/>
      </c>
      <c r="KD46" s="39" t="str">
        <f>IF(COUNTIF(祝日一覧!$E$2:$E$142,KC46),"○",IF(KG46&lt;&gt;"","○",""))</f>
        <v/>
      </c>
      <c r="KE46" s="27"/>
      <c r="KF46" s="46" t="str">
        <f t="shared" si="99"/>
        <v/>
      </c>
      <c r="KG46" s="46"/>
      <c r="KH46" s="231"/>
      <c r="KI46" s="232"/>
      <c r="KJ46" s="9"/>
      <c r="KK46" s="233" t="str">
        <f>IF(KK38="未達成","未達成",IF(AND(KL69=1),"完全週休２日達成","未達成"))</f>
        <v>未達成</v>
      </c>
      <c r="KL46" s="234"/>
      <c r="KM46" s="9"/>
      <c r="KN46" s="9"/>
      <c r="KO46" s="19" t="str">
        <f t="shared" si="23"/>
        <v/>
      </c>
      <c r="KP46" s="20" t="str">
        <f>IF(KP45="","",IF(KP45='（参考）【別紙２】'!$E$35,"",IF(MONTH(KP45)=MONTH(KP45+1),KP45+1,"")))</f>
        <v/>
      </c>
      <c r="KQ46" s="39" t="str">
        <f>IF(COUNTIF(祝日一覧!$E$2:$E$142,KP46),"○",IF(KT46&lt;&gt;"","○",""))</f>
        <v/>
      </c>
      <c r="KR46" s="27"/>
      <c r="KS46" s="46" t="str">
        <f t="shared" si="100"/>
        <v/>
      </c>
      <c r="KT46" s="46"/>
      <c r="KU46" s="231"/>
      <c r="KV46" s="232"/>
      <c r="KW46" s="9"/>
      <c r="KX46" s="233" t="str">
        <f>IF(KX38="未達成","未達成",IF(AND(KY69=1),"完全週休２日達成","未達成"))</f>
        <v>未達成</v>
      </c>
      <c r="KY46" s="234"/>
      <c r="KZ46" s="9"/>
      <c r="LA46" s="9"/>
      <c r="LB46" s="19" t="str">
        <f t="shared" si="24"/>
        <v/>
      </c>
      <c r="LC46" s="20" t="str">
        <f>IF(LC45="","",IF(LC45='（参考）【別紙２】'!$E$35,"",IF(MONTH(LC45)=MONTH(LC45+1),LC45+1,"")))</f>
        <v/>
      </c>
      <c r="LD46" s="39" t="str">
        <f>IF(COUNTIF(祝日一覧!$E$2:$E$142,LC46),"○",IF(LG46&lt;&gt;"","○",""))</f>
        <v/>
      </c>
      <c r="LE46" s="27"/>
      <c r="LF46" s="46" t="str">
        <f t="shared" si="101"/>
        <v/>
      </c>
      <c r="LG46" s="46"/>
      <c r="LH46" s="231"/>
      <c r="LI46" s="232"/>
      <c r="LJ46" s="9"/>
      <c r="LK46" s="233" t="str">
        <f>IF(LK38="未達成","未達成",IF(AND(LL69=1),"完全週休２日達成","未達成"))</f>
        <v>未達成</v>
      </c>
      <c r="LL46" s="234"/>
      <c r="LM46" s="9"/>
      <c r="LN46" s="9"/>
      <c r="LO46" s="19" t="str">
        <f t="shared" si="25"/>
        <v/>
      </c>
      <c r="LP46" s="20" t="str">
        <f>IF(LP45="","",IF(LP45='（参考）【別紙２】'!$E$35,"",IF(MONTH(LP45)=MONTH(LP45+1),LP45+1,"")))</f>
        <v/>
      </c>
      <c r="LQ46" s="39" t="str">
        <f>IF(COUNTIF(祝日一覧!$E$2:$E$142,LP46),"○",IF(LT46&lt;&gt;"","○",""))</f>
        <v/>
      </c>
      <c r="LR46" s="27"/>
      <c r="LS46" s="46" t="str">
        <f t="shared" si="102"/>
        <v/>
      </c>
      <c r="LT46" s="46"/>
      <c r="LU46" s="231"/>
      <c r="LV46" s="232"/>
      <c r="LW46" s="9"/>
      <c r="LX46" s="233" t="str">
        <f>IF(LX38="未達成","未達成",IF(AND(LY69=1),"完全週休２日達成","未達成"))</f>
        <v>未達成</v>
      </c>
      <c r="LY46" s="234"/>
      <c r="LZ46" s="9"/>
      <c r="MA46" s="9"/>
      <c r="MB46" s="19" t="str">
        <f t="shared" si="26"/>
        <v/>
      </c>
      <c r="MC46" s="20" t="str">
        <f>IF(MC45="","",IF(MC45='（参考）【別紙２】'!$E$35,"",IF(MONTH(MC45)=MONTH(MC45+1),MC45+1,"")))</f>
        <v/>
      </c>
      <c r="MD46" s="39" t="str">
        <f>IF(COUNTIF(祝日一覧!$E$2:$E$142,MC46),"○",IF(MG46&lt;&gt;"","○",""))</f>
        <v/>
      </c>
      <c r="ME46" s="27"/>
      <c r="MF46" s="46" t="str">
        <f t="shared" si="103"/>
        <v/>
      </c>
      <c r="MG46" s="46"/>
      <c r="MH46" s="231"/>
      <c r="MI46" s="232"/>
      <c r="MJ46" s="9"/>
      <c r="MK46" s="233" t="str">
        <f>IF(MK38="未達成","未達成",IF(AND(ML69=1),"完全週休２日達成","未達成"))</f>
        <v>未達成</v>
      </c>
      <c r="ML46" s="234"/>
      <c r="MM46" s="9"/>
      <c r="MN46" s="9"/>
      <c r="MO46" s="19" t="str">
        <f t="shared" si="27"/>
        <v/>
      </c>
      <c r="MP46" s="20" t="str">
        <f>IF(MP45="","",IF(MP45='（参考）【別紙２】'!$E$35,"",IF(MONTH(MP45)=MONTH(MP45+1),MP45+1,"")))</f>
        <v/>
      </c>
      <c r="MQ46" s="39" t="str">
        <f>IF(COUNTIF(祝日一覧!$E$2:$E$142,MP46),"○",IF(MT46&lt;&gt;"","○",""))</f>
        <v/>
      </c>
      <c r="MR46" s="27"/>
      <c r="MS46" s="46" t="str">
        <f t="shared" si="104"/>
        <v/>
      </c>
      <c r="MT46" s="46"/>
      <c r="MU46" s="231"/>
      <c r="MV46" s="232"/>
      <c r="MW46" s="9"/>
      <c r="MX46" s="233" t="str">
        <f>IF(MX38="未達成","未達成",IF(AND(MY69=1),"完全週休２日達成","未達成"))</f>
        <v>未達成</v>
      </c>
      <c r="MY46" s="234"/>
      <c r="MZ46" s="9"/>
      <c r="NA46" s="9"/>
      <c r="NB46" s="19" t="str">
        <f t="shared" si="28"/>
        <v/>
      </c>
      <c r="NC46" s="20" t="str">
        <f>IF(NC45="","",IF(NC45='（参考）【別紙２】'!$E$35,"",IF(MONTH(NC45)=MONTH(NC45+1),NC45+1,"")))</f>
        <v/>
      </c>
      <c r="ND46" s="39" t="str">
        <f>IF(COUNTIF(祝日一覧!$E$2:$E$142,NC46),"○",IF(NG46&lt;&gt;"","○",""))</f>
        <v/>
      </c>
      <c r="NE46" s="27"/>
      <c r="NF46" s="46" t="str">
        <f t="shared" si="105"/>
        <v/>
      </c>
      <c r="NG46" s="46"/>
      <c r="NH46" s="231"/>
      <c r="NI46" s="232"/>
      <c r="NJ46" s="9"/>
      <c r="NK46" s="233" t="str">
        <f>IF(NK38="未達成","未達成",IF(AND(NL69=1),"完全週休２日達成","未達成"))</f>
        <v>未達成</v>
      </c>
      <c r="NL46" s="234"/>
      <c r="NM46" s="9"/>
      <c r="NN46" s="9"/>
      <c r="NO46" s="19" t="str">
        <f t="shared" si="29"/>
        <v/>
      </c>
      <c r="NP46" s="20" t="str">
        <f>IF(NP45="","",IF(NP45='（参考）【別紙２】'!$E$35,"",IF(MONTH(NP45)=MONTH(NP45+1),NP45+1,"")))</f>
        <v/>
      </c>
      <c r="NQ46" s="39" t="str">
        <f>IF(COUNTIF(祝日一覧!$E$2:$E$142,NP46),"○",IF(NT46&lt;&gt;"","○",""))</f>
        <v/>
      </c>
      <c r="NR46" s="27"/>
      <c r="NS46" s="46" t="str">
        <f t="shared" si="106"/>
        <v/>
      </c>
      <c r="NT46" s="46"/>
      <c r="NU46" s="231"/>
      <c r="NV46" s="232"/>
      <c r="NW46" s="9"/>
      <c r="NX46" s="233" t="str">
        <f>IF(NX38="未達成","未達成",IF(AND(NY69=1),"完全週休２日達成","未達成"))</f>
        <v>未達成</v>
      </c>
      <c r="NY46" s="234"/>
      <c r="NZ46" s="9"/>
      <c r="OA46" s="9"/>
      <c r="OB46" s="19" t="str">
        <f t="shared" si="30"/>
        <v/>
      </c>
      <c r="OC46" s="20" t="str">
        <f>IF(OC45="","",IF(OC45='（参考）【別紙２】'!$E$35,"",IF(MONTH(OC45)=MONTH(OC45+1),OC45+1,"")))</f>
        <v/>
      </c>
      <c r="OD46" s="39" t="str">
        <f>IF(COUNTIF(祝日一覧!$E$2:$E$142,OC46),"○",IF(OG46&lt;&gt;"","○",""))</f>
        <v/>
      </c>
      <c r="OE46" s="27"/>
      <c r="OF46" s="46" t="str">
        <f t="shared" si="107"/>
        <v/>
      </c>
      <c r="OG46" s="46"/>
      <c r="OH46" s="231"/>
      <c r="OI46" s="232"/>
      <c r="OJ46" s="9"/>
      <c r="OK46" s="233" t="str">
        <f>IF(OK38="未達成","未達成",IF(AND(OL69=1),"完全週休２日達成","未達成"))</f>
        <v>未達成</v>
      </c>
      <c r="OL46" s="234"/>
      <c r="OM46" s="9"/>
      <c r="ON46" s="9"/>
      <c r="OO46" s="19" t="str">
        <f t="shared" si="31"/>
        <v/>
      </c>
      <c r="OP46" s="20" t="str">
        <f>IF(OP45="","",IF(OP45='（参考）【別紙２】'!$E$35,"",IF(MONTH(OP45)=MONTH(OP45+1),OP45+1,"")))</f>
        <v/>
      </c>
      <c r="OQ46" s="39" t="str">
        <f>IF(COUNTIF(祝日一覧!$E$2:$E$142,OP46),"○",IF(OT46&lt;&gt;"","○",""))</f>
        <v/>
      </c>
      <c r="OR46" s="27"/>
      <c r="OS46" s="46" t="str">
        <f t="shared" si="108"/>
        <v/>
      </c>
      <c r="OT46" s="46"/>
      <c r="OU46" s="231"/>
      <c r="OV46" s="232"/>
      <c r="OW46" s="9"/>
      <c r="OX46" s="233" t="str">
        <f>IF(OX38="未達成","未達成",IF(AND(OY69=1),"完全週休２日達成","未達成"))</f>
        <v>未達成</v>
      </c>
      <c r="OY46" s="234"/>
      <c r="OZ46" s="9"/>
      <c r="PA46" s="9"/>
      <c r="PB46" s="19" t="str">
        <f t="shared" si="32"/>
        <v/>
      </c>
      <c r="PC46" s="20" t="str">
        <f>IF(PC45="","",IF(PC45='（参考）【別紙２】'!$E$35,"",IF(MONTH(PC45)=MONTH(PC45+1),PC45+1,"")))</f>
        <v/>
      </c>
      <c r="PD46" s="39" t="str">
        <f>IF(COUNTIF(祝日一覧!$E$2:$E$142,PC46),"○",IF(PG46&lt;&gt;"","○",""))</f>
        <v/>
      </c>
      <c r="PE46" s="27"/>
      <c r="PF46" s="46" t="str">
        <f t="shared" si="109"/>
        <v/>
      </c>
      <c r="PG46" s="46"/>
      <c r="PH46" s="231"/>
      <c r="PI46" s="232"/>
      <c r="PJ46" s="9"/>
      <c r="PK46" s="233" t="str">
        <f>IF(PK38="未達成","未達成",IF(AND(PL69=1),"完全週休２日達成","未達成"))</f>
        <v>未達成</v>
      </c>
      <c r="PL46" s="234"/>
      <c r="PM46" s="9"/>
      <c r="PN46" s="9"/>
      <c r="PO46" s="19" t="str">
        <f t="shared" si="33"/>
        <v/>
      </c>
      <c r="PP46" s="20" t="str">
        <f>IF(PP45="","",IF(PP45='（参考）【別紙２】'!$E$35,"",IF(MONTH(PP45)=MONTH(PP45+1),PP45+1,"")))</f>
        <v/>
      </c>
      <c r="PQ46" s="39" t="str">
        <f>IF(COUNTIF(祝日一覧!$E$2:$E$142,PP46),"○",IF(PT46&lt;&gt;"","○",""))</f>
        <v/>
      </c>
      <c r="PR46" s="27"/>
      <c r="PS46" s="46" t="str">
        <f t="shared" si="110"/>
        <v/>
      </c>
      <c r="PT46" s="46"/>
      <c r="PU46" s="231"/>
      <c r="PV46" s="232"/>
      <c r="PW46" s="9"/>
      <c r="PX46" s="233" t="str">
        <f>IF(PX38="未達成","未達成",IF(AND(PY69=1),"完全週休２日達成","未達成"))</f>
        <v>未達成</v>
      </c>
      <c r="PY46" s="234"/>
      <c r="PZ46" s="9"/>
      <c r="QA46" s="9"/>
      <c r="QB46" s="19" t="str">
        <f t="shared" si="34"/>
        <v/>
      </c>
      <c r="QC46" s="20" t="str">
        <f>IF(QC45="","",IF(QC45='（参考）【別紙２】'!$E$35,"",IF(MONTH(QC45)=MONTH(QC45+1),QC45+1,"")))</f>
        <v/>
      </c>
      <c r="QD46" s="39" t="str">
        <f>IF(COUNTIF(祝日一覧!$E$2:$E$142,QC46),"○",IF(QG46&lt;&gt;"","○",""))</f>
        <v/>
      </c>
      <c r="QE46" s="27"/>
      <c r="QF46" s="46" t="str">
        <f t="shared" si="111"/>
        <v/>
      </c>
      <c r="QG46" s="46"/>
      <c r="QH46" s="231"/>
      <c r="QI46" s="232"/>
      <c r="QJ46" s="9"/>
      <c r="QK46" s="233" t="str">
        <f>IF(QK38="未達成","未達成",IF(AND(QL69=1),"完全週休２日達成","未達成"))</f>
        <v>未達成</v>
      </c>
      <c r="QL46" s="234"/>
      <c r="QM46" s="9"/>
      <c r="QN46" s="9"/>
      <c r="QO46" s="19" t="str">
        <f t="shared" si="35"/>
        <v/>
      </c>
      <c r="QP46" s="20" t="str">
        <f>IF(QP45="","",IF(QP45='（参考）【別紙２】'!$E$35,"",IF(MONTH(QP45)=MONTH(QP45+1),QP45+1,"")))</f>
        <v/>
      </c>
      <c r="QQ46" s="39" t="str">
        <f>IF(COUNTIF(祝日一覧!$E$2:$E$142,QP46),"○",IF(QT46&lt;&gt;"","○",""))</f>
        <v/>
      </c>
      <c r="QR46" s="27"/>
      <c r="QS46" s="46" t="str">
        <f t="shared" si="112"/>
        <v/>
      </c>
      <c r="QT46" s="46"/>
      <c r="QU46" s="231"/>
      <c r="QV46" s="232"/>
      <c r="QW46" s="9"/>
      <c r="QX46" s="233" t="str">
        <f>IF(QX38="未達成","未達成",IF(AND(QY69=1),"完全週休２日達成","未達成"))</f>
        <v>未達成</v>
      </c>
      <c r="QY46" s="234"/>
      <c r="QZ46" s="9"/>
      <c r="RA46" s="9"/>
      <c r="RB46" s="19" t="str">
        <f t="shared" si="36"/>
        <v/>
      </c>
      <c r="RC46" s="20" t="str">
        <f>IF(RC45="","",IF(RC45='（参考）【別紙２】'!$E$35,"",IF(MONTH(RC45)=MONTH(RC45+1),RC45+1,"")))</f>
        <v/>
      </c>
      <c r="RD46" s="39" t="str">
        <f>IF(COUNTIF(祝日一覧!$E$2:$E$142,RC46),"○",IF(RG46&lt;&gt;"","○",""))</f>
        <v/>
      </c>
      <c r="RE46" s="27"/>
      <c r="RF46" s="46" t="str">
        <f t="shared" si="113"/>
        <v/>
      </c>
      <c r="RG46" s="46"/>
      <c r="RH46" s="231"/>
      <c r="RI46" s="232"/>
      <c r="RJ46" s="9"/>
      <c r="RK46" s="233" t="str">
        <f>IF(RK38="未達成","未達成",IF(AND(RL69=1),"完全週休２日達成","未達成"))</f>
        <v>未達成</v>
      </c>
      <c r="RL46" s="234"/>
      <c r="RM46" s="9"/>
      <c r="RN46" s="9"/>
      <c r="RO46" s="19" t="str">
        <f t="shared" si="37"/>
        <v/>
      </c>
      <c r="RP46" s="20" t="str">
        <f>IF(RP45="","",IF(RP45='（参考）【別紙２】'!$E$35,"",IF(MONTH(RP45)=MONTH(RP45+1),RP45+1,"")))</f>
        <v/>
      </c>
      <c r="RQ46" s="39" t="str">
        <f>IF(COUNTIF(祝日一覧!$E$2:$E$142,RP46),"○",IF(RT46&lt;&gt;"","○",""))</f>
        <v/>
      </c>
      <c r="RR46" s="27"/>
      <c r="RS46" s="46" t="str">
        <f t="shared" si="114"/>
        <v/>
      </c>
      <c r="RT46" s="46"/>
      <c r="RU46" s="231"/>
      <c r="RV46" s="232"/>
      <c r="RW46" s="9"/>
      <c r="RX46" s="233" t="str">
        <f>IF(RX38="未達成","未達成",IF(AND(RY69=1),"完全週休２日達成","未達成"))</f>
        <v>未達成</v>
      </c>
      <c r="RY46" s="234"/>
      <c r="RZ46" s="9"/>
      <c r="SA46" s="9"/>
      <c r="SB46" s="19" t="str">
        <f t="shared" si="38"/>
        <v/>
      </c>
      <c r="SC46" s="20" t="str">
        <f>IF(SC45="","",IF(SC45='（参考）【別紙２】'!$E$35,"",IF(MONTH(SC45)=MONTH(SC45+1),SC45+1,"")))</f>
        <v/>
      </c>
      <c r="SD46" s="39" t="str">
        <f>IF(COUNTIF(祝日一覧!$E$2:$E$142,SC46),"○",IF(SG46&lt;&gt;"","○",""))</f>
        <v/>
      </c>
      <c r="SE46" s="27"/>
      <c r="SF46" s="46" t="str">
        <f t="shared" si="115"/>
        <v/>
      </c>
      <c r="SG46" s="46"/>
      <c r="SH46" s="231"/>
      <c r="SI46" s="232"/>
      <c r="SJ46" s="9"/>
      <c r="SK46" s="233" t="str">
        <f>IF(SK38="未達成","未達成",IF(AND(SL69=1),"完全週休２日達成","未達成"))</f>
        <v>未達成</v>
      </c>
      <c r="SL46" s="234"/>
      <c r="SM46" s="9"/>
    </row>
    <row r="47" spans="1:507" s="53" customFormat="1" ht="15.6" customHeight="1">
      <c r="A47" s="10"/>
      <c r="B47" s="94"/>
      <c r="C47" s="94"/>
      <c r="D47" s="94"/>
      <c r="E47" s="94"/>
      <c r="F47" s="94"/>
      <c r="G47" s="94"/>
      <c r="H47" s="95">
        <v>1</v>
      </c>
      <c r="I47" s="96"/>
      <c r="J47" s="10"/>
      <c r="K47" s="234"/>
      <c r="L47" s="234"/>
      <c r="M47" s="10"/>
      <c r="N47" s="10"/>
      <c r="O47" s="94"/>
      <c r="P47" s="94"/>
      <c r="Q47" s="94"/>
      <c r="R47" s="94"/>
      <c r="S47" s="94"/>
      <c r="T47" s="94"/>
      <c r="U47" s="97">
        <f>H47+1</f>
        <v>2</v>
      </c>
      <c r="V47" s="10"/>
      <c r="W47" s="10"/>
      <c r="X47" s="234"/>
      <c r="Y47" s="234"/>
      <c r="Z47" s="10"/>
      <c r="AA47" s="10"/>
      <c r="AB47" s="94"/>
      <c r="AC47" s="94"/>
      <c r="AD47" s="94"/>
      <c r="AE47" s="94"/>
      <c r="AF47" s="94"/>
      <c r="AG47" s="94"/>
      <c r="AH47" s="97">
        <f>U47+1</f>
        <v>3</v>
      </c>
      <c r="AI47" s="10"/>
      <c r="AJ47" s="10"/>
      <c r="AK47" s="234"/>
      <c r="AL47" s="234"/>
      <c r="AM47" s="10"/>
      <c r="AN47" s="10"/>
      <c r="AO47" s="94"/>
      <c r="AP47" s="94"/>
      <c r="AQ47" s="94"/>
      <c r="AR47" s="94"/>
      <c r="AS47" s="94"/>
      <c r="AT47" s="94"/>
      <c r="AU47" s="97">
        <f>AH47+1</f>
        <v>4</v>
      </c>
      <c r="AV47" s="10"/>
      <c r="AW47" s="10"/>
      <c r="AX47" s="234"/>
      <c r="AY47" s="234"/>
      <c r="AZ47" s="10"/>
      <c r="BA47" s="10"/>
      <c r="BB47" s="94"/>
      <c r="BC47" s="94"/>
      <c r="BD47" s="94"/>
      <c r="BE47" s="94"/>
      <c r="BF47" s="94"/>
      <c r="BG47" s="94"/>
      <c r="BH47" s="97">
        <f>AU47+1</f>
        <v>5</v>
      </c>
      <c r="BI47" s="10"/>
      <c r="BJ47" s="10"/>
      <c r="BK47" s="234"/>
      <c r="BL47" s="234"/>
      <c r="BM47" s="10"/>
      <c r="BN47" s="10"/>
      <c r="BO47" s="94"/>
      <c r="BP47" s="94"/>
      <c r="BQ47" s="94"/>
      <c r="BR47" s="94"/>
      <c r="BS47" s="94"/>
      <c r="BT47" s="94"/>
      <c r="BU47" s="97">
        <f>BH47+1</f>
        <v>6</v>
      </c>
      <c r="BV47" s="10"/>
      <c r="BW47" s="10"/>
      <c r="BX47" s="234"/>
      <c r="BY47" s="234"/>
      <c r="BZ47" s="10"/>
      <c r="CA47" s="10"/>
      <c r="CB47" s="94"/>
      <c r="CC47" s="94"/>
      <c r="CD47" s="94"/>
      <c r="CE47" s="94"/>
      <c r="CF47" s="94"/>
      <c r="CG47" s="94"/>
      <c r="CH47" s="97">
        <f>BU47+1</f>
        <v>7</v>
      </c>
      <c r="CI47" s="10"/>
      <c r="CJ47" s="10"/>
      <c r="CK47" s="234"/>
      <c r="CL47" s="234"/>
      <c r="CM47" s="10"/>
      <c r="CN47" s="10"/>
      <c r="CO47" s="94"/>
      <c r="CP47" s="94"/>
      <c r="CQ47" s="94"/>
      <c r="CR47" s="94"/>
      <c r="CS47" s="94"/>
      <c r="CT47" s="94"/>
      <c r="CU47" s="97">
        <f>CH47+1</f>
        <v>8</v>
      </c>
      <c r="CV47" s="10"/>
      <c r="CW47" s="10"/>
      <c r="CX47" s="234"/>
      <c r="CY47" s="234"/>
      <c r="CZ47" s="10"/>
      <c r="DA47" s="10"/>
      <c r="DB47" s="94"/>
      <c r="DC47" s="94"/>
      <c r="DD47" s="94"/>
      <c r="DE47" s="94"/>
      <c r="DF47" s="94"/>
      <c r="DG47" s="94"/>
      <c r="DH47" s="97">
        <f>CU47+1</f>
        <v>9</v>
      </c>
      <c r="DI47" s="10"/>
      <c r="DJ47" s="10"/>
      <c r="DK47" s="234"/>
      <c r="DL47" s="234"/>
      <c r="DM47" s="10"/>
      <c r="DN47" s="10"/>
      <c r="DO47" s="94"/>
      <c r="DP47" s="94"/>
      <c r="DQ47" s="94"/>
      <c r="DR47" s="94"/>
      <c r="DS47" s="94"/>
      <c r="DT47" s="94"/>
      <c r="DU47" s="97">
        <f>DH47+1</f>
        <v>10</v>
      </c>
      <c r="DV47" s="10"/>
      <c r="DW47" s="10"/>
      <c r="DX47" s="234"/>
      <c r="DY47" s="234"/>
      <c r="DZ47" s="10"/>
      <c r="EA47" s="10"/>
      <c r="EB47" s="94"/>
      <c r="EC47" s="94"/>
      <c r="ED47" s="94"/>
      <c r="EE47" s="94"/>
      <c r="EF47" s="94"/>
      <c r="EG47" s="94"/>
      <c r="EH47" s="97">
        <f>DU47+1</f>
        <v>11</v>
      </c>
      <c r="EI47" s="10"/>
      <c r="EJ47" s="10"/>
      <c r="EK47" s="234"/>
      <c r="EL47" s="234"/>
      <c r="EM47" s="10"/>
      <c r="EN47" s="10"/>
      <c r="EO47" s="94"/>
      <c r="EP47" s="94"/>
      <c r="EQ47" s="94"/>
      <c r="ER47" s="94"/>
      <c r="ES47" s="94"/>
      <c r="ET47" s="94"/>
      <c r="EU47" s="97">
        <f>EH47+1</f>
        <v>12</v>
      </c>
      <c r="EV47" s="10"/>
      <c r="EW47" s="10"/>
      <c r="EX47" s="234"/>
      <c r="EY47" s="234"/>
      <c r="EZ47" s="10"/>
      <c r="FA47" s="10"/>
      <c r="FB47" s="94"/>
      <c r="FC47" s="94"/>
      <c r="FD47" s="94"/>
      <c r="FE47" s="94"/>
      <c r="FF47" s="94"/>
      <c r="FG47" s="94"/>
      <c r="FH47" s="97">
        <f>EU47+1</f>
        <v>13</v>
      </c>
      <c r="FI47" s="10"/>
      <c r="FJ47" s="10"/>
      <c r="FK47" s="234"/>
      <c r="FL47" s="234"/>
      <c r="FM47" s="10"/>
      <c r="FN47" s="10"/>
      <c r="FO47" s="94"/>
      <c r="FP47" s="94"/>
      <c r="FQ47" s="94"/>
      <c r="FR47" s="94"/>
      <c r="FS47" s="94"/>
      <c r="FT47" s="94"/>
      <c r="FU47" s="97">
        <f>FH47+1</f>
        <v>14</v>
      </c>
      <c r="FV47" s="10"/>
      <c r="FW47" s="10"/>
      <c r="FX47" s="234"/>
      <c r="FY47" s="234"/>
      <c r="FZ47" s="10"/>
      <c r="GA47" s="10"/>
      <c r="GB47" s="94"/>
      <c r="GC47" s="94"/>
      <c r="GD47" s="94"/>
      <c r="GE47" s="94"/>
      <c r="GF47" s="94"/>
      <c r="GG47" s="94"/>
      <c r="GH47" s="97">
        <f>FU47+1</f>
        <v>15</v>
      </c>
      <c r="GI47" s="10"/>
      <c r="GJ47" s="10"/>
      <c r="GK47" s="234"/>
      <c r="GL47" s="234"/>
      <c r="GM47" s="10"/>
      <c r="GN47" s="10"/>
      <c r="GO47" s="94"/>
      <c r="GP47" s="94"/>
      <c r="GQ47" s="94"/>
      <c r="GR47" s="94"/>
      <c r="GS47" s="94"/>
      <c r="GT47" s="94"/>
      <c r="GU47" s="97">
        <f>GH47+1</f>
        <v>16</v>
      </c>
      <c r="GV47" s="10"/>
      <c r="GW47" s="10"/>
      <c r="GX47" s="234"/>
      <c r="GY47" s="234"/>
      <c r="GZ47" s="10"/>
      <c r="HA47" s="10"/>
      <c r="HB47" s="94"/>
      <c r="HC47" s="94"/>
      <c r="HD47" s="94"/>
      <c r="HE47" s="94"/>
      <c r="HF47" s="94"/>
      <c r="HG47" s="94"/>
      <c r="HH47" s="97">
        <f>GU47+1</f>
        <v>17</v>
      </c>
      <c r="HI47" s="10"/>
      <c r="HJ47" s="10"/>
      <c r="HK47" s="234"/>
      <c r="HL47" s="234"/>
      <c r="HM47" s="10"/>
      <c r="HN47" s="10"/>
      <c r="HO47" s="94"/>
      <c r="HP47" s="94"/>
      <c r="HQ47" s="94"/>
      <c r="HR47" s="94"/>
      <c r="HS47" s="94"/>
      <c r="HT47" s="94"/>
      <c r="HU47" s="97">
        <f>HH47+1</f>
        <v>18</v>
      </c>
      <c r="HV47" s="10"/>
      <c r="HW47" s="10"/>
      <c r="HX47" s="234"/>
      <c r="HY47" s="234"/>
      <c r="HZ47" s="10"/>
      <c r="IA47" s="10"/>
      <c r="IB47" s="94"/>
      <c r="IC47" s="94"/>
      <c r="ID47" s="94"/>
      <c r="IE47" s="94"/>
      <c r="IF47" s="94"/>
      <c r="IG47" s="94"/>
      <c r="IH47" s="97">
        <f>HU47+1</f>
        <v>19</v>
      </c>
      <c r="II47" s="10"/>
      <c r="IJ47" s="10"/>
      <c r="IK47" s="234"/>
      <c r="IL47" s="234"/>
      <c r="IM47" s="10"/>
      <c r="IN47" s="10"/>
      <c r="IO47" s="94"/>
      <c r="IP47" s="94"/>
      <c r="IQ47" s="94"/>
      <c r="IR47" s="94"/>
      <c r="IS47" s="94"/>
      <c r="IT47" s="94"/>
      <c r="IU47" s="97">
        <f>IH47+1</f>
        <v>20</v>
      </c>
      <c r="IV47" s="10"/>
      <c r="IW47" s="10"/>
      <c r="IX47" s="234"/>
      <c r="IY47" s="234"/>
      <c r="IZ47" s="10"/>
      <c r="JA47" s="10"/>
      <c r="JB47" s="94"/>
      <c r="JC47" s="94"/>
      <c r="JD47" s="94"/>
      <c r="JE47" s="94"/>
      <c r="JF47" s="94"/>
      <c r="JG47" s="94"/>
      <c r="JH47" s="97">
        <f>IU47+1</f>
        <v>21</v>
      </c>
      <c r="JI47" s="10"/>
      <c r="JJ47" s="10"/>
      <c r="JK47" s="234"/>
      <c r="JL47" s="234"/>
      <c r="JM47" s="10"/>
      <c r="JN47" s="10"/>
      <c r="JO47" s="94"/>
      <c r="JP47" s="94"/>
      <c r="JQ47" s="94"/>
      <c r="JR47" s="94"/>
      <c r="JS47" s="94"/>
      <c r="JT47" s="94"/>
      <c r="JU47" s="97">
        <f>JH47+1</f>
        <v>22</v>
      </c>
      <c r="JV47" s="10"/>
      <c r="JW47" s="10"/>
      <c r="JX47" s="234"/>
      <c r="JY47" s="234"/>
      <c r="JZ47" s="10"/>
      <c r="KA47" s="10"/>
      <c r="KB47" s="94"/>
      <c r="KC47" s="94"/>
      <c r="KD47" s="94"/>
      <c r="KE47" s="94"/>
      <c r="KF47" s="94"/>
      <c r="KG47" s="94"/>
      <c r="KH47" s="97">
        <f>JU47+1</f>
        <v>23</v>
      </c>
      <c r="KI47" s="10"/>
      <c r="KJ47" s="10"/>
      <c r="KK47" s="234"/>
      <c r="KL47" s="234"/>
      <c r="KM47" s="10"/>
      <c r="KN47" s="10"/>
      <c r="KO47" s="94"/>
      <c r="KP47" s="94"/>
      <c r="KQ47" s="94"/>
      <c r="KR47" s="94"/>
      <c r="KS47" s="94"/>
      <c r="KT47" s="94"/>
      <c r="KU47" s="97">
        <f>KH47+1</f>
        <v>24</v>
      </c>
      <c r="KV47" s="10"/>
      <c r="KW47" s="10"/>
      <c r="KX47" s="234"/>
      <c r="KY47" s="234"/>
      <c r="KZ47" s="10"/>
      <c r="LA47" s="10"/>
      <c r="LB47" s="94"/>
      <c r="LC47" s="94"/>
      <c r="LD47" s="94"/>
      <c r="LE47" s="94"/>
      <c r="LF47" s="94"/>
      <c r="LG47" s="94"/>
      <c r="LH47" s="97">
        <f>KU47+1</f>
        <v>25</v>
      </c>
      <c r="LI47" s="10"/>
      <c r="LJ47" s="10"/>
      <c r="LK47" s="234"/>
      <c r="LL47" s="234"/>
      <c r="LM47" s="10"/>
      <c r="LN47" s="10"/>
      <c r="LO47" s="94"/>
      <c r="LP47" s="94"/>
      <c r="LQ47" s="94"/>
      <c r="LR47" s="94"/>
      <c r="LS47" s="94"/>
      <c r="LT47" s="94"/>
      <c r="LU47" s="97">
        <f>LH47+1</f>
        <v>26</v>
      </c>
      <c r="LV47" s="10"/>
      <c r="LW47" s="10"/>
      <c r="LX47" s="234"/>
      <c r="LY47" s="234"/>
      <c r="LZ47" s="10"/>
      <c r="MA47" s="10"/>
      <c r="MB47" s="94"/>
      <c r="MC47" s="94"/>
      <c r="MD47" s="94"/>
      <c r="ME47" s="94"/>
      <c r="MF47" s="94"/>
      <c r="MG47" s="94"/>
      <c r="MH47" s="97">
        <f>LU47+1</f>
        <v>27</v>
      </c>
      <c r="MI47" s="10"/>
      <c r="MJ47" s="10"/>
      <c r="MK47" s="234"/>
      <c r="ML47" s="234"/>
      <c r="MM47" s="10"/>
      <c r="MN47" s="10"/>
      <c r="MO47" s="94"/>
      <c r="MP47" s="94"/>
      <c r="MQ47" s="94"/>
      <c r="MR47" s="94"/>
      <c r="MS47" s="94"/>
      <c r="MT47" s="94"/>
      <c r="MU47" s="97">
        <f>MH47+1</f>
        <v>28</v>
      </c>
      <c r="MV47" s="10"/>
      <c r="MW47" s="10"/>
      <c r="MX47" s="234"/>
      <c r="MY47" s="234"/>
      <c r="MZ47" s="10"/>
      <c r="NA47" s="10"/>
      <c r="NB47" s="94"/>
      <c r="NC47" s="94"/>
      <c r="ND47" s="94"/>
      <c r="NE47" s="94"/>
      <c r="NF47" s="94"/>
      <c r="NG47" s="94"/>
      <c r="NH47" s="97">
        <f>MU47+1</f>
        <v>29</v>
      </c>
      <c r="NI47" s="10"/>
      <c r="NJ47" s="10"/>
      <c r="NK47" s="234"/>
      <c r="NL47" s="234"/>
      <c r="NM47" s="10"/>
      <c r="NN47" s="10"/>
      <c r="NO47" s="94"/>
      <c r="NP47" s="94"/>
      <c r="NQ47" s="94"/>
      <c r="NR47" s="94"/>
      <c r="NS47" s="94"/>
      <c r="NT47" s="94"/>
      <c r="NU47" s="97">
        <f>NH47+1</f>
        <v>30</v>
      </c>
      <c r="NV47" s="10"/>
      <c r="NW47" s="10"/>
      <c r="NX47" s="234"/>
      <c r="NY47" s="234"/>
      <c r="NZ47" s="10"/>
      <c r="OA47" s="10"/>
      <c r="OB47" s="94"/>
      <c r="OC47" s="94"/>
      <c r="OD47" s="94"/>
      <c r="OE47" s="94"/>
      <c r="OF47" s="94"/>
      <c r="OG47" s="94"/>
      <c r="OH47" s="97">
        <f>NU47+1</f>
        <v>31</v>
      </c>
      <c r="OI47" s="10"/>
      <c r="OJ47" s="10"/>
      <c r="OK47" s="234"/>
      <c r="OL47" s="234"/>
      <c r="OM47" s="10"/>
      <c r="ON47" s="10"/>
      <c r="OO47" s="94"/>
      <c r="OP47" s="94"/>
      <c r="OQ47" s="94"/>
      <c r="OR47" s="94"/>
      <c r="OS47" s="94"/>
      <c r="OT47" s="94"/>
      <c r="OU47" s="97">
        <f>OH47+1</f>
        <v>32</v>
      </c>
      <c r="OV47" s="10"/>
      <c r="OW47" s="10"/>
      <c r="OX47" s="234"/>
      <c r="OY47" s="234"/>
      <c r="OZ47" s="10"/>
      <c r="PA47" s="10"/>
      <c r="PB47" s="94"/>
      <c r="PC47" s="94"/>
      <c r="PD47" s="94"/>
      <c r="PE47" s="94"/>
      <c r="PF47" s="94"/>
      <c r="PG47" s="94"/>
      <c r="PH47" s="97">
        <f>OU47+1</f>
        <v>33</v>
      </c>
      <c r="PI47" s="10"/>
      <c r="PJ47" s="10"/>
      <c r="PK47" s="234"/>
      <c r="PL47" s="234"/>
      <c r="PM47" s="10"/>
      <c r="PN47" s="10"/>
      <c r="PO47" s="94"/>
      <c r="PP47" s="94"/>
      <c r="PQ47" s="94"/>
      <c r="PR47" s="94"/>
      <c r="PS47" s="94"/>
      <c r="PT47" s="94"/>
      <c r="PU47" s="97">
        <f>PH47+1</f>
        <v>34</v>
      </c>
      <c r="PV47" s="10"/>
      <c r="PW47" s="10"/>
      <c r="PX47" s="234"/>
      <c r="PY47" s="234"/>
      <c r="PZ47" s="10"/>
      <c r="QA47" s="10"/>
      <c r="QB47" s="94"/>
      <c r="QC47" s="94"/>
      <c r="QD47" s="94"/>
      <c r="QE47" s="94"/>
      <c r="QF47" s="94"/>
      <c r="QG47" s="94"/>
      <c r="QH47" s="97">
        <f>PU47+1</f>
        <v>35</v>
      </c>
      <c r="QI47" s="10"/>
      <c r="QJ47" s="10"/>
      <c r="QK47" s="234"/>
      <c r="QL47" s="234"/>
      <c r="QM47" s="10"/>
      <c r="QN47" s="10"/>
      <c r="QO47" s="94"/>
      <c r="QP47" s="94"/>
      <c r="QQ47" s="94"/>
      <c r="QR47" s="94"/>
      <c r="QS47" s="94"/>
      <c r="QT47" s="94"/>
      <c r="QU47" s="97">
        <f>QH47+1</f>
        <v>36</v>
      </c>
      <c r="QV47" s="10"/>
      <c r="QW47" s="10"/>
      <c r="QX47" s="234"/>
      <c r="QY47" s="234"/>
      <c r="QZ47" s="10"/>
      <c r="RA47" s="10"/>
      <c r="RB47" s="94"/>
      <c r="RC47" s="94"/>
      <c r="RD47" s="94"/>
      <c r="RE47" s="94"/>
      <c r="RF47" s="94"/>
      <c r="RG47" s="94"/>
      <c r="RH47" s="97">
        <f>QU47+1</f>
        <v>37</v>
      </c>
      <c r="RI47" s="10"/>
      <c r="RJ47" s="10"/>
      <c r="RK47" s="234"/>
      <c r="RL47" s="234"/>
      <c r="RM47" s="10"/>
      <c r="RN47" s="10"/>
      <c r="RO47" s="94"/>
      <c r="RP47" s="94"/>
      <c r="RQ47" s="94"/>
      <c r="RR47" s="94"/>
      <c r="RS47" s="94"/>
      <c r="RT47" s="94"/>
      <c r="RU47" s="97">
        <f>RH47+1</f>
        <v>38</v>
      </c>
      <c r="RV47" s="10"/>
      <c r="RW47" s="10"/>
      <c r="RX47" s="234"/>
      <c r="RY47" s="234"/>
      <c r="RZ47" s="10"/>
      <c r="SA47" s="10"/>
      <c r="SB47" s="94"/>
      <c r="SC47" s="94"/>
      <c r="SD47" s="94"/>
      <c r="SE47" s="94"/>
      <c r="SF47" s="94"/>
      <c r="SG47" s="94"/>
      <c r="SH47" s="97">
        <f>RU47+1</f>
        <v>39</v>
      </c>
      <c r="SI47" s="10"/>
      <c r="SJ47" s="10"/>
      <c r="SK47" s="234"/>
      <c r="SL47" s="234"/>
      <c r="SM47" s="10"/>
    </row>
    <row r="48" spans="1:507" ht="18" customHeight="1">
      <c r="E48" s="41"/>
      <c r="F48" s="41"/>
      <c r="G48" s="41"/>
      <c r="K48" s="235" t="s">
        <v>135</v>
      </c>
      <c r="L48" s="236"/>
      <c r="S48" s="41"/>
      <c r="T48" s="41"/>
      <c r="X48" s="239" t="s">
        <v>136</v>
      </c>
      <c r="Y48" s="240"/>
      <c r="AF48" s="41"/>
      <c r="AG48" s="41"/>
      <c r="AK48" s="239" t="s">
        <v>136</v>
      </c>
      <c r="AL48" s="240"/>
      <c r="AS48" s="41"/>
      <c r="AT48" s="41"/>
      <c r="AX48" s="239" t="s">
        <v>136</v>
      </c>
      <c r="AY48" s="240"/>
      <c r="BF48" s="41"/>
      <c r="BG48" s="41"/>
      <c r="BK48" s="239" t="s">
        <v>136</v>
      </c>
      <c r="BL48" s="240"/>
      <c r="BS48" s="41"/>
      <c r="BT48" s="41"/>
      <c r="BX48" s="239" t="s">
        <v>136</v>
      </c>
      <c r="BY48" s="240"/>
      <c r="CF48" s="41"/>
      <c r="CG48" s="41"/>
      <c r="CK48" s="239" t="s">
        <v>136</v>
      </c>
      <c r="CL48" s="240"/>
      <c r="CS48" s="41"/>
      <c r="CT48" s="41"/>
      <c r="CX48" s="239" t="s">
        <v>136</v>
      </c>
      <c r="CY48" s="240"/>
      <c r="DF48" s="41"/>
      <c r="DG48" s="41"/>
      <c r="DK48" s="239" t="s">
        <v>136</v>
      </c>
      <c r="DL48" s="240"/>
      <c r="DS48" s="41"/>
      <c r="DT48" s="41"/>
      <c r="DX48" s="239" t="s">
        <v>136</v>
      </c>
      <c r="DY48" s="240"/>
      <c r="EF48" s="41"/>
      <c r="EG48" s="41"/>
      <c r="EK48" s="239" t="s">
        <v>136</v>
      </c>
      <c r="EL48" s="240"/>
      <c r="ES48" s="41"/>
      <c r="ET48" s="41"/>
      <c r="EX48" s="239" t="s">
        <v>136</v>
      </c>
      <c r="EY48" s="240"/>
      <c r="FF48" s="41"/>
      <c r="FG48" s="41"/>
      <c r="FK48" s="239" t="s">
        <v>136</v>
      </c>
      <c r="FL48" s="240"/>
      <c r="FS48" s="41"/>
      <c r="FT48" s="41"/>
      <c r="FX48" s="239" t="s">
        <v>136</v>
      </c>
      <c r="FY48" s="240"/>
      <c r="GF48" s="41"/>
      <c r="GG48" s="41"/>
      <c r="GK48" s="239" t="s">
        <v>136</v>
      </c>
      <c r="GL48" s="240"/>
      <c r="GS48" s="41"/>
      <c r="GT48" s="41"/>
      <c r="GX48" s="239" t="s">
        <v>136</v>
      </c>
      <c r="GY48" s="240"/>
      <c r="HF48" s="41"/>
      <c r="HG48" s="41"/>
      <c r="HK48" s="239" t="s">
        <v>136</v>
      </c>
      <c r="HL48" s="240"/>
      <c r="HS48" s="41"/>
      <c r="HT48" s="41"/>
      <c r="HX48" s="239" t="s">
        <v>136</v>
      </c>
      <c r="HY48" s="240"/>
      <c r="IF48" s="41"/>
      <c r="IG48" s="41"/>
      <c r="IK48" s="239" t="s">
        <v>136</v>
      </c>
      <c r="IL48" s="240"/>
      <c r="IS48" s="41"/>
      <c r="IT48" s="41"/>
      <c r="IX48" s="239" t="s">
        <v>136</v>
      </c>
      <c r="IY48" s="240"/>
      <c r="JF48" s="41"/>
      <c r="JG48" s="41"/>
      <c r="JK48" s="239" t="s">
        <v>136</v>
      </c>
      <c r="JL48" s="240"/>
      <c r="JS48" s="41"/>
      <c r="JT48" s="41"/>
      <c r="JX48" s="239" t="s">
        <v>136</v>
      </c>
      <c r="JY48" s="240"/>
      <c r="KF48" s="41"/>
      <c r="KG48" s="41"/>
      <c r="KK48" s="239" t="s">
        <v>136</v>
      </c>
      <c r="KL48" s="240"/>
      <c r="KS48" s="41"/>
      <c r="KT48" s="41"/>
      <c r="KX48" s="239" t="s">
        <v>136</v>
      </c>
      <c r="KY48" s="240"/>
      <c r="LF48" s="41"/>
      <c r="LG48" s="41"/>
      <c r="LK48" s="239" t="s">
        <v>136</v>
      </c>
      <c r="LL48" s="240"/>
      <c r="LS48" s="41"/>
      <c r="LT48" s="41"/>
      <c r="LX48" s="239" t="s">
        <v>136</v>
      </c>
      <c r="LY48" s="240"/>
      <c r="MF48" s="41"/>
      <c r="MG48" s="41"/>
      <c r="MK48" s="239" t="s">
        <v>136</v>
      </c>
      <c r="ML48" s="240"/>
      <c r="MS48" s="41"/>
      <c r="MT48" s="41"/>
      <c r="MX48" s="239" t="s">
        <v>136</v>
      </c>
      <c r="MY48" s="240"/>
      <c r="NF48" s="41"/>
      <c r="NG48" s="41"/>
      <c r="NK48" s="239" t="s">
        <v>136</v>
      </c>
      <c r="NL48" s="240"/>
      <c r="NS48" s="41"/>
      <c r="NT48" s="41"/>
      <c r="NX48" s="239" t="s">
        <v>136</v>
      </c>
      <c r="NY48" s="240"/>
      <c r="OF48" s="41"/>
      <c r="OG48" s="41"/>
      <c r="OK48" s="239" t="s">
        <v>136</v>
      </c>
      <c r="OL48" s="240"/>
      <c r="OS48" s="41"/>
      <c r="OT48" s="41"/>
      <c r="OX48" s="239" t="s">
        <v>136</v>
      </c>
      <c r="OY48" s="240"/>
      <c r="PF48" s="41"/>
      <c r="PG48" s="41"/>
      <c r="PK48" s="239" t="s">
        <v>136</v>
      </c>
      <c r="PL48" s="240"/>
      <c r="PS48" s="41"/>
      <c r="PT48" s="41"/>
      <c r="PX48" s="239" t="s">
        <v>136</v>
      </c>
      <c r="PY48" s="240"/>
      <c r="QF48" s="41"/>
      <c r="QG48" s="41"/>
      <c r="QK48" s="239" t="s">
        <v>136</v>
      </c>
      <c r="QL48" s="240"/>
      <c r="QS48" s="41"/>
      <c r="QT48" s="41"/>
      <c r="QX48" s="239" t="s">
        <v>136</v>
      </c>
      <c r="QY48" s="240"/>
      <c r="RF48" s="41"/>
      <c r="RG48" s="41"/>
      <c r="RK48" s="239" t="s">
        <v>136</v>
      </c>
      <c r="RL48" s="240"/>
      <c r="RS48" s="41"/>
      <c r="RT48" s="41"/>
      <c r="RX48" s="239" t="s">
        <v>136</v>
      </c>
      <c r="RY48" s="240"/>
      <c r="SF48" s="41"/>
      <c r="SG48" s="41"/>
      <c r="SK48" s="239" t="s">
        <v>136</v>
      </c>
      <c r="SL48" s="240"/>
    </row>
    <row r="49" spans="3:506" ht="18" customHeight="1">
      <c r="E49" s="41"/>
      <c r="F49" s="41"/>
      <c r="G49" s="41"/>
      <c r="K49" s="237"/>
      <c r="L49" s="237"/>
      <c r="S49" s="41"/>
      <c r="T49" s="41"/>
      <c r="X49" s="241"/>
      <c r="Y49" s="241"/>
      <c r="AF49" s="41"/>
      <c r="AG49" s="41"/>
      <c r="AK49" s="241"/>
      <c r="AL49" s="241"/>
      <c r="AS49" s="41"/>
      <c r="AT49" s="41"/>
      <c r="AX49" s="241"/>
      <c r="AY49" s="241"/>
      <c r="BF49" s="41"/>
      <c r="BG49" s="41"/>
      <c r="BK49" s="241"/>
      <c r="BL49" s="241"/>
      <c r="BS49" s="41"/>
      <c r="BT49" s="41"/>
      <c r="BX49" s="241"/>
      <c r="BY49" s="241"/>
      <c r="CF49" s="41"/>
      <c r="CG49" s="41"/>
      <c r="CK49" s="241"/>
      <c r="CL49" s="241"/>
      <c r="CS49" s="41"/>
      <c r="CT49" s="41"/>
      <c r="CX49" s="241"/>
      <c r="CY49" s="241"/>
      <c r="DF49" s="41"/>
      <c r="DG49" s="41"/>
      <c r="DK49" s="241"/>
      <c r="DL49" s="241"/>
      <c r="DS49" s="41"/>
      <c r="DT49" s="41"/>
      <c r="DX49" s="241"/>
      <c r="DY49" s="241"/>
      <c r="EF49" s="41"/>
      <c r="EG49" s="41"/>
      <c r="EK49" s="241"/>
      <c r="EL49" s="241"/>
      <c r="ES49" s="41"/>
      <c r="ET49" s="41"/>
      <c r="EX49" s="241"/>
      <c r="EY49" s="241"/>
      <c r="FF49" s="41"/>
      <c r="FG49" s="41"/>
      <c r="FK49" s="241"/>
      <c r="FL49" s="241"/>
      <c r="FS49" s="41"/>
      <c r="FT49" s="41"/>
      <c r="FX49" s="241"/>
      <c r="FY49" s="241"/>
      <c r="GF49" s="41"/>
      <c r="GG49" s="41"/>
      <c r="GK49" s="241"/>
      <c r="GL49" s="241"/>
      <c r="GS49" s="41"/>
      <c r="GT49" s="41"/>
      <c r="GX49" s="241"/>
      <c r="GY49" s="241"/>
      <c r="HF49" s="41"/>
      <c r="HG49" s="41"/>
      <c r="HK49" s="241"/>
      <c r="HL49" s="241"/>
      <c r="HS49" s="41"/>
      <c r="HT49" s="41"/>
      <c r="HX49" s="241"/>
      <c r="HY49" s="241"/>
      <c r="IF49" s="41"/>
      <c r="IG49" s="41"/>
      <c r="IK49" s="241"/>
      <c r="IL49" s="241"/>
      <c r="IS49" s="41"/>
      <c r="IT49" s="41"/>
      <c r="IX49" s="241"/>
      <c r="IY49" s="241"/>
      <c r="JF49" s="41"/>
      <c r="JG49" s="41"/>
      <c r="JK49" s="241"/>
      <c r="JL49" s="241"/>
      <c r="JS49" s="41"/>
      <c r="JT49" s="41"/>
      <c r="JX49" s="241"/>
      <c r="JY49" s="241"/>
      <c r="KF49" s="41"/>
      <c r="KG49" s="41"/>
      <c r="KK49" s="241"/>
      <c r="KL49" s="241"/>
      <c r="KS49" s="41"/>
      <c r="KT49" s="41"/>
      <c r="KX49" s="241"/>
      <c r="KY49" s="241"/>
      <c r="LF49" s="41"/>
      <c r="LG49" s="41"/>
      <c r="LK49" s="241"/>
      <c r="LL49" s="241"/>
      <c r="LS49" s="41"/>
      <c r="LT49" s="41"/>
      <c r="LX49" s="241"/>
      <c r="LY49" s="241"/>
      <c r="MF49" s="41"/>
      <c r="MG49" s="41"/>
      <c r="MK49" s="241"/>
      <c r="ML49" s="241"/>
      <c r="MS49" s="41"/>
      <c r="MT49" s="41"/>
      <c r="MX49" s="241"/>
      <c r="MY49" s="241"/>
      <c r="NF49" s="41"/>
      <c r="NG49" s="41"/>
      <c r="NK49" s="241"/>
      <c r="NL49" s="241"/>
      <c r="NS49" s="41"/>
      <c r="NT49" s="41"/>
      <c r="NX49" s="241"/>
      <c r="NY49" s="241"/>
      <c r="OF49" s="41"/>
      <c r="OG49" s="41"/>
      <c r="OK49" s="241"/>
      <c r="OL49" s="241"/>
      <c r="OS49" s="41"/>
      <c r="OT49" s="41"/>
      <c r="OX49" s="241"/>
      <c r="OY49" s="241"/>
      <c r="PF49" s="41"/>
      <c r="PG49" s="41"/>
      <c r="PK49" s="241"/>
      <c r="PL49" s="241"/>
      <c r="PS49" s="41"/>
      <c r="PT49" s="41"/>
      <c r="PX49" s="241"/>
      <c r="PY49" s="241"/>
      <c r="QF49" s="41"/>
      <c r="QG49" s="41"/>
      <c r="QK49" s="241"/>
      <c r="QL49" s="241"/>
      <c r="QS49" s="41"/>
      <c r="QT49" s="41"/>
      <c r="QX49" s="241"/>
      <c r="QY49" s="241"/>
      <c r="RF49" s="41"/>
      <c r="RG49" s="41"/>
      <c r="RK49" s="241"/>
      <c r="RL49" s="241"/>
      <c r="RS49" s="41"/>
      <c r="RT49" s="41"/>
      <c r="RX49" s="241"/>
      <c r="RY49" s="241"/>
      <c r="SF49" s="41"/>
      <c r="SG49" s="41"/>
      <c r="SK49" s="241"/>
      <c r="SL49" s="241"/>
    </row>
    <row r="50" spans="3:506" ht="18" customHeight="1">
      <c r="E50" s="41"/>
      <c r="F50" s="41"/>
      <c r="G50" s="41"/>
      <c r="K50" s="238"/>
      <c r="L50" s="238"/>
      <c r="S50" s="41"/>
      <c r="T50" s="41"/>
      <c r="X50" s="242"/>
      <c r="Y50" s="242"/>
      <c r="AF50" s="41"/>
      <c r="AG50" s="41"/>
      <c r="AK50" s="242"/>
      <c r="AL50" s="242"/>
      <c r="AS50" s="41"/>
      <c r="AT50" s="41"/>
      <c r="AX50" s="242"/>
      <c r="AY50" s="242"/>
      <c r="BF50" s="41"/>
      <c r="BG50" s="41"/>
      <c r="BK50" s="242"/>
      <c r="BL50" s="242"/>
      <c r="BS50" s="41"/>
      <c r="BT50" s="41"/>
      <c r="BX50" s="242"/>
      <c r="BY50" s="242"/>
      <c r="CF50" s="41"/>
      <c r="CG50" s="41"/>
      <c r="CK50" s="242"/>
      <c r="CL50" s="242"/>
      <c r="CS50" s="41"/>
      <c r="CT50" s="41"/>
      <c r="CX50" s="242"/>
      <c r="CY50" s="242"/>
      <c r="DF50" s="41"/>
      <c r="DG50" s="41"/>
      <c r="DK50" s="242"/>
      <c r="DL50" s="242"/>
      <c r="DS50" s="41"/>
      <c r="DT50" s="41"/>
      <c r="DX50" s="242"/>
      <c r="DY50" s="242"/>
      <c r="EF50" s="41"/>
      <c r="EG50" s="41"/>
      <c r="EK50" s="242"/>
      <c r="EL50" s="242"/>
      <c r="ES50" s="41"/>
      <c r="ET50" s="41"/>
      <c r="EX50" s="242"/>
      <c r="EY50" s="242"/>
      <c r="FF50" s="41"/>
      <c r="FG50" s="41"/>
      <c r="FK50" s="242"/>
      <c r="FL50" s="242"/>
      <c r="FS50" s="41"/>
      <c r="FT50" s="41"/>
      <c r="FX50" s="242"/>
      <c r="FY50" s="242"/>
      <c r="GF50" s="41"/>
      <c r="GG50" s="41"/>
      <c r="GK50" s="242"/>
      <c r="GL50" s="242"/>
      <c r="GS50" s="41"/>
      <c r="GT50" s="41"/>
      <c r="GX50" s="242"/>
      <c r="GY50" s="242"/>
      <c r="HF50" s="41"/>
      <c r="HG50" s="41"/>
      <c r="HK50" s="242"/>
      <c r="HL50" s="242"/>
      <c r="HS50" s="41"/>
      <c r="HT50" s="41"/>
      <c r="HX50" s="242"/>
      <c r="HY50" s="242"/>
      <c r="IF50" s="41"/>
      <c r="IG50" s="41"/>
      <c r="IK50" s="242"/>
      <c r="IL50" s="242"/>
      <c r="IS50" s="41"/>
      <c r="IT50" s="41"/>
      <c r="IX50" s="242"/>
      <c r="IY50" s="242"/>
      <c r="JF50" s="41"/>
      <c r="JG50" s="41"/>
      <c r="JK50" s="242"/>
      <c r="JL50" s="242"/>
      <c r="JS50" s="41"/>
      <c r="JT50" s="41"/>
      <c r="JX50" s="242"/>
      <c r="JY50" s="242"/>
      <c r="KF50" s="41"/>
      <c r="KG50" s="41"/>
      <c r="KK50" s="242"/>
      <c r="KL50" s="242"/>
      <c r="KS50" s="41"/>
      <c r="KT50" s="41"/>
      <c r="KX50" s="242"/>
      <c r="KY50" s="242"/>
      <c r="LF50" s="41"/>
      <c r="LG50" s="41"/>
      <c r="LK50" s="242"/>
      <c r="LL50" s="242"/>
      <c r="LS50" s="41"/>
      <c r="LT50" s="41"/>
      <c r="LX50" s="242"/>
      <c r="LY50" s="242"/>
      <c r="MF50" s="41"/>
      <c r="MG50" s="41"/>
      <c r="MK50" s="242"/>
      <c r="ML50" s="242"/>
      <c r="MS50" s="41"/>
      <c r="MT50" s="41"/>
      <c r="MX50" s="242"/>
      <c r="MY50" s="242"/>
      <c r="NF50" s="41"/>
      <c r="NG50" s="41"/>
      <c r="NK50" s="242"/>
      <c r="NL50" s="242"/>
      <c r="NS50" s="41"/>
      <c r="NT50" s="41"/>
      <c r="NX50" s="242"/>
      <c r="NY50" s="242"/>
      <c r="OF50" s="41"/>
      <c r="OG50" s="41"/>
      <c r="OK50" s="242"/>
      <c r="OL50" s="242"/>
      <c r="OS50" s="41"/>
      <c r="OT50" s="41"/>
      <c r="OX50" s="242"/>
      <c r="OY50" s="242"/>
      <c r="PF50" s="41"/>
      <c r="PG50" s="41"/>
      <c r="PK50" s="242"/>
      <c r="PL50" s="242"/>
      <c r="PS50" s="41"/>
      <c r="PT50" s="41"/>
      <c r="PX50" s="242"/>
      <c r="PY50" s="242"/>
      <c r="QF50" s="41"/>
      <c r="QG50" s="41"/>
      <c r="QK50" s="242"/>
      <c r="QL50" s="242"/>
      <c r="QS50" s="41"/>
      <c r="QT50" s="41"/>
      <c r="QX50" s="242"/>
      <c r="QY50" s="242"/>
      <c r="RF50" s="41"/>
      <c r="RG50" s="41"/>
      <c r="RK50" s="242"/>
      <c r="RL50" s="242"/>
      <c r="RS50" s="41"/>
      <c r="RT50" s="41"/>
      <c r="RX50" s="242"/>
      <c r="RY50" s="242"/>
      <c r="SF50" s="41"/>
      <c r="SG50" s="41"/>
      <c r="SK50" s="242"/>
      <c r="SL50" s="242"/>
    </row>
    <row r="51" spans="3:506" ht="18" customHeight="1">
      <c r="E51" s="41"/>
      <c r="F51" s="41"/>
      <c r="G51" s="41"/>
      <c r="K51" s="245" t="s">
        <v>110</v>
      </c>
      <c r="L51" s="246"/>
      <c r="S51" s="41"/>
      <c r="T51" s="41"/>
      <c r="X51" s="243" t="s">
        <v>110</v>
      </c>
      <c r="Y51" s="244"/>
      <c r="AF51" s="41"/>
      <c r="AG51" s="41"/>
      <c r="AK51" s="243" t="s">
        <v>110</v>
      </c>
      <c r="AL51" s="244"/>
      <c r="AS51" s="41"/>
      <c r="AT51" s="41"/>
      <c r="AX51" s="243" t="s">
        <v>110</v>
      </c>
      <c r="AY51" s="244"/>
      <c r="BF51" s="41"/>
      <c r="BG51" s="41"/>
      <c r="BK51" s="243" t="s">
        <v>110</v>
      </c>
      <c r="BL51" s="244"/>
      <c r="BS51" s="41"/>
      <c r="BT51" s="41"/>
      <c r="BX51" s="243" t="s">
        <v>110</v>
      </c>
      <c r="BY51" s="244"/>
      <c r="CF51" s="41"/>
      <c r="CG51" s="41"/>
      <c r="CK51" s="243" t="s">
        <v>110</v>
      </c>
      <c r="CL51" s="244"/>
      <c r="CS51" s="41"/>
      <c r="CT51" s="41"/>
      <c r="CX51" s="243" t="s">
        <v>110</v>
      </c>
      <c r="CY51" s="244"/>
      <c r="DF51" s="41"/>
      <c r="DG51" s="41"/>
      <c r="DK51" s="243" t="s">
        <v>110</v>
      </c>
      <c r="DL51" s="244"/>
      <c r="DS51" s="41"/>
      <c r="DT51" s="41"/>
      <c r="DX51" s="243" t="s">
        <v>110</v>
      </c>
      <c r="DY51" s="244"/>
      <c r="EF51" s="41"/>
      <c r="EG51" s="41"/>
      <c r="EK51" s="243" t="s">
        <v>110</v>
      </c>
      <c r="EL51" s="244"/>
      <c r="ES51" s="41"/>
      <c r="ET51" s="41"/>
      <c r="EX51" s="243" t="s">
        <v>110</v>
      </c>
      <c r="EY51" s="244"/>
      <c r="FF51" s="41"/>
      <c r="FG51" s="41"/>
      <c r="FK51" s="243" t="s">
        <v>110</v>
      </c>
      <c r="FL51" s="244"/>
      <c r="FS51" s="41"/>
      <c r="FT51" s="41"/>
      <c r="FX51" s="243" t="s">
        <v>110</v>
      </c>
      <c r="FY51" s="244"/>
      <c r="GF51" s="41"/>
      <c r="GG51" s="41"/>
      <c r="GK51" s="243" t="s">
        <v>110</v>
      </c>
      <c r="GL51" s="244"/>
      <c r="GS51" s="41"/>
      <c r="GT51" s="41"/>
      <c r="GX51" s="243" t="s">
        <v>110</v>
      </c>
      <c r="GY51" s="244"/>
      <c r="HF51" s="41"/>
      <c r="HG51" s="41"/>
      <c r="HK51" s="243" t="s">
        <v>110</v>
      </c>
      <c r="HL51" s="244"/>
      <c r="HS51" s="41"/>
      <c r="HT51" s="41"/>
      <c r="HX51" s="243" t="s">
        <v>110</v>
      </c>
      <c r="HY51" s="244"/>
      <c r="IF51" s="41"/>
      <c r="IG51" s="41"/>
      <c r="IK51" s="243" t="s">
        <v>110</v>
      </c>
      <c r="IL51" s="244"/>
      <c r="IS51" s="41"/>
      <c r="IT51" s="41"/>
      <c r="IX51" s="243" t="s">
        <v>110</v>
      </c>
      <c r="IY51" s="244"/>
      <c r="JF51" s="41"/>
      <c r="JG51" s="41"/>
      <c r="JK51" s="243" t="s">
        <v>110</v>
      </c>
      <c r="JL51" s="244"/>
      <c r="JS51" s="41"/>
      <c r="JT51" s="41"/>
      <c r="JX51" s="243" t="s">
        <v>110</v>
      </c>
      <c r="JY51" s="244"/>
      <c r="KF51" s="41"/>
      <c r="KG51" s="41"/>
      <c r="KK51" s="243" t="s">
        <v>110</v>
      </c>
      <c r="KL51" s="244"/>
      <c r="KS51" s="41"/>
      <c r="KT51" s="41"/>
      <c r="KX51" s="243" t="s">
        <v>110</v>
      </c>
      <c r="KY51" s="244"/>
      <c r="LF51" s="41"/>
      <c r="LG51" s="41"/>
      <c r="LK51" s="243" t="s">
        <v>110</v>
      </c>
      <c r="LL51" s="244"/>
      <c r="LS51" s="41"/>
      <c r="LT51" s="41"/>
      <c r="LX51" s="243" t="s">
        <v>110</v>
      </c>
      <c r="LY51" s="244"/>
      <c r="MF51" s="41"/>
      <c r="MG51" s="41"/>
      <c r="MK51" s="243" t="s">
        <v>110</v>
      </c>
      <c r="ML51" s="244"/>
      <c r="MS51" s="41"/>
      <c r="MT51" s="41"/>
      <c r="MX51" s="243" t="s">
        <v>110</v>
      </c>
      <c r="MY51" s="244"/>
      <c r="NF51" s="41"/>
      <c r="NG51" s="41"/>
      <c r="NK51" s="243" t="s">
        <v>110</v>
      </c>
      <c r="NL51" s="244"/>
      <c r="NS51" s="41"/>
      <c r="NT51" s="41"/>
      <c r="NX51" s="243" t="s">
        <v>110</v>
      </c>
      <c r="NY51" s="244"/>
      <c r="OF51" s="41"/>
      <c r="OG51" s="41"/>
      <c r="OK51" s="243" t="s">
        <v>110</v>
      </c>
      <c r="OL51" s="244"/>
      <c r="OS51" s="41"/>
      <c r="OT51" s="41"/>
      <c r="OX51" s="243" t="s">
        <v>110</v>
      </c>
      <c r="OY51" s="244"/>
      <c r="PF51" s="41"/>
      <c r="PG51" s="41"/>
      <c r="PK51" s="243" t="s">
        <v>110</v>
      </c>
      <c r="PL51" s="244"/>
      <c r="PS51" s="41"/>
      <c r="PT51" s="41"/>
      <c r="PX51" s="243" t="s">
        <v>110</v>
      </c>
      <c r="PY51" s="244"/>
      <c r="QF51" s="41"/>
      <c r="QG51" s="41"/>
      <c r="QK51" s="243" t="s">
        <v>110</v>
      </c>
      <c r="QL51" s="244"/>
      <c r="QS51" s="41"/>
      <c r="QT51" s="41"/>
      <c r="QX51" s="243" t="s">
        <v>110</v>
      </c>
      <c r="QY51" s="244"/>
      <c r="RF51" s="41"/>
      <c r="RG51" s="41"/>
      <c r="RK51" s="243" t="s">
        <v>110</v>
      </c>
      <c r="RL51" s="244"/>
      <c r="RS51" s="41"/>
      <c r="RT51" s="41"/>
      <c r="RX51" s="243" t="s">
        <v>110</v>
      </c>
      <c r="RY51" s="244"/>
      <c r="SF51" s="41"/>
      <c r="SG51" s="41"/>
      <c r="SK51" s="243" t="s">
        <v>110</v>
      </c>
      <c r="SL51" s="244"/>
    </row>
    <row r="52" spans="3:506" ht="18" customHeight="1">
      <c r="E52" s="41"/>
      <c r="F52" s="41"/>
      <c r="G52" s="41"/>
      <c r="K52" s="246"/>
      <c r="L52" s="246"/>
      <c r="S52" s="41"/>
      <c r="T52" s="41"/>
      <c r="X52" s="244"/>
      <c r="Y52" s="244"/>
      <c r="AF52" s="41"/>
      <c r="AG52" s="41"/>
      <c r="AK52" s="244"/>
      <c r="AL52" s="244"/>
      <c r="AS52" s="41"/>
      <c r="AT52" s="41"/>
      <c r="AX52" s="244"/>
      <c r="AY52" s="244"/>
      <c r="BF52" s="41"/>
      <c r="BG52" s="41"/>
      <c r="BK52" s="244"/>
      <c r="BL52" s="244"/>
      <c r="BS52" s="41"/>
      <c r="BT52" s="41"/>
      <c r="BX52" s="244"/>
      <c r="BY52" s="244"/>
      <c r="CF52" s="41"/>
      <c r="CG52" s="41"/>
      <c r="CK52" s="244"/>
      <c r="CL52" s="244"/>
      <c r="CS52" s="41"/>
      <c r="CT52" s="41"/>
      <c r="CX52" s="244"/>
      <c r="CY52" s="244"/>
      <c r="DF52" s="41"/>
      <c r="DG52" s="41"/>
      <c r="DK52" s="244"/>
      <c r="DL52" s="244"/>
      <c r="DS52" s="41"/>
      <c r="DT52" s="41"/>
      <c r="DX52" s="244"/>
      <c r="DY52" s="244"/>
      <c r="EF52" s="41"/>
      <c r="EG52" s="41"/>
      <c r="EK52" s="244"/>
      <c r="EL52" s="244"/>
      <c r="ES52" s="41"/>
      <c r="ET52" s="41"/>
      <c r="EX52" s="244"/>
      <c r="EY52" s="244"/>
      <c r="FF52" s="41"/>
      <c r="FG52" s="41"/>
      <c r="FK52" s="244"/>
      <c r="FL52" s="244"/>
      <c r="FS52" s="41"/>
      <c r="FT52" s="41"/>
      <c r="FX52" s="244"/>
      <c r="FY52" s="244"/>
      <c r="GF52" s="41"/>
      <c r="GG52" s="41"/>
      <c r="GK52" s="244"/>
      <c r="GL52" s="244"/>
      <c r="GS52" s="41"/>
      <c r="GT52" s="41"/>
      <c r="GX52" s="244"/>
      <c r="GY52" s="244"/>
      <c r="HF52" s="41"/>
      <c r="HG52" s="41"/>
      <c r="HK52" s="244"/>
      <c r="HL52" s="244"/>
      <c r="HS52" s="41"/>
      <c r="HT52" s="41"/>
      <c r="HX52" s="244"/>
      <c r="HY52" s="244"/>
      <c r="IF52" s="41"/>
      <c r="IG52" s="41"/>
      <c r="IK52" s="244"/>
      <c r="IL52" s="244"/>
      <c r="IS52" s="41"/>
      <c r="IT52" s="41"/>
      <c r="IX52" s="244"/>
      <c r="IY52" s="244"/>
      <c r="JF52" s="41"/>
      <c r="JG52" s="41"/>
      <c r="JK52" s="244"/>
      <c r="JL52" s="244"/>
      <c r="JS52" s="41"/>
      <c r="JT52" s="41"/>
      <c r="JX52" s="244"/>
      <c r="JY52" s="244"/>
      <c r="KF52" s="41"/>
      <c r="KG52" s="41"/>
      <c r="KK52" s="244"/>
      <c r="KL52" s="244"/>
      <c r="KS52" s="41"/>
      <c r="KT52" s="41"/>
      <c r="KX52" s="244"/>
      <c r="KY52" s="244"/>
      <c r="LF52" s="41"/>
      <c r="LG52" s="41"/>
      <c r="LK52" s="244"/>
      <c r="LL52" s="244"/>
      <c r="LS52" s="41"/>
      <c r="LT52" s="41"/>
      <c r="LX52" s="244"/>
      <c r="LY52" s="244"/>
      <c r="MF52" s="41"/>
      <c r="MG52" s="41"/>
      <c r="MK52" s="244"/>
      <c r="ML52" s="244"/>
      <c r="MS52" s="41"/>
      <c r="MT52" s="41"/>
      <c r="MX52" s="244"/>
      <c r="MY52" s="244"/>
      <c r="NF52" s="41"/>
      <c r="NG52" s="41"/>
      <c r="NK52" s="244"/>
      <c r="NL52" s="244"/>
      <c r="NS52" s="41"/>
      <c r="NT52" s="41"/>
      <c r="NX52" s="244"/>
      <c r="NY52" s="244"/>
      <c r="OF52" s="41"/>
      <c r="OG52" s="41"/>
      <c r="OK52" s="244"/>
      <c r="OL52" s="244"/>
      <c r="OS52" s="41"/>
      <c r="OT52" s="41"/>
      <c r="OX52" s="244"/>
      <c r="OY52" s="244"/>
      <c r="PF52" s="41"/>
      <c r="PG52" s="41"/>
      <c r="PK52" s="244"/>
      <c r="PL52" s="244"/>
      <c r="PS52" s="41"/>
      <c r="PT52" s="41"/>
      <c r="PX52" s="244"/>
      <c r="PY52" s="244"/>
      <c r="QF52" s="41"/>
      <c r="QG52" s="41"/>
      <c r="QK52" s="244"/>
      <c r="QL52" s="244"/>
      <c r="QS52" s="41"/>
      <c r="QT52" s="41"/>
      <c r="QX52" s="244"/>
      <c r="QY52" s="244"/>
      <c r="RF52" s="41"/>
      <c r="RG52" s="41"/>
      <c r="RK52" s="244"/>
      <c r="RL52" s="244"/>
      <c r="RS52" s="41"/>
      <c r="RT52" s="41"/>
      <c r="RX52" s="244"/>
      <c r="RY52" s="244"/>
      <c r="SF52" s="41"/>
      <c r="SG52" s="41"/>
      <c r="SK52" s="244"/>
      <c r="SL52" s="244"/>
    </row>
    <row r="53" spans="3:506" ht="18" customHeight="1">
      <c r="E53" s="41"/>
      <c r="F53" s="41"/>
      <c r="G53" s="41"/>
      <c r="K53" s="122"/>
      <c r="L53" s="122"/>
      <c r="S53" s="41"/>
      <c r="T53" s="41"/>
      <c r="AF53" s="41"/>
      <c r="AG53" s="41"/>
      <c r="AS53" s="41"/>
      <c r="AT53" s="41"/>
      <c r="BF53" s="41"/>
      <c r="BG53" s="41"/>
      <c r="BS53" s="41"/>
      <c r="BT53" s="41"/>
      <c r="CF53" s="41"/>
      <c r="CG53" s="41"/>
      <c r="CS53" s="41"/>
      <c r="CT53" s="41"/>
      <c r="DF53" s="41"/>
      <c r="DG53" s="41"/>
      <c r="DS53" s="41"/>
      <c r="DT53" s="41"/>
      <c r="EF53" s="41"/>
      <c r="EG53" s="41"/>
      <c r="ES53" s="41"/>
      <c r="ET53" s="41"/>
      <c r="FF53" s="41"/>
      <c r="FG53" s="41"/>
      <c r="FS53" s="41"/>
      <c r="FT53" s="41"/>
      <c r="GF53" s="41"/>
      <c r="GG53" s="41"/>
      <c r="GS53" s="41"/>
      <c r="GT53" s="41"/>
      <c r="HF53" s="41"/>
      <c r="HG53" s="41"/>
      <c r="HS53" s="41"/>
      <c r="HT53" s="41"/>
      <c r="IF53" s="41"/>
      <c r="IG53" s="41"/>
      <c r="IS53" s="41"/>
      <c r="IT53" s="41"/>
      <c r="JF53" s="41"/>
      <c r="JG53" s="41"/>
      <c r="JS53" s="41"/>
      <c r="JT53" s="41"/>
      <c r="KF53" s="41"/>
      <c r="KG53" s="41"/>
      <c r="KS53" s="41"/>
      <c r="KT53" s="41"/>
      <c r="LF53" s="41"/>
      <c r="LG53" s="41"/>
      <c r="LS53" s="41"/>
      <c r="LT53" s="41"/>
      <c r="MF53" s="41"/>
      <c r="MG53" s="41"/>
      <c r="MS53" s="41"/>
      <c r="MT53" s="41"/>
      <c r="NF53" s="41"/>
      <c r="NG53" s="41"/>
      <c r="NS53" s="41"/>
      <c r="NT53" s="41"/>
      <c r="OF53" s="41"/>
      <c r="OG53" s="41"/>
      <c r="OS53" s="41"/>
      <c r="OT53" s="41"/>
      <c r="PF53" s="41"/>
      <c r="PG53" s="41"/>
      <c r="PS53" s="41"/>
      <c r="PT53" s="41"/>
      <c r="QF53" s="41"/>
      <c r="QG53" s="41"/>
      <c r="QS53" s="41"/>
      <c r="QT53" s="41"/>
      <c r="RF53" s="41"/>
      <c r="RG53" s="41"/>
      <c r="RS53" s="41"/>
      <c r="RT53" s="41"/>
      <c r="SF53" s="41"/>
      <c r="SG53" s="41"/>
    </row>
    <row r="54" spans="3:506" ht="18" customHeight="1">
      <c r="E54" s="41"/>
      <c r="F54" s="41"/>
      <c r="G54" s="41"/>
      <c r="K54" s="122"/>
      <c r="L54" s="122"/>
      <c r="S54" s="41"/>
      <c r="T54" s="41"/>
      <c r="AF54" s="41"/>
      <c r="AG54" s="41"/>
      <c r="AS54" s="41"/>
      <c r="AT54" s="41"/>
      <c r="BF54" s="41"/>
      <c r="BG54" s="41"/>
      <c r="BS54" s="41"/>
      <c r="BT54" s="41"/>
      <c r="CF54" s="41"/>
      <c r="CG54" s="41"/>
      <c r="CS54" s="41"/>
      <c r="CT54" s="41"/>
      <c r="DF54" s="41"/>
      <c r="DG54" s="41"/>
      <c r="DS54" s="41"/>
      <c r="DT54" s="41"/>
      <c r="EF54" s="41"/>
      <c r="EG54" s="41"/>
      <c r="ES54" s="41"/>
      <c r="ET54" s="41"/>
      <c r="FF54" s="41"/>
      <c r="FG54" s="41"/>
      <c r="FS54" s="41"/>
      <c r="FT54" s="41"/>
      <c r="GF54" s="41"/>
      <c r="GG54" s="41"/>
      <c r="GS54" s="41"/>
      <c r="GT54" s="41"/>
      <c r="HF54" s="41"/>
      <c r="HG54" s="41"/>
      <c r="HS54" s="41"/>
      <c r="HT54" s="41"/>
      <c r="IF54" s="41"/>
      <c r="IG54" s="41"/>
      <c r="IS54" s="41"/>
      <c r="IT54" s="41"/>
      <c r="JF54" s="41"/>
      <c r="JG54" s="41"/>
      <c r="JS54" s="41"/>
      <c r="JT54" s="41"/>
      <c r="KF54" s="41"/>
      <c r="KG54" s="41"/>
      <c r="KS54" s="41"/>
      <c r="KT54" s="41"/>
      <c r="LF54" s="41"/>
      <c r="LG54" s="41"/>
      <c r="LS54" s="41"/>
      <c r="LT54" s="41"/>
      <c r="MF54" s="41"/>
      <c r="MG54" s="41"/>
      <c r="MS54" s="41"/>
      <c r="MT54" s="41"/>
      <c r="NF54" s="41"/>
      <c r="NG54" s="41"/>
      <c r="NS54" s="41"/>
      <c r="NT54" s="41"/>
      <c r="OF54" s="41"/>
      <c r="OG54" s="41"/>
      <c r="OS54" s="41"/>
      <c r="OT54" s="41"/>
      <c r="PF54" s="41"/>
      <c r="PG54" s="41"/>
      <c r="PS54" s="41"/>
      <c r="PT54" s="41"/>
      <c r="QF54" s="41"/>
      <c r="QG54" s="41"/>
      <c r="QS54" s="41"/>
      <c r="QT54" s="41"/>
      <c r="RF54" s="41"/>
      <c r="RG54" s="41"/>
      <c r="RS54" s="41"/>
      <c r="RT54" s="41"/>
      <c r="SF54" s="41"/>
      <c r="SG54" s="41"/>
    </row>
    <row r="55" spans="3:506" ht="18" customHeight="1">
      <c r="E55" s="41"/>
      <c r="F55" s="41"/>
      <c r="G55" s="41"/>
      <c r="K55" s="122"/>
      <c r="L55" s="122"/>
      <c r="S55" s="41"/>
      <c r="T55" s="41"/>
      <c r="AF55" s="41"/>
      <c r="AG55" s="41"/>
      <c r="AS55" s="41"/>
      <c r="AT55" s="41"/>
      <c r="BF55" s="41"/>
      <c r="BG55" s="41"/>
      <c r="BS55" s="41"/>
      <c r="BT55" s="41"/>
      <c r="CF55" s="41"/>
      <c r="CG55" s="41"/>
      <c r="CS55" s="41"/>
      <c r="CT55" s="41"/>
      <c r="DF55" s="41"/>
      <c r="DG55" s="41"/>
      <c r="DS55" s="41"/>
      <c r="DT55" s="41"/>
      <c r="EF55" s="41"/>
      <c r="EG55" s="41"/>
      <c r="ES55" s="41"/>
      <c r="ET55" s="41"/>
      <c r="FF55" s="41"/>
      <c r="FG55" s="41"/>
      <c r="FS55" s="41"/>
      <c r="FT55" s="41"/>
      <c r="GF55" s="41"/>
      <c r="GG55" s="41"/>
      <c r="GS55" s="41"/>
      <c r="GT55" s="41"/>
      <c r="HF55" s="41"/>
      <c r="HG55" s="41"/>
      <c r="HS55" s="41"/>
      <c r="HT55" s="41"/>
      <c r="IF55" s="41"/>
      <c r="IG55" s="41"/>
      <c r="IS55" s="41"/>
      <c r="IT55" s="41"/>
      <c r="JF55" s="41"/>
      <c r="JG55" s="41"/>
      <c r="JS55" s="41"/>
      <c r="JT55" s="41"/>
      <c r="KF55" s="41"/>
      <c r="KG55" s="41"/>
      <c r="KS55" s="41"/>
      <c r="KT55" s="41"/>
      <c r="LF55" s="41"/>
      <c r="LG55" s="41"/>
      <c r="LS55" s="41"/>
      <c r="LT55" s="41"/>
      <c r="MF55" s="41"/>
      <c r="MG55" s="41"/>
      <c r="MS55" s="41"/>
      <c r="MT55" s="41"/>
      <c r="NF55" s="41"/>
      <c r="NG55" s="41"/>
      <c r="NS55" s="41"/>
      <c r="NT55" s="41"/>
      <c r="OF55" s="41"/>
      <c r="OG55" s="41"/>
      <c r="OS55" s="41"/>
      <c r="OT55" s="41"/>
      <c r="PF55" s="41"/>
      <c r="PG55" s="41"/>
      <c r="PS55" s="41"/>
      <c r="PT55" s="41"/>
      <c r="QF55" s="41"/>
      <c r="QG55" s="41"/>
      <c r="QS55" s="41"/>
      <c r="QT55" s="41"/>
      <c r="RF55" s="41"/>
      <c r="RG55" s="41"/>
      <c r="RS55" s="41"/>
      <c r="RT55" s="41"/>
      <c r="SF55" s="41"/>
      <c r="SG55" s="41"/>
    </row>
    <row r="56" spans="3:506" ht="18" hidden="1" customHeight="1">
      <c r="C56" s="48"/>
      <c r="K56" s="116" t="s">
        <v>71</v>
      </c>
      <c r="L56" s="116"/>
      <c r="X56" s="330" t="s">
        <v>71</v>
      </c>
      <c r="Y56" s="330"/>
    </row>
    <row r="57" spans="3:506" ht="18" hidden="1" customHeight="1">
      <c r="C57" s="48"/>
      <c r="J57" s="84"/>
      <c r="K57" s="114" t="s">
        <v>32</v>
      </c>
      <c r="L57" s="115">
        <f>COUNT(C9:C46)</f>
        <v>30</v>
      </c>
      <c r="X57" s="154" t="s">
        <v>32</v>
      </c>
      <c r="Y57" s="166">
        <f>COUNT(P9:P46)</f>
        <v>31</v>
      </c>
      <c r="AK57" s="154" t="s">
        <v>32</v>
      </c>
      <c r="AL57" s="166">
        <f>COUNT(AC9:AC46)</f>
        <v>30</v>
      </c>
      <c r="AX57" s="154" t="s">
        <v>32</v>
      </c>
      <c r="AY57" s="166">
        <f>COUNT(AP9:AP46)</f>
        <v>31</v>
      </c>
      <c r="BK57" s="154" t="s">
        <v>32</v>
      </c>
      <c r="BL57" s="166">
        <f>COUNT(BC9:BC46)</f>
        <v>31</v>
      </c>
      <c r="BX57" s="154" t="s">
        <v>32</v>
      </c>
      <c r="BY57" s="166">
        <f>COUNT(BP9:BP46)</f>
        <v>0</v>
      </c>
      <c r="CK57" s="154" t="s">
        <v>32</v>
      </c>
      <c r="CL57" s="166">
        <f>COUNT(CC9:CC46)</f>
        <v>0</v>
      </c>
      <c r="CX57" s="154" t="s">
        <v>32</v>
      </c>
      <c r="CY57" s="166">
        <f>COUNT(CP9:CP46)</f>
        <v>0</v>
      </c>
      <c r="DK57" s="154" t="s">
        <v>32</v>
      </c>
      <c r="DL57" s="166">
        <f>COUNT(DC9:DC46)</f>
        <v>0</v>
      </c>
      <c r="DX57" s="154" t="s">
        <v>32</v>
      </c>
      <c r="DY57" s="166">
        <f>COUNT(DP9:DP46)</f>
        <v>0</v>
      </c>
      <c r="EK57" s="154" t="s">
        <v>32</v>
      </c>
      <c r="EL57" s="166">
        <f>COUNT(EC9:EC46)</f>
        <v>0</v>
      </c>
      <c r="EX57" s="154" t="s">
        <v>32</v>
      </c>
      <c r="EY57" s="166">
        <f>COUNT(EP9:EP46)</f>
        <v>0</v>
      </c>
      <c r="FK57" s="154" t="s">
        <v>32</v>
      </c>
      <c r="FL57" s="166">
        <f>COUNT(FC9:FC46)</f>
        <v>0</v>
      </c>
      <c r="FX57" s="154" t="s">
        <v>32</v>
      </c>
      <c r="FY57" s="166">
        <f>COUNT(FP9:FP46)</f>
        <v>0</v>
      </c>
      <c r="GK57" s="154" t="s">
        <v>32</v>
      </c>
      <c r="GL57" s="166">
        <f>COUNT(GC9:GC46)</f>
        <v>0</v>
      </c>
      <c r="GX57" s="154" t="s">
        <v>32</v>
      </c>
      <c r="GY57" s="166">
        <f>COUNT(GP9:GP46)</f>
        <v>0</v>
      </c>
      <c r="HK57" s="154" t="s">
        <v>32</v>
      </c>
      <c r="HL57" s="166">
        <f>COUNT(HC9:HC46)</f>
        <v>0</v>
      </c>
      <c r="HX57" s="154" t="s">
        <v>32</v>
      </c>
      <c r="HY57" s="166">
        <f>COUNT(HP9:HP46)</f>
        <v>0</v>
      </c>
      <c r="IK57" s="154" t="s">
        <v>32</v>
      </c>
      <c r="IL57" s="166">
        <f>COUNT(IC9:IC46)</f>
        <v>0</v>
      </c>
      <c r="IX57" s="154" t="s">
        <v>32</v>
      </c>
      <c r="IY57" s="166">
        <f>COUNT(IP9:IP46)</f>
        <v>0</v>
      </c>
      <c r="JK57" s="154" t="s">
        <v>32</v>
      </c>
      <c r="JL57" s="166">
        <f>COUNT(JC9:JC46)</f>
        <v>0</v>
      </c>
      <c r="JX57" s="154" t="s">
        <v>32</v>
      </c>
      <c r="JY57" s="166">
        <f>COUNT(JP9:JP46)</f>
        <v>0</v>
      </c>
      <c r="KK57" s="154" t="s">
        <v>32</v>
      </c>
      <c r="KL57" s="166">
        <f>COUNT(KC9:KC46)</f>
        <v>0</v>
      </c>
      <c r="KX57" s="154" t="s">
        <v>32</v>
      </c>
      <c r="KY57" s="166">
        <f>COUNT(KP9:KP46)</f>
        <v>0</v>
      </c>
      <c r="LK57" s="154" t="s">
        <v>32</v>
      </c>
      <c r="LL57" s="166">
        <f>COUNT(LC9:LC46)</f>
        <v>0</v>
      </c>
      <c r="LX57" s="154" t="s">
        <v>32</v>
      </c>
      <c r="LY57" s="166">
        <f>COUNT(LP9:LP46)</f>
        <v>0</v>
      </c>
      <c r="MK57" s="154" t="s">
        <v>32</v>
      </c>
      <c r="ML57" s="166">
        <f>COUNT(MC9:MC46)</f>
        <v>0</v>
      </c>
      <c r="MX57" s="154" t="s">
        <v>32</v>
      </c>
      <c r="MY57" s="166">
        <f>COUNT(MP9:MP46)</f>
        <v>0</v>
      </c>
      <c r="NK57" s="154" t="s">
        <v>32</v>
      </c>
      <c r="NL57" s="166">
        <f>COUNT(NC9:NC46)</f>
        <v>0</v>
      </c>
      <c r="NX57" s="154" t="s">
        <v>32</v>
      </c>
      <c r="NY57" s="166">
        <f>COUNT(NP9:NP46)</f>
        <v>0</v>
      </c>
      <c r="OK57" s="154" t="s">
        <v>32</v>
      </c>
      <c r="OL57" s="166">
        <f>COUNT(OC9:OC46)</f>
        <v>0</v>
      </c>
      <c r="OX57" s="154" t="s">
        <v>32</v>
      </c>
      <c r="OY57" s="166">
        <f>COUNT(OP9:OP46)</f>
        <v>0</v>
      </c>
      <c r="PK57" s="154" t="s">
        <v>32</v>
      </c>
      <c r="PL57" s="166">
        <f>COUNT(PC9:PC46)</f>
        <v>0</v>
      </c>
      <c r="PX57" s="154" t="s">
        <v>32</v>
      </c>
      <c r="PY57" s="166">
        <f>COUNT(PP9:PP46)</f>
        <v>0</v>
      </c>
      <c r="QK57" s="154" t="s">
        <v>32</v>
      </c>
      <c r="QL57" s="166">
        <f>COUNT(QC9:QC46)</f>
        <v>0</v>
      </c>
      <c r="QX57" s="154" t="s">
        <v>32</v>
      </c>
      <c r="QY57" s="166">
        <f>COUNT(QP9:QP46)</f>
        <v>0</v>
      </c>
      <c r="RK57" s="154" t="s">
        <v>32</v>
      </c>
      <c r="RL57" s="166">
        <f>COUNT(RC9:RC46)</f>
        <v>0</v>
      </c>
      <c r="RX57" s="154" t="s">
        <v>32</v>
      </c>
      <c r="RY57" s="166">
        <f>COUNT(RP9:RP46)</f>
        <v>0</v>
      </c>
      <c r="SK57" s="154" t="s">
        <v>32</v>
      </c>
      <c r="SL57" s="166">
        <f>COUNT(SC9:SC46)</f>
        <v>0</v>
      </c>
    </row>
    <row r="58" spans="3:506" ht="18" hidden="1" customHeight="1">
      <c r="C58" s="48"/>
      <c r="J58" s="84"/>
      <c r="K58" s="110"/>
      <c r="L58" s="109"/>
      <c r="X58" s="161"/>
      <c r="Y58" s="163"/>
      <c r="AK58" s="161"/>
      <c r="AL58" s="163"/>
      <c r="AX58" s="161"/>
      <c r="AY58" s="163"/>
      <c r="BK58" s="161"/>
      <c r="BL58" s="163"/>
      <c r="BX58" s="161"/>
      <c r="BY58" s="163"/>
      <c r="CK58" s="161"/>
      <c r="CL58" s="163"/>
      <c r="CX58" s="161"/>
      <c r="CY58" s="163"/>
      <c r="DK58" s="161"/>
      <c r="DL58" s="163"/>
      <c r="DX58" s="161"/>
      <c r="DY58" s="163"/>
      <c r="EK58" s="161"/>
      <c r="EL58" s="163"/>
      <c r="EX58" s="161"/>
      <c r="EY58" s="163"/>
      <c r="FK58" s="161"/>
      <c r="FL58" s="163"/>
      <c r="FX58" s="161"/>
      <c r="FY58" s="163"/>
      <c r="GK58" s="161"/>
      <c r="GL58" s="163"/>
      <c r="GX58" s="161"/>
      <c r="GY58" s="163"/>
      <c r="HK58" s="161"/>
      <c r="HL58" s="163"/>
      <c r="HX58" s="161"/>
      <c r="HY58" s="163"/>
      <c r="IK58" s="161"/>
      <c r="IL58" s="163"/>
      <c r="IX58" s="161"/>
      <c r="IY58" s="163"/>
      <c r="JK58" s="161"/>
      <c r="JL58" s="163"/>
      <c r="JX58" s="161"/>
      <c r="JY58" s="163"/>
      <c r="KK58" s="161"/>
      <c r="KL58" s="163"/>
      <c r="KX58" s="161"/>
      <c r="KY58" s="163"/>
      <c r="LK58" s="161"/>
      <c r="LL58" s="163"/>
      <c r="LX58" s="161"/>
      <c r="LY58" s="163"/>
      <c r="MK58" s="161"/>
      <c r="ML58" s="163"/>
      <c r="MX58" s="161"/>
      <c r="MY58" s="163"/>
      <c r="NK58" s="161"/>
      <c r="NL58" s="163"/>
      <c r="NX58" s="161"/>
      <c r="NY58" s="163"/>
      <c r="OK58" s="161"/>
      <c r="OL58" s="163"/>
      <c r="OX58" s="161"/>
      <c r="OY58" s="163"/>
      <c r="PK58" s="161"/>
      <c r="PL58" s="163"/>
      <c r="PX58" s="161"/>
      <c r="PY58" s="163"/>
      <c r="QK58" s="161"/>
      <c r="QL58" s="163"/>
      <c r="QX58" s="161"/>
      <c r="QY58" s="163"/>
      <c r="RK58" s="161"/>
      <c r="RL58" s="163"/>
      <c r="RX58" s="161"/>
      <c r="RY58" s="163"/>
      <c r="SK58" s="161"/>
      <c r="SL58" s="163"/>
    </row>
    <row r="59" spans="3:506" ht="18" hidden="1" customHeight="1">
      <c r="C59" s="48"/>
      <c r="J59" s="84"/>
      <c r="K59" s="111" t="s">
        <v>67</v>
      </c>
      <c r="L59" s="108">
        <f>COUNTIF(D9:D46,"○")</f>
        <v>0</v>
      </c>
      <c r="X59" s="170" t="s">
        <v>67</v>
      </c>
      <c r="Y59" s="162">
        <f>COUNTIF(Q9:Q46,"○")</f>
        <v>0</v>
      </c>
      <c r="AK59" s="170" t="s">
        <v>67</v>
      </c>
      <c r="AL59" s="162">
        <f>COUNTIF(AD9:AD46,"○")</f>
        <v>0</v>
      </c>
      <c r="AX59" s="170" t="s">
        <v>67</v>
      </c>
      <c r="AY59" s="162">
        <f>COUNTIF(AQ9:AQ46,"○")</f>
        <v>0</v>
      </c>
      <c r="BK59" s="170" t="s">
        <v>67</v>
      </c>
      <c r="BL59" s="162">
        <f>COUNTIF(BD9:BD46,"○")</f>
        <v>0</v>
      </c>
      <c r="BX59" s="170" t="s">
        <v>67</v>
      </c>
      <c r="BY59" s="162">
        <f>COUNTIF(BQ9:BQ46,"○")</f>
        <v>0</v>
      </c>
      <c r="CK59" s="170" t="s">
        <v>67</v>
      </c>
      <c r="CL59" s="162">
        <f>COUNTIF(CD9:CD46,"○")</f>
        <v>0</v>
      </c>
      <c r="CX59" s="170" t="s">
        <v>67</v>
      </c>
      <c r="CY59" s="162">
        <f>COUNTIF(CQ9:CQ46,"○")</f>
        <v>0</v>
      </c>
      <c r="DK59" s="170" t="s">
        <v>67</v>
      </c>
      <c r="DL59" s="162">
        <f>COUNTIF(DD9:DD46,"○")</f>
        <v>0</v>
      </c>
      <c r="DX59" s="170" t="s">
        <v>67</v>
      </c>
      <c r="DY59" s="162">
        <f>COUNTIF(DQ9:DQ46,"○")</f>
        <v>0</v>
      </c>
      <c r="EK59" s="170" t="s">
        <v>67</v>
      </c>
      <c r="EL59" s="162">
        <f>COUNTIF(ED9:ED46,"○")</f>
        <v>0</v>
      </c>
      <c r="EX59" s="170" t="s">
        <v>67</v>
      </c>
      <c r="EY59" s="162">
        <f>COUNTIF(EQ9:EQ46,"○")</f>
        <v>0</v>
      </c>
      <c r="FK59" s="170" t="s">
        <v>67</v>
      </c>
      <c r="FL59" s="162">
        <f>COUNTIF(FD9:FD46,"○")</f>
        <v>0</v>
      </c>
      <c r="FX59" s="170" t="s">
        <v>67</v>
      </c>
      <c r="FY59" s="162">
        <f>COUNTIF(FQ9:FQ46,"○")</f>
        <v>0</v>
      </c>
      <c r="GK59" s="170" t="s">
        <v>67</v>
      </c>
      <c r="GL59" s="162">
        <f>COUNTIF(GD9:GD46,"○")</f>
        <v>0</v>
      </c>
      <c r="GX59" s="170" t="s">
        <v>67</v>
      </c>
      <c r="GY59" s="162">
        <f>COUNTIF(GQ9:GQ46,"○")</f>
        <v>0</v>
      </c>
      <c r="HK59" s="170" t="s">
        <v>67</v>
      </c>
      <c r="HL59" s="162">
        <f>COUNTIF(HD9:HD46,"○")</f>
        <v>0</v>
      </c>
      <c r="HX59" s="170" t="s">
        <v>67</v>
      </c>
      <c r="HY59" s="162">
        <f>COUNTIF(HQ9:HQ46,"○")</f>
        <v>0</v>
      </c>
      <c r="IK59" s="170" t="s">
        <v>67</v>
      </c>
      <c r="IL59" s="162">
        <f>COUNTIF(ID9:ID46,"○")</f>
        <v>0</v>
      </c>
      <c r="IX59" s="170" t="s">
        <v>67</v>
      </c>
      <c r="IY59" s="162">
        <f>COUNTIF(IQ9:IQ46,"○")</f>
        <v>0</v>
      </c>
      <c r="JK59" s="170" t="s">
        <v>67</v>
      </c>
      <c r="JL59" s="162">
        <f>COUNTIF(JD9:JD46,"○")</f>
        <v>0</v>
      </c>
      <c r="JX59" s="170" t="s">
        <v>67</v>
      </c>
      <c r="JY59" s="162">
        <f>COUNTIF(JQ9:JQ46,"○")</f>
        <v>0</v>
      </c>
      <c r="KK59" s="170" t="s">
        <v>67</v>
      </c>
      <c r="KL59" s="162">
        <f>COUNTIF(KD9:KD46,"○")</f>
        <v>0</v>
      </c>
      <c r="KX59" s="170" t="s">
        <v>67</v>
      </c>
      <c r="KY59" s="162">
        <f>COUNTIF(KQ9:KQ46,"○")</f>
        <v>0</v>
      </c>
      <c r="LK59" s="170" t="s">
        <v>67</v>
      </c>
      <c r="LL59" s="162">
        <f>COUNTIF(LD9:LD46,"○")</f>
        <v>0</v>
      </c>
      <c r="LX59" s="170" t="s">
        <v>67</v>
      </c>
      <c r="LY59" s="162">
        <f>COUNTIF(LQ9:LQ46,"○")</f>
        <v>0</v>
      </c>
      <c r="MK59" s="170" t="s">
        <v>67</v>
      </c>
      <c r="ML59" s="162">
        <f>COUNTIF(MD9:MD46,"○")</f>
        <v>0</v>
      </c>
      <c r="MX59" s="170" t="s">
        <v>67</v>
      </c>
      <c r="MY59" s="162">
        <f>COUNTIF(MQ9:MQ46,"○")</f>
        <v>0</v>
      </c>
      <c r="NK59" s="170" t="s">
        <v>67</v>
      </c>
      <c r="NL59" s="162">
        <f>COUNTIF(ND9:ND46,"○")</f>
        <v>0</v>
      </c>
      <c r="NX59" s="170" t="s">
        <v>67</v>
      </c>
      <c r="NY59" s="162">
        <f>COUNTIF(NQ9:NQ46,"○")</f>
        <v>0</v>
      </c>
      <c r="OK59" s="170" t="s">
        <v>67</v>
      </c>
      <c r="OL59" s="162">
        <f>COUNTIF(OD9:OD46,"○")</f>
        <v>0</v>
      </c>
      <c r="OX59" s="170" t="s">
        <v>67</v>
      </c>
      <c r="OY59" s="162">
        <f>COUNTIF(OQ9:OQ46,"○")</f>
        <v>0</v>
      </c>
      <c r="PK59" s="170" t="s">
        <v>67</v>
      </c>
      <c r="PL59" s="162">
        <f>COUNTIF(PD9:PD46,"○")</f>
        <v>0</v>
      </c>
      <c r="PX59" s="170" t="s">
        <v>67</v>
      </c>
      <c r="PY59" s="162">
        <f>COUNTIF(PQ9:PQ46,"○")</f>
        <v>0</v>
      </c>
      <c r="QK59" s="170" t="s">
        <v>67</v>
      </c>
      <c r="QL59" s="162">
        <f>COUNTIF(QD9:QD46,"○")</f>
        <v>0</v>
      </c>
      <c r="QX59" s="170" t="s">
        <v>67</v>
      </c>
      <c r="QY59" s="162">
        <f>COUNTIF(QQ9:QQ46,"○")</f>
        <v>0</v>
      </c>
      <c r="RK59" s="170" t="s">
        <v>67</v>
      </c>
      <c r="RL59" s="162">
        <f>COUNTIF(RD9:RD46,"○")</f>
        <v>0</v>
      </c>
      <c r="RX59" s="170" t="s">
        <v>67</v>
      </c>
      <c r="RY59" s="162">
        <f>COUNTIF(RQ9:RQ46,"○")</f>
        <v>0</v>
      </c>
      <c r="SK59" s="170" t="s">
        <v>67</v>
      </c>
      <c r="SL59" s="162">
        <f>COUNTIF(SD9:SD46,"○")</f>
        <v>0</v>
      </c>
    </row>
    <row r="60" spans="3:506" hidden="1">
      <c r="C60" s="48"/>
      <c r="J60" s="84"/>
      <c r="K60" s="112"/>
      <c r="L60" s="109"/>
      <c r="X60" s="171"/>
      <c r="Y60" s="163"/>
      <c r="AK60" s="171"/>
      <c r="AL60" s="163"/>
      <c r="AX60" s="171"/>
      <c r="AY60" s="163"/>
      <c r="BK60" s="171"/>
      <c r="BL60" s="163"/>
      <c r="BX60" s="171"/>
      <c r="BY60" s="163"/>
      <c r="CK60" s="171"/>
      <c r="CL60" s="163"/>
      <c r="CX60" s="171"/>
      <c r="CY60" s="163"/>
      <c r="DK60" s="171"/>
      <c r="DL60" s="163"/>
      <c r="DX60" s="171"/>
      <c r="DY60" s="163"/>
      <c r="EK60" s="171"/>
      <c r="EL60" s="163"/>
      <c r="EX60" s="171"/>
      <c r="EY60" s="163"/>
      <c r="FK60" s="171"/>
      <c r="FL60" s="163"/>
      <c r="FX60" s="171"/>
      <c r="FY60" s="163"/>
      <c r="GK60" s="171"/>
      <c r="GL60" s="163"/>
      <c r="GX60" s="171"/>
      <c r="GY60" s="163"/>
      <c r="HK60" s="171"/>
      <c r="HL60" s="163"/>
      <c r="HX60" s="171"/>
      <c r="HY60" s="163"/>
      <c r="IK60" s="171"/>
      <c r="IL60" s="163"/>
      <c r="IX60" s="171"/>
      <c r="IY60" s="163"/>
      <c r="JK60" s="171"/>
      <c r="JL60" s="163"/>
      <c r="JX60" s="171"/>
      <c r="JY60" s="163"/>
      <c r="KK60" s="171"/>
      <c r="KL60" s="163"/>
      <c r="KX60" s="171"/>
      <c r="KY60" s="163"/>
      <c r="LK60" s="171"/>
      <c r="LL60" s="163"/>
      <c r="LX60" s="171"/>
      <c r="LY60" s="163"/>
      <c r="MK60" s="171"/>
      <c r="ML60" s="163"/>
      <c r="MX60" s="171"/>
      <c r="MY60" s="163"/>
      <c r="NK60" s="171"/>
      <c r="NL60" s="163"/>
      <c r="NX60" s="171"/>
      <c r="NY60" s="163"/>
      <c r="OK60" s="171"/>
      <c r="OL60" s="163"/>
      <c r="OX60" s="171"/>
      <c r="OY60" s="163"/>
      <c r="PK60" s="171"/>
      <c r="PL60" s="163"/>
      <c r="PX60" s="171"/>
      <c r="PY60" s="163"/>
      <c r="QK60" s="171"/>
      <c r="QL60" s="163"/>
      <c r="QX60" s="171"/>
      <c r="QY60" s="163"/>
      <c r="RK60" s="171"/>
      <c r="RL60" s="163"/>
      <c r="RX60" s="171"/>
      <c r="RY60" s="163"/>
      <c r="SK60" s="171"/>
      <c r="SL60" s="163"/>
    </row>
    <row r="61" spans="3:506" ht="18.75" hidden="1" customHeight="1">
      <c r="F61" s="14">
        <f>COUNTIFS(F9:F46,"○",E9:E46,"")</f>
        <v>8</v>
      </c>
      <c r="K61" s="117" t="s">
        <v>63</v>
      </c>
      <c r="L61" s="115">
        <f>COUNTIFS(B9:B46,"土",D9:D46,"")+COUNTIFS(B9:B46,"日",D9:D46,"")</f>
        <v>8</v>
      </c>
      <c r="X61" s="170" t="s">
        <v>63</v>
      </c>
      <c r="Y61" s="162">
        <f>COUNTIF(S9:S46,"○")</f>
        <v>9</v>
      </c>
      <c r="AK61" s="170" t="s">
        <v>63</v>
      </c>
      <c r="AL61" s="162">
        <f>COUNTIF(AF9:AF46,"○")</f>
        <v>9</v>
      </c>
      <c r="AX61" s="170" t="s">
        <v>63</v>
      </c>
      <c r="AY61" s="162">
        <f>COUNTIF(AS9:AS46,"○")</f>
        <v>8</v>
      </c>
      <c r="BK61" s="170" t="s">
        <v>63</v>
      </c>
      <c r="BL61" s="162">
        <f>COUNTIF(BF9:BF46,"○")</f>
        <v>10</v>
      </c>
      <c r="BX61" s="170" t="s">
        <v>63</v>
      </c>
      <c r="BY61" s="162">
        <f>COUNTIF(BS9:BS46,"○")</f>
        <v>0</v>
      </c>
      <c r="CK61" s="170" t="s">
        <v>63</v>
      </c>
      <c r="CL61" s="162">
        <f>COUNTIF(CF9:CF46,"○")</f>
        <v>0</v>
      </c>
      <c r="CX61" s="170" t="s">
        <v>63</v>
      </c>
      <c r="CY61" s="162">
        <f>COUNTIF(CS9:CS46,"○")</f>
        <v>0</v>
      </c>
      <c r="DK61" s="170" t="s">
        <v>63</v>
      </c>
      <c r="DL61" s="162">
        <f>COUNTIF(DF9:DF46,"○")</f>
        <v>0</v>
      </c>
      <c r="DX61" s="170" t="s">
        <v>63</v>
      </c>
      <c r="DY61" s="162">
        <f>COUNTIF(DS9:DS46,"○")</f>
        <v>0</v>
      </c>
      <c r="EK61" s="170" t="s">
        <v>63</v>
      </c>
      <c r="EL61" s="162">
        <f>COUNTIF(EF9:EF46,"○")</f>
        <v>0</v>
      </c>
      <c r="EX61" s="170" t="s">
        <v>63</v>
      </c>
      <c r="EY61" s="162">
        <f>COUNTIF(ES9:ES46,"○")</f>
        <v>0</v>
      </c>
      <c r="FK61" s="170" t="s">
        <v>63</v>
      </c>
      <c r="FL61" s="162">
        <f>COUNTIF(FF9:FF46,"○")</f>
        <v>0</v>
      </c>
      <c r="FX61" s="170" t="s">
        <v>63</v>
      </c>
      <c r="FY61" s="162">
        <f>COUNTIF(FS9:FS46,"○")</f>
        <v>0</v>
      </c>
      <c r="GK61" s="170" t="s">
        <v>63</v>
      </c>
      <c r="GL61" s="162">
        <f>COUNTIF(GF9:GF46,"○")</f>
        <v>0</v>
      </c>
      <c r="GX61" s="170" t="s">
        <v>63</v>
      </c>
      <c r="GY61" s="162">
        <f>COUNTIF(GS9:GS46,"○")</f>
        <v>0</v>
      </c>
      <c r="HK61" s="170" t="s">
        <v>63</v>
      </c>
      <c r="HL61" s="162">
        <f>COUNTIF(HF9:HF46,"○")</f>
        <v>0</v>
      </c>
      <c r="HX61" s="170" t="s">
        <v>63</v>
      </c>
      <c r="HY61" s="162">
        <f>COUNTIF(HS9:HS46,"○")</f>
        <v>0</v>
      </c>
      <c r="IK61" s="170" t="s">
        <v>63</v>
      </c>
      <c r="IL61" s="162">
        <f>COUNTIF(IF9:IF46,"○")</f>
        <v>0</v>
      </c>
      <c r="IX61" s="170" t="s">
        <v>63</v>
      </c>
      <c r="IY61" s="162">
        <f>COUNTIF(IS9:IS46,"○")</f>
        <v>0</v>
      </c>
      <c r="JK61" s="170" t="s">
        <v>63</v>
      </c>
      <c r="JL61" s="162">
        <f>COUNTIF(JF9:JF46,"○")</f>
        <v>0</v>
      </c>
      <c r="JX61" s="170" t="s">
        <v>63</v>
      </c>
      <c r="JY61" s="162">
        <f>COUNTIF(JS9:JS46,"○")</f>
        <v>0</v>
      </c>
      <c r="KK61" s="170" t="s">
        <v>63</v>
      </c>
      <c r="KL61" s="162">
        <f>COUNTIF(KF9:KF46,"○")</f>
        <v>0</v>
      </c>
      <c r="KX61" s="170" t="s">
        <v>63</v>
      </c>
      <c r="KY61" s="162">
        <f>COUNTIF(KS9:KS46,"○")</f>
        <v>0</v>
      </c>
      <c r="LK61" s="170" t="s">
        <v>63</v>
      </c>
      <c r="LL61" s="162">
        <f>COUNTIF(LF9:LF46,"○")</f>
        <v>0</v>
      </c>
      <c r="LX61" s="170" t="s">
        <v>63</v>
      </c>
      <c r="LY61" s="162">
        <f>COUNTIF(LS9:LS46,"○")</f>
        <v>0</v>
      </c>
      <c r="MK61" s="170" t="s">
        <v>63</v>
      </c>
      <c r="ML61" s="162">
        <f>COUNTIF(MF9:MF46,"○")</f>
        <v>0</v>
      </c>
      <c r="MX61" s="170" t="s">
        <v>63</v>
      </c>
      <c r="MY61" s="162">
        <f>COUNTIF(MS9:MS46,"○")</f>
        <v>0</v>
      </c>
      <c r="NK61" s="170" t="s">
        <v>63</v>
      </c>
      <c r="NL61" s="162">
        <f>COUNTIF(NF9:NF46,"○")</f>
        <v>0</v>
      </c>
      <c r="NX61" s="170" t="s">
        <v>63</v>
      </c>
      <c r="NY61" s="162">
        <f>COUNTIF(NS9:NS46,"○")</f>
        <v>0</v>
      </c>
      <c r="OK61" s="170" t="s">
        <v>63</v>
      </c>
      <c r="OL61" s="162">
        <f>COUNTIF(OF9:OF46,"○")</f>
        <v>0</v>
      </c>
      <c r="OX61" s="170" t="s">
        <v>63</v>
      </c>
      <c r="OY61" s="162">
        <f>COUNTIF(OS9:OS46,"○")</f>
        <v>0</v>
      </c>
      <c r="PK61" s="170" t="s">
        <v>63</v>
      </c>
      <c r="PL61" s="162">
        <f>COUNTIF(PF9:PF46,"○")</f>
        <v>0</v>
      </c>
      <c r="PX61" s="170" t="s">
        <v>63</v>
      </c>
      <c r="PY61" s="162">
        <f>COUNTIF(PS9:PS46,"○")</f>
        <v>0</v>
      </c>
      <c r="QK61" s="170" t="s">
        <v>63</v>
      </c>
      <c r="QL61" s="162">
        <f>COUNTIF(QF9:QF46,"○")</f>
        <v>0</v>
      </c>
      <c r="QX61" s="170" t="s">
        <v>63</v>
      </c>
      <c r="QY61" s="162">
        <f>COUNTIF(QS9:QS46,"○")</f>
        <v>0</v>
      </c>
      <c r="RK61" s="170" t="s">
        <v>63</v>
      </c>
      <c r="RL61" s="162">
        <f>COUNTIF(RF9:RF46,"○")</f>
        <v>0</v>
      </c>
      <c r="RX61" s="170" t="s">
        <v>63</v>
      </c>
      <c r="RY61" s="162">
        <f>COUNTIF(RS9:RS46,"○")</f>
        <v>0</v>
      </c>
      <c r="SK61" s="170" t="s">
        <v>63</v>
      </c>
      <c r="SL61" s="162">
        <f>COUNTIF(SF9:SF46,"○")</f>
        <v>0</v>
      </c>
    </row>
    <row r="62" spans="3:506" hidden="1">
      <c r="K62" s="107"/>
      <c r="L62" s="118"/>
      <c r="X62" s="155"/>
      <c r="Y62" s="323"/>
      <c r="AK62" s="171"/>
      <c r="AL62" s="163"/>
      <c r="AX62" s="161"/>
      <c r="AY62" s="163"/>
      <c r="BK62" s="161"/>
      <c r="BL62" s="163"/>
      <c r="BX62" s="161"/>
      <c r="BY62" s="163"/>
      <c r="CK62" s="161"/>
      <c r="CL62" s="163"/>
      <c r="CX62" s="161"/>
      <c r="CY62" s="163"/>
      <c r="DK62" s="161"/>
      <c r="DL62" s="163"/>
      <c r="DX62" s="161"/>
      <c r="DY62" s="163"/>
      <c r="EK62" s="161"/>
      <c r="EL62" s="163"/>
      <c r="EX62" s="161"/>
      <c r="EY62" s="163"/>
      <c r="FK62" s="161"/>
      <c r="FL62" s="163"/>
      <c r="FX62" s="161"/>
      <c r="FY62" s="163"/>
      <c r="GK62" s="161"/>
      <c r="GL62" s="163"/>
      <c r="GX62" s="161"/>
      <c r="GY62" s="163"/>
      <c r="HK62" s="161"/>
      <c r="HL62" s="163"/>
      <c r="HX62" s="161"/>
      <c r="HY62" s="163"/>
      <c r="IK62" s="161"/>
      <c r="IL62" s="163"/>
      <c r="IX62" s="161"/>
      <c r="IY62" s="163"/>
      <c r="JK62" s="161"/>
      <c r="JL62" s="163"/>
      <c r="JX62" s="161"/>
      <c r="JY62" s="163"/>
      <c r="KK62" s="161"/>
      <c r="KL62" s="163"/>
      <c r="KX62" s="161"/>
      <c r="KY62" s="163"/>
      <c r="LK62" s="161"/>
      <c r="LL62" s="163"/>
      <c r="LX62" s="161"/>
      <c r="LY62" s="163"/>
      <c r="MK62" s="161"/>
      <c r="ML62" s="163"/>
      <c r="MX62" s="161"/>
      <c r="MY62" s="163"/>
      <c r="NK62" s="161"/>
      <c r="NL62" s="163"/>
      <c r="NX62" s="161"/>
      <c r="NY62" s="163"/>
      <c r="OK62" s="161"/>
      <c r="OL62" s="163"/>
      <c r="OX62" s="161"/>
      <c r="OY62" s="163"/>
      <c r="PK62" s="161"/>
      <c r="PL62" s="163"/>
      <c r="PX62" s="161"/>
      <c r="PY62" s="163"/>
      <c r="QK62" s="161"/>
      <c r="QL62" s="163"/>
      <c r="QX62" s="161"/>
      <c r="QY62" s="163"/>
      <c r="RK62" s="161"/>
      <c r="RL62" s="163"/>
      <c r="RX62" s="161"/>
      <c r="RY62" s="163"/>
      <c r="SK62" s="161"/>
      <c r="SL62" s="163"/>
    </row>
    <row r="63" spans="3:506" ht="26.4" hidden="1">
      <c r="K63" s="119" t="s">
        <v>59</v>
      </c>
      <c r="L63" s="120" t="str">
        <f>IF(L9&lt;28,"判定対象外",IF(L13&gt;0.1785,"達成","不達成"))</f>
        <v>不達成</v>
      </c>
      <c r="X63" s="170" t="s">
        <v>59</v>
      </c>
      <c r="Y63" s="327" t="str">
        <f>IF(Y9&lt;28,"判定対象外",IF(Y13&gt;0.1785,"達成","不達成"))</f>
        <v>不達成</v>
      </c>
      <c r="AK63" s="318" t="s">
        <v>59</v>
      </c>
      <c r="AL63" s="325" t="str">
        <f>IF(AL9&lt;28,"判定対象外",IF(AL13&gt;0.1785,"達成","不達成"))</f>
        <v>不達成</v>
      </c>
      <c r="AX63" s="318" t="s">
        <v>59</v>
      </c>
      <c r="AY63" s="325" t="str">
        <f>IF(AY9&lt;28,"判定対象外",IF(AY13&gt;0.1785,"達成","不達成"))</f>
        <v>不達成</v>
      </c>
      <c r="BK63" s="318" t="s">
        <v>59</v>
      </c>
      <c r="BL63" s="325" t="str">
        <f>IF(BL9&lt;28,"判定対象外",IF(BL13&gt;0.1785,"達成","不達成"))</f>
        <v>不達成</v>
      </c>
      <c r="BX63" s="318" t="s">
        <v>59</v>
      </c>
      <c r="BY63" s="325" t="str">
        <f>IF(BY9&lt;28,"判定対象外",IF(BY13&gt;0.1785,"達成","不達成"))</f>
        <v>判定対象外</v>
      </c>
      <c r="CK63" s="318" t="s">
        <v>59</v>
      </c>
      <c r="CL63" s="325" t="str">
        <f>IF(CL9&lt;28,"判定対象外",IF(CL13&gt;0.1785,"達成","不達成"))</f>
        <v>判定対象外</v>
      </c>
      <c r="CX63" s="318" t="s">
        <v>59</v>
      </c>
      <c r="CY63" s="325" t="str">
        <f>IF(CY9&lt;28,"判定対象外",IF(CY13&gt;0.1785,"達成","不達成"))</f>
        <v>判定対象外</v>
      </c>
      <c r="DK63" s="318" t="s">
        <v>59</v>
      </c>
      <c r="DL63" s="325" t="str">
        <f>IF(DL9&lt;28,"判定対象外",IF(DL13&gt;0.1785,"達成","不達成"))</f>
        <v>判定対象外</v>
      </c>
      <c r="DX63" s="318" t="s">
        <v>59</v>
      </c>
      <c r="DY63" s="325" t="str">
        <f>IF(DY9&lt;28,"判定対象外",IF(DY13&gt;0.1785,"達成","不達成"))</f>
        <v>判定対象外</v>
      </c>
      <c r="EK63" s="318" t="s">
        <v>59</v>
      </c>
      <c r="EL63" s="325" t="str">
        <f>IF(EL9&lt;28,"判定対象外",IF(EL13&gt;0.1785,"達成","不達成"))</f>
        <v>判定対象外</v>
      </c>
      <c r="EX63" s="318" t="s">
        <v>59</v>
      </c>
      <c r="EY63" s="325" t="str">
        <f>IF(EY9&lt;28,"判定対象外",IF(EY13&gt;0.1785,"達成","不達成"))</f>
        <v>判定対象外</v>
      </c>
      <c r="FK63" s="318" t="s">
        <v>59</v>
      </c>
      <c r="FL63" s="325" t="str">
        <f>IF(FL9&lt;28,"判定対象外",IF(FL13&gt;0.1785,"達成","不達成"))</f>
        <v>判定対象外</v>
      </c>
      <c r="FX63" s="318" t="s">
        <v>59</v>
      </c>
      <c r="FY63" s="325" t="str">
        <f>IF(FY9&lt;28,"判定対象外",IF(FY13&gt;0.1785,"達成","不達成"))</f>
        <v>判定対象外</v>
      </c>
      <c r="GK63" s="318" t="s">
        <v>59</v>
      </c>
      <c r="GL63" s="325" t="str">
        <f>IF(GL9&lt;28,"判定対象外",IF(GL13&gt;0.1785,"達成","不達成"))</f>
        <v>判定対象外</v>
      </c>
      <c r="GX63" s="318" t="s">
        <v>59</v>
      </c>
      <c r="GY63" s="325" t="str">
        <f>IF(GY9&lt;28,"判定対象外",IF(GY13&gt;0.1785,"達成","不達成"))</f>
        <v>判定対象外</v>
      </c>
      <c r="HK63" s="318" t="s">
        <v>59</v>
      </c>
      <c r="HL63" s="325" t="str">
        <f>IF(HL9&lt;28,"判定対象外",IF(HL13&gt;0.1785,"達成","不達成"))</f>
        <v>判定対象外</v>
      </c>
      <c r="HX63" s="318" t="s">
        <v>59</v>
      </c>
      <c r="HY63" s="325" t="str">
        <f>IF(HY9&lt;28,"判定対象外",IF(HY13&gt;0.1785,"達成","不達成"))</f>
        <v>判定対象外</v>
      </c>
      <c r="IK63" s="318" t="s">
        <v>59</v>
      </c>
      <c r="IL63" s="325" t="str">
        <f>IF(IL9&lt;28,"判定対象外",IF(IL13&gt;0.1785,"達成","不達成"))</f>
        <v>判定対象外</v>
      </c>
      <c r="IX63" s="318" t="s">
        <v>59</v>
      </c>
      <c r="IY63" s="325" t="str">
        <f>IF(IY9&lt;28,"判定対象外",IF(IY13&gt;0.1785,"達成","不達成"))</f>
        <v>判定対象外</v>
      </c>
      <c r="JK63" s="318" t="s">
        <v>59</v>
      </c>
      <c r="JL63" s="325" t="str">
        <f>IF(JL9&lt;28,"判定対象外",IF(JL13&gt;0.1785,"達成","不達成"))</f>
        <v>判定対象外</v>
      </c>
      <c r="JX63" s="318" t="s">
        <v>59</v>
      </c>
      <c r="JY63" s="325" t="str">
        <f>IF(JY9&lt;28,"判定対象外",IF(JY13&gt;0.1785,"達成","不達成"))</f>
        <v>判定対象外</v>
      </c>
      <c r="KK63" s="318" t="s">
        <v>59</v>
      </c>
      <c r="KL63" s="325" t="str">
        <f>IF(KL9&lt;28,"判定対象外",IF(KL13&gt;0.1785,"達成","不達成"))</f>
        <v>判定対象外</v>
      </c>
      <c r="KX63" s="318" t="s">
        <v>59</v>
      </c>
      <c r="KY63" s="325" t="str">
        <f>IF(KY9&lt;28,"判定対象外",IF(KY13&gt;0.1785,"達成","不達成"))</f>
        <v>判定対象外</v>
      </c>
      <c r="LK63" s="318" t="s">
        <v>59</v>
      </c>
      <c r="LL63" s="325" t="str">
        <f>IF(LL9&lt;28,"判定対象外",IF(LL13&gt;0.1785,"達成","不達成"))</f>
        <v>判定対象外</v>
      </c>
      <c r="LX63" s="318" t="s">
        <v>59</v>
      </c>
      <c r="LY63" s="325" t="str">
        <f>IF(LY9&lt;28,"判定対象外",IF(LY13&gt;0.1785,"達成","不達成"))</f>
        <v>判定対象外</v>
      </c>
      <c r="MK63" s="318" t="s">
        <v>59</v>
      </c>
      <c r="ML63" s="325" t="str">
        <f>IF(ML9&lt;28,"判定対象外",IF(ML13&gt;0.1785,"達成","不達成"))</f>
        <v>判定対象外</v>
      </c>
      <c r="MX63" s="318" t="s">
        <v>59</v>
      </c>
      <c r="MY63" s="325" t="str">
        <f>IF(MY9&lt;28,"判定対象外",IF(MY13&gt;0.1785,"達成","不達成"))</f>
        <v>判定対象外</v>
      </c>
      <c r="NK63" s="318" t="s">
        <v>59</v>
      </c>
      <c r="NL63" s="325" t="str">
        <f>IF(NL9&lt;28,"判定対象外",IF(NL13&gt;0.1785,"達成","不達成"))</f>
        <v>判定対象外</v>
      </c>
      <c r="NX63" s="318" t="s">
        <v>59</v>
      </c>
      <c r="NY63" s="325" t="str">
        <f>IF(NY9&lt;28,"判定対象外",IF(NY13&gt;0.1785,"達成","不達成"))</f>
        <v>判定対象外</v>
      </c>
      <c r="OK63" s="318" t="s">
        <v>59</v>
      </c>
      <c r="OL63" s="325" t="str">
        <f>IF(OL9&lt;28,"判定対象外",IF(OL13&gt;0.1785,"達成","不達成"))</f>
        <v>判定対象外</v>
      </c>
      <c r="OX63" s="318" t="s">
        <v>59</v>
      </c>
      <c r="OY63" s="325" t="str">
        <f>IF(OY9&lt;28,"判定対象外",IF(OY13&gt;0.1785,"達成","不達成"))</f>
        <v>判定対象外</v>
      </c>
      <c r="PK63" s="318" t="s">
        <v>59</v>
      </c>
      <c r="PL63" s="325" t="str">
        <f>IF(PL9&lt;28,"判定対象外",IF(PL13&gt;0.1785,"達成","不達成"))</f>
        <v>判定対象外</v>
      </c>
      <c r="PX63" s="318" t="s">
        <v>59</v>
      </c>
      <c r="PY63" s="325" t="str">
        <f>IF(PY9&lt;28,"判定対象外",IF(PY13&gt;0.1785,"達成","不達成"))</f>
        <v>判定対象外</v>
      </c>
      <c r="QK63" s="318" t="s">
        <v>59</v>
      </c>
      <c r="QL63" s="325" t="str">
        <f>IF(QL9&lt;28,"判定対象外",IF(QL13&gt;0.1785,"達成","不達成"))</f>
        <v>判定対象外</v>
      </c>
      <c r="QX63" s="318" t="s">
        <v>59</v>
      </c>
      <c r="QY63" s="325" t="str">
        <f>IF(QY9&lt;28,"判定対象外",IF(QY13&gt;0.1785,"達成","不達成"))</f>
        <v>判定対象外</v>
      </c>
      <c r="RK63" s="318" t="s">
        <v>59</v>
      </c>
      <c r="RL63" s="325" t="str">
        <f>IF(RL9&lt;28,"判定対象外",IF(RL13&gt;0.1785,"達成","不達成"))</f>
        <v>判定対象外</v>
      </c>
      <c r="RX63" s="318" t="s">
        <v>59</v>
      </c>
      <c r="RY63" s="325" t="str">
        <f>IF(RY9&lt;28,"判定対象外",IF(RY13&gt;0.1785,"達成","不達成"))</f>
        <v>判定対象外</v>
      </c>
      <c r="SK63" s="318" t="s">
        <v>59</v>
      </c>
      <c r="SL63" s="325" t="str">
        <f>IF(SL9&lt;28,"判定対象外",IF(SL13&gt;0.1785,"達成","不達成"))</f>
        <v>判定対象外</v>
      </c>
    </row>
    <row r="64" spans="3:506" hidden="1">
      <c r="K64" s="106"/>
      <c r="L64" s="121"/>
      <c r="X64" s="155"/>
      <c r="Y64" s="328"/>
      <c r="AK64" s="329"/>
      <c r="AL64" s="326"/>
      <c r="AX64" s="324"/>
      <c r="AY64" s="326"/>
      <c r="BK64" s="324"/>
      <c r="BL64" s="326"/>
      <c r="BX64" s="324"/>
      <c r="BY64" s="326"/>
      <c r="CK64" s="324"/>
      <c r="CL64" s="326"/>
      <c r="CX64" s="324"/>
      <c r="CY64" s="326"/>
      <c r="DK64" s="324"/>
      <c r="DL64" s="326"/>
      <c r="DX64" s="324"/>
      <c r="DY64" s="326"/>
      <c r="EK64" s="324"/>
      <c r="EL64" s="326"/>
      <c r="EX64" s="324"/>
      <c r="EY64" s="326"/>
      <c r="FK64" s="324"/>
      <c r="FL64" s="326"/>
      <c r="FX64" s="324"/>
      <c r="FY64" s="326"/>
      <c r="GK64" s="324"/>
      <c r="GL64" s="326"/>
      <c r="GX64" s="324"/>
      <c r="GY64" s="326"/>
      <c r="HK64" s="324"/>
      <c r="HL64" s="326"/>
      <c r="HX64" s="324"/>
      <c r="HY64" s="326"/>
      <c r="IK64" s="324"/>
      <c r="IL64" s="326"/>
      <c r="IX64" s="324"/>
      <c r="IY64" s="326"/>
      <c r="JK64" s="324"/>
      <c r="JL64" s="326"/>
      <c r="JX64" s="324"/>
      <c r="JY64" s="326"/>
      <c r="KK64" s="324"/>
      <c r="KL64" s="326"/>
      <c r="KX64" s="324"/>
      <c r="KY64" s="326"/>
      <c r="LK64" s="324"/>
      <c r="LL64" s="326"/>
      <c r="LX64" s="324"/>
      <c r="LY64" s="326"/>
      <c r="MK64" s="324"/>
      <c r="ML64" s="326"/>
      <c r="MX64" s="324"/>
      <c r="MY64" s="326"/>
      <c r="NK64" s="324"/>
      <c r="NL64" s="326"/>
      <c r="NX64" s="324"/>
      <c r="NY64" s="326"/>
      <c r="OK64" s="324"/>
      <c r="OL64" s="326"/>
      <c r="OX64" s="324"/>
      <c r="OY64" s="326"/>
      <c r="PK64" s="324"/>
      <c r="PL64" s="326"/>
      <c r="PX64" s="324"/>
      <c r="PY64" s="326"/>
      <c r="QK64" s="324"/>
      <c r="QL64" s="326"/>
      <c r="QX64" s="324"/>
      <c r="QY64" s="326"/>
      <c r="RK64" s="324"/>
      <c r="RL64" s="326"/>
      <c r="RX64" s="324"/>
      <c r="RY64" s="326"/>
      <c r="SK64" s="324"/>
      <c r="SL64" s="326"/>
    </row>
    <row r="65" spans="8:506" hidden="1">
      <c r="K65" s="122"/>
      <c r="L65" s="122"/>
    </row>
    <row r="66" spans="8:506" hidden="1">
      <c r="K66" s="116" t="s">
        <v>70</v>
      </c>
      <c r="L66" s="116"/>
      <c r="X66" s="320" t="s">
        <v>70</v>
      </c>
      <c r="Y66" s="320"/>
    </row>
    <row r="67" spans="8:506" ht="18.75" hidden="1" customHeight="1">
      <c r="K67" s="331" t="s">
        <v>63</v>
      </c>
      <c r="L67" s="166">
        <f>L61</f>
        <v>8</v>
      </c>
      <c r="X67" s="321" t="s">
        <v>63</v>
      </c>
      <c r="Y67" s="166">
        <f>L67+Y61</f>
        <v>17</v>
      </c>
      <c r="AK67" s="318" t="s">
        <v>63</v>
      </c>
      <c r="AL67" s="316">
        <f>Y67+AL61</f>
        <v>26</v>
      </c>
      <c r="AX67" s="314" t="s">
        <v>63</v>
      </c>
      <c r="AY67" s="316">
        <f>AL67+AY61</f>
        <v>34</v>
      </c>
      <c r="BK67" s="314" t="s">
        <v>63</v>
      </c>
      <c r="BL67" s="316">
        <f>AY67+BL61</f>
        <v>44</v>
      </c>
      <c r="BX67" s="314" t="s">
        <v>63</v>
      </c>
      <c r="BY67" s="316">
        <f>BL67+BY61</f>
        <v>44</v>
      </c>
      <c r="CK67" s="314" t="s">
        <v>63</v>
      </c>
      <c r="CL67" s="316">
        <f>BY67+CL61</f>
        <v>44</v>
      </c>
      <c r="CX67" s="314" t="s">
        <v>63</v>
      </c>
      <c r="CY67" s="316">
        <f>CL67+CY61</f>
        <v>44</v>
      </c>
      <c r="DK67" s="314" t="s">
        <v>63</v>
      </c>
      <c r="DL67" s="316">
        <f>CY67+DL61</f>
        <v>44</v>
      </c>
      <c r="DX67" s="314" t="s">
        <v>63</v>
      </c>
      <c r="DY67" s="316">
        <f>DL67+DY61</f>
        <v>44</v>
      </c>
      <c r="EK67" s="314" t="s">
        <v>63</v>
      </c>
      <c r="EL67" s="316">
        <f>DY67+EL61</f>
        <v>44</v>
      </c>
      <c r="EX67" s="314" t="s">
        <v>63</v>
      </c>
      <c r="EY67" s="316">
        <f>EL67+EY61</f>
        <v>44</v>
      </c>
      <c r="FK67" s="314" t="s">
        <v>63</v>
      </c>
      <c r="FL67" s="316">
        <f>EY67+FL61</f>
        <v>44</v>
      </c>
      <c r="FX67" s="314" t="s">
        <v>63</v>
      </c>
      <c r="FY67" s="316">
        <f>FL67+FY61</f>
        <v>44</v>
      </c>
      <c r="GK67" s="314" t="s">
        <v>63</v>
      </c>
      <c r="GL67" s="316">
        <f>FY67+GL61</f>
        <v>44</v>
      </c>
      <c r="GX67" s="314" t="s">
        <v>63</v>
      </c>
      <c r="GY67" s="316">
        <f>GL67+GY61</f>
        <v>44</v>
      </c>
      <c r="HK67" s="314" t="s">
        <v>63</v>
      </c>
      <c r="HL67" s="316">
        <f>GY67+HL61</f>
        <v>44</v>
      </c>
      <c r="HX67" s="314" t="s">
        <v>63</v>
      </c>
      <c r="HY67" s="316">
        <f>HL67+HY61</f>
        <v>44</v>
      </c>
      <c r="IK67" s="314" t="s">
        <v>63</v>
      </c>
      <c r="IL67" s="316">
        <f>HY67+IL61</f>
        <v>44</v>
      </c>
      <c r="IX67" s="314" t="s">
        <v>63</v>
      </c>
      <c r="IY67" s="316">
        <f>IL67+IY61</f>
        <v>44</v>
      </c>
      <c r="JK67" s="314" t="s">
        <v>63</v>
      </c>
      <c r="JL67" s="316">
        <f>IY67+JL61</f>
        <v>44</v>
      </c>
      <c r="JX67" s="314" t="s">
        <v>63</v>
      </c>
      <c r="JY67" s="316">
        <f>JL67+JY61</f>
        <v>44</v>
      </c>
      <c r="KK67" s="314" t="s">
        <v>63</v>
      </c>
      <c r="KL67" s="316">
        <f>JY67+KL61</f>
        <v>44</v>
      </c>
      <c r="KX67" s="314" t="s">
        <v>63</v>
      </c>
      <c r="KY67" s="316">
        <f>KL67+KY61</f>
        <v>44</v>
      </c>
      <c r="LK67" s="314" t="s">
        <v>63</v>
      </c>
      <c r="LL67" s="316">
        <f>KY67+LL61</f>
        <v>44</v>
      </c>
      <c r="LX67" s="314" t="s">
        <v>63</v>
      </c>
      <c r="LY67" s="316">
        <f>LL67+LY61</f>
        <v>44</v>
      </c>
      <c r="MK67" s="314" t="s">
        <v>63</v>
      </c>
      <c r="ML67" s="316">
        <f>LY67+ML61</f>
        <v>44</v>
      </c>
      <c r="MX67" s="314" t="s">
        <v>63</v>
      </c>
      <c r="MY67" s="316">
        <f>ML67+MY61</f>
        <v>44</v>
      </c>
      <c r="NK67" s="314" t="s">
        <v>63</v>
      </c>
      <c r="NL67" s="316">
        <f>MY67+NL61</f>
        <v>44</v>
      </c>
      <c r="NX67" s="314" t="s">
        <v>63</v>
      </c>
      <c r="NY67" s="316">
        <f>NL67+NY61</f>
        <v>44</v>
      </c>
      <c r="OK67" s="314" t="s">
        <v>63</v>
      </c>
      <c r="OL67" s="316">
        <f>NY67+OL61</f>
        <v>44</v>
      </c>
      <c r="OX67" s="314" t="s">
        <v>63</v>
      </c>
      <c r="OY67" s="316">
        <f>OL67+OY61</f>
        <v>44</v>
      </c>
      <c r="PK67" s="314" t="s">
        <v>63</v>
      </c>
      <c r="PL67" s="316">
        <f>OY67+PL61</f>
        <v>44</v>
      </c>
      <c r="PX67" s="314" t="s">
        <v>63</v>
      </c>
      <c r="PY67" s="316">
        <f>PL67+PY61</f>
        <v>44</v>
      </c>
      <c r="QK67" s="314" t="s">
        <v>63</v>
      </c>
      <c r="QL67" s="316">
        <f>PY67+QL61</f>
        <v>44</v>
      </c>
      <c r="QX67" s="314" t="s">
        <v>63</v>
      </c>
      <c r="QY67" s="316">
        <f>QL67+QY61</f>
        <v>44</v>
      </c>
      <c r="RK67" s="314" t="s">
        <v>63</v>
      </c>
      <c r="RL67" s="316">
        <f>QY67+RL61</f>
        <v>44</v>
      </c>
      <c r="RX67" s="314" t="s">
        <v>63</v>
      </c>
      <c r="RY67" s="316">
        <f>RL67+RY61</f>
        <v>44</v>
      </c>
      <c r="SK67" s="314" t="s">
        <v>63</v>
      </c>
      <c r="SL67" s="316">
        <f>RY67+SL61</f>
        <v>44</v>
      </c>
    </row>
    <row r="68" spans="8:506" hidden="1">
      <c r="K68" s="332"/>
      <c r="L68" s="333"/>
      <c r="X68" s="322"/>
      <c r="Y68" s="323"/>
      <c r="AK68" s="319"/>
      <c r="AL68" s="317"/>
      <c r="AX68" s="315"/>
      <c r="AY68" s="317"/>
      <c r="BK68" s="315"/>
      <c r="BL68" s="317"/>
      <c r="BX68" s="315"/>
      <c r="BY68" s="317"/>
      <c r="CK68" s="315"/>
      <c r="CL68" s="317"/>
      <c r="CX68" s="315"/>
      <c r="CY68" s="317"/>
      <c r="DK68" s="315"/>
      <c r="DL68" s="317"/>
      <c r="DX68" s="315"/>
      <c r="DY68" s="317"/>
      <c r="EK68" s="315"/>
      <c r="EL68" s="317"/>
      <c r="EX68" s="315"/>
      <c r="EY68" s="317"/>
      <c r="FK68" s="315"/>
      <c r="FL68" s="317"/>
      <c r="FX68" s="315"/>
      <c r="FY68" s="317"/>
      <c r="GK68" s="315"/>
      <c r="GL68" s="317"/>
      <c r="GX68" s="315"/>
      <c r="GY68" s="317"/>
      <c r="HK68" s="315"/>
      <c r="HL68" s="317"/>
      <c r="HX68" s="315"/>
      <c r="HY68" s="317"/>
      <c r="IK68" s="315"/>
      <c r="IL68" s="317"/>
      <c r="IX68" s="315"/>
      <c r="IY68" s="317"/>
      <c r="JK68" s="315"/>
      <c r="JL68" s="317"/>
      <c r="JX68" s="315"/>
      <c r="JY68" s="317"/>
      <c r="KK68" s="315"/>
      <c r="KL68" s="317"/>
      <c r="KX68" s="315"/>
      <c r="KY68" s="317"/>
      <c r="LK68" s="315"/>
      <c r="LL68" s="317"/>
      <c r="LX68" s="315"/>
      <c r="LY68" s="317"/>
      <c r="MK68" s="315"/>
      <c r="ML68" s="317"/>
      <c r="MX68" s="315"/>
      <c r="MY68" s="317"/>
      <c r="NK68" s="315"/>
      <c r="NL68" s="317"/>
      <c r="NX68" s="315"/>
      <c r="NY68" s="317"/>
      <c r="OK68" s="315"/>
      <c r="OL68" s="317"/>
      <c r="OX68" s="315"/>
      <c r="OY68" s="317"/>
      <c r="PK68" s="315"/>
      <c r="PL68" s="317"/>
      <c r="PX68" s="315"/>
      <c r="PY68" s="317"/>
      <c r="QK68" s="315"/>
      <c r="QL68" s="317"/>
      <c r="QX68" s="315"/>
      <c r="QY68" s="317"/>
      <c r="RK68" s="315"/>
      <c r="RL68" s="317"/>
      <c r="RX68" s="315"/>
      <c r="RY68" s="317"/>
      <c r="SK68" s="315"/>
      <c r="SL68" s="317"/>
    </row>
    <row r="69" spans="8:506" hidden="1">
      <c r="K69" s="123" t="s">
        <v>73</v>
      </c>
      <c r="L69" s="124">
        <f>IF(COUNTIFS(F9:F46,"○",E9:E46,"")=0,1,0)</f>
        <v>0</v>
      </c>
      <c r="X69" s="99" t="s">
        <v>73</v>
      </c>
      <c r="Y69" s="9">
        <f>IF(AND(COUNTIFS(S9:S46,"○",R9:R46,"")=0,L69=1),1,0)</f>
        <v>0</v>
      </c>
      <c r="AK69" s="99" t="s">
        <v>73</v>
      </c>
      <c r="AL69" s="9">
        <f>IF(AND(COUNTIFS(AF9:AF46,"○",AE9:AE46,"")=0,Y69=1),1,0)</f>
        <v>0</v>
      </c>
      <c r="AX69" s="99" t="s">
        <v>73</v>
      </c>
      <c r="AY69" s="9">
        <f>IF(AND(COUNTIFS(AS9:AS46,"○",AR9:AR46,"")=0,AL69=1),1,0)</f>
        <v>0</v>
      </c>
      <c r="BK69" s="99" t="s">
        <v>73</v>
      </c>
      <c r="BL69" s="9">
        <f>IF(AND(COUNTIFS(BF9:BF46,"○",BE9:BE46,"")=0,AY69=1),1,0)</f>
        <v>0</v>
      </c>
      <c r="BX69" s="99" t="s">
        <v>73</v>
      </c>
      <c r="BY69" s="9">
        <f>IF(AND(COUNTIFS(BS9:BS46,"○",BR9:BR46,"")=0,BL69=1),1,0)</f>
        <v>0</v>
      </c>
      <c r="CK69" s="99" t="s">
        <v>73</v>
      </c>
      <c r="CL69" s="9">
        <f>IF(AND(COUNTIFS(CF9:CF46,"○",CE9:CE46,"")=0,BY69=1),1,0)</f>
        <v>0</v>
      </c>
      <c r="CX69" s="99" t="s">
        <v>73</v>
      </c>
      <c r="CY69" s="9">
        <f>IF(AND(COUNTIFS(CS9:CS46,"○",CR9:CR46,"")=0,CL69=1),1,0)</f>
        <v>0</v>
      </c>
      <c r="DK69" s="99" t="s">
        <v>73</v>
      </c>
      <c r="DL69" s="9">
        <f>IF(AND(COUNTIFS(DF9:DF46,"○",DE9:DE46,"")=0,CY69=1),1,0)</f>
        <v>0</v>
      </c>
      <c r="DX69" s="99" t="s">
        <v>73</v>
      </c>
      <c r="DY69" s="9">
        <f>IF(AND(COUNTIFS(DS9:DS46,"○",DR9:DR46,"")=0,DL69=1),1,0)</f>
        <v>0</v>
      </c>
      <c r="EK69" s="99" t="s">
        <v>73</v>
      </c>
      <c r="EL69" s="9">
        <f>IF(AND(COUNTIFS(EF9:EF46,"○",EE9:EE46,"")=0,DY69=1),1,0)</f>
        <v>0</v>
      </c>
      <c r="EX69" s="99" t="s">
        <v>73</v>
      </c>
      <c r="EY69" s="9">
        <f>IF(AND(COUNTIFS(ES9:ES46,"○",ER9:ER46,"")=0,EL69=1),1,0)</f>
        <v>0</v>
      </c>
      <c r="FK69" s="99" t="s">
        <v>73</v>
      </c>
      <c r="FL69" s="9">
        <f>IF(AND(COUNTIFS(FF9:FF46,"○",FE9:FE46,"")=0,EY69=1),1,0)</f>
        <v>0</v>
      </c>
      <c r="FX69" s="99" t="s">
        <v>73</v>
      </c>
      <c r="FY69" s="9">
        <f>IF(AND(COUNTIFS(FS9:FS46,"○",FR9:FR46,"")=0,FL69=1),1,0)</f>
        <v>0</v>
      </c>
      <c r="GK69" s="99" t="s">
        <v>73</v>
      </c>
      <c r="GL69" s="9">
        <f>IF(AND(COUNTIFS(GF9:GF46,"○",GE9:GE46,"")=0,FY69=1),1,0)</f>
        <v>0</v>
      </c>
      <c r="GX69" s="99" t="s">
        <v>73</v>
      </c>
      <c r="GY69" s="9">
        <f>IF(AND(COUNTIFS(GS9:GS46,"○",GR9:GR46,"")=0,GL69=1),1,0)</f>
        <v>0</v>
      </c>
      <c r="HK69" s="99" t="s">
        <v>73</v>
      </c>
      <c r="HL69" s="9">
        <f>IF(AND(COUNTIFS(HF9:HF46,"○",HE9:HE46,"")=0,GY69=1),1,0)</f>
        <v>0</v>
      </c>
      <c r="HX69" s="99" t="s">
        <v>73</v>
      </c>
      <c r="HY69" s="9">
        <f>IF(AND(COUNTIFS(HS9:HS46,"○",HR9:HR46,"")=0,HL69=1),1,0)</f>
        <v>0</v>
      </c>
      <c r="IK69" s="99" t="s">
        <v>73</v>
      </c>
      <c r="IL69" s="9">
        <f>IF(AND(COUNTIFS(IF9:IF46,"○",IE9:IE46,"")=0,HY69=1),1,0)</f>
        <v>0</v>
      </c>
      <c r="IX69" s="99" t="s">
        <v>73</v>
      </c>
      <c r="IY69" s="9">
        <f>IF(AND(COUNTIFS(IS9:IS46,"○",IR9:IR46,"")=0,IL69=1),1,0)</f>
        <v>0</v>
      </c>
      <c r="JK69" s="99" t="s">
        <v>73</v>
      </c>
      <c r="JL69" s="9">
        <f>IF(AND(COUNTIFS(JF9:JF46,"○",JE9:JE46,"")=0,IY69=1),1,0)</f>
        <v>0</v>
      </c>
      <c r="JX69" s="99" t="s">
        <v>73</v>
      </c>
      <c r="JY69" s="9">
        <f>IF(AND(COUNTIFS(JS9:JS46,"○",JR9:JR46,"")=0,JL69=1),1,0)</f>
        <v>0</v>
      </c>
      <c r="KK69" s="99" t="s">
        <v>73</v>
      </c>
      <c r="KL69" s="9">
        <f>IF(AND(COUNTIFS(KF9:KF46,"○",KE9:KE46,"")=0,JY69=1),1,0)</f>
        <v>0</v>
      </c>
      <c r="KX69" s="99" t="s">
        <v>73</v>
      </c>
      <c r="KY69" s="9">
        <f>IF(AND(COUNTIFS(KS9:KS46,"○",KR9:KR46,"")=0,KL69=1),1,0)</f>
        <v>0</v>
      </c>
      <c r="LK69" s="99" t="s">
        <v>73</v>
      </c>
      <c r="LL69" s="9">
        <f>IF(AND(COUNTIFS(LF9:LF46,"○",LE9:LE46,"")=0,KY69=1),1,0)</f>
        <v>0</v>
      </c>
      <c r="LX69" s="99" t="s">
        <v>73</v>
      </c>
      <c r="LY69" s="9">
        <f>IF(AND(COUNTIFS(LS9:LS46,"○",LR9:LR46,"")=0,LL69=1),1,0)</f>
        <v>0</v>
      </c>
      <c r="MK69" s="99" t="s">
        <v>73</v>
      </c>
      <c r="ML69" s="9">
        <f>IF(AND(COUNTIFS(MF9:MF46,"○",ME9:ME46,"")=0,LY69=1),1,0)</f>
        <v>0</v>
      </c>
      <c r="MX69" s="99" t="s">
        <v>73</v>
      </c>
      <c r="MY69" s="9">
        <f>IF(AND(COUNTIFS(MS9:MS46,"○",MR9:MR46,"")=0,ML69=1),1,0)</f>
        <v>0</v>
      </c>
      <c r="NK69" s="99" t="s">
        <v>73</v>
      </c>
      <c r="NL69" s="9">
        <f>IF(AND(COUNTIFS(NF9:NF46,"○",NE9:NE46,"")=0,MY69=1),1,0)</f>
        <v>0</v>
      </c>
      <c r="NX69" s="99" t="s">
        <v>73</v>
      </c>
      <c r="NY69" s="9">
        <f>IF(AND(COUNTIFS(NS9:NS46,"○",NR9:NR46,"")=0,NL69=1),1,0)</f>
        <v>0</v>
      </c>
      <c r="OK69" s="99" t="s">
        <v>73</v>
      </c>
      <c r="OL69" s="9">
        <f>IF(AND(COUNTIFS(OF9:OF46,"○",OE9:OE46,"")=0,NY69=1),1,0)</f>
        <v>0</v>
      </c>
      <c r="OX69" s="99" t="s">
        <v>73</v>
      </c>
      <c r="OY69" s="9">
        <f>IF(AND(COUNTIFS(OS9:OS46,"○",OR9:OR46,"")=0,OL69=1),1,0)</f>
        <v>0</v>
      </c>
      <c r="PL69" s="9">
        <f>IF(AND(COUNTIFS(PF9:PF46,"○",PE9:PE46,"")=0,OY69=1),1,0)</f>
        <v>0</v>
      </c>
      <c r="PY69" s="9">
        <f>IF(AND(COUNTIFS(PS9:PS46,"○",PR9:PR46,"")=0,PL69=1),1,0)</f>
        <v>0</v>
      </c>
      <c r="QL69" s="9">
        <f>IF(AND(COUNTIFS(QF9:QF46,"○",QE9:QE46,"")=0,PY69=1),1,0)</f>
        <v>0</v>
      </c>
      <c r="QY69" s="9">
        <f>IF(AND(COUNTIFS(QS9:QS46,"○",QR9:QR46,"")=0,QL69=1),1,0)</f>
        <v>0</v>
      </c>
      <c r="RL69" s="9">
        <f>IF(AND(COUNTIFS(RF9:RF46,"○",RE9:RE46,"")=0,QY69=1),1,0)</f>
        <v>0</v>
      </c>
      <c r="RY69" s="9">
        <f>IF(AND(COUNTIFS(RS9:RS46,"○",RR9:RR46,"")=0,RL69=1),1,0)</f>
        <v>0</v>
      </c>
      <c r="SL69" s="9">
        <f>IF(AND(COUNTIFS(SF9:SF46,"○",SE9:SE46,"")=0,RY69=1),1,0)</f>
        <v>0</v>
      </c>
    </row>
    <row r="70" spans="8:506" hidden="1">
      <c r="K70" s="123" t="s">
        <v>92</v>
      </c>
      <c r="L70" s="124">
        <f>+COUNTIF(F9:F46,"○")</f>
        <v>8</v>
      </c>
      <c r="X70" s="99" t="s">
        <v>92</v>
      </c>
      <c r="Y70" s="98">
        <f>+COUNTIF(S9:S46,"○")</f>
        <v>9</v>
      </c>
      <c r="AK70" s="99" t="s">
        <v>92</v>
      </c>
      <c r="AL70" s="98">
        <f>+COUNTIF(AF9:AF46,"○")</f>
        <v>9</v>
      </c>
      <c r="AX70" s="99" t="s">
        <v>92</v>
      </c>
      <c r="AY70" s="98">
        <f>+COUNTIF(AS9:AS46,"○")</f>
        <v>8</v>
      </c>
      <c r="BK70" s="99" t="s">
        <v>92</v>
      </c>
      <c r="BL70" s="98">
        <f>+COUNTIF(BF9:BF46,"○")</f>
        <v>10</v>
      </c>
      <c r="BX70" s="99" t="s">
        <v>92</v>
      </c>
      <c r="BY70" s="98">
        <f>+COUNTIF(BS9:BS46,"○")</f>
        <v>0</v>
      </c>
      <c r="CK70" s="99" t="s">
        <v>92</v>
      </c>
      <c r="CL70" s="98">
        <f>+COUNTIF(CF9:CF46,"○")</f>
        <v>0</v>
      </c>
      <c r="CX70" s="99" t="s">
        <v>92</v>
      </c>
      <c r="CY70" s="98">
        <f>+COUNTIF(CS9:CS46,"○")</f>
        <v>0</v>
      </c>
      <c r="DK70" s="99" t="s">
        <v>92</v>
      </c>
      <c r="DL70" s="98">
        <f>+COUNTIF(DF9:DF46,"○")</f>
        <v>0</v>
      </c>
      <c r="DX70" s="99" t="s">
        <v>92</v>
      </c>
      <c r="DY70" s="98">
        <f>+COUNTIF(DS9:DS46,"○")</f>
        <v>0</v>
      </c>
      <c r="EK70" s="99" t="s">
        <v>92</v>
      </c>
      <c r="EL70" s="98">
        <f>+COUNTIF(EF9:EF46,"○")</f>
        <v>0</v>
      </c>
      <c r="EX70" s="99" t="s">
        <v>92</v>
      </c>
      <c r="EY70" s="98">
        <f>+COUNTIF(ES9:ES46,"○")</f>
        <v>0</v>
      </c>
      <c r="FK70" s="99" t="s">
        <v>92</v>
      </c>
      <c r="FL70" s="98">
        <f>+COUNTIF(FF9:FF46,"○")</f>
        <v>0</v>
      </c>
      <c r="FX70" s="99" t="s">
        <v>92</v>
      </c>
      <c r="FY70" s="98">
        <f>+COUNTIF(FS9:FS46,"○")</f>
        <v>0</v>
      </c>
      <c r="GK70" s="99" t="s">
        <v>92</v>
      </c>
      <c r="GL70" s="98">
        <f>+COUNTIF(GF9:GF46,"○")</f>
        <v>0</v>
      </c>
      <c r="GX70" s="99" t="s">
        <v>92</v>
      </c>
      <c r="GY70" s="98">
        <f>+COUNTIF(GS9:GS46,"○")</f>
        <v>0</v>
      </c>
      <c r="HK70" s="99" t="s">
        <v>92</v>
      </c>
      <c r="HL70" s="98">
        <f>+COUNTIF(HF9:HF46,"○")</f>
        <v>0</v>
      </c>
      <c r="HX70" s="99" t="s">
        <v>92</v>
      </c>
      <c r="HY70" s="98">
        <f>+COUNTIF(HS9:HS46,"○")</f>
        <v>0</v>
      </c>
      <c r="IK70" s="99" t="s">
        <v>92</v>
      </c>
      <c r="IL70" s="98">
        <f>+COUNTIF(IF9:IF46,"○")</f>
        <v>0</v>
      </c>
      <c r="IX70" s="99" t="s">
        <v>92</v>
      </c>
      <c r="IY70" s="98">
        <f>+COUNTIF(IS9:IS46,"○")</f>
        <v>0</v>
      </c>
      <c r="JK70" s="99" t="s">
        <v>92</v>
      </c>
      <c r="JL70" s="98">
        <f>+COUNTIF(JF9:JF46,"○")</f>
        <v>0</v>
      </c>
      <c r="JX70" s="99" t="s">
        <v>92</v>
      </c>
      <c r="JY70" s="98">
        <f>+COUNTIF(JS9:JS46,"○")</f>
        <v>0</v>
      </c>
      <c r="KK70" s="99" t="s">
        <v>92</v>
      </c>
      <c r="KL70" s="98">
        <f>+COUNTIF(KF9:KF46,"○")</f>
        <v>0</v>
      </c>
      <c r="KX70" s="99" t="s">
        <v>92</v>
      </c>
      <c r="KY70" s="98">
        <f>+COUNTIF(KS9:KS46,"○")</f>
        <v>0</v>
      </c>
      <c r="LK70" s="99" t="s">
        <v>92</v>
      </c>
      <c r="LL70" s="98">
        <f>+COUNTIF(LF9:LF46,"○")</f>
        <v>0</v>
      </c>
      <c r="LX70" s="99" t="s">
        <v>92</v>
      </c>
      <c r="LY70" s="98">
        <f>+COUNTIF(LS9:LS46,"○")</f>
        <v>0</v>
      </c>
      <c r="MK70" s="99" t="s">
        <v>92</v>
      </c>
      <c r="ML70" s="98">
        <f>+COUNTIF(MF9:MF46,"○")</f>
        <v>0</v>
      </c>
      <c r="MX70" s="99" t="s">
        <v>92</v>
      </c>
      <c r="MY70" s="98">
        <f>+COUNTIF(MS9:MS46,"○")</f>
        <v>0</v>
      </c>
      <c r="NK70" s="99" t="s">
        <v>92</v>
      </c>
      <c r="NL70" s="98">
        <f>+COUNTIF(NF9:NF46,"○")</f>
        <v>0</v>
      </c>
      <c r="NX70" s="99" t="s">
        <v>92</v>
      </c>
      <c r="NY70" s="98">
        <f>+COUNTIF(NS9:NS46,"○")</f>
        <v>0</v>
      </c>
      <c r="OK70" s="99" t="s">
        <v>92</v>
      </c>
      <c r="OL70" s="98">
        <f>+COUNTIF(OF9:OF46,"○")</f>
        <v>0</v>
      </c>
      <c r="OX70" s="99" t="s">
        <v>92</v>
      </c>
      <c r="OY70" s="98">
        <f>+COUNTIF(OS9:OS46,"○")</f>
        <v>0</v>
      </c>
      <c r="PK70" s="99" t="s">
        <v>92</v>
      </c>
      <c r="PL70" s="98">
        <f>+COUNTIF(PF9:PF46,"○")</f>
        <v>0</v>
      </c>
      <c r="PX70" s="99" t="s">
        <v>92</v>
      </c>
      <c r="PY70" s="98">
        <f>+COUNTIF(PS9:PS46,"○")</f>
        <v>0</v>
      </c>
      <c r="QK70" s="99" t="s">
        <v>92</v>
      </c>
      <c r="QL70" s="98">
        <f>+COUNTIF(QF9:QF46,"○")</f>
        <v>0</v>
      </c>
      <c r="QX70" s="99" t="s">
        <v>92</v>
      </c>
      <c r="QY70" s="98">
        <f>+COUNTIF(QS9:QS46,"○")</f>
        <v>0</v>
      </c>
      <c r="RK70" s="99" t="s">
        <v>92</v>
      </c>
      <c r="RL70" s="98">
        <f>+COUNTIF(RF9:RF46,"○")</f>
        <v>0</v>
      </c>
      <c r="RX70" s="99" t="s">
        <v>92</v>
      </c>
      <c r="RY70" s="98">
        <f>+COUNTIF(RS9:RS46,"○")</f>
        <v>0</v>
      </c>
      <c r="SK70" s="99" t="s">
        <v>92</v>
      </c>
      <c r="SL70" s="98">
        <f>+COUNTIF(SF9:SF46,"○")</f>
        <v>0</v>
      </c>
    </row>
    <row r="71" spans="8:506" hidden="1">
      <c r="K71" s="122"/>
      <c r="L71" s="122"/>
    </row>
    <row r="72" spans="8:506" hidden="1">
      <c r="H72" s="334" t="s">
        <v>138</v>
      </c>
      <c r="I72" s="187"/>
      <c r="J72" s="187"/>
      <c r="K72" s="187"/>
      <c r="L72" s="127" t="str">
        <f>IF(L11/L9&lt;8/28,"×","○")</f>
        <v>×</v>
      </c>
      <c r="U72" s="334" t="s">
        <v>137</v>
      </c>
      <c r="V72" s="187"/>
      <c r="W72" s="187"/>
      <c r="X72" s="187"/>
      <c r="Y72" s="127" t="str">
        <f>IF(Y9=0,L34,IF(Y11/Y9&lt;8/28,"×","○"))</f>
        <v>×</v>
      </c>
      <c r="AH72" s="334" t="s">
        <v>137</v>
      </c>
      <c r="AI72" s="187"/>
      <c r="AJ72" s="187"/>
      <c r="AK72" s="187"/>
      <c r="AL72" s="127" t="str">
        <f>IF(AL9=0,Y34,IF(AL11/AL9&lt;8/28,"×","○"))</f>
        <v>×</v>
      </c>
      <c r="AU72" s="334" t="s">
        <v>137</v>
      </c>
      <c r="AV72" s="187"/>
      <c r="AW72" s="187"/>
      <c r="AX72" s="187"/>
      <c r="AY72" s="127" t="str">
        <f>IF(AY9=0,AL34,IF(AY11/AY9&lt;8/28,"×","○"))</f>
        <v>×</v>
      </c>
      <c r="BH72" s="334" t="s">
        <v>137</v>
      </c>
      <c r="BI72" s="187"/>
      <c r="BJ72" s="187"/>
      <c r="BK72" s="187"/>
      <c r="BL72" s="127" t="str">
        <f>IF(BL9=0,AY34,IF(BL11/BL9&lt;8/28,"×","○"))</f>
        <v>×</v>
      </c>
      <c r="BU72" s="334" t="s">
        <v>137</v>
      </c>
      <c r="BV72" s="187"/>
      <c r="BW72" s="187"/>
      <c r="BX72" s="187"/>
      <c r="BY72" s="127" t="str">
        <f>IF(BY9=0,BL34,IF(BY11/BY9&lt;8/28,"×","○"))</f>
        <v>×</v>
      </c>
      <c r="CH72" s="334" t="s">
        <v>137</v>
      </c>
      <c r="CI72" s="187"/>
      <c r="CJ72" s="187"/>
      <c r="CK72" s="187"/>
      <c r="CL72" s="127" t="str">
        <f>IF(CL9=0,BY34,IF(CL11/CL9&lt;8/28,"×","○"))</f>
        <v>×</v>
      </c>
      <c r="CU72" s="334" t="s">
        <v>137</v>
      </c>
      <c r="CV72" s="187"/>
      <c r="CW72" s="187"/>
      <c r="CX72" s="187"/>
      <c r="CY72" s="127" t="str">
        <f>IF(CY9=0,CL34,IF(CY11/CY9&lt;8/28,"×","○"))</f>
        <v>×</v>
      </c>
      <c r="DH72" s="334" t="s">
        <v>137</v>
      </c>
      <c r="DI72" s="187"/>
      <c r="DJ72" s="187"/>
      <c r="DK72" s="187"/>
      <c r="DL72" s="127" t="str">
        <f>IF(DL9=0,CY34,IF(DL11/DL9&lt;8/28,"×","○"))</f>
        <v>×</v>
      </c>
      <c r="DU72" s="334" t="s">
        <v>137</v>
      </c>
      <c r="DV72" s="187"/>
      <c r="DW72" s="187"/>
      <c r="DX72" s="187"/>
      <c r="DY72" s="127" t="str">
        <f>IF(DY9=0,DL34,IF(DY11/DY9&lt;8/28,"×","○"))</f>
        <v>×</v>
      </c>
      <c r="EH72" s="334" t="s">
        <v>137</v>
      </c>
      <c r="EI72" s="187"/>
      <c r="EJ72" s="187"/>
      <c r="EK72" s="187"/>
      <c r="EL72" s="127" t="str">
        <f>IF(EL9=0,DY34,IF(EL11/EL9&lt;8/28,"×","○"))</f>
        <v>×</v>
      </c>
      <c r="EU72" s="334" t="s">
        <v>137</v>
      </c>
      <c r="EV72" s="187"/>
      <c r="EW72" s="187"/>
      <c r="EX72" s="187"/>
      <c r="EY72" s="127" t="str">
        <f>IF(EY9=0,EL34,IF(EY11/EY9&lt;8/28,"×","○"))</f>
        <v>×</v>
      </c>
      <c r="FH72" s="334" t="s">
        <v>137</v>
      </c>
      <c r="FI72" s="187"/>
      <c r="FJ72" s="187"/>
      <c r="FK72" s="187"/>
      <c r="FL72" s="127" t="str">
        <f>IF(FL9=0,EY34,IF(FL11/FL9&lt;8/28,"×","○"))</f>
        <v>×</v>
      </c>
      <c r="FU72" s="334" t="s">
        <v>137</v>
      </c>
      <c r="FV72" s="187"/>
      <c r="FW72" s="187"/>
      <c r="FX72" s="187"/>
      <c r="FY72" s="127" t="str">
        <f>IF(FY9=0,FL34,IF(FY11/FY9&lt;8/28,"×","○"))</f>
        <v>×</v>
      </c>
      <c r="GH72" s="334" t="s">
        <v>137</v>
      </c>
      <c r="GI72" s="187"/>
      <c r="GJ72" s="187"/>
      <c r="GK72" s="187"/>
      <c r="GL72" s="127" t="str">
        <f>IF(GL9=0,FY34,IF(GL11/GL9&lt;8/28,"×","○"))</f>
        <v>×</v>
      </c>
      <c r="GU72" s="334" t="s">
        <v>137</v>
      </c>
      <c r="GV72" s="187"/>
      <c r="GW72" s="187"/>
      <c r="GX72" s="187"/>
      <c r="GY72" s="127" t="str">
        <f>IF(GY9=0,GL34,IF(GY11/GY9&lt;8/28,"×","○"))</f>
        <v>×</v>
      </c>
      <c r="HH72" s="334" t="s">
        <v>137</v>
      </c>
      <c r="HI72" s="187"/>
      <c r="HJ72" s="187"/>
      <c r="HK72" s="187"/>
      <c r="HL72" s="127" t="str">
        <f>IF(HL9=0,GY34,IF(HL11/HL9&lt;8/28,"×","○"))</f>
        <v>×</v>
      </c>
      <c r="HU72" s="334" t="s">
        <v>137</v>
      </c>
      <c r="HV72" s="187"/>
      <c r="HW72" s="187"/>
      <c r="HX72" s="187"/>
      <c r="HY72" s="127" t="str">
        <f>IF(HY9=0,HL34,IF(HY11/HY9&lt;8/28,"×","○"))</f>
        <v>×</v>
      </c>
      <c r="IH72" s="334" t="s">
        <v>137</v>
      </c>
      <c r="II72" s="187"/>
      <c r="IJ72" s="187"/>
      <c r="IK72" s="187"/>
      <c r="IL72" s="127" t="str">
        <f>IF(IL9=0,HY34,IF(IL11/IL9&lt;8/28,"×","○"))</f>
        <v>×</v>
      </c>
      <c r="IU72" s="334" t="s">
        <v>137</v>
      </c>
      <c r="IV72" s="187"/>
      <c r="IW72" s="187"/>
      <c r="IX72" s="187"/>
      <c r="IY72" s="127" t="str">
        <f>IF(IY9=0,IL34,IF(IY11/IY9&lt;8/28,"×","○"))</f>
        <v>×</v>
      </c>
      <c r="JH72" s="334" t="s">
        <v>137</v>
      </c>
      <c r="JI72" s="187"/>
      <c r="JJ72" s="187"/>
      <c r="JK72" s="187"/>
      <c r="JL72" s="127" t="str">
        <f>IF(JL9=0,IY34,IF(JL11/JL9&lt;8/28,"×","○"))</f>
        <v>×</v>
      </c>
      <c r="JU72" s="334" t="s">
        <v>137</v>
      </c>
      <c r="JV72" s="187"/>
      <c r="JW72" s="187"/>
      <c r="JX72" s="187"/>
      <c r="JY72" s="127" t="str">
        <f>IF(JY9=0,JL34,IF(JY11/JY9&lt;8/28,"×","○"))</f>
        <v>×</v>
      </c>
      <c r="KH72" s="334" t="s">
        <v>137</v>
      </c>
      <c r="KI72" s="187"/>
      <c r="KJ72" s="187"/>
      <c r="KK72" s="187"/>
      <c r="KL72" s="127" t="str">
        <f>IF(KL9=0,JY34,IF(KL11/KL9&lt;8/28,"×","○"))</f>
        <v>×</v>
      </c>
      <c r="KU72" s="334" t="s">
        <v>137</v>
      </c>
      <c r="KV72" s="187"/>
      <c r="KW72" s="187"/>
      <c r="KX72" s="187"/>
      <c r="KY72" s="127" t="str">
        <f>IF(KY9=0,KL34,IF(KY11/KY9&lt;8/28,"×","○"))</f>
        <v>×</v>
      </c>
      <c r="LH72" s="334" t="s">
        <v>137</v>
      </c>
      <c r="LI72" s="187"/>
      <c r="LJ72" s="187"/>
      <c r="LK72" s="187"/>
      <c r="LL72" s="127" t="str">
        <f>IF(LL9=0,KY34,IF(LL11/LL9&lt;8/28,"×","○"))</f>
        <v>×</v>
      </c>
      <c r="LU72" s="334" t="s">
        <v>137</v>
      </c>
      <c r="LV72" s="187"/>
      <c r="LW72" s="187"/>
      <c r="LX72" s="187"/>
      <c r="LY72" s="127" t="str">
        <f>IF(LY9=0,LL34,IF(LY11/LY9&lt;8/28,"×","○"))</f>
        <v>×</v>
      </c>
      <c r="MH72" s="334" t="s">
        <v>137</v>
      </c>
      <c r="MI72" s="187"/>
      <c r="MJ72" s="187"/>
      <c r="MK72" s="187"/>
      <c r="ML72" s="127" t="str">
        <f>IF(ML9=0,LY34,IF(ML11/ML9&lt;8/28,"×","○"))</f>
        <v>×</v>
      </c>
      <c r="MU72" s="334" t="s">
        <v>137</v>
      </c>
      <c r="MV72" s="187"/>
      <c r="MW72" s="187"/>
      <c r="MX72" s="187"/>
      <c r="MY72" s="127" t="str">
        <f>IF(MY9=0,ML34,IF(MY11/MY9&lt;8/28,"×","○"))</f>
        <v>×</v>
      </c>
      <c r="NH72" s="334" t="s">
        <v>137</v>
      </c>
      <c r="NI72" s="187"/>
      <c r="NJ72" s="187"/>
      <c r="NK72" s="187"/>
      <c r="NL72" s="127" t="str">
        <f>IF(NL9=0,MY34,IF(NL11/NL9&lt;8/28,"×","○"))</f>
        <v>×</v>
      </c>
      <c r="NU72" s="334" t="s">
        <v>137</v>
      </c>
      <c r="NV72" s="187"/>
      <c r="NW72" s="187"/>
      <c r="NX72" s="187"/>
      <c r="NY72" s="127" t="str">
        <f>IF(NY9=0,NL34,IF(NY11/NY9&lt;8/28,"×","○"))</f>
        <v>×</v>
      </c>
      <c r="OH72" s="334" t="s">
        <v>137</v>
      </c>
      <c r="OI72" s="187"/>
      <c r="OJ72" s="187"/>
      <c r="OK72" s="187"/>
      <c r="OL72" s="127" t="str">
        <f>IF(OL9=0,NY34,IF(OL11/OL9&lt;8/28,"×","○"))</f>
        <v>×</v>
      </c>
      <c r="OU72" s="334" t="s">
        <v>137</v>
      </c>
      <c r="OV72" s="187"/>
      <c r="OW72" s="187"/>
      <c r="OX72" s="187"/>
      <c r="OY72" s="127" t="str">
        <f>IF(OY9=0,OL34,IF(OY11/OY9&lt;8/28,"×","○"))</f>
        <v>×</v>
      </c>
      <c r="PH72" s="334" t="s">
        <v>137</v>
      </c>
      <c r="PI72" s="187"/>
      <c r="PJ72" s="187"/>
      <c r="PK72" s="187"/>
      <c r="PL72" s="127" t="str">
        <f>IF(PL9=0,OY34,IF(PL11/PL9&lt;8/28,"×","○"))</f>
        <v>×</v>
      </c>
      <c r="PU72" s="334" t="s">
        <v>137</v>
      </c>
      <c r="PV72" s="187"/>
      <c r="PW72" s="187"/>
      <c r="PX72" s="187"/>
      <c r="PY72" s="127" t="str">
        <f>IF(PY9=0,PL34,IF(PY11/PY9&lt;8/28,"×","○"))</f>
        <v>×</v>
      </c>
      <c r="QH72" s="334" t="s">
        <v>137</v>
      </c>
      <c r="QI72" s="187"/>
      <c r="QJ72" s="187"/>
      <c r="QK72" s="187"/>
      <c r="QL72" s="127" t="str">
        <f>IF(QL9=0,PY34,IF(QL11/QL9&lt;8/28,"×","○"))</f>
        <v>×</v>
      </c>
      <c r="QU72" s="334" t="s">
        <v>137</v>
      </c>
      <c r="QV72" s="187"/>
      <c r="QW72" s="187"/>
      <c r="QX72" s="187"/>
      <c r="QY72" s="127" t="str">
        <f>IF(QY9=0,QL34,IF(QY11/QY9&lt;8/28,"×","○"))</f>
        <v>×</v>
      </c>
      <c r="RH72" s="334" t="s">
        <v>137</v>
      </c>
      <c r="RI72" s="187"/>
      <c r="RJ72" s="187"/>
      <c r="RK72" s="187"/>
      <c r="RL72" s="127" t="str">
        <f>IF(RL9=0,QY34,IF(RL11/RL9&lt;8/28,"×","○"))</f>
        <v>×</v>
      </c>
      <c r="RU72" s="334" t="s">
        <v>137</v>
      </c>
      <c r="RV72" s="187"/>
      <c r="RW72" s="187"/>
      <c r="RX72" s="187"/>
      <c r="RY72" s="127" t="str">
        <f>IF(RY9=0,RL34,IF(RY11/RY9&lt;8/28,"×","○"))</f>
        <v>×</v>
      </c>
      <c r="SH72" s="334" t="s">
        <v>137</v>
      </c>
      <c r="SI72" s="187"/>
      <c r="SJ72" s="187"/>
      <c r="SK72" s="187"/>
      <c r="SL72" s="127" t="str">
        <f>IF(SL9=0,RY34,IF(SL11/SL9&lt;8/28,"×","○"))</f>
        <v>×</v>
      </c>
    </row>
    <row r="73" spans="8:506" hidden="1">
      <c r="H73" s="334" t="s">
        <v>140</v>
      </c>
      <c r="I73" s="187"/>
      <c r="J73" s="187"/>
      <c r="K73" s="187"/>
      <c r="L73" s="127" t="str">
        <f>IF(L34="○","－",IF(L70&lt;=L11,"○","×"))</f>
        <v>×</v>
      </c>
      <c r="U73" s="334" t="s">
        <v>139</v>
      </c>
      <c r="V73" s="187"/>
      <c r="W73" s="187"/>
      <c r="X73" s="187"/>
      <c r="Y73" s="127" t="str">
        <f>IF(Y34="○","－",IF(Y70&lt;=Y11,"○","×"))</f>
        <v>×</v>
      </c>
      <c r="AH73" s="334" t="s">
        <v>139</v>
      </c>
      <c r="AI73" s="187"/>
      <c r="AJ73" s="187"/>
      <c r="AK73" s="187"/>
      <c r="AL73" s="127" t="str">
        <f>IF(AL34="○","－",IF(AL70&lt;=AL11,"○","×"))</f>
        <v>×</v>
      </c>
      <c r="AU73" s="334" t="s">
        <v>139</v>
      </c>
      <c r="AV73" s="187"/>
      <c r="AW73" s="187"/>
      <c r="AX73" s="187"/>
      <c r="AY73" s="127" t="str">
        <f>IF(AY34="○","－",IF(AY70&lt;=AY11,"○","×"))</f>
        <v>×</v>
      </c>
      <c r="BH73" s="334" t="s">
        <v>139</v>
      </c>
      <c r="BI73" s="187"/>
      <c r="BJ73" s="187"/>
      <c r="BK73" s="187"/>
      <c r="BL73" s="127" t="str">
        <f>IF(BL34="○","－",IF(BL70&lt;=BL11,"○","×"))</f>
        <v>×</v>
      </c>
      <c r="BU73" s="334" t="s">
        <v>139</v>
      </c>
      <c r="BV73" s="187"/>
      <c r="BW73" s="187"/>
      <c r="BX73" s="187"/>
      <c r="BY73" s="127" t="str">
        <f>IF(BY34="○","－",IF(BY70&lt;=BY11,"○","×"))</f>
        <v>○</v>
      </c>
      <c r="CH73" s="334" t="s">
        <v>139</v>
      </c>
      <c r="CI73" s="187"/>
      <c r="CJ73" s="187"/>
      <c r="CK73" s="187"/>
      <c r="CL73" s="127" t="str">
        <f>IF(CL34="○","－",IF(CL70&lt;=CL11,"○","×"))</f>
        <v>○</v>
      </c>
      <c r="CU73" s="334" t="s">
        <v>139</v>
      </c>
      <c r="CV73" s="187"/>
      <c r="CW73" s="187"/>
      <c r="CX73" s="187"/>
      <c r="CY73" s="127" t="str">
        <f>IF(CY34="○","－",IF(CY70&lt;=CY11,"○","×"))</f>
        <v>○</v>
      </c>
      <c r="DH73" s="334" t="s">
        <v>139</v>
      </c>
      <c r="DI73" s="187"/>
      <c r="DJ73" s="187"/>
      <c r="DK73" s="187"/>
      <c r="DL73" s="127" t="str">
        <f>IF(DL34="○","－",IF(DL70&lt;=DL11,"○","×"))</f>
        <v>○</v>
      </c>
      <c r="DU73" s="334" t="s">
        <v>139</v>
      </c>
      <c r="DV73" s="187"/>
      <c r="DW73" s="187"/>
      <c r="DX73" s="187"/>
      <c r="DY73" s="127" t="str">
        <f>IF(DY34="○","－",IF(DY70&lt;=DY11,"○","×"))</f>
        <v>○</v>
      </c>
      <c r="EH73" s="334" t="s">
        <v>139</v>
      </c>
      <c r="EI73" s="187"/>
      <c r="EJ73" s="187"/>
      <c r="EK73" s="187"/>
      <c r="EL73" s="127" t="str">
        <f>IF(EL34="○","－",IF(EL70&lt;=EL11,"○","×"))</f>
        <v>○</v>
      </c>
      <c r="EU73" s="334" t="s">
        <v>139</v>
      </c>
      <c r="EV73" s="187"/>
      <c r="EW73" s="187"/>
      <c r="EX73" s="187"/>
      <c r="EY73" s="127" t="str">
        <f>IF(EY34="○","－",IF(EY70&lt;=EY11,"○","×"))</f>
        <v>○</v>
      </c>
      <c r="FH73" s="334" t="s">
        <v>139</v>
      </c>
      <c r="FI73" s="187"/>
      <c r="FJ73" s="187"/>
      <c r="FK73" s="187"/>
      <c r="FL73" s="127" t="str">
        <f>IF(FL34="○","－",IF(FL70&lt;=FL11,"○","×"))</f>
        <v>○</v>
      </c>
      <c r="FU73" s="334" t="s">
        <v>139</v>
      </c>
      <c r="FV73" s="187"/>
      <c r="FW73" s="187"/>
      <c r="FX73" s="187"/>
      <c r="FY73" s="127" t="str">
        <f>IF(FY34="○","－",IF(FY70&lt;=FY11,"○","×"))</f>
        <v>○</v>
      </c>
      <c r="GH73" s="334" t="s">
        <v>139</v>
      </c>
      <c r="GI73" s="187"/>
      <c r="GJ73" s="187"/>
      <c r="GK73" s="187"/>
      <c r="GL73" s="127" t="str">
        <f>IF(GL34="○","－",IF(GL70&lt;=GL11,"○","×"))</f>
        <v>○</v>
      </c>
      <c r="GU73" s="334" t="s">
        <v>139</v>
      </c>
      <c r="GV73" s="187"/>
      <c r="GW73" s="187"/>
      <c r="GX73" s="187"/>
      <c r="GY73" s="127" t="str">
        <f>IF(GY34="○","－",IF(GY70&lt;=GY11,"○","×"))</f>
        <v>○</v>
      </c>
      <c r="HH73" s="334" t="s">
        <v>139</v>
      </c>
      <c r="HI73" s="187"/>
      <c r="HJ73" s="187"/>
      <c r="HK73" s="187"/>
      <c r="HL73" s="127" t="str">
        <f>IF(HL34="○","－",IF(HL70&lt;=HL11,"○","×"))</f>
        <v>○</v>
      </c>
      <c r="HU73" s="334" t="s">
        <v>139</v>
      </c>
      <c r="HV73" s="187"/>
      <c r="HW73" s="187"/>
      <c r="HX73" s="187"/>
      <c r="HY73" s="127" t="str">
        <f>IF(HY34="○","－",IF(HY70&lt;=HY11,"○","×"))</f>
        <v>○</v>
      </c>
      <c r="IH73" s="334" t="s">
        <v>139</v>
      </c>
      <c r="II73" s="187"/>
      <c r="IJ73" s="187"/>
      <c r="IK73" s="187"/>
      <c r="IL73" s="127" t="str">
        <f>IF(IL34="○","－",IF(IL70&lt;=IL11,"○","×"))</f>
        <v>○</v>
      </c>
      <c r="IU73" s="334" t="s">
        <v>139</v>
      </c>
      <c r="IV73" s="187"/>
      <c r="IW73" s="187"/>
      <c r="IX73" s="187"/>
      <c r="IY73" s="127" t="str">
        <f>IF(IY34="○","－",IF(IY70&lt;=IY11,"○","×"))</f>
        <v>○</v>
      </c>
      <c r="JH73" s="334" t="s">
        <v>139</v>
      </c>
      <c r="JI73" s="187"/>
      <c r="JJ73" s="187"/>
      <c r="JK73" s="187"/>
      <c r="JL73" s="127" t="str">
        <f>IF(JL34="○","－",IF(JL70&lt;=JL11,"○","×"))</f>
        <v>○</v>
      </c>
      <c r="JU73" s="334" t="s">
        <v>139</v>
      </c>
      <c r="JV73" s="187"/>
      <c r="JW73" s="187"/>
      <c r="JX73" s="187"/>
      <c r="JY73" s="127" t="str">
        <f>IF(JY34="○","－",IF(JY70&lt;=JY11,"○","×"))</f>
        <v>○</v>
      </c>
      <c r="KH73" s="334" t="s">
        <v>139</v>
      </c>
      <c r="KI73" s="187"/>
      <c r="KJ73" s="187"/>
      <c r="KK73" s="187"/>
      <c r="KL73" s="127" t="str">
        <f>IF(KL34="○","－",IF(KL70&lt;=KL11,"○","×"))</f>
        <v>○</v>
      </c>
      <c r="KU73" s="334" t="s">
        <v>139</v>
      </c>
      <c r="KV73" s="187"/>
      <c r="KW73" s="187"/>
      <c r="KX73" s="187"/>
      <c r="KY73" s="127" t="str">
        <f>IF(KY34="○","－",IF(KY70&lt;=KY11,"○","×"))</f>
        <v>○</v>
      </c>
      <c r="LH73" s="334" t="s">
        <v>139</v>
      </c>
      <c r="LI73" s="187"/>
      <c r="LJ73" s="187"/>
      <c r="LK73" s="187"/>
      <c r="LL73" s="127" t="str">
        <f>IF(LL34="○","－",IF(LL70&lt;=LL11,"○","×"))</f>
        <v>○</v>
      </c>
      <c r="LU73" s="334" t="s">
        <v>139</v>
      </c>
      <c r="LV73" s="187"/>
      <c r="LW73" s="187"/>
      <c r="LX73" s="187"/>
      <c r="LY73" s="127" t="str">
        <f>IF(LY34="○","－",IF(LY70&lt;=LY11,"○","×"))</f>
        <v>○</v>
      </c>
      <c r="MH73" s="334" t="s">
        <v>139</v>
      </c>
      <c r="MI73" s="187"/>
      <c r="MJ73" s="187"/>
      <c r="MK73" s="187"/>
      <c r="ML73" s="127" t="str">
        <f>IF(ML34="○","－",IF(ML70&lt;=ML11,"○","×"))</f>
        <v>○</v>
      </c>
      <c r="MU73" s="334" t="s">
        <v>139</v>
      </c>
      <c r="MV73" s="187"/>
      <c r="MW73" s="187"/>
      <c r="MX73" s="187"/>
      <c r="MY73" s="127" t="str">
        <f>IF(MY34="○","－",IF(MY70&lt;=MY11,"○","×"))</f>
        <v>○</v>
      </c>
      <c r="NH73" s="334" t="s">
        <v>139</v>
      </c>
      <c r="NI73" s="187"/>
      <c r="NJ73" s="187"/>
      <c r="NK73" s="187"/>
      <c r="NL73" s="127" t="str">
        <f>IF(NL34="○","－",IF(NL70&lt;=NL11,"○","×"))</f>
        <v>○</v>
      </c>
      <c r="NU73" s="334" t="s">
        <v>139</v>
      </c>
      <c r="NV73" s="187"/>
      <c r="NW73" s="187"/>
      <c r="NX73" s="187"/>
      <c r="NY73" s="127" t="str">
        <f>IF(NY34="○","－",IF(NY70&lt;=NY11,"○","×"))</f>
        <v>○</v>
      </c>
      <c r="OH73" s="334" t="s">
        <v>139</v>
      </c>
      <c r="OI73" s="187"/>
      <c r="OJ73" s="187"/>
      <c r="OK73" s="187"/>
      <c r="OL73" s="127" t="str">
        <f>IF(OL34="○","－",IF(OL70&lt;=OL11,"○","×"))</f>
        <v>○</v>
      </c>
      <c r="OU73" s="334" t="s">
        <v>139</v>
      </c>
      <c r="OV73" s="187"/>
      <c r="OW73" s="187"/>
      <c r="OX73" s="187"/>
      <c r="OY73" s="127" t="str">
        <f>IF(OY34="○","－",IF(OY70&lt;=OY11,"○","×"))</f>
        <v>○</v>
      </c>
      <c r="PH73" s="334" t="s">
        <v>139</v>
      </c>
      <c r="PI73" s="187"/>
      <c r="PJ73" s="187"/>
      <c r="PK73" s="187"/>
      <c r="PL73" s="127" t="str">
        <f>IF(PL34="○","－",IF(PL70&lt;=PL11,"○","×"))</f>
        <v>○</v>
      </c>
      <c r="PU73" s="334" t="s">
        <v>139</v>
      </c>
      <c r="PV73" s="187"/>
      <c r="PW73" s="187"/>
      <c r="PX73" s="187"/>
      <c r="PY73" s="127" t="str">
        <f>IF(PY34="○","－",IF(PY70&lt;=PY11,"○","×"))</f>
        <v>○</v>
      </c>
      <c r="QH73" s="334" t="s">
        <v>139</v>
      </c>
      <c r="QI73" s="187"/>
      <c r="QJ73" s="187"/>
      <c r="QK73" s="187"/>
      <c r="QL73" s="127" t="str">
        <f>IF(QL34="○","－",IF(QL70&lt;=QL11,"○","×"))</f>
        <v>○</v>
      </c>
      <c r="QU73" s="334" t="s">
        <v>139</v>
      </c>
      <c r="QV73" s="187"/>
      <c r="QW73" s="187"/>
      <c r="QX73" s="187"/>
      <c r="QY73" s="127" t="str">
        <f>IF(QY34="○","－",IF(QY70&lt;=QY11,"○","×"))</f>
        <v>○</v>
      </c>
      <c r="RH73" s="334" t="s">
        <v>139</v>
      </c>
      <c r="RI73" s="187"/>
      <c r="RJ73" s="187"/>
      <c r="RK73" s="187"/>
      <c r="RL73" s="127" t="str">
        <f>IF(RL34="○","－",IF(RL70&lt;=RL11,"○","×"))</f>
        <v>○</v>
      </c>
      <c r="RU73" s="334" t="s">
        <v>139</v>
      </c>
      <c r="RV73" s="187"/>
      <c r="RW73" s="187"/>
      <c r="RX73" s="187"/>
      <c r="RY73" s="127" t="str">
        <f>IF(RY34="○","－",IF(RY70&lt;=RY11,"○","×"))</f>
        <v>○</v>
      </c>
      <c r="SH73" s="334" t="s">
        <v>139</v>
      </c>
      <c r="SI73" s="187"/>
      <c r="SJ73" s="187"/>
      <c r="SK73" s="187"/>
      <c r="SL73" s="127" t="str">
        <f>IF(SL34="○","－",IF(SL70&lt;=SL11,"○","×"))</f>
        <v>○</v>
      </c>
    </row>
    <row r="74" spans="8:506" hidden="1">
      <c r="H74" s="334" t="s">
        <v>141</v>
      </c>
      <c r="I74" s="187"/>
      <c r="J74" s="187"/>
      <c r="K74" s="187"/>
      <c r="L74" s="127" t="str">
        <f>IF(AND(L72="×",L73="×"),"×","○")</f>
        <v>×</v>
      </c>
      <c r="U74" s="334" t="s">
        <v>141</v>
      </c>
      <c r="V74" s="187"/>
      <c r="W74" s="187"/>
      <c r="X74" s="187"/>
      <c r="Y74" s="127" t="str">
        <f>IF(AND(Y72="×",Y73="×"),"×","○")</f>
        <v>×</v>
      </c>
      <c r="AH74" s="334" t="s">
        <v>141</v>
      </c>
      <c r="AI74" s="187"/>
      <c r="AJ74" s="187"/>
      <c r="AK74" s="187"/>
      <c r="AL74" s="127" t="str">
        <f>IF(AND(AL72="×",AL73="×"),"×","○")</f>
        <v>×</v>
      </c>
      <c r="AU74" s="334" t="s">
        <v>141</v>
      </c>
      <c r="AV74" s="187"/>
      <c r="AW74" s="187"/>
      <c r="AX74" s="187"/>
      <c r="AY74" s="127" t="str">
        <f>IF(AND(AY72="×",AY73="×"),"×","○")</f>
        <v>×</v>
      </c>
      <c r="BH74" s="334" t="s">
        <v>141</v>
      </c>
      <c r="BI74" s="187"/>
      <c r="BJ74" s="187"/>
      <c r="BK74" s="187"/>
      <c r="BL74" s="127" t="str">
        <f>IF(AND(BL72="×",BL73="×"),"×","○")</f>
        <v>×</v>
      </c>
      <c r="BU74" s="334" t="s">
        <v>141</v>
      </c>
      <c r="BV74" s="187"/>
      <c r="BW74" s="187"/>
      <c r="BX74" s="187"/>
      <c r="BY74" s="127" t="str">
        <f>IF(AND(BY72="×",BY73="×"),"×","○")</f>
        <v>○</v>
      </c>
      <c r="CH74" s="334" t="s">
        <v>141</v>
      </c>
      <c r="CI74" s="187"/>
      <c r="CJ74" s="187"/>
      <c r="CK74" s="187"/>
      <c r="CL74" s="127" t="str">
        <f>IF(AND(CL72="×",CL73="×"),"×","○")</f>
        <v>○</v>
      </c>
      <c r="CU74" s="334" t="s">
        <v>141</v>
      </c>
      <c r="CV74" s="187"/>
      <c r="CW74" s="187"/>
      <c r="CX74" s="187"/>
      <c r="CY74" s="127" t="str">
        <f>IF(AND(CY72="×",CY73="×"),"×","○")</f>
        <v>○</v>
      </c>
      <c r="DH74" s="334" t="s">
        <v>141</v>
      </c>
      <c r="DI74" s="187"/>
      <c r="DJ74" s="187"/>
      <c r="DK74" s="187"/>
      <c r="DL74" s="127" t="str">
        <f>IF(AND(DL72="×",DL73="×"),"×","○")</f>
        <v>○</v>
      </c>
      <c r="DU74" s="334" t="s">
        <v>141</v>
      </c>
      <c r="DV74" s="187"/>
      <c r="DW74" s="187"/>
      <c r="DX74" s="187"/>
      <c r="DY74" s="127" t="str">
        <f>IF(AND(DY72="×",DY73="×"),"×","○")</f>
        <v>○</v>
      </c>
      <c r="EH74" s="334" t="s">
        <v>141</v>
      </c>
      <c r="EI74" s="187"/>
      <c r="EJ74" s="187"/>
      <c r="EK74" s="187"/>
      <c r="EL74" s="127" t="str">
        <f>IF(AND(EL72="×",EL73="×"),"×","○")</f>
        <v>○</v>
      </c>
      <c r="EU74" s="334" t="s">
        <v>141</v>
      </c>
      <c r="EV74" s="187"/>
      <c r="EW74" s="187"/>
      <c r="EX74" s="187"/>
      <c r="EY74" s="127" t="str">
        <f>IF(AND(EY72="×",EY73="×"),"×","○")</f>
        <v>○</v>
      </c>
      <c r="FH74" s="334" t="s">
        <v>141</v>
      </c>
      <c r="FI74" s="187"/>
      <c r="FJ74" s="187"/>
      <c r="FK74" s="187"/>
      <c r="FL74" s="127" t="str">
        <f>IF(AND(FL72="×",FL73="×"),"×","○")</f>
        <v>○</v>
      </c>
      <c r="FU74" s="334" t="s">
        <v>141</v>
      </c>
      <c r="FV74" s="187"/>
      <c r="FW74" s="187"/>
      <c r="FX74" s="187"/>
      <c r="FY74" s="127" t="str">
        <f>IF(AND(FY72="×",FY73="×"),"×","○")</f>
        <v>○</v>
      </c>
      <c r="GH74" s="334" t="s">
        <v>141</v>
      </c>
      <c r="GI74" s="187"/>
      <c r="GJ74" s="187"/>
      <c r="GK74" s="187"/>
      <c r="GL74" s="127" t="str">
        <f>IF(AND(GL72="×",GL73="×"),"×","○")</f>
        <v>○</v>
      </c>
      <c r="GU74" s="334" t="s">
        <v>141</v>
      </c>
      <c r="GV74" s="187"/>
      <c r="GW74" s="187"/>
      <c r="GX74" s="187"/>
      <c r="GY74" s="127" t="str">
        <f>IF(AND(GY72="×",GY73="×"),"×","○")</f>
        <v>○</v>
      </c>
      <c r="HH74" s="334" t="s">
        <v>141</v>
      </c>
      <c r="HI74" s="187"/>
      <c r="HJ74" s="187"/>
      <c r="HK74" s="187"/>
      <c r="HL74" s="127" t="str">
        <f>IF(AND(HL72="×",HL73="×"),"×","○")</f>
        <v>○</v>
      </c>
      <c r="HU74" s="334" t="s">
        <v>141</v>
      </c>
      <c r="HV74" s="187"/>
      <c r="HW74" s="187"/>
      <c r="HX74" s="187"/>
      <c r="HY74" s="127" t="str">
        <f>IF(AND(HY72="×",HY73="×"),"×","○")</f>
        <v>○</v>
      </c>
      <c r="IH74" s="334" t="s">
        <v>141</v>
      </c>
      <c r="II74" s="187"/>
      <c r="IJ74" s="187"/>
      <c r="IK74" s="187"/>
      <c r="IL74" s="127" t="str">
        <f>IF(AND(IL72="×",IL73="×"),"×","○")</f>
        <v>○</v>
      </c>
      <c r="IU74" s="334" t="s">
        <v>141</v>
      </c>
      <c r="IV74" s="187"/>
      <c r="IW74" s="187"/>
      <c r="IX74" s="187"/>
      <c r="IY74" s="127" t="str">
        <f>IF(AND(IY72="×",IY73="×"),"×","○")</f>
        <v>○</v>
      </c>
      <c r="JH74" s="334" t="s">
        <v>141</v>
      </c>
      <c r="JI74" s="187"/>
      <c r="JJ74" s="187"/>
      <c r="JK74" s="187"/>
      <c r="JL74" s="127" t="str">
        <f>IF(AND(JL72="×",JL73="×"),"×","○")</f>
        <v>○</v>
      </c>
      <c r="JU74" s="334" t="s">
        <v>141</v>
      </c>
      <c r="JV74" s="187"/>
      <c r="JW74" s="187"/>
      <c r="JX74" s="187"/>
      <c r="JY74" s="127" t="str">
        <f>IF(AND(JY72="×",JY73="×"),"×","○")</f>
        <v>○</v>
      </c>
      <c r="KH74" s="334" t="s">
        <v>141</v>
      </c>
      <c r="KI74" s="187"/>
      <c r="KJ74" s="187"/>
      <c r="KK74" s="187"/>
      <c r="KL74" s="127" t="str">
        <f>IF(AND(KL72="×",KL73="×"),"×","○")</f>
        <v>○</v>
      </c>
      <c r="KU74" s="334" t="s">
        <v>141</v>
      </c>
      <c r="KV74" s="187"/>
      <c r="KW74" s="187"/>
      <c r="KX74" s="187"/>
      <c r="KY74" s="127" t="str">
        <f>IF(AND(KY72="×",KY73="×"),"×","○")</f>
        <v>○</v>
      </c>
      <c r="LH74" s="334" t="s">
        <v>141</v>
      </c>
      <c r="LI74" s="187"/>
      <c r="LJ74" s="187"/>
      <c r="LK74" s="187"/>
      <c r="LL74" s="127" t="str">
        <f>IF(AND(LL72="×",LL73="×"),"×","○")</f>
        <v>○</v>
      </c>
      <c r="LU74" s="334" t="s">
        <v>141</v>
      </c>
      <c r="LV74" s="187"/>
      <c r="LW74" s="187"/>
      <c r="LX74" s="187"/>
      <c r="LY74" s="127" t="str">
        <f>IF(AND(LY72="×",LY73="×"),"×","○")</f>
        <v>○</v>
      </c>
      <c r="MH74" s="334" t="s">
        <v>141</v>
      </c>
      <c r="MI74" s="187"/>
      <c r="MJ74" s="187"/>
      <c r="MK74" s="187"/>
      <c r="ML74" s="127" t="str">
        <f>IF(AND(ML72="×",ML73="×"),"×","○")</f>
        <v>○</v>
      </c>
      <c r="MU74" s="334" t="s">
        <v>141</v>
      </c>
      <c r="MV74" s="187"/>
      <c r="MW74" s="187"/>
      <c r="MX74" s="187"/>
      <c r="MY74" s="127" t="str">
        <f>IF(AND(MY72="×",MY73="×"),"×","○")</f>
        <v>○</v>
      </c>
      <c r="NH74" s="334" t="s">
        <v>141</v>
      </c>
      <c r="NI74" s="187"/>
      <c r="NJ74" s="187"/>
      <c r="NK74" s="187"/>
      <c r="NL74" s="127" t="str">
        <f>IF(AND(NL72="×",NL73="×"),"×","○")</f>
        <v>○</v>
      </c>
      <c r="NU74" s="334" t="s">
        <v>141</v>
      </c>
      <c r="NV74" s="187"/>
      <c r="NW74" s="187"/>
      <c r="NX74" s="187"/>
      <c r="NY74" s="127" t="str">
        <f>IF(AND(NY72="×",NY73="×"),"×","○")</f>
        <v>○</v>
      </c>
      <c r="OH74" s="334" t="s">
        <v>141</v>
      </c>
      <c r="OI74" s="187"/>
      <c r="OJ74" s="187"/>
      <c r="OK74" s="187"/>
      <c r="OL74" s="127" t="str">
        <f>IF(AND(OL72="×",OL73="×"),"×","○")</f>
        <v>○</v>
      </c>
      <c r="OU74" s="334" t="s">
        <v>141</v>
      </c>
      <c r="OV74" s="187"/>
      <c r="OW74" s="187"/>
      <c r="OX74" s="187"/>
      <c r="OY74" s="127" t="str">
        <f>IF(AND(OY72="×",OY73="×"),"×","○")</f>
        <v>○</v>
      </c>
      <c r="PH74" s="334" t="s">
        <v>141</v>
      </c>
      <c r="PI74" s="187"/>
      <c r="PJ74" s="187"/>
      <c r="PK74" s="187"/>
      <c r="PL74" s="127" t="str">
        <f>IF(AND(PL72="×",PL73="×"),"×","○")</f>
        <v>○</v>
      </c>
      <c r="PU74" s="334" t="s">
        <v>141</v>
      </c>
      <c r="PV74" s="187"/>
      <c r="PW74" s="187"/>
      <c r="PX74" s="187"/>
      <c r="PY74" s="127" t="str">
        <f>IF(AND(PY72="×",PY73="×"),"×","○")</f>
        <v>○</v>
      </c>
      <c r="QH74" s="334" t="s">
        <v>141</v>
      </c>
      <c r="QI74" s="187"/>
      <c r="QJ74" s="187"/>
      <c r="QK74" s="187"/>
      <c r="QL74" s="127" t="str">
        <f>IF(AND(QL72="×",QL73="×"),"×","○")</f>
        <v>○</v>
      </c>
      <c r="QU74" s="334" t="s">
        <v>141</v>
      </c>
      <c r="QV74" s="187"/>
      <c r="QW74" s="187"/>
      <c r="QX74" s="187"/>
      <c r="QY74" s="127" t="str">
        <f>IF(AND(QY72="×",QY73="×"),"×","○")</f>
        <v>○</v>
      </c>
      <c r="RH74" s="334" t="s">
        <v>141</v>
      </c>
      <c r="RI74" s="187"/>
      <c r="RJ74" s="187"/>
      <c r="RK74" s="187"/>
      <c r="RL74" s="127" t="str">
        <f>IF(AND(RL72="×",RL73="×"),"×","○")</f>
        <v>○</v>
      </c>
      <c r="RU74" s="334" t="s">
        <v>141</v>
      </c>
      <c r="RV74" s="187"/>
      <c r="RW74" s="187"/>
      <c r="RX74" s="187"/>
      <c r="RY74" s="127" t="str">
        <f>IF(AND(RY72="×",RY73="×"),"×","○")</f>
        <v>○</v>
      </c>
      <c r="SH74" s="334" t="s">
        <v>141</v>
      </c>
      <c r="SI74" s="187"/>
      <c r="SJ74" s="187"/>
      <c r="SK74" s="187"/>
      <c r="SL74" s="127" t="str">
        <f>IF(AND(SL72="×",SL73="×"),"×","○")</f>
        <v>○</v>
      </c>
    </row>
    <row r="75" spans="8:506" hidden="1">
      <c r="H75" s="224"/>
      <c r="I75" s="227"/>
      <c r="J75" s="227"/>
      <c r="K75" s="227"/>
      <c r="L75" s="122"/>
      <c r="U75" s="334" t="s">
        <v>143</v>
      </c>
      <c r="V75" s="187"/>
      <c r="W75" s="187"/>
      <c r="X75" s="187"/>
      <c r="Y75" s="128" t="str">
        <f>IF(AND(L74="○",Y74="○"),"○","×")</f>
        <v>×</v>
      </c>
      <c r="AH75" s="334" t="s">
        <v>142</v>
      </c>
      <c r="AI75" s="187"/>
      <c r="AJ75" s="187"/>
      <c r="AK75" s="187"/>
      <c r="AL75" s="128" t="str">
        <f>IF(AND(Y75="○",AL74="○"),"○","×")</f>
        <v>×</v>
      </c>
      <c r="AU75" s="334" t="s">
        <v>142</v>
      </c>
      <c r="AV75" s="187"/>
      <c r="AW75" s="187"/>
      <c r="AX75" s="187"/>
      <c r="AY75" s="128" t="str">
        <f>IF(AND(AL75="○",AY74="○"),"○","×")</f>
        <v>×</v>
      </c>
      <c r="BH75" s="334" t="s">
        <v>142</v>
      </c>
      <c r="BI75" s="187"/>
      <c r="BJ75" s="187"/>
      <c r="BK75" s="187"/>
      <c r="BL75" s="128" t="str">
        <f>IF(AND(AY75="○",BL74="○"),"○","×")</f>
        <v>×</v>
      </c>
      <c r="BU75" s="334" t="s">
        <v>142</v>
      </c>
      <c r="BV75" s="187"/>
      <c r="BW75" s="187"/>
      <c r="BX75" s="187"/>
      <c r="BY75" s="128" t="str">
        <f>IF(AND(BL75="○",BY74="○"),"○","×")</f>
        <v>×</v>
      </c>
      <c r="CH75" s="334" t="s">
        <v>142</v>
      </c>
      <c r="CI75" s="187"/>
      <c r="CJ75" s="187"/>
      <c r="CK75" s="187"/>
      <c r="CL75" s="128" t="str">
        <f>IF(AND(BY75="○",CL74="○"),"○","×")</f>
        <v>×</v>
      </c>
      <c r="CU75" s="334" t="s">
        <v>142</v>
      </c>
      <c r="CV75" s="187"/>
      <c r="CW75" s="187"/>
      <c r="CX75" s="187"/>
      <c r="CY75" s="128" t="str">
        <f>IF(AND(CL75="○",CY74="○"),"○","×")</f>
        <v>×</v>
      </c>
      <c r="DH75" s="334" t="s">
        <v>142</v>
      </c>
      <c r="DI75" s="187"/>
      <c r="DJ75" s="187"/>
      <c r="DK75" s="187"/>
      <c r="DL75" s="128" t="str">
        <f>IF(AND(CY75="○",DL74="○"),"○","×")</f>
        <v>×</v>
      </c>
      <c r="DU75" s="334" t="s">
        <v>142</v>
      </c>
      <c r="DV75" s="187"/>
      <c r="DW75" s="187"/>
      <c r="DX75" s="187"/>
      <c r="DY75" s="128" t="str">
        <f>IF(AND(DL75="○",DY74="○"),"○","×")</f>
        <v>×</v>
      </c>
      <c r="EH75" s="334" t="s">
        <v>142</v>
      </c>
      <c r="EI75" s="187"/>
      <c r="EJ75" s="187"/>
      <c r="EK75" s="187"/>
      <c r="EL75" s="128" t="str">
        <f>IF(AND(DY75="○",EL74="○"),"○","×")</f>
        <v>×</v>
      </c>
      <c r="EU75" s="334" t="s">
        <v>142</v>
      </c>
      <c r="EV75" s="187"/>
      <c r="EW75" s="187"/>
      <c r="EX75" s="187"/>
      <c r="EY75" s="128" t="str">
        <f>IF(AND(EL75="○",EY74="○"),"○","×")</f>
        <v>×</v>
      </c>
      <c r="FH75" s="334" t="s">
        <v>142</v>
      </c>
      <c r="FI75" s="187"/>
      <c r="FJ75" s="187"/>
      <c r="FK75" s="187"/>
      <c r="FL75" s="128" t="str">
        <f>IF(AND(EY75="○",FL74="○"),"○","×")</f>
        <v>×</v>
      </c>
      <c r="FU75" s="334" t="s">
        <v>142</v>
      </c>
      <c r="FV75" s="187"/>
      <c r="FW75" s="187"/>
      <c r="FX75" s="187"/>
      <c r="FY75" s="128" t="str">
        <f>IF(AND(FL75="○",FY74="○"),"○","×")</f>
        <v>×</v>
      </c>
      <c r="GH75" s="334" t="s">
        <v>142</v>
      </c>
      <c r="GI75" s="187"/>
      <c r="GJ75" s="187"/>
      <c r="GK75" s="187"/>
      <c r="GL75" s="128" t="str">
        <f>IF(AND(FY75="○",GL74="○"),"○","×")</f>
        <v>×</v>
      </c>
      <c r="GU75" s="334" t="s">
        <v>142</v>
      </c>
      <c r="GV75" s="187"/>
      <c r="GW75" s="187"/>
      <c r="GX75" s="187"/>
      <c r="GY75" s="128" t="str">
        <f>IF(AND(GL75="○",GY74="○"),"○","×")</f>
        <v>×</v>
      </c>
      <c r="HH75" s="334" t="s">
        <v>142</v>
      </c>
      <c r="HI75" s="187"/>
      <c r="HJ75" s="187"/>
      <c r="HK75" s="187"/>
      <c r="HL75" s="128" t="str">
        <f>IF(AND(GY75="○",HL74="○"),"○","×")</f>
        <v>×</v>
      </c>
      <c r="HU75" s="334" t="s">
        <v>142</v>
      </c>
      <c r="HV75" s="187"/>
      <c r="HW75" s="187"/>
      <c r="HX75" s="187"/>
      <c r="HY75" s="128" t="str">
        <f>IF(AND(HL75="○",HY74="○"),"○","×")</f>
        <v>×</v>
      </c>
      <c r="IH75" s="334" t="s">
        <v>142</v>
      </c>
      <c r="II75" s="187"/>
      <c r="IJ75" s="187"/>
      <c r="IK75" s="187"/>
      <c r="IL75" s="128" t="str">
        <f>IF(AND(HY75="○",IL74="○"),"○","×")</f>
        <v>×</v>
      </c>
      <c r="IU75" s="334" t="s">
        <v>142</v>
      </c>
      <c r="IV75" s="187"/>
      <c r="IW75" s="187"/>
      <c r="IX75" s="187"/>
      <c r="IY75" s="128" t="str">
        <f>IF(AND(IL75="○",IY74="○"),"○","×")</f>
        <v>×</v>
      </c>
      <c r="JH75" s="334" t="s">
        <v>142</v>
      </c>
      <c r="JI75" s="187"/>
      <c r="JJ75" s="187"/>
      <c r="JK75" s="187"/>
      <c r="JL75" s="128" t="str">
        <f>IF(AND(IY75="○",JL74="○"),"○","×")</f>
        <v>×</v>
      </c>
      <c r="JU75" s="334" t="s">
        <v>142</v>
      </c>
      <c r="JV75" s="187"/>
      <c r="JW75" s="187"/>
      <c r="JX75" s="187"/>
      <c r="JY75" s="128" t="str">
        <f>IF(AND(JL75="○",JY74="○"),"○","×")</f>
        <v>×</v>
      </c>
      <c r="KH75" s="334" t="s">
        <v>142</v>
      </c>
      <c r="KI75" s="187"/>
      <c r="KJ75" s="187"/>
      <c r="KK75" s="187"/>
      <c r="KL75" s="128" t="str">
        <f>IF(AND(JY75="○",KL74="○"),"○","×")</f>
        <v>×</v>
      </c>
      <c r="KU75" s="334" t="s">
        <v>142</v>
      </c>
      <c r="KV75" s="187"/>
      <c r="KW75" s="187"/>
      <c r="KX75" s="187"/>
      <c r="KY75" s="128" t="str">
        <f>IF(AND(KL75="○",KY74="○"),"○","×")</f>
        <v>×</v>
      </c>
      <c r="LH75" s="334" t="s">
        <v>142</v>
      </c>
      <c r="LI75" s="187"/>
      <c r="LJ75" s="187"/>
      <c r="LK75" s="187"/>
      <c r="LL75" s="128" t="str">
        <f>IF(AND(KY75="○",LL74="○"),"○","×")</f>
        <v>×</v>
      </c>
      <c r="LU75" s="334" t="s">
        <v>142</v>
      </c>
      <c r="LV75" s="187"/>
      <c r="LW75" s="187"/>
      <c r="LX75" s="187"/>
      <c r="LY75" s="128" t="str">
        <f>IF(AND(LL75="○",LY74="○"),"○","×")</f>
        <v>×</v>
      </c>
      <c r="MH75" s="334" t="s">
        <v>142</v>
      </c>
      <c r="MI75" s="187"/>
      <c r="MJ75" s="187"/>
      <c r="MK75" s="187"/>
      <c r="ML75" s="128" t="str">
        <f>IF(AND(LY75="○",ML74="○"),"○","×")</f>
        <v>×</v>
      </c>
      <c r="MU75" s="334" t="s">
        <v>142</v>
      </c>
      <c r="MV75" s="187"/>
      <c r="MW75" s="187"/>
      <c r="MX75" s="187"/>
      <c r="MY75" s="128" t="str">
        <f>IF(AND(ML75="○",MY74="○"),"○","×")</f>
        <v>×</v>
      </c>
      <c r="NH75" s="334" t="s">
        <v>142</v>
      </c>
      <c r="NI75" s="187"/>
      <c r="NJ75" s="187"/>
      <c r="NK75" s="187"/>
      <c r="NL75" s="128" t="str">
        <f>IF(AND(MY75="○",NL74="○"),"○","×")</f>
        <v>×</v>
      </c>
      <c r="NU75" s="334" t="s">
        <v>142</v>
      </c>
      <c r="NV75" s="187"/>
      <c r="NW75" s="187"/>
      <c r="NX75" s="187"/>
      <c r="NY75" s="128" t="str">
        <f>IF(AND(NL75="○",NY74="○"),"○","×")</f>
        <v>×</v>
      </c>
      <c r="OH75" s="334" t="s">
        <v>142</v>
      </c>
      <c r="OI75" s="187"/>
      <c r="OJ75" s="187"/>
      <c r="OK75" s="187"/>
      <c r="OL75" s="128" t="str">
        <f>IF(AND(NY75="○",OL74="○"),"○","×")</f>
        <v>×</v>
      </c>
      <c r="OU75" s="334" t="s">
        <v>142</v>
      </c>
      <c r="OV75" s="187"/>
      <c r="OW75" s="187"/>
      <c r="OX75" s="187"/>
      <c r="OY75" s="128" t="str">
        <f>IF(AND(OL75="○",OY74="○"),"○","×")</f>
        <v>×</v>
      </c>
      <c r="PH75" s="334" t="s">
        <v>142</v>
      </c>
      <c r="PI75" s="187"/>
      <c r="PJ75" s="187"/>
      <c r="PK75" s="187"/>
      <c r="PL75" s="128" t="str">
        <f>IF(AND(OY75="○",PL74="○"),"○","×")</f>
        <v>×</v>
      </c>
      <c r="PU75" s="334" t="s">
        <v>142</v>
      </c>
      <c r="PV75" s="187"/>
      <c r="PW75" s="187"/>
      <c r="PX75" s="187"/>
      <c r="PY75" s="128" t="str">
        <f>IF(AND(PL75="○",PY74="○"),"○","×")</f>
        <v>×</v>
      </c>
      <c r="QH75" s="334" t="s">
        <v>142</v>
      </c>
      <c r="QI75" s="187"/>
      <c r="QJ75" s="187"/>
      <c r="QK75" s="187"/>
      <c r="QL75" s="128" t="str">
        <f>IF(AND(PY75="○",QL74="○"),"○","×")</f>
        <v>×</v>
      </c>
      <c r="QU75" s="334" t="s">
        <v>142</v>
      </c>
      <c r="QV75" s="187"/>
      <c r="QW75" s="187"/>
      <c r="QX75" s="187"/>
      <c r="QY75" s="128" t="str">
        <f>IF(AND(QL75="○",QY74="○"),"○","×")</f>
        <v>×</v>
      </c>
      <c r="RH75" s="334" t="s">
        <v>142</v>
      </c>
      <c r="RI75" s="187"/>
      <c r="RJ75" s="187"/>
      <c r="RK75" s="187"/>
      <c r="RL75" s="128" t="str">
        <f>IF(AND(QY75="○",RL74="○"),"○","×")</f>
        <v>×</v>
      </c>
      <c r="RU75" s="334" t="s">
        <v>142</v>
      </c>
      <c r="RV75" s="187"/>
      <c r="RW75" s="187"/>
      <c r="RX75" s="187"/>
      <c r="RY75" s="128" t="str">
        <f>IF(AND(RL75="○",RY74="○"),"○","×")</f>
        <v>×</v>
      </c>
      <c r="SH75" s="334" t="s">
        <v>142</v>
      </c>
      <c r="SI75" s="187"/>
      <c r="SJ75" s="187"/>
      <c r="SK75" s="187"/>
      <c r="SL75" s="128" t="str">
        <f>IF(AND(RY75="○",SL74="○"),"○","×")</f>
        <v>×</v>
      </c>
    </row>
    <row r="76" spans="8:506" hidden="1">
      <c r="U76" s="11" t="s">
        <v>144</v>
      </c>
    </row>
  </sheetData>
  <sheetProtection algorithmName="SHA-512" hashValue="yCzoRTUrBmi0zknhqzjMAfXxpdEU+2Bga4GI0DyfOGL73bykXbMB5mcwL53Mch9sQ2u6vVF9c7GVQTS2iqGDjg==" saltValue="xVbAkNtKgkVVrBiav6iszw==" spinCount="100000" sheet="1" selectLockedCells="1"/>
  <mergeCells count="3621">
    <mergeCell ref="QH72:QK72"/>
    <mergeCell ref="QH73:QK73"/>
    <mergeCell ref="QH74:QK74"/>
    <mergeCell ref="QH75:QK75"/>
    <mergeCell ref="QU72:QX72"/>
    <mergeCell ref="QU73:QX73"/>
    <mergeCell ref="QU74:QX74"/>
    <mergeCell ref="QU75:QX75"/>
    <mergeCell ref="RH72:RK72"/>
    <mergeCell ref="RH73:RK73"/>
    <mergeCell ref="RH74:RK74"/>
    <mergeCell ref="RH75:RK75"/>
    <mergeCell ref="RU72:RX72"/>
    <mergeCell ref="RU73:RX73"/>
    <mergeCell ref="RU74:RX74"/>
    <mergeCell ref="RU75:RX75"/>
    <mergeCell ref="SH72:SK72"/>
    <mergeCell ref="SH73:SK73"/>
    <mergeCell ref="SH74:SK74"/>
    <mergeCell ref="SH75:SK75"/>
    <mergeCell ref="NU72:NX72"/>
    <mergeCell ref="NU73:NX73"/>
    <mergeCell ref="NU74:NX74"/>
    <mergeCell ref="NU75:NX75"/>
    <mergeCell ref="OH72:OK72"/>
    <mergeCell ref="OH73:OK73"/>
    <mergeCell ref="OH74:OK74"/>
    <mergeCell ref="OH75:OK75"/>
    <mergeCell ref="OU72:OX72"/>
    <mergeCell ref="OU73:OX73"/>
    <mergeCell ref="OU74:OX74"/>
    <mergeCell ref="OU75:OX75"/>
    <mergeCell ref="PH72:PK72"/>
    <mergeCell ref="PH73:PK73"/>
    <mergeCell ref="PH74:PK74"/>
    <mergeCell ref="PH75:PK75"/>
    <mergeCell ref="PU72:PX72"/>
    <mergeCell ref="PU73:PX73"/>
    <mergeCell ref="PU74:PX74"/>
    <mergeCell ref="PU75:PX75"/>
    <mergeCell ref="LU72:LX72"/>
    <mergeCell ref="LU73:LX73"/>
    <mergeCell ref="LU74:LX74"/>
    <mergeCell ref="LU75:LX75"/>
    <mergeCell ref="MH72:MK72"/>
    <mergeCell ref="MH73:MK73"/>
    <mergeCell ref="MH74:MK74"/>
    <mergeCell ref="MH75:MK75"/>
    <mergeCell ref="MU72:MX72"/>
    <mergeCell ref="MU73:MX73"/>
    <mergeCell ref="MU74:MX74"/>
    <mergeCell ref="MU75:MX75"/>
    <mergeCell ref="NH72:NK72"/>
    <mergeCell ref="NH73:NK73"/>
    <mergeCell ref="NH74:NK74"/>
    <mergeCell ref="NH75:NK75"/>
    <mergeCell ref="JH72:JK72"/>
    <mergeCell ref="JH73:JK73"/>
    <mergeCell ref="JH74:JK74"/>
    <mergeCell ref="JH75:JK75"/>
    <mergeCell ref="JU72:JX72"/>
    <mergeCell ref="JU73:JX73"/>
    <mergeCell ref="JU74:JX74"/>
    <mergeCell ref="JU75:JX75"/>
    <mergeCell ref="KH72:KK72"/>
    <mergeCell ref="KH73:KK73"/>
    <mergeCell ref="KH74:KK74"/>
    <mergeCell ref="KH75:KK75"/>
    <mergeCell ref="KU72:KX72"/>
    <mergeCell ref="KU73:KX73"/>
    <mergeCell ref="KU74:KX74"/>
    <mergeCell ref="KU75:KX75"/>
    <mergeCell ref="LH72:LK72"/>
    <mergeCell ref="LH73:LK73"/>
    <mergeCell ref="LH74:LK74"/>
    <mergeCell ref="LH75:LK75"/>
    <mergeCell ref="GU72:GX72"/>
    <mergeCell ref="GU73:GX73"/>
    <mergeCell ref="GU74:GX74"/>
    <mergeCell ref="GU75:GX75"/>
    <mergeCell ref="HH72:HK72"/>
    <mergeCell ref="HH73:HK73"/>
    <mergeCell ref="HH74:HK74"/>
    <mergeCell ref="HH75:HK75"/>
    <mergeCell ref="HU72:HX72"/>
    <mergeCell ref="HU73:HX73"/>
    <mergeCell ref="HU74:HX74"/>
    <mergeCell ref="HU75:HX75"/>
    <mergeCell ref="IH72:IK72"/>
    <mergeCell ref="IH73:IK73"/>
    <mergeCell ref="IH74:IK74"/>
    <mergeCell ref="IH75:IK75"/>
    <mergeCell ref="IU72:IX72"/>
    <mergeCell ref="IU73:IX73"/>
    <mergeCell ref="IU74:IX74"/>
    <mergeCell ref="IU75:IX75"/>
    <mergeCell ref="EH72:EK72"/>
    <mergeCell ref="EH73:EK73"/>
    <mergeCell ref="EH74:EK74"/>
    <mergeCell ref="EH75:EK75"/>
    <mergeCell ref="EU72:EX72"/>
    <mergeCell ref="EU73:EX73"/>
    <mergeCell ref="EU74:EX74"/>
    <mergeCell ref="EU75:EX75"/>
    <mergeCell ref="FH72:FK72"/>
    <mergeCell ref="FH73:FK73"/>
    <mergeCell ref="FH74:FK74"/>
    <mergeCell ref="FH75:FK75"/>
    <mergeCell ref="FU72:FX72"/>
    <mergeCell ref="FU73:FX73"/>
    <mergeCell ref="FU74:FX74"/>
    <mergeCell ref="FU75:FX75"/>
    <mergeCell ref="GH72:GK72"/>
    <mergeCell ref="GH73:GK73"/>
    <mergeCell ref="GH74:GK74"/>
    <mergeCell ref="GH75:GK75"/>
    <mergeCell ref="BU72:BX72"/>
    <mergeCell ref="BU73:BX73"/>
    <mergeCell ref="BU74:BX74"/>
    <mergeCell ref="BU75:BX75"/>
    <mergeCell ref="CH72:CK72"/>
    <mergeCell ref="CH73:CK73"/>
    <mergeCell ref="CH74:CK74"/>
    <mergeCell ref="CH75:CK75"/>
    <mergeCell ref="CU72:CX72"/>
    <mergeCell ref="CU73:CX73"/>
    <mergeCell ref="CU74:CX74"/>
    <mergeCell ref="CU75:CX75"/>
    <mergeCell ref="DH72:DK72"/>
    <mergeCell ref="DH73:DK73"/>
    <mergeCell ref="DH74:DK74"/>
    <mergeCell ref="DH75:DK75"/>
    <mergeCell ref="DU72:DX72"/>
    <mergeCell ref="DU73:DX73"/>
    <mergeCell ref="DU74:DX74"/>
    <mergeCell ref="DU75:DX75"/>
    <mergeCell ref="U72:X72"/>
    <mergeCell ref="U73:X73"/>
    <mergeCell ref="U74:X74"/>
    <mergeCell ref="U75:X75"/>
    <mergeCell ref="H72:K72"/>
    <mergeCell ref="H73:K73"/>
    <mergeCell ref="H74:K74"/>
    <mergeCell ref="H75:K75"/>
    <mergeCell ref="AH72:AK72"/>
    <mergeCell ref="AH73:AK73"/>
    <mergeCell ref="AH74:AK74"/>
    <mergeCell ref="AH75:AK75"/>
    <mergeCell ref="AU72:AX72"/>
    <mergeCell ref="AU73:AX73"/>
    <mergeCell ref="AU74:AX74"/>
    <mergeCell ref="AU75:AX75"/>
    <mergeCell ref="BH72:BK72"/>
    <mergeCell ref="BH73:BK73"/>
    <mergeCell ref="BH74:BK74"/>
    <mergeCell ref="BH75:BK75"/>
    <mergeCell ref="RX30:RX31"/>
    <mergeCell ref="RY30:RY31"/>
    <mergeCell ref="RX32:RX33"/>
    <mergeCell ref="RY32:RY33"/>
    <mergeCell ref="RX34:RX35"/>
    <mergeCell ref="RY34:RY35"/>
    <mergeCell ref="RX36:RX37"/>
    <mergeCell ref="RY36:RY37"/>
    <mergeCell ref="RX40:RY43"/>
    <mergeCell ref="RX44:RY45"/>
    <mergeCell ref="RX48:RY50"/>
    <mergeCell ref="RX51:RY52"/>
    <mergeCell ref="SK28:SL29"/>
    <mergeCell ref="SK30:SK31"/>
    <mergeCell ref="SL30:SL31"/>
    <mergeCell ref="SK32:SK33"/>
    <mergeCell ref="SL32:SL33"/>
    <mergeCell ref="SK34:SK35"/>
    <mergeCell ref="SL34:SL35"/>
    <mergeCell ref="SK36:SK37"/>
    <mergeCell ref="SL36:SL37"/>
    <mergeCell ref="SK40:SL43"/>
    <mergeCell ref="SK44:SL45"/>
    <mergeCell ref="SK48:SL50"/>
    <mergeCell ref="SK51:SL52"/>
    <mergeCell ref="SH40:SI40"/>
    <mergeCell ref="SH44:SI44"/>
    <mergeCell ref="SH43:SI43"/>
    <mergeCell ref="RK30:RK31"/>
    <mergeCell ref="RL30:RL31"/>
    <mergeCell ref="RK32:RK33"/>
    <mergeCell ref="RL32:RL33"/>
    <mergeCell ref="RK34:RK35"/>
    <mergeCell ref="RL34:RL35"/>
    <mergeCell ref="RK36:RK37"/>
    <mergeCell ref="RL36:RL37"/>
    <mergeCell ref="RK40:RL43"/>
    <mergeCell ref="RK44:RL45"/>
    <mergeCell ref="RK48:RL50"/>
    <mergeCell ref="RK51:RL52"/>
    <mergeCell ref="RH36:RI36"/>
    <mergeCell ref="RH45:RI45"/>
    <mergeCell ref="K67:K68"/>
    <mergeCell ref="L67:L68"/>
    <mergeCell ref="QX28:QY29"/>
    <mergeCell ref="QX30:QX31"/>
    <mergeCell ref="QY30:QY31"/>
    <mergeCell ref="QX32:QX33"/>
    <mergeCell ref="QK28:QL29"/>
    <mergeCell ref="QK30:QK31"/>
    <mergeCell ref="QL30:QL31"/>
    <mergeCell ref="QK32:QK33"/>
    <mergeCell ref="QL32:QL33"/>
    <mergeCell ref="QK34:QK35"/>
    <mergeCell ref="QL34:QL35"/>
    <mergeCell ref="QK36:QK37"/>
    <mergeCell ref="QL36:QL37"/>
    <mergeCell ref="QK40:QL43"/>
    <mergeCell ref="QK44:QL45"/>
    <mergeCell ref="QK48:QL50"/>
    <mergeCell ref="QK51:QL52"/>
    <mergeCell ref="QH29:QI29"/>
    <mergeCell ref="QH34:QI34"/>
    <mergeCell ref="QY32:QY33"/>
    <mergeCell ref="QX34:QX35"/>
    <mergeCell ref="QY34:QY35"/>
    <mergeCell ref="QX36:QX37"/>
    <mergeCell ref="QY36:QY37"/>
    <mergeCell ref="QX40:QY43"/>
    <mergeCell ref="QX44:QY45"/>
    <mergeCell ref="QX48:QY50"/>
    <mergeCell ref="QX51:QY52"/>
    <mergeCell ref="PK28:PL29"/>
    <mergeCell ref="PK30:PK31"/>
    <mergeCell ref="PL30:PL31"/>
    <mergeCell ref="PK32:PK33"/>
    <mergeCell ref="PL32:PL33"/>
    <mergeCell ref="PK34:PK35"/>
    <mergeCell ref="PL34:PL35"/>
    <mergeCell ref="PK36:PK37"/>
    <mergeCell ref="PL36:PL37"/>
    <mergeCell ref="PK40:PL43"/>
    <mergeCell ref="PK44:PL45"/>
    <mergeCell ref="PK48:PL50"/>
    <mergeCell ref="PK51:PL52"/>
    <mergeCell ref="PK38:PL39"/>
    <mergeCell ref="PX30:PX31"/>
    <mergeCell ref="PY30:PY31"/>
    <mergeCell ref="PX32:PX33"/>
    <mergeCell ref="PY32:PY33"/>
    <mergeCell ref="PX34:PX35"/>
    <mergeCell ref="PY34:PY35"/>
    <mergeCell ref="PX36:PX37"/>
    <mergeCell ref="PY36:PY37"/>
    <mergeCell ref="PX40:PY43"/>
    <mergeCell ref="PX44:PY45"/>
    <mergeCell ref="PX48:PY50"/>
    <mergeCell ref="PX51:PY52"/>
    <mergeCell ref="OK30:OK31"/>
    <mergeCell ref="OL30:OL31"/>
    <mergeCell ref="OK32:OK33"/>
    <mergeCell ref="OL32:OL33"/>
    <mergeCell ref="OK34:OK35"/>
    <mergeCell ref="OL34:OL35"/>
    <mergeCell ref="OK36:OK37"/>
    <mergeCell ref="OL36:OL37"/>
    <mergeCell ref="OK40:OL43"/>
    <mergeCell ref="OK44:OL45"/>
    <mergeCell ref="OK48:OL50"/>
    <mergeCell ref="OK51:OL52"/>
    <mergeCell ref="OX30:OX31"/>
    <mergeCell ref="OY30:OY31"/>
    <mergeCell ref="OX32:OX33"/>
    <mergeCell ref="OY32:OY33"/>
    <mergeCell ref="OX34:OX35"/>
    <mergeCell ref="OY34:OY35"/>
    <mergeCell ref="OX36:OX37"/>
    <mergeCell ref="OY36:OY37"/>
    <mergeCell ref="OX40:OY43"/>
    <mergeCell ref="OX44:OY45"/>
    <mergeCell ref="OX48:OY50"/>
    <mergeCell ref="OX51:OY52"/>
    <mergeCell ref="OU32:OV32"/>
    <mergeCell ref="PH32:PI32"/>
    <mergeCell ref="NK34:NK35"/>
    <mergeCell ref="NL34:NL35"/>
    <mergeCell ref="NK36:NK37"/>
    <mergeCell ref="NL36:NL37"/>
    <mergeCell ref="NK40:NL43"/>
    <mergeCell ref="NK44:NL45"/>
    <mergeCell ref="NK48:NL50"/>
    <mergeCell ref="NK51:NL52"/>
    <mergeCell ref="MX34:MX35"/>
    <mergeCell ref="MY34:MY35"/>
    <mergeCell ref="NH46:NI46"/>
    <mergeCell ref="NK46:NL47"/>
    <mergeCell ref="NX30:NX31"/>
    <mergeCell ref="NY30:NY31"/>
    <mergeCell ref="NX32:NX33"/>
    <mergeCell ref="NY32:NY33"/>
    <mergeCell ref="NX34:NX35"/>
    <mergeCell ref="NY34:NY35"/>
    <mergeCell ref="NX36:NX37"/>
    <mergeCell ref="NY36:NY37"/>
    <mergeCell ref="NX40:NY43"/>
    <mergeCell ref="NX44:NY45"/>
    <mergeCell ref="NX48:NY50"/>
    <mergeCell ref="NX51:NY52"/>
    <mergeCell ref="NU40:NV40"/>
    <mergeCell ref="NH43:NI43"/>
    <mergeCell ref="NU46:NV46"/>
    <mergeCell ref="NX46:NY47"/>
    <mergeCell ref="NH40:NI40"/>
    <mergeCell ref="NH41:NI41"/>
    <mergeCell ref="NU43:NV43"/>
    <mergeCell ref="LX48:LY50"/>
    <mergeCell ref="LX51:LY52"/>
    <mergeCell ref="MK28:ML29"/>
    <mergeCell ref="MK30:MK31"/>
    <mergeCell ref="ML30:ML31"/>
    <mergeCell ref="MK32:MK33"/>
    <mergeCell ref="ML32:ML33"/>
    <mergeCell ref="MK34:MK35"/>
    <mergeCell ref="ML34:ML35"/>
    <mergeCell ref="MK36:MK37"/>
    <mergeCell ref="ML36:ML37"/>
    <mergeCell ref="MK40:ML43"/>
    <mergeCell ref="MK44:ML45"/>
    <mergeCell ref="MK48:ML50"/>
    <mergeCell ref="MK51:ML52"/>
    <mergeCell ref="MX36:MX37"/>
    <mergeCell ref="MY36:MY37"/>
    <mergeCell ref="MX40:MY43"/>
    <mergeCell ref="MX44:MY45"/>
    <mergeCell ref="MX48:MY50"/>
    <mergeCell ref="MX51:MY52"/>
    <mergeCell ref="MU43:MV43"/>
    <mergeCell ref="MH40:MI40"/>
    <mergeCell ref="MU40:MV40"/>
    <mergeCell ref="MH41:MI41"/>
    <mergeCell ref="MU41:MV41"/>
    <mergeCell ref="KK48:KL50"/>
    <mergeCell ref="KK51:KL52"/>
    <mergeCell ref="KX28:KY29"/>
    <mergeCell ref="KX30:KX31"/>
    <mergeCell ref="KY30:KY31"/>
    <mergeCell ref="KX32:KX33"/>
    <mergeCell ref="KY32:KY33"/>
    <mergeCell ref="KX34:KX35"/>
    <mergeCell ref="KY34:KY35"/>
    <mergeCell ref="KX36:KX37"/>
    <mergeCell ref="KY36:KY37"/>
    <mergeCell ref="KX40:KY43"/>
    <mergeCell ref="KX44:KY45"/>
    <mergeCell ref="KX48:KY50"/>
    <mergeCell ref="KX51:KY52"/>
    <mergeCell ref="LK28:LL29"/>
    <mergeCell ref="LK30:LK31"/>
    <mergeCell ref="LL30:LL31"/>
    <mergeCell ref="LK32:LK33"/>
    <mergeCell ref="LL32:LL33"/>
    <mergeCell ref="LK34:LK35"/>
    <mergeCell ref="LL34:LL35"/>
    <mergeCell ref="LK36:LK37"/>
    <mergeCell ref="LL36:LL37"/>
    <mergeCell ref="LK40:LL43"/>
    <mergeCell ref="LK44:LL45"/>
    <mergeCell ref="LK48:LL50"/>
    <mergeCell ref="LK51:LL52"/>
    <mergeCell ref="KU29:KV29"/>
    <mergeCell ref="LH29:LI29"/>
    <mergeCell ref="KU40:KV40"/>
    <mergeCell ref="IX48:IY50"/>
    <mergeCell ref="IX51:IY52"/>
    <mergeCell ref="JK28:JL29"/>
    <mergeCell ref="JK30:JK31"/>
    <mergeCell ref="JL30:JL31"/>
    <mergeCell ref="JK32:JK33"/>
    <mergeCell ref="JL32:JL33"/>
    <mergeCell ref="JK34:JK35"/>
    <mergeCell ref="JL34:JL35"/>
    <mergeCell ref="JK36:JK37"/>
    <mergeCell ref="JL36:JL37"/>
    <mergeCell ref="JK40:JL43"/>
    <mergeCell ref="JK44:JL45"/>
    <mergeCell ref="JK48:JL50"/>
    <mergeCell ref="JK51:JL52"/>
    <mergeCell ref="JX28:JY29"/>
    <mergeCell ref="JX30:JX31"/>
    <mergeCell ref="JY30:JY31"/>
    <mergeCell ref="JX32:JX33"/>
    <mergeCell ref="JY32:JY33"/>
    <mergeCell ref="JX34:JX35"/>
    <mergeCell ref="JY34:JY35"/>
    <mergeCell ref="JX36:JX37"/>
    <mergeCell ref="JY36:JY37"/>
    <mergeCell ref="JX40:JY43"/>
    <mergeCell ref="JX44:JY45"/>
    <mergeCell ref="JX48:JY50"/>
    <mergeCell ref="JX51:JY52"/>
    <mergeCell ref="JU28:JV28"/>
    <mergeCell ref="HX44:HY45"/>
    <mergeCell ref="HX48:HY50"/>
    <mergeCell ref="HX51:HY52"/>
    <mergeCell ref="IK28:IL29"/>
    <mergeCell ref="IK30:IK31"/>
    <mergeCell ref="IL30:IL31"/>
    <mergeCell ref="IK32:IK33"/>
    <mergeCell ref="IL32:IL33"/>
    <mergeCell ref="IK34:IK35"/>
    <mergeCell ref="IL34:IL35"/>
    <mergeCell ref="IK36:IK37"/>
    <mergeCell ref="IL36:IL37"/>
    <mergeCell ref="IK40:IL43"/>
    <mergeCell ref="IK44:IL45"/>
    <mergeCell ref="IK48:IL50"/>
    <mergeCell ref="IK51:IL52"/>
    <mergeCell ref="IH44:II44"/>
    <mergeCell ref="HX32:HX33"/>
    <mergeCell ref="GK48:GL50"/>
    <mergeCell ref="GK51:GL52"/>
    <mergeCell ref="GX28:GY29"/>
    <mergeCell ref="GX30:GX31"/>
    <mergeCell ref="GY30:GY31"/>
    <mergeCell ref="GX32:GX33"/>
    <mergeCell ref="GY32:GY33"/>
    <mergeCell ref="GX34:GX35"/>
    <mergeCell ref="GY34:GY35"/>
    <mergeCell ref="GX36:GX37"/>
    <mergeCell ref="GY36:GY37"/>
    <mergeCell ref="GX40:GY43"/>
    <mergeCell ref="GX44:GY45"/>
    <mergeCell ref="GX48:GY50"/>
    <mergeCell ref="GX51:GY52"/>
    <mergeCell ref="HK48:HL50"/>
    <mergeCell ref="HK51:HL52"/>
    <mergeCell ref="HH32:HI32"/>
    <mergeCell ref="HH45:HI45"/>
    <mergeCell ref="HH30:HI30"/>
    <mergeCell ref="GU32:GV32"/>
    <mergeCell ref="GK32:GK33"/>
    <mergeCell ref="GL32:GL33"/>
    <mergeCell ref="HK32:HK33"/>
    <mergeCell ref="HL32:HL33"/>
    <mergeCell ref="EX48:EY50"/>
    <mergeCell ref="EX51:EY52"/>
    <mergeCell ref="FK28:FL29"/>
    <mergeCell ref="FK30:FK31"/>
    <mergeCell ref="FL30:FL31"/>
    <mergeCell ref="FK32:FK33"/>
    <mergeCell ref="FL32:FL33"/>
    <mergeCell ref="FK34:FK35"/>
    <mergeCell ref="FL34:FL35"/>
    <mergeCell ref="FK36:FK37"/>
    <mergeCell ref="FL36:FL37"/>
    <mergeCell ref="FK40:FL43"/>
    <mergeCell ref="FK44:FL45"/>
    <mergeCell ref="FK48:FL50"/>
    <mergeCell ref="FK51:FL52"/>
    <mergeCell ref="FX28:FY29"/>
    <mergeCell ref="FX30:FX31"/>
    <mergeCell ref="FY30:FY31"/>
    <mergeCell ref="FX32:FX33"/>
    <mergeCell ref="FY32:FY33"/>
    <mergeCell ref="FX34:FX35"/>
    <mergeCell ref="FY34:FY35"/>
    <mergeCell ref="FX36:FX37"/>
    <mergeCell ref="FY36:FY37"/>
    <mergeCell ref="FX40:FY43"/>
    <mergeCell ref="FX44:FY45"/>
    <mergeCell ref="FX48:FY50"/>
    <mergeCell ref="FX51:FY52"/>
    <mergeCell ref="FU34:FV34"/>
    <mergeCell ref="FK38:FL39"/>
    <mergeCell ref="FU38:FV38"/>
    <mergeCell ref="EX44:EY45"/>
    <mergeCell ref="DK48:DL50"/>
    <mergeCell ref="DK51:DL52"/>
    <mergeCell ref="DX28:DY29"/>
    <mergeCell ref="DX30:DX31"/>
    <mergeCell ref="DY30:DY31"/>
    <mergeCell ref="DX32:DX33"/>
    <mergeCell ref="DY32:DY33"/>
    <mergeCell ref="DX34:DX35"/>
    <mergeCell ref="DY34:DY35"/>
    <mergeCell ref="DX36:DX37"/>
    <mergeCell ref="DY36:DY37"/>
    <mergeCell ref="DX40:DY43"/>
    <mergeCell ref="DX44:DY45"/>
    <mergeCell ref="DX48:DY50"/>
    <mergeCell ref="DX51:DY52"/>
    <mergeCell ref="EK28:EL29"/>
    <mergeCell ref="EK30:EK31"/>
    <mergeCell ref="EL30:EL31"/>
    <mergeCell ref="EK32:EK33"/>
    <mergeCell ref="EL32:EL33"/>
    <mergeCell ref="EK34:EK35"/>
    <mergeCell ref="EL34:EL35"/>
    <mergeCell ref="EK36:EK37"/>
    <mergeCell ref="EL36:EL37"/>
    <mergeCell ref="EK40:EL43"/>
    <mergeCell ref="EK44:EL45"/>
    <mergeCell ref="EK48:EL50"/>
    <mergeCell ref="EK51:EL52"/>
    <mergeCell ref="DU44:DV44"/>
    <mergeCell ref="DK44:DL45"/>
    <mergeCell ref="EH44:EI44"/>
    <mergeCell ref="EH46:EI46"/>
    <mergeCell ref="CK48:CL50"/>
    <mergeCell ref="CK51:CL52"/>
    <mergeCell ref="CX28:CY29"/>
    <mergeCell ref="CX30:CX31"/>
    <mergeCell ref="CY30:CY31"/>
    <mergeCell ref="CX32:CX33"/>
    <mergeCell ref="CY32:CY33"/>
    <mergeCell ref="CX34:CX35"/>
    <mergeCell ref="CY34:CY35"/>
    <mergeCell ref="CX36:CX37"/>
    <mergeCell ref="CY36:CY37"/>
    <mergeCell ref="CX40:CY43"/>
    <mergeCell ref="CX44:CY45"/>
    <mergeCell ref="CX48:CY50"/>
    <mergeCell ref="CX51:CY52"/>
    <mergeCell ref="CU30:CV30"/>
    <mergeCell ref="CU34:CV34"/>
    <mergeCell ref="BK40:BL43"/>
    <mergeCell ref="BK44:BL45"/>
    <mergeCell ref="BK48:BL50"/>
    <mergeCell ref="BK51:BL52"/>
    <mergeCell ref="BX28:BY29"/>
    <mergeCell ref="BX30:BX31"/>
    <mergeCell ref="BY30:BY31"/>
    <mergeCell ref="BX32:BX33"/>
    <mergeCell ref="BY32:BY33"/>
    <mergeCell ref="BX34:BX35"/>
    <mergeCell ref="BY34:BY35"/>
    <mergeCell ref="BX36:BX37"/>
    <mergeCell ref="BY36:BY37"/>
    <mergeCell ref="BX40:BY43"/>
    <mergeCell ref="BX44:BY45"/>
    <mergeCell ref="BX48:BY50"/>
    <mergeCell ref="BX51:BY52"/>
    <mergeCell ref="BK38:BL39"/>
    <mergeCell ref="BU38:BV38"/>
    <mergeCell ref="BX38:BY39"/>
    <mergeCell ref="BU30:BV30"/>
    <mergeCell ref="BU42:BV42"/>
    <mergeCell ref="AK32:AK33"/>
    <mergeCell ref="AL32:AL33"/>
    <mergeCell ref="AK34:AK35"/>
    <mergeCell ref="AL34:AL35"/>
    <mergeCell ref="AK36:AK37"/>
    <mergeCell ref="AL36:AL37"/>
    <mergeCell ref="AK40:AL43"/>
    <mergeCell ref="AK44:AL45"/>
    <mergeCell ref="AK48:AL50"/>
    <mergeCell ref="AK51:AL52"/>
    <mergeCell ref="AX28:AY29"/>
    <mergeCell ref="AX30:AX31"/>
    <mergeCell ref="AY30:AY31"/>
    <mergeCell ref="AX32:AX33"/>
    <mergeCell ref="AY32:AY33"/>
    <mergeCell ref="AX34:AX35"/>
    <mergeCell ref="AY34:AY35"/>
    <mergeCell ref="AX36:AX37"/>
    <mergeCell ref="AY36:AY37"/>
    <mergeCell ref="AX40:AY43"/>
    <mergeCell ref="AX44:AY45"/>
    <mergeCell ref="AX48:AY50"/>
    <mergeCell ref="AX51:AY52"/>
    <mergeCell ref="K32:K33"/>
    <mergeCell ref="L32:L33"/>
    <mergeCell ref="K34:K35"/>
    <mergeCell ref="L34:L35"/>
    <mergeCell ref="K36:K37"/>
    <mergeCell ref="L36:L37"/>
    <mergeCell ref="K40:L43"/>
    <mergeCell ref="K44:L45"/>
    <mergeCell ref="K48:L50"/>
    <mergeCell ref="K51:L52"/>
    <mergeCell ref="X28:Y29"/>
    <mergeCell ref="X30:X31"/>
    <mergeCell ref="Y30:Y31"/>
    <mergeCell ref="X32:X33"/>
    <mergeCell ref="Y32:Y33"/>
    <mergeCell ref="X34:X35"/>
    <mergeCell ref="Y34:Y35"/>
    <mergeCell ref="X36:X37"/>
    <mergeCell ref="Y36:Y37"/>
    <mergeCell ref="X40:Y43"/>
    <mergeCell ref="X44:Y45"/>
    <mergeCell ref="X48:Y50"/>
    <mergeCell ref="X51:Y52"/>
    <mergeCell ref="U30:V30"/>
    <mergeCell ref="B1:K1"/>
    <mergeCell ref="O1:X1"/>
    <mergeCell ref="AB1:AK1"/>
    <mergeCell ref="AO1:AX1"/>
    <mergeCell ref="BB1:BK1"/>
    <mergeCell ref="BO1:BX1"/>
    <mergeCell ref="NB1:NK1"/>
    <mergeCell ref="NO1:NX1"/>
    <mergeCell ref="IB1:IK1"/>
    <mergeCell ref="IO1:IX1"/>
    <mergeCell ref="JB1:JK1"/>
    <mergeCell ref="JO1:JX1"/>
    <mergeCell ref="KB1:KK1"/>
    <mergeCell ref="KO1:KX1"/>
    <mergeCell ref="FB1:FK1"/>
    <mergeCell ref="FO1:FX1"/>
    <mergeCell ref="GB1:GK1"/>
    <mergeCell ref="GO1:GX1"/>
    <mergeCell ref="HB1:HK1"/>
    <mergeCell ref="HO1:HX1"/>
    <mergeCell ref="CB1:CK1"/>
    <mergeCell ref="CO1:CX1"/>
    <mergeCell ref="DB1:DK1"/>
    <mergeCell ref="DO1:DX1"/>
    <mergeCell ref="EB1:EK1"/>
    <mergeCell ref="EO1:EX1"/>
    <mergeCell ref="CC2:CL5"/>
    <mergeCell ref="CN2:CO5"/>
    <mergeCell ref="CP2:CY5"/>
    <mergeCell ref="DA2:DB5"/>
    <mergeCell ref="DC2:DL5"/>
    <mergeCell ref="DN2:DO5"/>
    <mergeCell ref="AP2:AY5"/>
    <mergeCell ref="BA2:BB5"/>
    <mergeCell ref="BC2:BL5"/>
    <mergeCell ref="BN2:BO5"/>
    <mergeCell ref="BP2:BY5"/>
    <mergeCell ref="CA2:CB5"/>
    <mergeCell ref="RB1:RK1"/>
    <mergeCell ref="RO1:RX1"/>
    <mergeCell ref="SB1:SK1"/>
    <mergeCell ref="A2:B5"/>
    <mergeCell ref="C2:L5"/>
    <mergeCell ref="N2:O5"/>
    <mergeCell ref="P2:Y5"/>
    <mergeCell ref="AA2:AB5"/>
    <mergeCell ref="AC2:AL5"/>
    <mergeCell ref="AN2:AO5"/>
    <mergeCell ref="OB1:OK1"/>
    <mergeCell ref="OO1:OX1"/>
    <mergeCell ref="PB1:PK1"/>
    <mergeCell ref="PO1:PX1"/>
    <mergeCell ref="QB1:QK1"/>
    <mergeCell ref="QO1:QX1"/>
    <mergeCell ref="LB1:LK1"/>
    <mergeCell ref="LO1:LX1"/>
    <mergeCell ref="MB1:MK1"/>
    <mergeCell ref="MO1:MX1"/>
    <mergeCell ref="GP2:GY5"/>
    <mergeCell ref="HA2:HB5"/>
    <mergeCell ref="HC2:HL5"/>
    <mergeCell ref="HN2:HO5"/>
    <mergeCell ref="HP2:HY5"/>
    <mergeCell ref="IA2:IB5"/>
    <mergeCell ref="FC2:FL5"/>
    <mergeCell ref="FN2:FO5"/>
    <mergeCell ref="FP2:FY5"/>
    <mergeCell ref="GA2:GB5"/>
    <mergeCell ref="GC2:GL5"/>
    <mergeCell ref="GN2:GO5"/>
    <mergeCell ref="DP2:DY5"/>
    <mergeCell ref="EA2:EB5"/>
    <mergeCell ref="EC2:EL5"/>
    <mergeCell ref="EN2:EO5"/>
    <mergeCell ref="EP2:EY5"/>
    <mergeCell ref="FA2:FB5"/>
    <mergeCell ref="NC2:NL5"/>
    <mergeCell ref="NN2:NO5"/>
    <mergeCell ref="NP2:NY5"/>
    <mergeCell ref="OA2:OB5"/>
    <mergeCell ref="LC2:LL5"/>
    <mergeCell ref="LN2:LO5"/>
    <mergeCell ref="LP2:LY5"/>
    <mergeCell ref="MA2:MB5"/>
    <mergeCell ref="MC2:ML5"/>
    <mergeCell ref="MN2:MO5"/>
    <mergeCell ref="JP2:JY5"/>
    <mergeCell ref="KA2:KB5"/>
    <mergeCell ref="KC2:KL5"/>
    <mergeCell ref="KN2:KO5"/>
    <mergeCell ref="KP2:KY5"/>
    <mergeCell ref="LA2:LB5"/>
    <mergeCell ref="IC2:IL5"/>
    <mergeCell ref="IN2:IO5"/>
    <mergeCell ref="IP2:IY5"/>
    <mergeCell ref="JA2:JB5"/>
    <mergeCell ref="JC2:JL5"/>
    <mergeCell ref="JN2:JO5"/>
    <mergeCell ref="GO6:GP6"/>
    <mergeCell ref="HB6:HC6"/>
    <mergeCell ref="BO6:BP6"/>
    <mergeCell ref="CB6:CC6"/>
    <mergeCell ref="CO6:CP6"/>
    <mergeCell ref="DB6:DC6"/>
    <mergeCell ref="DO6:DP6"/>
    <mergeCell ref="EB6:EC6"/>
    <mergeCell ref="RC2:RL5"/>
    <mergeCell ref="RN2:RO5"/>
    <mergeCell ref="RP2:RY5"/>
    <mergeCell ref="SA2:SB5"/>
    <mergeCell ref="SC2:SL5"/>
    <mergeCell ref="B6:C6"/>
    <mergeCell ref="O6:P6"/>
    <mergeCell ref="AB6:AC6"/>
    <mergeCell ref="AO6:AP6"/>
    <mergeCell ref="BB6:BC6"/>
    <mergeCell ref="PP2:PY5"/>
    <mergeCell ref="QA2:QB5"/>
    <mergeCell ref="QC2:QL5"/>
    <mergeCell ref="QN2:QO5"/>
    <mergeCell ref="QP2:QY5"/>
    <mergeCell ref="RA2:RB5"/>
    <mergeCell ref="OC2:OL5"/>
    <mergeCell ref="ON2:OO5"/>
    <mergeCell ref="OP2:OY5"/>
    <mergeCell ref="PA2:PB5"/>
    <mergeCell ref="PC2:PL5"/>
    <mergeCell ref="PN2:PO5"/>
    <mergeCell ref="MP2:MY5"/>
    <mergeCell ref="NA2:NB5"/>
    <mergeCell ref="QO6:QP6"/>
    <mergeCell ref="RB6:RC6"/>
    <mergeCell ref="RO6:RP6"/>
    <mergeCell ref="SB6:SC6"/>
    <mergeCell ref="B7:B8"/>
    <mergeCell ref="C7:C8"/>
    <mergeCell ref="D7:D8"/>
    <mergeCell ref="E7:E8"/>
    <mergeCell ref="F7:F8"/>
    <mergeCell ref="G7:G8"/>
    <mergeCell ref="NO6:NP6"/>
    <mergeCell ref="OB6:OC6"/>
    <mergeCell ref="OO6:OP6"/>
    <mergeCell ref="PB6:PC6"/>
    <mergeCell ref="PO6:PP6"/>
    <mergeCell ref="QB6:QC6"/>
    <mergeCell ref="KO6:KP6"/>
    <mergeCell ref="LB6:LC6"/>
    <mergeCell ref="LO6:LP6"/>
    <mergeCell ref="MB6:MC6"/>
    <mergeCell ref="MO6:MP6"/>
    <mergeCell ref="NB6:NC6"/>
    <mergeCell ref="HO6:HP6"/>
    <mergeCell ref="IB6:IC6"/>
    <mergeCell ref="IO6:IP6"/>
    <mergeCell ref="JB6:JC6"/>
    <mergeCell ref="JO6:JP6"/>
    <mergeCell ref="KB6:KC6"/>
    <mergeCell ref="EO6:EP6"/>
    <mergeCell ref="FB6:FC6"/>
    <mergeCell ref="FO6:FP6"/>
    <mergeCell ref="GB6:GC6"/>
    <mergeCell ref="AD7:AD8"/>
    <mergeCell ref="AE7:AE8"/>
    <mergeCell ref="AF7:AF8"/>
    <mergeCell ref="AG7:AG8"/>
    <mergeCell ref="AH7:AI8"/>
    <mergeCell ref="AK7:AL8"/>
    <mergeCell ref="S7:S8"/>
    <mergeCell ref="T7:T8"/>
    <mergeCell ref="U7:V8"/>
    <mergeCell ref="X7:Y8"/>
    <mergeCell ref="AB7:AB8"/>
    <mergeCell ref="AC7:AC8"/>
    <mergeCell ref="H7:I8"/>
    <mergeCell ref="K7:L8"/>
    <mergeCell ref="O7:O8"/>
    <mergeCell ref="P7:P8"/>
    <mergeCell ref="Q7:Q8"/>
    <mergeCell ref="R7:R8"/>
    <mergeCell ref="BF7:BF8"/>
    <mergeCell ref="BG7:BG8"/>
    <mergeCell ref="BH7:BI8"/>
    <mergeCell ref="BK7:BL8"/>
    <mergeCell ref="BO7:BO8"/>
    <mergeCell ref="BP7:BP8"/>
    <mergeCell ref="AU7:AV8"/>
    <mergeCell ref="AX7:AY8"/>
    <mergeCell ref="BB7:BB8"/>
    <mergeCell ref="BC7:BC8"/>
    <mergeCell ref="BD7:BD8"/>
    <mergeCell ref="BE7:BE8"/>
    <mergeCell ref="AO7:AO8"/>
    <mergeCell ref="AP7:AP8"/>
    <mergeCell ref="AQ7:AQ8"/>
    <mergeCell ref="AR7:AR8"/>
    <mergeCell ref="AS7:AS8"/>
    <mergeCell ref="AT7:AT8"/>
    <mergeCell ref="CH7:CI8"/>
    <mergeCell ref="CK7:CL8"/>
    <mergeCell ref="CO7:CO8"/>
    <mergeCell ref="CP7:CP8"/>
    <mergeCell ref="CQ7:CQ8"/>
    <mergeCell ref="CR7:CR8"/>
    <mergeCell ref="CB7:CB8"/>
    <mergeCell ref="CC7:CC8"/>
    <mergeCell ref="CD7:CD8"/>
    <mergeCell ref="CE7:CE8"/>
    <mergeCell ref="CF7:CF8"/>
    <mergeCell ref="CG7:CG8"/>
    <mergeCell ref="BQ7:BQ8"/>
    <mergeCell ref="BR7:BR8"/>
    <mergeCell ref="BS7:BS8"/>
    <mergeCell ref="BT7:BT8"/>
    <mergeCell ref="BU7:BV8"/>
    <mergeCell ref="BX7:BY8"/>
    <mergeCell ref="DO7:DO8"/>
    <mergeCell ref="DP7:DP8"/>
    <mergeCell ref="DQ7:DQ8"/>
    <mergeCell ref="DR7:DR8"/>
    <mergeCell ref="DS7:DS8"/>
    <mergeCell ref="DT7:DT8"/>
    <mergeCell ref="DD7:DD8"/>
    <mergeCell ref="DE7:DE8"/>
    <mergeCell ref="DF7:DF8"/>
    <mergeCell ref="DG7:DG8"/>
    <mergeCell ref="DH7:DI8"/>
    <mergeCell ref="DK7:DL8"/>
    <mergeCell ref="CS7:CS8"/>
    <mergeCell ref="CT7:CT8"/>
    <mergeCell ref="CU7:CV8"/>
    <mergeCell ref="CX7:CY8"/>
    <mergeCell ref="DB7:DB8"/>
    <mergeCell ref="DC7:DC8"/>
    <mergeCell ref="EQ7:EQ8"/>
    <mergeCell ref="ER7:ER8"/>
    <mergeCell ref="ES7:ES8"/>
    <mergeCell ref="ET7:ET8"/>
    <mergeCell ref="EU7:EV8"/>
    <mergeCell ref="EX7:EY8"/>
    <mergeCell ref="EF7:EF8"/>
    <mergeCell ref="EG7:EG8"/>
    <mergeCell ref="EH7:EI8"/>
    <mergeCell ref="EK7:EL8"/>
    <mergeCell ref="EO7:EO8"/>
    <mergeCell ref="EP7:EP8"/>
    <mergeCell ref="DU7:DV8"/>
    <mergeCell ref="DX7:DY8"/>
    <mergeCell ref="EB7:EB8"/>
    <mergeCell ref="EC7:EC8"/>
    <mergeCell ref="ED7:ED8"/>
    <mergeCell ref="EE7:EE8"/>
    <mergeCell ref="FS7:FS8"/>
    <mergeCell ref="FT7:FT8"/>
    <mergeCell ref="FU7:FV8"/>
    <mergeCell ref="FX7:FY8"/>
    <mergeCell ref="GB7:GB8"/>
    <mergeCell ref="GC7:GC8"/>
    <mergeCell ref="FH7:FI8"/>
    <mergeCell ref="FK7:FL8"/>
    <mergeCell ref="FO7:FO8"/>
    <mergeCell ref="FP7:FP8"/>
    <mergeCell ref="FQ7:FQ8"/>
    <mergeCell ref="FR7:FR8"/>
    <mergeCell ref="FB7:FB8"/>
    <mergeCell ref="FC7:FC8"/>
    <mergeCell ref="FD7:FD8"/>
    <mergeCell ref="FE7:FE8"/>
    <mergeCell ref="FF7:FF8"/>
    <mergeCell ref="FG7:FG8"/>
    <mergeCell ref="GU7:GV8"/>
    <mergeCell ref="GX7:GY8"/>
    <mergeCell ref="HB7:HB8"/>
    <mergeCell ref="HC7:HC8"/>
    <mergeCell ref="HD7:HD8"/>
    <mergeCell ref="HE7:HE8"/>
    <mergeCell ref="GO7:GO8"/>
    <mergeCell ref="GP7:GP8"/>
    <mergeCell ref="GQ7:GQ8"/>
    <mergeCell ref="GR7:GR8"/>
    <mergeCell ref="GS7:GS8"/>
    <mergeCell ref="GT7:GT8"/>
    <mergeCell ref="GD7:GD8"/>
    <mergeCell ref="GE7:GE8"/>
    <mergeCell ref="GF7:GF8"/>
    <mergeCell ref="GG7:GG8"/>
    <mergeCell ref="GH7:GI8"/>
    <mergeCell ref="GK7:GL8"/>
    <mergeCell ref="IB7:IB8"/>
    <mergeCell ref="IC7:IC8"/>
    <mergeCell ref="ID7:ID8"/>
    <mergeCell ref="IE7:IE8"/>
    <mergeCell ref="IF7:IF8"/>
    <mergeCell ref="IG7:IG8"/>
    <mergeCell ref="HQ7:HQ8"/>
    <mergeCell ref="HR7:HR8"/>
    <mergeCell ref="HS7:HS8"/>
    <mergeCell ref="HT7:HT8"/>
    <mergeCell ref="HU7:HV8"/>
    <mergeCell ref="HX7:HY8"/>
    <mergeCell ref="HF7:HF8"/>
    <mergeCell ref="HG7:HG8"/>
    <mergeCell ref="HH7:HI8"/>
    <mergeCell ref="HK7:HL8"/>
    <mergeCell ref="HO7:HO8"/>
    <mergeCell ref="HP7:HP8"/>
    <mergeCell ref="JD7:JD8"/>
    <mergeCell ref="JE7:JE8"/>
    <mergeCell ref="JF7:JF8"/>
    <mergeCell ref="JG7:JG8"/>
    <mergeCell ref="JH7:JI8"/>
    <mergeCell ref="JK7:JL8"/>
    <mergeCell ref="IS7:IS8"/>
    <mergeCell ref="IT7:IT8"/>
    <mergeCell ref="IU7:IV8"/>
    <mergeCell ref="IX7:IY8"/>
    <mergeCell ref="JB7:JB8"/>
    <mergeCell ref="JC7:JC8"/>
    <mergeCell ref="IH7:II8"/>
    <mergeCell ref="IK7:IL8"/>
    <mergeCell ref="IO7:IO8"/>
    <mergeCell ref="IP7:IP8"/>
    <mergeCell ref="IQ7:IQ8"/>
    <mergeCell ref="IR7:IR8"/>
    <mergeCell ref="KF7:KF8"/>
    <mergeCell ref="KG7:KG8"/>
    <mergeCell ref="KH7:KI8"/>
    <mergeCell ref="KK7:KL8"/>
    <mergeCell ref="KO7:KO8"/>
    <mergeCell ref="KP7:KP8"/>
    <mergeCell ref="JU7:JV8"/>
    <mergeCell ref="JX7:JY8"/>
    <mergeCell ref="KB7:KB8"/>
    <mergeCell ref="KC7:KC8"/>
    <mergeCell ref="KD7:KD8"/>
    <mergeCell ref="KE7:KE8"/>
    <mergeCell ref="JO7:JO8"/>
    <mergeCell ref="JP7:JP8"/>
    <mergeCell ref="JQ7:JQ8"/>
    <mergeCell ref="JR7:JR8"/>
    <mergeCell ref="JS7:JS8"/>
    <mergeCell ref="JT7:JT8"/>
    <mergeCell ref="LH7:LI8"/>
    <mergeCell ref="LK7:LL8"/>
    <mergeCell ref="LO7:LO8"/>
    <mergeCell ref="LP7:LP8"/>
    <mergeCell ref="LQ7:LQ8"/>
    <mergeCell ref="LR7:LR8"/>
    <mergeCell ref="LB7:LB8"/>
    <mergeCell ref="LC7:LC8"/>
    <mergeCell ref="LD7:LD8"/>
    <mergeCell ref="LE7:LE8"/>
    <mergeCell ref="LF7:LF8"/>
    <mergeCell ref="LG7:LG8"/>
    <mergeCell ref="KQ7:KQ8"/>
    <mergeCell ref="KR7:KR8"/>
    <mergeCell ref="KS7:KS8"/>
    <mergeCell ref="KT7:KT8"/>
    <mergeCell ref="KU7:KV8"/>
    <mergeCell ref="KX7:KY8"/>
    <mergeCell ref="MO7:MO8"/>
    <mergeCell ref="MP7:MP8"/>
    <mergeCell ref="MQ7:MQ8"/>
    <mergeCell ref="MR7:MR8"/>
    <mergeCell ref="MS7:MS8"/>
    <mergeCell ref="MT7:MT8"/>
    <mergeCell ref="MD7:MD8"/>
    <mergeCell ref="ME7:ME8"/>
    <mergeCell ref="MF7:MF8"/>
    <mergeCell ref="MG7:MG8"/>
    <mergeCell ref="MH7:MI8"/>
    <mergeCell ref="MK7:ML8"/>
    <mergeCell ref="LS7:LS8"/>
    <mergeCell ref="LT7:LT8"/>
    <mergeCell ref="LU7:LV8"/>
    <mergeCell ref="LX7:LY8"/>
    <mergeCell ref="MB7:MB8"/>
    <mergeCell ref="MC7:MC8"/>
    <mergeCell ref="NQ7:NQ8"/>
    <mergeCell ref="NR7:NR8"/>
    <mergeCell ref="NS7:NS8"/>
    <mergeCell ref="NT7:NT8"/>
    <mergeCell ref="NU7:NV8"/>
    <mergeCell ref="NX7:NY8"/>
    <mergeCell ref="NF7:NF8"/>
    <mergeCell ref="NG7:NG8"/>
    <mergeCell ref="NH7:NI8"/>
    <mergeCell ref="NK7:NL8"/>
    <mergeCell ref="NO7:NO8"/>
    <mergeCell ref="NP7:NP8"/>
    <mergeCell ref="MU7:MV8"/>
    <mergeCell ref="MX7:MY8"/>
    <mergeCell ref="NB7:NB8"/>
    <mergeCell ref="NC7:NC8"/>
    <mergeCell ref="ND7:ND8"/>
    <mergeCell ref="NE7:NE8"/>
    <mergeCell ref="OS7:OS8"/>
    <mergeCell ref="OT7:OT8"/>
    <mergeCell ref="OU7:OV8"/>
    <mergeCell ref="OX7:OY8"/>
    <mergeCell ref="PB7:PB8"/>
    <mergeCell ref="PC7:PC8"/>
    <mergeCell ref="OH7:OI8"/>
    <mergeCell ref="OK7:OL8"/>
    <mergeCell ref="OO7:OO8"/>
    <mergeCell ref="OP7:OP8"/>
    <mergeCell ref="OQ7:OQ8"/>
    <mergeCell ref="OR7:OR8"/>
    <mergeCell ref="OB7:OB8"/>
    <mergeCell ref="OC7:OC8"/>
    <mergeCell ref="OD7:OD8"/>
    <mergeCell ref="OE7:OE8"/>
    <mergeCell ref="OF7:OF8"/>
    <mergeCell ref="OG7:OG8"/>
    <mergeCell ref="PU7:PV8"/>
    <mergeCell ref="PX7:PY8"/>
    <mergeCell ref="QB7:QB8"/>
    <mergeCell ref="QC7:QC8"/>
    <mergeCell ref="QD7:QD8"/>
    <mergeCell ref="QE7:QE8"/>
    <mergeCell ref="PO7:PO8"/>
    <mergeCell ref="PP7:PP8"/>
    <mergeCell ref="PQ7:PQ8"/>
    <mergeCell ref="PR7:PR8"/>
    <mergeCell ref="PS7:PS8"/>
    <mergeCell ref="PT7:PT8"/>
    <mergeCell ref="PD7:PD8"/>
    <mergeCell ref="PE7:PE8"/>
    <mergeCell ref="PF7:PF8"/>
    <mergeCell ref="PG7:PG8"/>
    <mergeCell ref="PH7:PI8"/>
    <mergeCell ref="PK7:PL8"/>
    <mergeCell ref="RB7:RB8"/>
    <mergeCell ref="RC7:RC8"/>
    <mergeCell ref="RD7:RD8"/>
    <mergeCell ref="RE7:RE8"/>
    <mergeCell ref="RF7:RF8"/>
    <mergeCell ref="RG7:RG8"/>
    <mergeCell ref="QQ7:QQ8"/>
    <mergeCell ref="QR7:QR8"/>
    <mergeCell ref="QS7:QS8"/>
    <mergeCell ref="QT7:QT8"/>
    <mergeCell ref="QU7:QV8"/>
    <mergeCell ref="QX7:QY8"/>
    <mergeCell ref="QF7:QF8"/>
    <mergeCell ref="QG7:QG8"/>
    <mergeCell ref="QH7:QI8"/>
    <mergeCell ref="QK7:QL8"/>
    <mergeCell ref="QO7:QO8"/>
    <mergeCell ref="QP7:QP8"/>
    <mergeCell ref="SD7:SD8"/>
    <mergeCell ref="SE7:SE8"/>
    <mergeCell ref="SF7:SF8"/>
    <mergeCell ref="SG7:SG8"/>
    <mergeCell ref="SH7:SI8"/>
    <mergeCell ref="SK7:SL8"/>
    <mergeCell ref="RS7:RS8"/>
    <mergeCell ref="RT7:RT8"/>
    <mergeCell ref="RU7:RV8"/>
    <mergeCell ref="RX7:RY8"/>
    <mergeCell ref="SB7:SB8"/>
    <mergeCell ref="SC7:SC8"/>
    <mergeCell ref="RH7:RI8"/>
    <mergeCell ref="RK7:RL8"/>
    <mergeCell ref="RO7:RO8"/>
    <mergeCell ref="RP7:RP8"/>
    <mergeCell ref="RQ7:RQ8"/>
    <mergeCell ref="RR7:RR8"/>
    <mergeCell ref="BH9:BI9"/>
    <mergeCell ref="BK9:BK10"/>
    <mergeCell ref="BL9:BL10"/>
    <mergeCell ref="BU9:BV9"/>
    <mergeCell ref="BX9:BX10"/>
    <mergeCell ref="BY9:BY10"/>
    <mergeCell ref="AH9:AI9"/>
    <mergeCell ref="AK9:AK10"/>
    <mergeCell ref="AL9:AL10"/>
    <mergeCell ref="AU9:AV9"/>
    <mergeCell ref="AX9:AX10"/>
    <mergeCell ref="AY9:AY10"/>
    <mergeCell ref="H9:I9"/>
    <mergeCell ref="K9:K10"/>
    <mergeCell ref="L9:L10"/>
    <mergeCell ref="U9:V9"/>
    <mergeCell ref="X9:X10"/>
    <mergeCell ref="Y9:Y10"/>
    <mergeCell ref="EH9:EI9"/>
    <mergeCell ref="EK9:EK10"/>
    <mergeCell ref="EL9:EL10"/>
    <mergeCell ref="EU9:EV9"/>
    <mergeCell ref="EX9:EX10"/>
    <mergeCell ref="EY9:EY10"/>
    <mergeCell ref="EH10:EI10"/>
    <mergeCell ref="EU10:EV10"/>
    <mergeCell ref="DH9:DI9"/>
    <mergeCell ref="DK9:DK10"/>
    <mergeCell ref="DL9:DL10"/>
    <mergeCell ref="DU9:DV9"/>
    <mergeCell ref="DX9:DX10"/>
    <mergeCell ref="DY9:DY10"/>
    <mergeCell ref="DH10:DI10"/>
    <mergeCell ref="DU10:DV10"/>
    <mergeCell ref="CH9:CI9"/>
    <mergeCell ref="CK9:CK10"/>
    <mergeCell ref="CL9:CL10"/>
    <mergeCell ref="CU9:CV9"/>
    <mergeCell ref="CX9:CX10"/>
    <mergeCell ref="CY9:CY10"/>
    <mergeCell ref="CU10:CV10"/>
    <mergeCell ref="HH9:HI9"/>
    <mergeCell ref="HK9:HK10"/>
    <mergeCell ref="HL9:HL10"/>
    <mergeCell ref="HU9:HV9"/>
    <mergeCell ref="HX9:HX10"/>
    <mergeCell ref="HY9:HY10"/>
    <mergeCell ref="HH10:HI10"/>
    <mergeCell ref="HU10:HV10"/>
    <mergeCell ref="GH9:GI9"/>
    <mergeCell ref="GK9:GK10"/>
    <mergeCell ref="GL9:GL10"/>
    <mergeCell ref="GU9:GV9"/>
    <mergeCell ref="GX9:GX10"/>
    <mergeCell ref="GY9:GY10"/>
    <mergeCell ref="GH10:GI10"/>
    <mergeCell ref="GU10:GV10"/>
    <mergeCell ref="FH9:FI9"/>
    <mergeCell ref="FK9:FK10"/>
    <mergeCell ref="FL9:FL10"/>
    <mergeCell ref="FU9:FV9"/>
    <mergeCell ref="FX9:FX10"/>
    <mergeCell ref="FY9:FY10"/>
    <mergeCell ref="FH10:FI10"/>
    <mergeCell ref="FU10:FV10"/>
    <mergeCell ref="KH9:KI9"/>
    <mergeCell ref="KK9:KK10"/>
    <mergeCell ref="KL9:KL10"/>
    <mergeCell ref="KU9:KV9"/>
    <mergeCell ref="KX9:KX10"/>
    <mergeCell ref="KY9:KY10"/>
    <mergeCell ref="KH10:KI10"/>
    <mergeCell ref="KU10:KV10"/>
    <mergeCell ref="JH9:JI9"/>
    <mergeCell ref="JK9:JK10"/>
    <mergeCell ref="JL9:JL10"/>
    <mergeCell ref="JU9:JV9"/>
    <mergeCell ref="JX9:JX10"/>
    <mergeCell ref="JY9:JY10"/>
    <mergeCell ref="JH10:JI10"/>
    <mergeCell ref="JU10:JV10"/>
    <mergeCell ref="IH9:II9"/>
    <mergeCell ref="IK9:IK10"/>
    <mergeCell ref="IL9:IL10"/>
    <mergeCell ref="IU9:IV9"/>
    <mergeCell ref="IX9:IX10"/>
    <mergeCell ref="IY9:IY10"/>
    <mergeCell ref="IH10:II10"/>
    <mergeCell ref="IU10:IV10"/>
    <mergeCell ref="NH9:NI9"/>
    <mergeCell ref="NK9:NK10"/>
    <mergeCell ref="NL9:NL10"/>
    <mergeCell ref="NU9:NV9"/>
    <mergeCell ref="NX9:NX10"/>
    <mergeCell ref="NY9:NY10"/>
    <mergeCell ref="NH10:NI10"/>
    <mergeCell ref="NU10:NV10"/>
    <mergeCell ref="MH9:MI9"/>
    <mergeCell ref="MK9:MK10"/>
    <mergeCell ref="ML9:ML10"/>
    <mergeCell ref="MU9:MV9"/>
    <mergeCell ref="MX9:MX10"/>
    <mergeCell ref="MY9:MY10"/>
    <mergeCell ref="MH10:MI10"/>
    <mergeCell ref="MU10:MV10"/>
    <mergeCell ref="LH9:LI9"/>
    <mergeCell ref="LK9:LK10"/>
    <mergeCell ref="LL9:LL10"/>
    <mergeCell ref="LU9:LV9"/>
    <mergeCell ref="LX9:LX10"/>
    <mergeCell ref="LY9:LY10"/>
    <mergeCell ref="LH10:LI10"/>
    <mergeCell ref="LU10:LV10"/>
    <mergeCell ref="QX9:QX10"/>
    <mergeCell ref="QY9:QY10"/>
    <mergeCell ref="QH10:QI10"/>
    <mergeCell ref="QU10:QV10"/>
    <mergeCell ref="PH9:PI9"/>
    <mergeCell ref="PK9:PK10"/>
    <mergeCell ref="PL9:PL10"/>
    <mergeCell ref="PU9:PV9"/>
    <mergeCell ref="PX9:PX10"/>
    <mergeCell ref="PY9:PY10"/>
    <mergeCell ref="PH10:PI10"/>
    <mergeCell ref="PU10:PV10"/>
    <mergeCell ref="OH9:OI9"/>
    <mergeCell ref="OK9:OK10"/>
    <mergeCell ref="OL9:OL10"/>
    <mergeCell ref="OU9:OV9"/>
    <mergeCell ref="OX9:OX10"/>
    <mergeCell ref="OY9:OY10"/>
    <mergeCell ref="OH10:OI10"/>
    <mergeCell ref="OU10:OV10"/>
    <mergeCell ref="SH10:SI10"/>
    <mergeCell ref="H11:I11"/>
    <mergeCell ref="K11:K12"/>
    <mergeCell ref="L11:L12"/>
    <mergeCell ref="U11:V11"/>
    <mergeCell ref="X11:X12"/>
    <mergeCell ref="Y11:Y12"/>
    <mergeCell ref="AH11:AI11"/>
    <mergeCell ref="AK11:AK12"/>
    <mergeCell ref="AL11:AL12"/>
    <mergeCell ref="SH9:SI9"/>
    <mergeCell ref="SK9:SK10"/>
    <mergeCell ref="SL9:SL10"/>
    <mergeCell ref="H10:I10"/>
    <mergeCell ref="U10:V10"/>
    <mergeCell ref="AH10:AI10"/>
    <mergeCell ref="AU10:AV10"/>
    <mergeCell ref="BH10:BI10"/>
    <mergeCell ref="BU10:BV10"/>
    <mergeCell ref="CH10:CI10"/>
    <mergeCell ref="RH9:RI9"/>
    <mergeCell ref="RK9:RK10"/>
    <mergeCell ref="RL9:RL10"/>
    <mergeCell ref="RU9:RV9"/>
    <mergeCell ref="RX9:RX10"/>
    <mergeCell ref="RY9:RY10"/>
    <mergeCell ref="RH10:RI10"/>
    <mergeCell ref="RU10:RV10"/>
    <mergeCell ref="QH9:QI9"/>
    <mergeCell ref="QK9:QK10"/>
    <mergeCell ref="QL9:QL10"/>
    <mergeCell ref="QU9:QV9"/>
    <mergeCell ref="CU11:CV11"/>
    <mergeCell ref="CX11:CX12"/>
    <mergeCell ref="CY11:CY12"/>
    <mergeCell ref="DH11:DI11"/>
    <mergeCell ref="DK11:DK12"/>
    <mergeCell ref="DL11:DL12"/>
    <mergeCell ref="CU12:CV12"/>
    <mergeCell ref="DH12:DI12"/>
    <mergeCell ref="BU11:BV11"/>
    <mergeCell ref="BX11:BX12"/>
    <mergeCell ref="BY11:BY12"/>
    <mergeCell ref="CH11:CI11"/>
    <mergeCell ref="CK11:CK12"/>
    <mergeCell ref="CL11:CL12"/>
    <mergeCell ref="CH12:CI12"/>
    <mergeCell ref="AU11:AV11"/>
    <mergeCell ref="AX11:AX12"/>
    <mergeCell ref="AY11:AY12"/>
    <mergeCell ref="BH11:BI11"/>
    <mergeCell ref="BK11:BK12"/>
    <mergeCell ref="BL11:BL12"/>
    <mergeCell ref="FU11:FV11"/>
    <mergeCell ref="FX11:FX12"/>
    <mergeCell ref="FY11:FY12"/>
    <mergeCell ref="GH11:GI11"/>
    <mergeCell ref="GK11:GK12"/>
    <mergeCell ref="GL11:GL12"/>
    <mergeCell ref="FU12:FV12"/>
    <mergeCell ref="GH12:GI12"/>
    <mergeCell ref="EU11:EV11"/>
    <mergeCell ref="EX11:EX12"/>
    <mergeCell ref="EY11:EY12"/>
    <mergeCell ref="FH11:FI11"/>
    <mergeCell ref="FK11:FK12"/>
    <mergeCell ref="FL11:FL12"/>
    <mergeCell ref="EU12:EV12"/>
    <mergeCell ref="FH12:FI12"/>
    <mergeCell ref="DU11:DV11"/>
    <mergeCell ref="DX11:DX12"/>
    <mergeCell ref="DY11:DY12"/>
    <mergeCell ref="EH11:EI11"/>
    <mergeCell ref="EK11:EK12"/>
    <mergeCell ref="EL11:EL12"/>
    <mergeCell ref="DU12:DV12"/>
    <mergeCell ref="EH12:EI12"/>
    <mergeCell ref="IU11:IV11"/>
    <mergeCell ref="IX11:IX12"/>
    <mergeCell ref="IY11:IY12"/>
    <mergeCell ref="JH11:JI11"/>
    <mergeCell ref="JK11:JK12"/>
    <mergeCell ref="JL11:JL12"/>
    <mergeCell ref="IU12:IV12"/>
    <mergeCell ref="JH12:JI12"/>
    <mergeCell ref="HU11:HV11"/>
    <mergeCell ref="HX11:HX12"/>
    <mergeCell ref="HY11:HY12"/>
    <mergeCell ref="IH11:II11"/>
    <mergeCell ref="IK11:IK12"/>
    <mergeCell ref="IL11:IL12"/>
    <mergeCell ref="HU12:HV12"/>
    <mergeCell ref="IH12:II12"/>
    <mergeCell ref="GU11:GV11"/>
    <mergeCell ref="GX11:GX12"/>
    <mergeCell ref="GY11:GY12"/>
    <mergeCell ref="HH11:HI11"/>
    <mergeCell ref="HK11:HK12"/>
    <mergeCell ref="HL11:HL12"/>
    <mergeCell ref="GU12:GV12"/>
    <mergeCell ref="HH12:HI12"/>
    <mergeCell ref="LU11:LV11"/>
    <mergeCell ref="LX11:LX12"/>
    <mergeCell ref="LY11:LY12"/>
    <mergeCell ref="MH11:MI11"/>
    <mergeCell ref="MK11:MK12"/>
    <mergeCell ref="ML11:ML12"/>
    <mergeCell ref="LU12:LV12"/>
    <mergeCell ref="MH12:MI12"/>
    <mergeCell ref="KU11:KV11"/>
    <mergeCell ref="KX11:KX12"/>
    <mergeCell ref="KY11:KY12"/>
    <mergeCell ref="LH11:LI11"/>
    <mergeCell ref="LK11:LK12"/>
    <mergeCell ref="LL11:LL12"/>
    <mergeCell ref="KU12:KV12"/>
    <mergeCell ref="LH12:LI12"/>
    <mergeCell ref="JU11:JV11"/>
    <mergeCell ref="JX11:JX12"/>
    <mergeCell ref="JY11:JY12"/>
    <mergeCell ref="KH11:KI11"/>
    <mergeCell ref="KK11:KK12"/>
    <mergeCell ref="KL11:KL12"/>
    <mergeCell ref="JU12:JV12"/>
    <mergeCell ref="KH12:KI12"/>
    <mergeCell ref="OY11:OY12"/>
    <mergeCell ref="PH11:PI11"/>
    <mergeCell ref="PK11:PK12"/>
    <mergeCell ref="PL11:PL12"/>
    <mergeCell ref="OU12:OV12"/>
    <mergeCell ref="PH12:PI12"/>
    <mergeCell ref="NU11:NV11"/>
    <mergeCell ref="NX11:NX12"/>
    <mergeCell ref="NY11:NY12"/>
    <mergeCell ref="OH11:OI11"/>
    <mergeCell ref="OK11:OK12"/>
    <mergeCell ref="OL11:OL12"/>
    <mergeCell ref="NU12:NV12"/>
    <mergeCell ref="OH12:OI12"/>
    <mergeCell ref="MU11:MV11"/>
    <mergeCell ref="MX11:MX12"/>
    <mergeCell ref="MY11:MY12"/>
    <mergeCell ref="NH11:NI11"/>
    <mergeCell ref="NK11:NK12"/>
    <mergeCell ref="NL11:NL12"/>
    <mergeCell ref="MU12:MV12"/>
    <mergeCell ref="NH12:NI12"/>
    <mergeCell ref="H12:I12"/>
    <mergeCell ref="U12:V12"/>
    <mergeCell ref="AH12:AI12"/>
    <mergeCell ref="AU12:AV12"/>
    <mergeCell ref="BH12:BI12"/>
    <mergeCell ref="BU12:BV12"/>
    <mergeCell ref="RU11:RV11"/>
    <mergeCell ref="RX11:RX12"/>
    <mergeCell ref="RY11:RY12"/>
    <mergeCell ref="SH11:SI11"/>
    <mergeCell ref="SK11:SK12"/>
    <mergeCell ref="SL11:SL12"/>
    <mergeCell ref="RU12:RV12"/>
    <mergeCell ref="SH12:SI12"/>
    <mergeCell ref="QU11:QV11"/>
    <mergeCell ref="QX11:QX12"/>
    <mergeCell ref="QY11:QY12"/>
    <mergeCell ref="RH11:RI11"/>
    <mergeCell ref="RK11:RK12"/>
    <mergeCell ref="RL11:RL12"/>
    <mergeCell ref="QU12:QV12"/>
    <mergeCell ref="RH12:RI12"/>
    <mergeCell ref="PU11:PV11"/>
    <mergeCell ref="PX11:PX12"/>
    <mergeCell ref="PY11:PY12"/>
    <mergeCell ref="QH11:QI11"/>
    <mergeCell ref="QK11:QK12"/>
    <mergeCell ref="QL11:QL12"/>
    <mergeCell ref="PU12:PV12"/>
    <mergeCell ref="QH12:QI12"/>
    <mergeCell ref="OU11:OV11"/>
    <mergeCell ref="OX11:OX12"/>
    <mergeCell ref="BH13:BI13"/>
    <mergeCell ref="BK13:BK14"/>
    <mergeCell ref="BL13:BL14"/>
    <mergeCell ref="BU13:BV13"/>
    <mergeCell ref="BX13:BX14"/>
    <mergeCell ref="BY13:BY14"/>
    <mergeCell ref="AH13:AI13"/>
    <mergeCell ref="AK13:AK14"/>
    <mergeCell ref="AL13:AL14"/>
    <mergeCell ref="AU13:AV13"/>
    <mergeCell ref="AX13:AX14"/>
    <mergeCell ref="AY13:AY14"/>
    <mergeCell ref="H13:I13"/>
    <mergeCell ref="K13:K14"/>
    <mergeCell ref="L13:L14"/>
    <mergeCell ref="U13:V13"/>
    <mergeCell ref="X13:X14"/>
    <mergeCell ref="Y13:Y14"/>
    <mergeCell ref="EH13:EI13"/>
    <mergeCell ref="EK13:EK14"/>
    <mergeCell ref="EL13:EL14"/>
    <mergeCell ref="EU13:EV13"/>
    <mergeCell ref="EX13:EX14"/>
    <mergeCell ref="EY13:EY14"/>
    <mergeCell ref="EH14:EI14"/>
    <mergeCell ref="EU14:EV14"/>
    <mergeCell ref="DH13:DI13"/>
    <mergeCell ref="DK13:DK14"/>
    <mergeCell ref="DL13:DL14"/>
    <mergeCell ref="DU13:DV13"/>
    <mergeCell ref="DX13:DX14"/>
    <mergeCell ref="DY13:DY14"/>
    <mergeCell ref="DH14:DI14"/>
    <mergeCell ref="DU14:DV14"/>
    <mergeCell ref="CH13:CI13"/>
    <mergeCell ref="CK13:CK14"/>
    <mergeCell ref="CL13:CL14"/>
    <mergeCell ref="CU13:CV13"/>
    <mergeCell ref="CX13:CX14"/>
    <mergeCell ref="CY13:CY14"/>
    <mergeCell ref="CU14:CV14"/>
    <mergeCell ref="HH13:HI13"/>
    <mergeCell ref="HK13:HK14"/>
    <mergeCell ref="HL13:HL14"/>
    <mergeCell ref="HU13:HV13"/>
    <mergeCell ref="HX13:HX14"/>
    <mergeCell ref="HY13:HY14"/>
    <mergeCell ref="HH14:HI14"/>
    <mergeCell ref="HU14:HV14"/>
    <mergeCell ref="GH13:GI13"/>
    <mergeCell ref="GK13:GK14"/>
    <mergeCell ref="GL13:GL14"/>
    <mergeCell ref="GU13:GV13"/>
    <mergeCell ref="GX13:GX14"/>
    <mergeCell ref="GY13:GY14"/>
    <mergeCell ref="GH14:GI14"/>
    <mergeCell ref="GU14:GV14"/>
    <mergeCell ref="FH13:FI13"/>
    <mergeCell ref="FK13:FK14"/>
    <mergeCell ref="FL13:FL14"/>
    <mergeCell ref="FU13:FV13"/>
    <mergeCell ref="FX13:FX14"/>
    <mergeCell ref="FY13:FY14"/>
    <mergeCell ref="FH14:FI14"/>
    <mergeCell ref="FU14:FV14"/>
    <mergeCell ref="KH13:KI13"/>
    <mergeCell ref="KK13:KK14"/>
    <mergeCell ref="KL13:KL14"/>
    <mergeCell ref="KU13:KV13"/>
    <mergeCell ref="KX13:KX14"/>
    <mergeCell ref="KY13:KY14"/>
    <mergeCell ref="KH14:KI14"/>
    <mergeCell ref="KU14:KV14"/>
    <mergeCell ref="JH13:JI13"/>
    <mergeCell ref="JK13:JK14"/>
    <mergeCell ref="JL13:JL14"/>
    <mergeCell ref="JU13:JV13"/>
    <mergeCell ref="JX13:JX14"/>
    <mergeCell ref="JY13:JY14"/>
    <mergeCell ref="JH14:JI14"/>
    <mergeCell ref="JU14:JV14"/>
    <mergeCell ref="IH13:II13"/>
    <mergeCell ref="IK13:IK14"/>
    <mergeCell ref="IL13:IL14"/>
    <mergeCell ref="IU13:IV13"/>
    <mergeCell ref="IX13:IX14"/>
    <mergeCell ref="IY13:IY14"/>
    <mergeCell ref="IH14:II14"/>
    <mergeCell ref="IU14:IV14"/>
    <mergeCell ref="NH13:NI13"/>
    <mergeCell ref="NK13:NK14"/>
    <mergeCell ref="NL13:NL14"/>
    <mergeCell ref="NU13:NV13"/>
    <mergeCell ref="NX13:NX14"/>
    <mergeCell ref="NY13:NY14"/>
    <mergeCell ref="NH14:NI14"/>
    <mergeCell ref="NU14:NV14"/>
    <mergeCell ref="MH13:MI13"/>
    <mergeCell ref="MK13:MK14"/>
    <mergeCell ref="ML13:ML14"/>
    <mergeCell ref="MU13:MV13"/>
    <mergeCell ref="MX13:MX14"/>
    <mergeCell ref="MY13:MY14"/>
    <mergeCell ref="MH14:MI14"/>
    <mergeCell ref="MU14:MV14"/>
    <mergeCell ref="LH13:LI13"/>
    <mergeCell ref="LK13:LK14"/>
    <mergeCell ref="LL13:LL14"/>
    <mergeCell ref="LU13:LV13"/>
    <mergeCell ref="LX13:LX14"/>
    <mergeCell ref="LY13:LY14"/>
    <mergeCell ref="LH14:LI14"/>
    <mergeCell ref="LU14:LV14"/>
    <mergeCell ref="QX13:QX14"/>
    <mergeCell ref="QY13:QY14"/>
    <mergeCell ref="QH14:QI14"/>
    <mergeCell ref="QU14:QV14"/>
    <mergeCell ref="PH13:PI13"/>
    <mergeCell ref="PK13:PK14"/>
    <mergeCell ref="PL13:PL14"/>
    <mergeCell ref="PU13:PV13"/>
    <mergeCell ref="PX13:PX14"/>
    <mergeCell ref="PY13:PY14"/>
    <mergeCell ref="PH14:PI14"/>
    <mergeCell ref="PU14:PV14"/>
    <mergeCell ref="OH13:OI13"/>
    <mergeCell ref="OK13:OK14"/>
    <mergeCell ref="OL13:OL14"/>
    <mergeCell ref="OU13:OV13"/>
    <mergeCell ref="OX13:OX14"/>
    <mergeCell ref="OY13:OY14"/>
    <mergeCell ref="OH14:OI14"/>
    <mergeCell ref="OU14:OV14"/>
    <mergeCell ref="SH14:SI14"/>
    <mergeCell ref="H15:I15"/>
    <mergeCell ref="U15:V15"/>
    <mergeCell ref="AH15:AI15"/>
    <mergeCell ref="AU15:AV15"/>
    <mergeCell ref="BH15:BI15"/>
    <mergeCell ref="BU15:BV15"/>
    <mergeCell ref="CH15:CI15"/>
    <mergeCell ref="CU15:CV15"/>
    <mergeCell ref="DH15:DI15"/>
    <mergeCell ref="SH13:SI13"/>
    <mergeCell ref="SK13:SK14"/>
    <mergeCell ref="SL13:SL14"/>
    <mergeCell ref="H14:I14"/>
    <mergeCell ref="U14:V14"/>
    <mergeCell ref="AH14:AI14"/>
    <mergeCell ref="AU14:AV14"/>
    <mergeCell ref="BH14:BI14"/>
    <mergeCell ref="BU14:BV14"/>
    <mergeCell ref="CH14:CI14"/>
    <mergeCell ref="RH13:RI13"/>
    <mergeCell ref="RK13:RK14"/>
    <mergeCell ref="RL13:RL14"/>
    <mergeCell ref="RU13:RV13"/>
    <mergeCell ref="RX13:RX14"/>
    <mergeCell ref="RY13:RY14"/>
    <mergeCell ref="RH14:RI14"/>
    <mergeCell ref="RU14:RV14"/>
    <mergeCell ref="QH13:QI13"/>
    <mergeCell ref="QK13:QK14"/>
    <mergeCell ref="QL13:QL14"/>
    <mergeCell ref="QU13:QV13"/>
    <mergeCell ref="RH15:RI15"/>
    <mergeCell ref="RU15:RV15"/>
    <mergeCell ref="SH15:SI15"/>
    <mergeCell ref="MU15:MV15"/>
    <mergeCell ref="NH15:NI15"/>
    <mergeCell ref="NU15:NV15"/>
    <mergeCell ref="OH15:OI15"/>
    <mergeCell ref="OU15:OV15"/>
    <mergeCell ref="PH15:PI15"/>
    <mergeCell ref="JU15:JV15"/>
    <mergeCell ref="KH15:KI15"/>
    <mergeCell ref="KU15:KV15"/>
    <mergeCell ref="LH15:LI15"/>
    <mergeCell ref="LU15:LV15"/>
    <mergeCell ref="MH15:MI15"/>
    <mergeCell ref="GU15:GV15"/>
    <mergeCell ref="HH15:HI15"/>
    <mergeCell ref="HU15:HV15"/>
    <mergeCell ref="IH15:II15"/>
    <mergeCell ref="IU15:IV15"/>
    <mergeCell ref="JH15:JI15"/>
    <mergeCell ref="HH16:HI16"/>
    <mergeCell ref="HU16:HV16"/>
    <mergeCell ref="CH16:CI16"/>
    <mergeCell ref="CU16:CV16"/>
    <mergeCell ref="DH16:DI16"/>
    <mergeCell ref="DU16:DV16"/>
    <mergeCell ref="EH16:EI16"/>
    <mergeCell ref="EU16:EV16"/>
    <mergeCell ref="H16:I16"/>
    <mergeCell ref="U16:V16"/>
    <mergeCell ref="AH16:AI16"/>
    <mergeCell ref="AU16:AV16"/>
    <mergeCell ref="BH16:BI16"/>
    <mergeCell ref="BU16:BV16"/>
    <mergeCell ref="PU15:PV15"/>
    <mergeCell ref="QH15:QI15"/>
    <mergeCell ref="QU15:QV15"/>
    <mergeCell ref="DU15:DV15"/>
    <mergeCell ref="EH15:EI15"/>
    <mergeCell ref="EU15:EV15"/>
    <mergeCell ref="FH15:FI15"/>
    <mergeCell ref="FU15:FV15"/>
    <mergeCell ref="GH15:GI15"/>
    <mergeCell ref="RH16:RI16"/>
    <mergeCell ref="RU16:RV16"/>
    <mergeCell ref="SH16:SI16"/>
    <mergeCell ref="H17:I17"/>
    <mergeCell ref="K17:L18"/>
    <mergeCell ref="U17:V17"/>
    <mergeCell ref="X17:Y18"/>
    <mergeCell ref="AH17:AI17"/>
    <mergeCell ref="AK17:AL18"/>
    <mergeCell ref="AU17:AV17"/>
    <mergeCell ref="OH16:OI16"/>
    <mergeCell ref="OU16:OV16"/>
    <mergeCell ref="PH16:PI16"/>
    <mergeCell ref="PU16:PV16"/>
    <mergeCell ref="QH16:QI16"/>
    <mergeCell ref="QU16:QV16"/>
    <mergeCell ref="LH16:LI16"/>
    <mergeCell ref="LU16:LV16"/>
    <mergeCell ref="MH16:MI16"/>
    <mergeCell ref="MU16:MV16"/>
    <mergeCell ref="NH16:NI16"/>
    <mergeCell ref="NU16:NV16"/>
    <mergeCell ref="IH16:II16"/>
    <mergeCell ref="IU16:IV16"/>
    <mergeCell ref="JH16:JI16"/>
    <mergeCell ref="JU16:JV16"/>
    <mergeCell ref="KH16:KI16"/>
    <mergeCell ref="KU16:KV16"/>
    <mergeCell ref="FH16:FI16"/>
    <mergeCell ref="FU16:FV16"/>
    <mergeCell ref="GH16:GI16"/>
    <mergeCell ref="GU16:GV16"/>
    <mergeCell ref="CK17:CL18"/>
    <mergeCell ref="CU17:CV17"/>
    <mergeCell ref="CX17:CY18"/>
    <mergeCell ref="DH17:DI17"/>
    <mergeCell ref="DK17:DL18"/>
    <mergeCell ref="DU17:DV17"/>
    <mergeCell ref="CU18:CV18"/>
    <mergeCell ref="DH18:DI18"/>
    <mergeCell ref="DU18:DV18"/>
    <mergeCell ref="AX17:AY18"/>
    <mergeCell ref="BH17:BI17"/>
    <mergeCell ref="BK17:BL18"/>
    <mergeCell ref="BU17:BV17"/>
    <mergeCell ref="BX17:BY18"/>
    <mergeCell ref="CH17:CI17"/>
    <mergeCell ref="BU18:BV18"/>
    <mergeCell ref="CH18:CI18"/>
    <mergeCell ref="FK17:FL18"/>
    <mergeCell ref="FU17:FV17"/>
    <mergeCell ref="FX17:FY18"/>
    <mergeCell ref="GH17:GI17"/>
    <mergeCell ref="GK17:GL18"/>
    <mergeCell ref="GU17:GV17"/>
    <mergeCell ref="FU18:FV18"/>
    <mergeCell ref="GH18:GI18"/>
    <mergeCell ref="GU18:GV18"/>
    <mergeCell ref="DX17:DY18"/>
    <mergeCell ref="EH17:EI17"/>
    <mergeCell ref="EK17:EL18"/>
    <mergeCell ref="EU17:EV17"/>
    <mergeCell ref="EX17:EY18"/>
    <mergeCell ref="FH17:FI17"/>
    <mergeCell ref="EH18:EI18"/>
    <mergeCell ref="EU18:EV18"/>
    <mergeCell ref="FH18:FI18"/>
    <mergeCell ref="KK17:KL18"/>
    <mergeCell ref="KU17:KV17"/>
    <mergeCell ref="KX17:KY18"/>
    <mergeCell ref="LH17:LI17"/>
    <mergeCell ref="KH18:KI18"/>
    <mergeCell ref="KU18:KV18"/>
    <mergeCell ref="LH18:LI18"/>
    <mergeCell ref="IK17:IL18"/>
    <mergeCell ref="IU17:IV17"/>
    <mergeCell ref="IX17:IY18"/>
    <mergeCell ref="JH17:JI17"/>
    <mergeCell ref="JK17:JL18"/>
    <mergeCell ref="JU17:JV17"/>
    <mergeCell ref="IU18:IV18"/>
    <mergeCell ref="JH18:JI18"/>
    <mergeCell ref="JU18:JV18"/>
    <mergeCell ref="GX17:GY18"/>
    <mergeCell ref="HH17:HI17"/>
    <mergeCell ref="HK17:HL18"/>
    <mergeCell ref="HU17:HV17"/>
    <mergeCell ref="HX17:HY18"/>
    <mergeCell ref="IH17:II17"/>
    <mergeCell ref="HH18:HI18"/>
    <mergeCell ref="HU18:HV18"/>
    <mergeCell ref="IH18:II18"/>
    <mergeCell ref="SK17:SL18"/>
    <mergeCell ref="H18:I18"/>
    <mergeCell ref="U18:V18"/>
    <mergeCell ref="AH18:AI18"/>
    <mergeCell ref="AU18:AV18"/>
    <mergeCell ref="BH18:BI18"/>
    <mergeCell ref="PX17:PY18"/>
    <mergeCell ref="QH17:QI17"/>
    <mergeCell ref="QK17:QL18"/>
    <mergeCell ref="QU17:QV17"/>
    <mergeCell ref="QX17:QY18"/>
    <mergeCell ref="RH17:RI17"/>
    <mergeCell ref="QH18:QI18"/>
    <mergeCell ref="QU18:QV18"/>
    <mergeCell ref="RH18:RI18"/>
    <mergeCell ref="OK17:OL18"/>
    <mergeCell ref="OU17:OV17"/>
    <mergeCell ref="OX17:OY18"/>
    <mergeCell ref="PH17:PI17"/>
    <mergeCell ref="PK17:PL18"/>
    <mergeCell ref="PU17:PV17"/>
    <mergeCell ref="OU18:OV18"/>
    <mergeCell ref="PH18:PI18"/>
    <mergeCell ref="PU18:PV18"/>
    <mergeCell ref="MX17:MY18"/>
    <mergeCell ref="NH17:NI17"/>
    <mergeCell ref="NK17:NL18"/>
    <mergeCell ref="NU17:NV17"/>
    <mergeCell ref="NX17:NY18"/>
    <mergeCell ref="OH17:OI17"/>
    <mergeCell ref="NH18:NI18"/>
    <mergeCell ref="NU18:NV18"/>
    <mergeCell ref="AL19:AL20"/>
    <mergeCell ref="AU19:AV19"/>
    <mergeCell ref="AX19:AX20"/>
    <mergeCell ref="AY19:AY20"/>
    <mergeCell ref="BH19:BI19"/>
    <mergeCell ref="BK19:BK20"/>
    <mergeCell ref="RU18:RV18"/>
    <mergeCell ref="SH18:SI18"/>
    <mergeCell ref="H19:I19"/>
    <mergeCell ref="K19:K20"/>
    <mergeCell ref="L19:L20"/>
    <mergeCell ref="U19:V19"/>
    <mergeCell ref="X19:X20"/>
    <mergeCell ref="Y19:Y20"/>
    <mergeCell ref="AH19:AI19"/>
    <mergeCell ref="AK19:AK20"/>
    <mergeCell ref="RK17:RL18"/>
    <mergeCell ref="RU17:RV17"/>
    <mergeCell ref="RX17:RY18"/>
    <mergeCell ref="SH17:SI17"/>
    <mergeCell ref="OH18:OI18"/>
    <mergeCell ref="LK17:LL18"/>
    <mergeCell ref="LU17:LV17"/>
    <mergeCell ref="LX17:LY18"/>
    <mergeCell ref="MH17:MI17"/>
    <mergeCell ref="MK17:ML18"/>
    <mergeCell ref="MU17:MV17"/>
    <mergeCell ref="LU18:LV18"/>
    <mergeCell ref="MH18:MI18"/>
    <mergeCell ref="MU18:MV18"/>
    <mergeCell ref="JX17:JY18"/>
    <mergeCell ref="KH17:KI17"/>
    <mergeCell ref="DL19:DL20"/>
    <mergeCell ref="DU19:DV19"/>
    <mergeCell ref="DX19:DX20"/>
    <mergeCell ref="DY19:DY20"/>
    <mergeCell ref="EH19:EI19"/>
    <mergeCell ref="EK19:EK20"/>
    <mergeCell ref="DU20:DV20"/>
    <mergeCell ref="EH20:EI20"/>
    <mergeCell ref="CL19:CL20"/>
    <mergeCell ref="CU19:CV19"/>
    <mergeCell ref="CX19:CX20"/>
    <mergeCell ref="CY19:CY20"/>
    <mergeCell ref="DH19:DI19"/>
    <mergeCell ref="DK19:DK20"/>
    <mergeCell ref="BL19:BL20"/>
    <mergeCell ref="BU19:BV19"/>
    <mergeCell ref="BX19:BX20"/>
    <mergeCell ref="BY19:BY20"/>
    <mergeCell ref="CH19:CI19"/>
    <mergeCell ref="CK19:CK20"/>
    <mergeCell ref="GL19:GL20"/>
    <mergeCell ref="GU19:GV19"/>
    <mergeCell ref="GX19:GX20"/>
    <mergeCell ref="GY19:GY20"/>
    <mergeCell ref="HH19:HI19"/>
    <mergeCell ref="HK19:HK20"/>
    <mergeCell ref="GU20:GV20"/>
    <mergeCell ref="HH20:HI20"/>
    <mergeCell ref="FL19:FL20"/>
    <mergeCell ref="FU19:FV19"/>
    <mergeCell ref="FX19:FX20"/>
    <mergeCell ref="FY19:FY20"/>
    <mergeCell ref="GH19:GI19"/>
    <mergeCell ref="GK19:GK20"/>
    <mergeCell ref="FU20:FV20"/>
    <mergeCell ref="GH20:GI20"/>
    <mergeCell ref="EL19:EL20"/>
    <mergeCell ref="EU19:EV19"/>
    <mergeCell ref="EX19:EX20"/>
    <mergeCell ref="EY19:EY20"/>
    <mergeCell ref="FH19:FI19"/>
    <mergeCell ref="FK19:FK20"/>
    <mergeCell ref="EU20:EV20"/>
    <mergeCell ref="FH20:FI20"/>
    <mergeCell ref="JL19:JL20"/>
    <mergeCell ref="JU19:JV19"/>
    <mergeCell ref="JX19:JX20"/>
    <mergeCell ref="JY19:JY20"/>
    <mergeCell ref="KH19:KI19"/>
    <mergeCell ref="KK19:KK20"/>
    <mergeCell ref="JU20:JV20"/>
    <mergeCell ref="KH20:KI20"/>
    <mergeCell ref="IL19:IL20"/>
    <mergeCell ref="IU19:IV19"/>
    <mergeCell ref="IX19:IX20"/>
    <mergeCell ref="IY19:IY20"/>
    <mergeCell ref="JH19:JI19"/>
    <mergeCell ref="JK19:JK20"/>
    <mergeCell ref="IU20:IV20"/>
    <mergeCell ref="JH20:JI20"/>
    <mergeCell ref="HL19:HL20"/>
    <mergeCell ref="HU19:HV19"/>
    <mergeCell ref="HX19:HX20"/>
    <mergeCell ref="HY19:HY20"/>
    <mergeCell ref="IH19:II19"/>
    <mergeCell ref="IK19:IK20"/>
    <mergeCell ref="HU20:HV20"/>
    <mergeCell ref="IH20:II20"/>
    <mergeCell ref="ML19:ML20"/>
    <mergeCell ref="MU19:MV19"/>
    <mergeCell ref="MX19:MX20"/>
    <mergeCell ref="MY19:MY20"/>
    <mergeCell ref="NH19:NI19"/>
    <mergeCell ref="NK19:NK20"/>
    <mergeCell ref="MU20:MV20"/>
    <mergeCell ref="NH20:NI20"/>
    <mergeCell ref="LL19:LL20"/>
    <mergeCell ref="LU19:LV19"/>
    <mergeCell ref="LX19:LX20"/>
    <mergeCell ref="LY19:LY20"/>
    <mergeCell ref="MH19:MI19"/>
    <mergeCell ref="MK19:MK20"/>
    <mergeCell ref="LU20:LV20"/>
    <mergeCell ref="MH20:MI20"/>
    <mergeCell ref="KL19:KL20"/>
    <mergeCell ref="KU19:KV19"/>
    <mergeCell ref="KX19:KX20"/>
    <mergeCell ref="KY19:KY20"/>
    <mergeCell ref="LH19:LI19"/>
    <mergeCell ref="LK19:LK20"/>
    <mergeCell ref="KU20:KV20"/>
    <mergeCell ref="LH20:LI20"/>
    <mergeCell ref="PU20:PV20"/>
    <mergeCell ref="QH20:QI20"/>
    <mergeCell ref="OL19:OL20"/>
    <mergeCell ref="OU19:OV19"/>
    <mergeCell ref="OX19:OX20"/>
    <mergeCell ref="OY19:OY20"/>
    <mergeCell ref="PH19:PI19"/>
    <mergeCell ref="PK19:PK20"/>
    <mergeCell ref="OU20:OV20"/>
    <mergeCell ref="PH20:PI20"/>
    <mergeCell ref="NL19:NL20"/>
    <mergeCell ref="NU19:NV19"/>
    <mergeCell ref="NX19:NX20"/>
    <mergeCell ref="NY19:NY20"/>
    <mergeCell ref="OH19:OI19"/>
    <mergeCell ref="OK19:OK20"/>
    <mergeCell ref="NU20:NV20"/>
    <mergeCell ref="OH20:OI20"/>
    <mergeCell ref="SL19:SL20"/>
    <mergeCell ref="H20:I20"/>
    <mergeCell ref="U20:V20"/>
    <mergeCell ref="AH20:AI20"/>
    <mergeCell ref="AU20:AV20"/>
    <mergeCell ref="BH20:BI20"/>
    <mergeCell ref="BU20:BV20"/>
    <mergeCell ref="CH20:CI20"/>
    <mergeCell ref="CU20:CV20"/>
    <mergeCell ref="DH20:DI20"/>
    <mergeCell ref="RL19:RL20"/>
    <mergeCell ref="RU19:RV19"/>
    <mergeCell ref="RX19:RX20"/>
    <mergeCell ref="RY19:RY20"/>
    <mergeCell ref="SH19:SI19"/>
    <mergeCell ref="SK19:SK20"/>
    <mergeCell ref="RU20:RV20"/>
    <mergeCell ref="SH20:SI20"/>
    <mergeCell ref="QL19:QL20"/>
    <mergeCell ref="QU19:QV19"/>
    <mergeCell ref="QX19:QX20"/>
    <mergeCell ref="QY19:QY20"/>
    <mergeCell ref="RH19:RI19"/>
    <mergeCell ref="RK19:RK20"/>
    <mergeCell ref="QU20:QV20"/>
    <mergeCell ref="RH20:RI20"/>
    <mergeCell ref="PL19:PL20"/>
    <mergeCell ref="PU19:PV19"/>
    <mergeCell ref="PX19:PX20"/>
    <mergeCell ref="PY19:PY20"/>
    <mergeCell ref="QH19:QI19"/>
    <mergeCell ref="QK19:QK20"/>
    <mergeCell ref="BH21:BI21"/>
    <mergeCell ref="BK21:BK22"/>
    <mergeCell ref="BL21:BL22"/>
    <mergeCell ref="BU21:BV21"/>
    <mergeCell ref="BX21:BX22"/>
    <mergeCell ref="BY21:BY22"/>
    <mergeCell ref="AH21:AI21"/>
    <mergeCell ref="AK21:AK22"/>
    <mergeCell ref="AL21:AL22"/>
    <mergeCell ref="AU21:AV21"/>
    <mergeCell ref="AX21:AX22"/>
    <mergeCell ref="AY21:AY22"/>
    <mergeCell ref="H21:I21"/>
    <mergeCell ref="K21:K22"/>
    <mergeCell ref="L21:L22"/>
    <mergeCell ref="U21:V21"/>
    <mergeCell ref="X21:X22"/>
    <mergeCell ref="Y21:Y22"/>
    <mergeCell ref="EH21:EI21"/>
    <mergeCell ref="EK21:EK22"/>
    <mergeCell ref="EL21:EL22"/>
    <mergeCell ref="EU21:EV21"/>
    <mergeCell ref="EX21:EX22"/>
    <mergeCell ref="EY21:EY22"/>
    <mergeCell ref="EH22:EI22"/>
    <mergeCell ref="EU22:EV22"/>
    <mergeCell ref="DH21:DI21"/>
    <mergeCell ref="DK21:DK22"/>
    <mergeCell ref="DL21:DL22"/>
    <mergeCell ref="DU21:DV21"/>
    <mergeCell ref="DX21:DX22"/>
    <mergeCell ref="DY21:DY22"/>
    <mergeCell ref="DH22:DI22"/>
    <mergeCell ref="DU22:DV22"/>
    <mergeCell ref="CH21:CI21"/>
    <mergeCell ref="CK21:CK22"/>
    <mergeCell ref="CL21:CL22"/>
    <mergeCell ref="CU21:CV21"/>
    <mergeCell ref="CX21:CX22"/>
    <mergeCell ref="CY21:CY22"/>
    <mergeCell ref="CU22:CV22"/>
    <mergeCell ref="HH21:HI21"/>
    <mergeCell ref="HK21:HK22"/>
    <mergeCell ref="HL21:HL22"/>
    <mergeCell ref="HU21:HV21"/>
    <mergeCell ref="HX21:HX22"/>
    <mergeCell ref="HY21:HY22"/>
    <mergeCell ref="HH22:HI22"/>
    <mergeCell ref="HU22:HV22"/>
    <mergeCell ref="GH21:GI21"/>
    <mergeCell ref="GK21:GK22"/>
    <mergeCell ref="GL21:GL22"/>
    <mergeCell ref="GU21:GV21"/>
    <mergeCell ref="GX21:GX22"/>
    <mergeCell ref="GY21:GY22"/>
    <mergeCell ref="GH22:GI22"/>
    <mergeCell ref="GU22:GV22"/>
    <mergeCell ref="FH21:FI21"/>
    <mergeCell ref="FK21:FK22"/>
    <mergeCell ref="FL21:FL22"/>
    <mergeCell ref="FU21:FV21"/>
    <mergeCell ref="FX21:FX22"/>
    <mergeCell ref="FY21:FY22"/>
    <mergeCell ref="FH22:FI22"/>
    <mergeCell ref="FU22:FV22"/>
    <mergeCell ref="KH21:KI21"/>
    <mergeCell ref="KK21:KK22"/>
    <mergeCell ref="KL21:KL22"/>
    <mergeCell ref="KU21:KV21"/>
    <mergeCell ref="KX21:KX22"/>
    <mergeCell ref="KY21:KY22"/>
    <mergeCell ref="KH22:KI22"/>
    <mergeCell ref="KU22:KV22"/>
    <mergeCell ref="JH21:JI21"/>
    <mergeCell ref="JK21:JK22"/>
    <mergeCell ref="JL21:JL22"/>
    <mergeCell ref="JU21:JV21"/>
    <mergeCell ref="JX21:JX22"/>
    <mergeCell ref="JY21:JY22"/>
    <mergeCell ref="JH22:JI22"/>
    <mergeCell ref="JU22:JV22"/>
    <mergeCell ref="IH21:II21"/>
    <mergeCell ref="IK21:IK22"/>
    <mergeCell ref="IL21:IL22"/>
    <mergeCell ref="IU21:IV21"/>
    <mergeCell ref="IX21:IX22"/>
    <mergeCell ref="IY21:IY22"/>
    <mergeCell ref="IH22:II22"/>
    <mergeCell ref="IU22:IV22"/>
    <mergeCell ref="NH21:NI21"/>
    <mergeCell ref="NK21:NK22"/>
    <mergeCell ref="NL21:NL22"/>
    <mergeCell ref="NU21:NV21"/>
    <mergeCell ref="NX21:NX22"/>
    <mergeCell ref="NY21:NY22"/>
    <mergeCell ref="NH22:NI22"/>
    <mergeCell ref="NU22:NV22"/>
    <mergeCell ref="MH21:MI21"/>
    <mergeCell ref="MK21:MK22"/>
    <mergeCell ref="ML21:ML22"/>
    <mergeCell ref="MU21:MV21"/>
    <mergeCell ref="MX21:MX22"/>
    <mergeCell ref="MY21:MY22"/>
    <mergeCell ref="MH22:MI22"/>
    <mergeCell ref="MU22:MV22"/>
    <mergeCell ref="LH21:LI21"/>
    <mergeCell ref="LK21:LK22"/>
    <mergeCell ref="LL21:LL22"/>
    <mergeCell ref="LU21:LV21"/>
    <mergeCell ref="LX21:LX22"/>
    <mergeCell ref="LY21:LY22"/>
    <mergeCell ref="LH22:LI22"/>
    <mergeCell ref="LU22:LV22"/>
    <mergeCell ref="QX21:QX22"/>
    <mergeCell ref="QY21:QY22"/>
    <mergeCell ref="QH22:QI22"/>
    <mergeCell ref="QU22:QV22"/>
    <mergeCell ref="PH21:PI21"/>
    <mergeCell ref="PK21:PK22"/>
    <mergeCell ref="PL21:PL22"/>
    <mergeCell ref="PU21:PV21"/>
    <mergeCell ref="PX21:PX22"/>
    <mergeCell ref="PY21:PY22"/>
    <mergeCell ref="PH22:PI22"/>
    <mergeCell ref="PU22:PV22"/>
    <mergeCell ref="OH21:OI21"/>
    <mergeCell ref="OK21:OK22"/>
    <mergeCell ref="OL21:OL22"/>
    <mergeCell ref="OU21:OV21"/>
    <mergeCell ref="OX21:OX22"/>
    <mergeCell ref="OY21:OY22"/>
    <mergeCell ref="OH22:OI22"/>
    <mergeCell ref="OU22:OV22"/>
    <mergeCell ref="SH22:SI22"/>
    <mergeCell ref="H23:I23"/>
    <mergeCell ref="K23:K24"/>
    <mergeCell ref="L23:L24"/>
    <mergeCell ref="U23:V23"/>
    <mergeCell ref="X23:X24"/>
    <mergeCell ref="Y23:Y24"/>
    <mergeCell ref="AH23:AI23"/>
    <mergeCell ref="AK23:AK24"/>
    <mergeCell ref="AL23:AL24"/>
    <mergeCell ref="SH21:SI21"/>
    <mergeCell ref="SK21:SK22"/>
    <mergeCell ref="SL21:SL22"/>
    <mergeCell ref="H22:I22"/>
    <mergeCell ref="U22:V22"/>
    <mergeCell ref="AH22:AI22"/>
    <mergeCell ref="AU22:AV22"/>
    <mergeCell ref="BH22:BI22"/>
    <mergeCell ref="BU22:BV22"/>
    <mergeCell ref="CH22:CI22"/>
    <mergeCell ref="RH21:RI21"/>
    <mergeCell ref="RK21:RK22"/>
    <mergeCell ref="RL21:RL22"/>
    <mergeCell ref="RU21:RV21"/>
    <mergeCell ref="RX21:RX22"/>
    <mergeCell ref="RY21:RY22"/>
    <mergeCell ref="RH22:RI22"/>
    <mergeCell ref="RU22:RV22"/>
    <mergeCell ref="QH21:QI21"/>
    <mergeCell ref="QK21:QK22"/>
    <mergeCell ref="QL21:QL22"/>
    <mergeCell ref="QU21:QV21"/>
    <mergeCell ref="CU23:CV23"/>
    <mergeCell ref="CX23:CX24"/>
    <mergeCell ref="CY23:CY24"/>
    <mergeCell ref="DH23:DI23"/>
    <mergeCell ref="DK23:DK24"/>
    <mergeCell ref="DL23:DL24"/>
    <mergeCell ref="CU24:CV24"/>
    <mergeCell ref="DH24:DI24"/>
    <mergeCell ref="BU23:BV23"/>
    <mergeCell ref="BX23:BX24"/>
    <mergeCell ref="BY23:BY24"/>
    <mergeCell ref="CH23:CI23"/>
    <mergeCell ref="CK23:CK24"/>
    <mergeCell ref="CL23:CL24"/>
    <mergeCell ref="CH24:CI24"/>
    <mergeCell ref="AU23:AV23"/>
    <mergeCell ref="AX23:AX24"/>
    <mergeCell ref="AY23:AY24"/>
    <mergeCell ref="BH23:BI23"/>
    <mergeCell ref="BK23:BK24"/>
    <mergeCell ref="BL23:BL24"/>
    <mergeCell ref="FU23:FV23"/>
    <mergeCell ref="FX23:FX24"/>
    <mergeCell ref="FY23:FY24"/>
    <mergeCell ref="GH23:GI23"/>
    <mergeCell ref="GK23:GK24"/>
    <mergeCell ref="GL23:GL24"/>
    <mergeCell ref="FU24:FV24"/>
    <mergeCell ref="GH24:GI24"/>
    <mergeCell ref="EU23:EV23"/>
    <mergeCell ref="EX23:EX24"/>
    <mergeCell ref="EY23:EY24"/>
    <mergeCell ref="FH23:FI23"/>
    <mergeCell ref="FK23:FK24"/>
    <mergeCell ref="FL23:FL24"/>
    <mergeCell ref="EU24:EV24"/>
    <mergeCell ref="FH24:FI24"/>
    <mergeCell ref="DU23:DV23"/>
    <mergeCell ref="DX23:DX24"/>
    <mergeCell ref="DY23:DY24"/>
    <mergeCell ref="EH23:EI23"/>
    <mergeCell ref="EK23:EK24"/>
    <mergeCell ref="EL23:EL24"/>
    <mergeCell ref="DU24:DV24"/>
    <mergeCell ref="EH24:EI24"/>
    <mergeCell ref="IU23:IV23"/>
    <mergeCell ref="IX23:IX24"/>
    <mergeCell ref="IY23:IY24"/>
    <mergeCell ref="JH23:JI23"/>
    <mergeCell ref="JK23:JK24"/>
    <mergeCell ref="JL23:JL24"/>
    <mergeCell ref="IU24:IV24"/>
    <mergeCell ref="JH24:JI24"/>
    <mergeCell ref="HU23:HV23"/>
    <mergeCell ref="HX23:HX24"/>
    <mergeCell ref="HY23:HY24"/>
    <mergeCell ref="IH23:II23"/>
    <mergeCell ref="IK23:IK24"/>
    <mergeCell ref="IL23:IL24"/>
    <mergeCell ref="HU24:HV24"/>
    <mergeCell ref="IH24:II24"/>
    <mergeCell ref="GU23:GV23"/>
    <mergeCell ref="GX23:GX24"/>
    <mergeCell ref="GY23:GY24"/>
    <mergeCell ref="HH23:HI23"/>
    <mergeCell ref="HK23:HK24"/>
    <mergeCell ref="HL23:HL24"/>
    <mergeCell ref="GU24:GV24"/>
    <mergeCell ref="HH24:HI24"/>
    <mergeCell ref="LU23:LV23"/>
    <mergeCell ref="LX23:LX24"/>
    <mergeCell ref="LY23:LY24"/>
    <mergeCell ref="MH23:MI23"/>
    <mergeCell ref="MK23:MK24"/>
    <mergeCell ref="ML23:ML24"/>
    <mergeCell ref="LU24:LV24"/>
    <mergeCell ref="MH24:MI24"/>
    <mergeCell ref="KU23:KV23"/>
    <mergeCell ref="KX23:KX24"/>
    <mergeCell ref="KY23:KY24"/>
    <mergeCell ref="LH23:LI23"/>
    <mergeCell ref="LK23:LK24"/>
    <mergeCell ref="LL23:LL24"/>
    <mergeCell ref="KU24:KV24"/>
    <mergeCell ref="LH24:LI24"/>
    <mergeCell ref="JU23:JV23"/>
    <mergeCell ref="JX23:JX24"/>
    <mergeCell ref="JY23:JY24"/>
    <mergeCell ref="KH23:KI23"/>
    <mergeCell ref="KK23:KK24"/>
    <mergeCell ref="KL23:KL24"/>
    <mergeCell ref="JU24:JV24"/>
    <mergeCell ref="KH24:KI24"/>
    <mergeCell ref="OY23:OY24"/>
    <mergeCell ref="PH23:PI23"/>
    <mergeCell ref="PK23:PK24"/>
    <mergeCell ref="PL23:PL24"/>
    <mergeCell ref="OU24:OV24"/>
    <mergeCell ref="PH24:PI24"/>
    <mergeCell ref="NU23:NV23"/>
    <mergeCell ref="NX23:NX24"/>
    <mergeCell ref="NY23:NY24"/>
    <mergeCell ref="OH23:OI23"/>
    <mergeCell ref="OK23:OK24"/>
    <mergeCell ref="OL23:OL24"/>
    <mergeCell ref="NU24:NV24"/>
    <mergeCell ref="OH24:OI24"/>
    <mergeCell ref="MU23:MV23"/>
    <mergeCell ref="MX23:MX24"/>
    <mergeCell ref="MY23:MY24"/>
    <mergeCell ref="NH23:NI23"/>
    <mergeCell ref="NK23:NK24"/>
    <mergeCell ref="NL23:NL24"/>
    <mergeCell ref="MU24:MV24"/>
    <mergeCell ref="NH24:NI24"/>
    <mergeCell ref="H24:I24"/>
    <mergeCell ref="U24:V24"/>
    <mergeCell ref="AH24:AI24"/>
    <mergeCell ref="AU24:AV24"/>
    <mergeCell ref="BH24:BI24"/>
    <mergeCell ref="BU24:BV24"/>
    <mergeCell ref="RU23:RV23"/>
    <mergeCell ref="RX23:RX24"/>
    <mergeCell ref="RY23:RY24"/>
    <mergeCell ref="SH23:SI23"/>
    <mergeCell ref="SK23:SK24"/>
    <mergeCell ref="SL23:SL24"/>
    <mergeCell ref="RU24:RV24"/>
    <mergeCell ref="SH24:SI24"/>
    <mergeCell ref="QU23:QV23"/>
    <mergeCell ref="QX23:QX24"/>
    <mergeCell ref="QY23:QY24"/>
    <mergeCell ref="RH23:RI23"/>
    <mergeCell ref="RK23:RK24"/>
    <mergeCell ref="RL23:RL24"/>
    <mergeCell ref="QU24:QV24"/>
    <mergeCell ref="RH24:RI24"/>
    <mergeCell ref="PU23:PV23"/>
    <mergeCell ref="PX23:PX24"/>
    <mergeCell ref="PY23:PY24"/>
    <mergeCell ref="QH23:QI23"/>
    <mergeCell ref="QK23:QK24"/>
    <mergeCell ref="QL23:QL24"/>
    <mergeCell ref="PU24:PV24"/>
    <mergeCell ref="QH24:QI24"/>
    <mergeCell ref="OU23:OV23"/>
    <mergeCell ref="OX23:OX24"/>
    <mergeCell ref="AU25:AV25"/>
    <mergeCell ref="AX25:AY26"/>
    <mergeCell ref="BH25:BI25"/>
    <mergeCell ref="BK25:BL26"/>
    <mergeCell ref="BU25:BV25"/>
    <mergeCell ref="BX25:BY26"/>
    <mergeCell ref="AU26:AV26"/>
    <mergeCell ref="BH26:BI26"/>
    <mergeCell ref="BU26:BV26"/>
    <mergeCell ref="H25:I25"/>
    <mergeCell ref="K25:L26"/>
    <mergeCell ref="U25:V25"/>
    <mergeCell ref="X25:Y26"/>
    <mergeCell ref="AH25:AI25"/>
    <mergeCell ref="AK25:AL26"/>
    <mergeCell ref="H26:I26"/>
    <mergeCell ref="U26:V26"/>
    <mergeCell ref="AH26:AI26"/>
    <mergeCell ref="DU25:DV25"/>
    <mergeCell ref="DX25:DY26"/>
    <mergeCell ref="EH25:EI25"/>
    <mergeCell ref="EK25:EL26"/>
    <mergeCell ref="EU25:EV25"/>
    <mergeCell ref="EX25:EY26"/>
    <mergeCell ref="DU26:DV26"/>
    <mergeCell ref="EH26:EI26"/>
    <mergeCell ref="EU26:EV26"/>
    <mergeCell ref="CH25:CI25"/>
    <mergeCell ref="CK25:CL26"/>
    <mergeCell ref="CU25:CV25"/>
    <mergeCell ref="CX25:CY26"/>
    <mergeCell ref="DH25:DI25"/>
    <mergeCell ref="DK25:DL26"/>
    <mergeCell ref="CH26:CI26"/>
    <mergeCell ref="CU26:CV26"/>
    <mergeCell ref="DH26:DI26"/>
    <mergeCell ref="GU25:GV25"/>
    <mergeCell ref="GX25:GY26"/>
    <mergeCell ref="HH25:HI25"/>
    <mergeCell ref="HK25:HL26"/>
    <mergeCell ref="HU25:HV25"/>
    <mergeCell ref="HX25:HY26"/>
    <mergeCell ref="GU26:GV26"/>
    <mergeCell ref="HH26:HI26"/>
    <mergeCell ref="HU26:HV26"/>
    <mergeCell ref="FH25:FI25"/>
    <mergeCell ref="FK25:FL26"/>
    <mergeCell ref="FU25:FV25"/>
    <mergeCell ref="FX25:FY26"/>
    <mergeCell ref="GH25:GI25"/>
    <mergeCell ref="GK25:GL26"/>
    <mergeCell ref="FH26:FI26"/>
    <mergeCell ref="FU26:FV26"/>
    <mergeCell ref="GH26:GI26"/>
    <mergeCell ref="LH26:LI26"/>
    <mergeCell ref="LU26:LV26"/>
    <mergeCell ref="MH26:MI26"/>
    <mergeCell ref="JU25:JV25"/>
    <mergeCell ref="JX25:JY26"/>
    <mergeCell ref="KH25:KI25"/>
    <mergeCell ref="KK25:KL26"/>
    <mergeCell ref="KU25:KV25"/>
    <mergeCell ref="KX25:KY26"/>
    <mergeCell ref="JU26:JV26"/>
    <mergeCell ref="KH26:KI26"/>
    <mergeCell ref="KU26:KV26"/>
    <mergeCell ref="IH25:II25"/>
    <mergeCell ref="IK25:IL26"/>
    <mergeCell ref="IU25:IV25"/>
    <mergeCell ref="IX25:IY26"/>
    <mergeCell ref="JH25:JI25"/>
    <mergeCell ref="JK25:JL26"/>
    <mergeCell ref="IH26:II26"/>
    <mergeCell ref="IU26:IV26"/>
    <mergeCell ref="JH26:JI26"/>
    <mergeCell ref="SK25:SL26"/>
    <mergeCell ref="RH26:RI26"/>
    <mergeCell ref="RU26:RV26"/>
    <mergeCell ref="SH26:SI26"/>
    <mergeCell ref="PU25:PV25"/>
    <mergeCell ref="PX25:PY26"/>
    <mergeCell ref="QH25:QI25"/>
    <mergeCell ref="QK25:QL26"/>
    <mergeCell ref="QU25:QV25"/>
    <mergeCell ref="QX25:QY26"/>
    <mergeCell ref="PU26:PV26"/>
    <mergeCell ref="QH26:QI26"/>
    <mergeCell ref="QU26:QV26"/>
    <mergeCell ref="OH25:OI25"/>
    <mergeCell ref="OK25:OL26"/>
    <mergeCell ref="OU25:OV25"/>
    <mergeCell ref="OX25:OY26"/>
    <mergeCell ref="PH25:PI25"/>
    <mergeCell ref="PK25:PL26"/>
    <mergeCell ref="OH26:OI26"/>
    <mergeCell ref="OU26:OV26"/>
    <mergeCell ref="PH26:PI26"/>
    <mergeCell ref="BU27:BV27"/>
    <mergeCell ref="CH27:CI27"/>
    <mergeCell ref="CU27:CV27"/>
    <mergeCell ref="DH27:DI27"/>
    <mergeCell ref="DU27:DV27"/>
    <mergeCell ref="EH27:EI27"/>
    <mergeCell ref="H27:I27"/>
    <mergeCell ref="U27:V27"/>
    <mergeCell ref="AH27:AI27"/>
    <mergeCell ref="AU27:AV27"/>
    <mergeCell ref="BH27:BI27"/>
    <mergeCell ref="RH25:RI25"/>
    <mergeCell ref="RK25:RL26"/>
    <mergeCell ref="RU25:RV25"/>
    <mergeCell ref="RX25:RY26"/>
    <mergeCell ref="SH25:SI25"/>
    <mergeCell ref="MU25:MV25"/>
    <mergeCell ref="MX25:MY26"/>
    <mergeCell ref="NH25:NI25"/>
    <mergeCell ref="NK25:NL26"/>
    <mergeCell ref="NU25:NV25"/>
    <mergeCell ref="NX25:NY26"/>
    <mergeCell ref="MU26:MV26"/>
    <mergeCell ref="NH26:NI26"/>
    <mergeCell ref="NU26:NV26"/>
    <mergeCell ref="LH25:LI25"/>
    <mergeCell ref="LK25:LL26"/>
    <mergeCell ref="LU25:LV25"/>
    <mergeCell ref="LX25:LY26"/>
    <mergeCell ref="MH25:MI25"/>
    <mergeCell ref="MK25:ML26"/>
    <mergeCell ref="RH27:RI27"/>
    <mergeCell ref="RU27:RV27"/>
    <mergeCell ref="SH27:SI27"/>
    <mergeCell ref="H28:I28"/>
    <mergeCell ref="U28:V28"/>
    <mergeCell ref="AH28:AI28"/>
    <mergeCell ref="AU28:AV28"/>
    <mergeCell ref="BH28:BI28"/>
    <mergeCell ref="BU28:BV28"/>
    <mergeCell ref="NU27:NV27"/>
    <mergeCell ref="OH27:OI27"/>
    <mergeCell ref="OU27:OV27"/>
    <mergeCell ref="PH27:PI27"/>
    <mergeCell ref="PU27:PV27"/>
    <mergeCell ref="QH27:QI27"/>
    <mergeCell ref="KU27:KV27"/>
    <mergeCell ref="LH27:LI27"/>
    <mergeCell ref="LU27:LV27"/>
    <mergeCell ref="MH27:MI27"/>
    <mergeCell ref="MU27:MV27"/>
    <mergeCell ref="NH27:NI27"/>
    <mergeCell ref="HU27:HV27"/>
    <mergeCell ref="IH27:II27"/>
    <mergeCell ref="IU27:IV27"/>
    <mergeCell ref="JH27:JI27"/>
    <mergeCell ref="JU27:JV27"/>
    <mergeCell ref="KH27:KI27"/>
    <mergeCell ref="EU27:EV27"/>
    <mergeCell ref="FH27:FI27"/>
    <mergeCell ref="FU27:FV27"/>
    <mergeCell ref="GH27:GI27"/>
    <mergeCell ref="GU27:GV27"/>
    <mergeCell ref="JH28:JI28"/>
    <mergeCell ref="QU27:QV27"/>
    <mergeCell ref="HH27:HI27"/>
    <mergeCell ref="CK28:CL29"/>
    <mergeCell ref="DK28:DL29"/>
    <mergeCell ref="EX28:EY29"/>
    <mergeCell ref="GK28:GL29"/>
    <mergeCell ref="HK28:HL29"/>
    <mergeCell ref="IX28:IY29"/>
    <mergeCell ref="KK28:KL29"/>
    <mergeCell ref="LX28:LY29"/>
    <mergeCell ref="MX28:MY29"/>
    <mergeCell ref="NX28:NY29"/>
    <mergeCell ref="OX28:OY29"/>
    <mergeCell ref="PX28:PY29"/>
    <mergeCell ref="CU29:CV29"/>
    <mergeCell ref="DH29:DI29"/>
    <mergeCell ref="DU29:DV29"/>
    <mergeCell ref="KH29:KI29"/>
    <mergeCell ref="HX28:HY29"/>
    <mergeCell ref="NK28:NL29"/>
    <mergeCell ref="OK28:OL29"/>
    <mergeCell ref="HH29:HI29"/>
    <mergeCell ref="HU29:HV29"/>
    <mergeCell ref="IH29:II29"/>
    <mergeCell ref="FU29:FV29"/>
    <mergeCell ref="GH29:GI29"/>
    <mergeCell ref="GU29:GV29"/>
    <mergeCell ref="H30:I30"/>
    <mergeCell ref="FU28:FV28"/>
    <mergeCell ref="GH28:GI28"/>
    <mergeCell ref="GU28:GV28"/>
    <mergeCell ref="HH28:HI28"/>
    <mergeCell ref="HU28:HV28"/>
    <mergeCell ref="CH28:CI28"/>
    <mergeCell ref="CU28:CV28"/>
    <mergeCell ref="DH28:DI28"/>
    <mergeCell ref="DU28:DV28"/>
    <mergeCell ref="EH28:EI28"/>
    <mergeCell ref="EU28:EV28"/>
    <mergeCell ref="K28:L29"/>
    <mergeCell ref="K30:K31"/>
    <mergeCell ref="L30:L31"/>
    <mergeCell ref="AK28:AL29"/>
    <mergeCell ref="AK30:AK31"/>
    <mergeCell ref="AL30:AL31"/>
    <mergeCell ref="BK28:BL29"/>
    <mergeCell ref="BK30:BK31"/>
    <mergeCell ref="BL30:BL31"/>
    <mergeCell ref="AH30:AI30"/>
    <mergeCell ref="AU30:AV30"/>
    <mergeCell ref="BH30:BI30"/>
    <mergeCell ref="DH30:DI30"/>
    <mergeCell ref="DU30:DV30"/>
    <mergeCell ref="CK30:CK31"/>
    <mergeCell ref="CL30:CL31"/>
    <mergeCell ref="DK30:DK31"/>
    <mergeCell ref="DL30:DL31"/>
    <mergeCell ref="EX30:EX31"/>
    <mergeCell ref="EY30:EY31"/>
    <mergeCell ref="RH28:RI28"/>
    <mergeCell ref="RU28:RV28"/>
    <mergeCell ref="SH28:SI28"/>
    <mergeCell ref="H29:I29"/>
    <mergeCell ref="U29:V29"/>
    <mergeCell ref="AH29:AI29"/>
    <mergeCell ref="AU29:AV29"/>
    <mergeCell ref="OH28:OI28"/>
    <mergeCell ref="OU28:OV28"/>
    <mergeCell ref="PH28:PI28"/>
    <mergeCell ref="PU28:PV28"/>
    <mergeCell ref="QH28:QI28"/>
    <mergeCell ref="QU28:QV28"/>
    <mergeCell ref="LH28:LI28"/>
    <mergeCell ref="LU28:LV28"/>
    <mergeCell ref="MH28:MI28"/>
    <mergeCell ref="MU28:MV28"/>
    <mergeCell ref="NH28:NI28"/>
    <mergeCell ref="NU28:NV28"/>
    <mergeCell ref="IH28:II28"/>
    <mergeCell ref="IU28:IV28"/>
    <mergeCell ref="EH29:EI29"/>
    <mergeCell ref="EU29:EV29"/>
    <mergeCell ref="FH29:FI29"/>
    <mergeCell ref="RK28:RL29"/>
    <mergeCell ref="RX28:RY29"/>
    <mergeCell ref="BH29:BI29"/>
    <mergeCell ref="BU29:BV29"/>
    <mergeCell ref="CH29:CI29"/>
    <mergeCell ref="KH28:KI28"/>
    <mergeCell ref="KU28:KV28"/>
    <mergeCell ref="FH28:FI28"/>
    <mergeCell ref="FU30:FV30"/>
    <mergeCell ref="GH30:GI30"/>
    <mergeCell ref="GU30:GV30"/>
    <mergeCell ref="GK30:GK31"/>
    <mergeCell ref="GL30:GL31"/>
    <mergeCell ref="HK30:HK31"/>
    <mergeCell ref="HL30:HL31"/>
    <mergeCell ref="HU31:HV31"/>
    <mergeCell ref="IH31:II31"/>
    <mergeCell ref="EU30:EV30"/>
    <mergeCell ref="FH30:FI30"/>
    <mergeCell ref="HX30:HX31"/>
    <mergeCell ref="HY30:HY31"/>
    <mergeCell ref="FU31:FV31"/>
    <mergeCell ref="GH31:GI31"/>
    <mergeCell ref="GU31:GV31"/>
    <mergeCell ref="CH30:CI30"/>
    <mergeCell ref="EH30:EI30"/>
    <mergeCell ref="HU30:HV30"/>
    <mergeCell ref="IH30:II30"/>
    <mergeCell ref="EH32:EI32"/>
    <mergeCell ref="EU32:EV32"/>
    <mergeCell ref="FH32:FI32"/>
    <mergeCell ref="CU31:CV31"/>
    <mergeCell ref="DH31:DI31"/>
    <mergeCell ref="DU31:DV31"/>
    <mergeCell ref="CU32:CV32"/>
    <mergeCell ref="DH32:DI32"/>
    <mergeCell ref="DU32:DV32"/>
    <mergeCell ref="DK32:DK33"/>
    <mergeCell ref="DL32:DL33"/>
    <mergeCell ref="EX32:EX33"/>
    <mergeCell ref="EY32:EY33"/>
    <mergeCell ref="QU29:QV29"/>
    <mergeCell ref="RH29:RI29"/>
    <mergeCell ref="QH30:QI30"/>
    <mergeCell ref="QU30:QV30"/>
    <mergeCell ref="RH30:RI30"/>
    <mergeCell ref="OU29:OV29"/>
    <mergeCell ref="PH29:PI29"/>
    <mergeCell ref="PU29:PV29"/>
    <mergeCell ref="OU30:OV30"/>
    <mergeCell ref="PH30:PI30"/>
    <mergeCell ref="PU30:PV30"/>
    <mergeCell ref="NH29:NI29"/>
    <mergeCell ref="NU29:NV29"/>
    <mergeCell ref="OH29:OI29"/>
    <mergeCell ref="NH30:NI30"/>
    <mergeCell ref="NU30:NV30"/>
    <mergeCell ref="HH31:HI31"/>
    <mergeCell ref="FU32:FV32"/>
    <mergeCell ref="GH32:GI32"/>
    <mergeCell ref="RU30:RV30"/>
    <mergeCell ref="SH30:SI30"/>
    <mergeCell ref="H31:I31"/>
    <mergeCell ref="U31:V31"/>
    <mergeCell ref="AH31:AI31"/>
    <mergeCell ref="AU31:AV31"/>
    <mergeCell ref="RU29:RV29"/>
    <mergeCell ref="SH29:SI29"/>
    <mergeCell ref="OH30:OI30"/>
    <mergeCell ref="LU29:LV29"/>
    <mergeCell ref="MH29:MI29"/>
    <mergeCell ref="MU29:MV29"/>
    <mergeCell ref="LU30:LV30"/>
    <mergeCell ref="MH30:MI30"/>
    <mergeCell ref="MU30:MV30"/>
    <mergeCell ref="EH31:EI31"/>
    <mergeCell ref="EU31:EV31"/>
    <mergeCell ref="FH31:FI31"/>
    <mergeCell ref="BH31:BI31"/>
    <mergeCell ref="BU31:BV31"/>
    <mergeCell ref="CH31:CI31"/>
    <mergeCell ref="PU31:PV31"/>
    <mergeCell ref="KH30:KI30"/>
    <mergeCell ref="KU30:KV30"/>
    <mergeCell ref="LH30:LI30"/>
    <mergeCell ref="IU29:IV29"/>
    <mergeCell ref="JH29:JI29"/>
    <mergeCell ref="JU29:JV29"/>
    <mergeCell ref="IU30:IV30"/>
    <mergeCell ref="JH30:JI30"/>
    <mergeCell ref="JU30:JV30"/>
    <mergeCell ref="IX30:IX31"/>
    <mergeCell ref="KH31:KI31"/>
    <mergeCell ref="KU31:KV31"/>
    <mergeCell ref="LH31:LI31"/>
    <mergeCell ref="KH32:KI32"/>
    <mergeCell ref="KU32:KV32"/>
    <mergeCell ref="LH32:LI32"/>
    <mergeCell ref="IU31:IV31"/>
    <mergeCell ref="JH31:JI31"/>
    <mergeCell ref="JU31:JV31"/>
    <mergeCell ref="IU32:IV32"/>
    <mergeCell ref="JH32:JI32"/>
    <mergeCell ref="JU32:JV32"/>
    <mergeCell ref="IX32:IX33"/>
    <mergeCell ref="IY32:IY33"/>
    <mergeCell ref="KK32:KK33"/>
    <mergeCell ref="KL32:KL33"/>
    <mergeCell ref="IY30:IY31"/>
    <mergeCell ref="KK30:KK31"/>
    <mergeCell ref="KL30:KL31"/>
    <mergeCell ref="PU32:PV32"/>
    <mergeCell ref="NH31:NI31"/>
    <mergeCell ref="NU31:NV31"/>
    <mergeCell ref="OH31:OI31"/>
    <mergeCell ref="NH32:NI32"/>
    <mergeCell ref="NU32:NV32"/>
    <mergeCell ref="OH32:OI32"/>
    <mergeCell ref="LU31:LV31"/>
    <mergeCell ref="MH31:MI31"/>
    <mergeCell ref="MU31:MV31"/>
    <mergeCell ref="LU32:LV32"/>
    <mergeCell ref="MH32:MI32"/>
    <mergeCell ref="MU32:MV32"/>
    <mergeCell ref="LX30:LX31"/>
    <mergeCell ref="LY30:LY31"/>
    <mergeCell ref="LX32:LX33"/>
    <mergeCell ref="LY32:LY33"/>
    <mergeCell ref="MX30:MX31"/>
    <mergeCell ref="MY30:MY31"/>
    <mergeCell ref="MX32:MX33"/>
    <mergeCell ref="MY32:MY33"/>
    <mergeCell ref="MH33:MI33"/>
    <mergeCell ref="MU33:MV33"/>
    <mergeCell ref="OU33:OV33"/>
    <mergeCell ref="PH33:PI33"/>
    <mergeCell ref="PU33:PV33"/>
    <mergeCell ref="NK30:NK31"/>
    <mergeCell ref="NL30:NL31"/>
    <mergeCell ref="NK32:NK33"/>
    <mergeCell ref="NL32:NL33"/>
    <mergeCell ref="RU32:RV32"/>
    <mergeCell ref="SH32:SI32"/>
    <mergeCell ref="H33:I33"/>
    <mergeCell ref="U33:V33"/>
    <mergeCell ref="AH33:AI33"/>
    <mergeCell ref="AU33:AV33"/>
    <mergeCell ref="RU31:RV31"/>
    <mergeCell ref="SH31:SI31"/>
    <mergeCell ref="H32:I32"/>
    <mergeCell ref="U32:V32"/>
    <mergeCell ref="AH32:AI32"/>
    <mergeCell ref="AU32:AV32"/>
    <mergeCell ref="BH32:BI32"/>
    <mergeCell ref="BU32:BV32"/>
    <mergeCell ref="QH31:QI31"/>
    <mergeCell ref="QU31:QV31"/>
    <mergeCell ref="RH31:RI31"/>
    <mergeCell ref="QH32:QI32"/>
    <mergeCell ref="QU32:QV32"/>
    <mergeCell ref="RH32:RI32"/>
    <mergeCell ref="OU31:OV31"/>
    <mergeCell ref="PH31:PI31"/>
    <mergeCell ref="CU33:CV33"/>
    <mergeCell ref="DH33:DI33"/>
    <mergeCell ref="DU33:DV33"/>
    <mergeCell ref="FU33:FV33"/>
    <mergeCell ref="GH33:GI33"/>
    <mergeCell ref="GU33:GV33"/>
    <mergeCell ref="IU33:IV33"/>
    <mergeCell ref="JH33:JI33"/>
    <mergeCell ref="JU33:JV33"/>
    <mergeCell ref="LU33:LV33"/>
    <mergeCell ref="DH34:DI34"/>
    <mergeCell ref="DU34:DV34"/>
    <mergeCell ref="DH35:DI35"/>
    <mergeCell ref="BH33:BI33"/>
    <mergeCell ref="BU33:BV33"/>
    <mergeCell ref="CH33:CI33"/>
    <mergeCell ref="CH34:CI34"/>
    <mergeCell ref="CH37:CI37"/>
    <mergeCell ref="CU37:CV37"/>
    <mergeCell ref="DH37:DI37"/>
    <mergeCell ref="DU37:DV37"/>
    <mergeCell ref="CK32:CK33"/>
    <mergeCell ref="CL32:CL33"/>
    <mergeCell ref="CK34:CK35"/>
    <mergeCell ref="CL34:CL35"/>
    <mergeCell ref="CK36:CK37"/>
    <mergeCell ref="CL36:CL37"/>
    <mergeCell ref="DK34:DK35"/>
    <mergeCell ref="DL34:DL35"/>
    <mergeCell ref="DK36:DK37"/>
    <mergeCell ref="DL36:DL37"/>
    <mergeCell ref="CH32:CI32"/>
    <mergeCell ref="BK32:BK33"/>
    <mergeCell ref="BL32:BL33"/>
    <mergeCell ref="BK34:BK35"/>
    <mergeCell ref="BL34:BL35"/>
    <mergeCell ref="BK36:BK37"/>
    <mergeCell ref="BL36:BL37"/>
    <mergeCell ref="GH34:GI34"/>
    <mergeCell ref="GU34:GV34"/>
    <mergeCell ref="GU35:GV35"/>
    <mergeCell ref="EH33:EI33"/>
    <mergeCell ref="EU33:EV33"/>
    <mergeCell ref="FH33:FI33"/>
    <mergeCell ref="EH34:EI34"/>
    <mergeCell ref="EU34:EV34"/>
    <mergeCell ref="FH34:FI34"/>
    <mergeCell ref="FU35:FV35"/>
    <mergeCell ref="GH35:GI35"/>
    <mergeCell ref="FU37:FV37"/>
    <mergeCell ref="GH37:GI37"/>
    <mergeCell ref="GU37:GV37"/>
    <mergeCell ref="EH37:EI37"/>
    <mergeCell ref="EU37:EV37"/>
    <mergeCell ref="FH37:FI37"/>
    <mergeCell ref="EX34:EX35"/>
    <mergeCell ref="EY34:EY35"/>
    <mergeCell ref="EX36:EX37"/>
    <mergeCell ref="EY36:EY37"/>
    <mergeCell ref="GK34:GK35"/>
    <mergeCell ref="EH35:EI35"/>
    <mergeCell ref="EU35:EV35"/>
    <mergeCell ref="FH35:FI35"/>
    <mergeCell ref="GH36:GI36"/>
    <mergeCell ref="GL34:GL35"/>
    <mergeCell ref="GK36:GK37"/>
    <mergeCell ref="GL36:GL37"/>
    <mergeCell ref="IU34:IV34"/>
    <mergeCell ref="JH34:JI34"/>
    <mergeCell ref="JU34:JV34"/>
    <mergeCell ref="JU36:JV36"/>
    <mergeCell ref="HH33:HI33"/>
    <mergeCell ref="HU33:HV33"/>
    <mergeCell ref="IH33:II33"/>
    <mergeCell ref="HH34:HI34"/>
    <mergeCell ref="HU34:HV34"/>
    <mergeCell ref="IH34:II34"/>
    <mergeCell ref="HH35:HI35"/>
    <mergeCell ref="HH37:HI37"/>
    <mergeCell ref="HU37:HV37"/>
    <mergeCell ref="IH37:II37"/>
    <mergeCell ref="JU37:JV37"/>
    <mergeCell ref="HK34:HK35"/>
    <mergeCell ref="HL34:HL35"/>
    <mergeCell ref="HK36:HK37"/>
    <mergeCell ref="HL36:HL37"/>
    <mergeCell ref="IX34:IX35"/>
    <mergeCell ref="IY34:IY35"/>
    <mergeCell ref="IX36:IX37"/>
    <mergeCell ref="IY36:IY37"/>
    <mergeCell ref="HY32:HY33"/>
    <mergeCell ref="HX34:HX35"/>
    <mergeCell ref="HY34:HY35"/>
    <mergeCell ref="HX36:HX37"/>
    <mergeCell ref="HY36:HY37"/>
    <mergeCell ref="HU32:HV32"/>
    <mergeCell ref="IH32:II32"/>
    <mergeCell ref="LU34:LV34"/>
    <mergeCell ref="MH34:MI34"/>
    <mergeCell ref="MU34:MV34"/>
    <mergeCell ref="LU37:LV37"/>
    <mergeCell ref="KH33:KI33"/>
    <mergeCell ref="KU33:KV33"/>
    <mergeCell ref="LH33:LI33"/>
    <mergeCell ref="KH34:KI34"/>
    <mergeCell ref="KU34:KV34"/>
    <mergeCell ref="LH34:LI34"/>
    <mergeCell ref="KU35:KV35"/>
    <mergeCell ref="KU37:KV37"/>
    <mergeCell ref="LH37:LI37"/>
    <mergeCell ref="KK34:KK35"/>
    <mergeCell ref="KL34:KL35"/>
    <mergeCell ref="KK36:KK37"/>
    <mergeCell ref="KL36:KL37"/>
    <mergeCell ref="LX34:LX35"/>
    <mergeCell ref="LY34:LY35"/>
    <mergeCell ref="LX36:LX37"/>
    <mergeCell ref="LY36:LY37"/>
    <mergeCell ref="KH37:KI37"/>
    <mergeCell ref="OU34:OV34"/>
    <mergeCell ref="PH34:PI34"/>
    <mergeCell ref="PU34:PV34"/>
    <mergeCell ref="OU35:OV35"/>
    <mergeCell ref="NH33:NI33"/>
    <mergeCell ref="NU33:NV33"/>
    <mergeCell ref="OH33:OI33"/>
    <mergeCell ref="NH34:NI34"/>
    <mergeCell ref="NU34:NV34"/>
    <mergeCell ref="OH34:OI34"/>
    <mergeCell ref="OH35:OI35"/>
    <mergeCell ref="RU34:RV34"/>
    <mergeCell ref="SH34:SI34"/>
    <mergeCell ref="H35:I35"/>
    <mergeCell ref="U35:V35"/>
    <mergeCell ref="AH35:AI35"/>
    <mergeCell ref="AU35:AV35"/>
    <mergeCell ref="BH35:BI35"/>
    <mergeCell ref="BU35:BV35"/>
    <mergeCell ref="CH35:CI35"/>
    <mergeCell ref="CU35:CV35"/>
    <mergeCell ref="RU33:RV33"/>
    <mergeCell ref="SH33:SI33"/>
    <mergeCell ref="H34:I34"/>
    <mergeCell ref="U34:V34"/>
    <mergeCell ref="AH34:AI34"/>
    <mergeCell ref="AU34:AV34"/>
    <mergeCell ref="BH34:BI34"/>
    <mergeCell ref="BU34:BV34"/>
    <mergeCell ref="QH33:QI33"/>
    <mergeCell ref="QU33:QV33"/>
    <mergeCell ref="RH33:RI33"/>
    <mergeCell ref="QU34:QV34"/>
    <mergeCell ref="RH34:RI34"/>
    <mergeCell ref="QH36:QI36"/>
    <mergeCell ref="SH35:SI35"/>
    <mergeCell ref="H36:I36"/>
    <mergeCell ref="U36:V36"/>
    <mergeCell ref="AH36:AI36"/>
    <mergeCell ref="AU36:AV36"/>
    <mergeCell ref="BH36:BI36"/>
    <mergeCell ref="BU36:BV36"/>
    <mergeCell ref="CH36:CI36"/>
    <mergeCell ref="CU36:CV36"/>
    <mergeCell ref="DH36:DI36"/>
    <mergeCell ref="PH35:PI35"/>
    <mergeCell ref="PU35:PV35"/>
    <mergeCell ref="QH35:QI35"/>
    <mergeCell ref="QU35:QV35"/>
    <mergeCell ref="RH35:RI35"/>
    <mergeCell ref="RU35:RV35"/>
    <mergeCell ref="LH35:LI35"/>
    <mergeCell ref="LU35:LV35"/>
    <mergeCell ref="MH35:MI35"/>
    <mergeCell ref="MU35:MV35"/>
    <mergeCell ref="NH35:NI35"/>
    <mergeCell ref="NU35:NV35"/>
    <mergeCell ref="HU35:HV35"/>
    <mergeCell ref="IH35:II35"/>
    <mergeCell ref="IU35:IV35"/>
    <mergeCell ref="JH35:JI35"/>
    <mergeCell ref="JU35:JV35"/>
    <mergeCell ref="KH35:KI35"/>
    <mergeCell ref="DU35:DV35"/>
    <mergeCell ref="RU36:RV36"/>
    <mergeCell ref="QU36:QV36"/>
    <mergeCell ref="SH36:SI36"/>
    <mergeCell ref="H37:I37"/>
    <mergeCell ref="U37:V37"/>
    <mergeCell ref="AH37:AI37"/>
    <mergeCell ref="AU37:AV37"/>
    <mergeCell ref="BH37:BI37"/>
    <mergeCell ref="BU37:BV37"/>
    <mergeCell ref="NH36:NI36"/>
    <mergeCell ref="NU36:NV36"/>
    <mergeCell ref="OH36:OI36"/>
    <mergeCell ref="OU36:OV36"/>
    <mergeCell ref="PH36:PI36"/>
    <mergeCell ref="PU36:PV36"/>
    <mergeCell ref="KH36:KI36"/>
    <mergeCell ref="KU36:KV36"/>
    <mergeCell ref="LH36:LI36"/>
    <mergeCell ref="LU36:LV36"/>
    <mergeCell ref="MH36:MI36"/>
    <mergeCell ref="MU36:MV36"/>
    <mergeCell ref="GU36:GV36"/>
    <mergeCell ref="HH36:HI36"/>
    <mergeCell ref="HU36:HV36"/>
    <mergeCell ref="IH36:II36"/>
    <mergeCell ref="IU36:IV36"/>
    <mergeCell ref="JH36:JI36"/>
    <mergeCell ref="DU36:DV36"/>
    <mergeCell ref="EH36:EI36"/>
    <mergeCell ref="EU36:EV36"/>
    <mergeCell ref="FH36:FI36"/>
    <mergeCell ref="FU36:FV36"/>
    <mergeCell ref="CH38:CI38"/>
    <mergeCell ref="CK38:CL39"/>
    <mergeCell ref="CU38:CV38"/>
    <mergeCell ref="CU39:CV39"/>
    <mergeCell ref="SH37:SI37"/>
    <mergeCell ref="H38:I38"/>
    <mergeCell ref="K38:L39"/>
    <mergeCell ref="U38:V38"/>
    <mergeCell ref="X38:Y39"/>
    <mergeCell ref="AH38:AI38"/>
    <mergeCell ref="AK38:AL39"/>
    <mergeCell ref="AU38:AV38"/>
    <mergeCell ref="AX38:AY39"/>
    <mergeCell ref="BH38:BI38"/>
    <mergeCell ref="PH37:PI37"/>
    <mergeCell ref="PU37:PV37"/>
    <mergeCell ref="QH37:QI37"/>
    <mergeCell ref="QU37:QV37"/>
    <mergeCell ref="RH37:RI37"/>
    <mergeCell ref="RU37:RV37"/>
    <mergeCell ref="MH37:MI37"/>
    <mergeCell ref="MU37:MV37"/>
    <mergeCell ref="NH37:NI37"/>
    <mergeCell ref="NU37:NV37"/>
    <mergeCell ref="OH37:OI37"/>
    <mergeCell ref="OU37:OV37"/>
    <mergeCell ref="IU37:IV37"/>
    <mergeCell ref="JH37:JI37"/>
    <mergeCell ref="EK38:EL39"/>
    <mergeCell ref="EU38:EV38"/>
    <mergeCell ref="EX38:EY39"/>
    <mergeCell ref="FH38:FI38"/>
    <mergeCell ref="EU39:EV39"/>
    <mergeCell ref="FH39:FI39"/>
    <mergeCell ref="FU39:FV39"/>
    <mergeCell ref="CX38:CY39"/>
    <mergeCell ref="DH38:DI38"/>
    <mergeCell ref="DK38:DL39"/>
    <mergeCell ref="DU38:DV38"/>
    <mergeCell ref="DX38:DY39"/>
    <mergeCell ref="EH38:EI38"/>
    <mergeCell ref="DH39:DI39"/>
    <mergeCell ref="DU39:DV39"/>
    <mergeCell ref="EH39:EI39"/>
    <mergeCell ref="HK38:HL39"/>
    <mergeCell ref="HU38:HV38"/>
    <mergeCell ref="HX38:HY39"/>
    <mergeCell ref="IH38:II38"/>
    <mergeCell ref="IK38:IL39"/>
    <mergeCell ref="IU38:IV38"/>
    <mergeCell ref="HU39:HV39"/>
    <mergeCell ref="IH39:II39"/>
    <mergeCell ref="IU39:IV39"/>
    <mergeCell ref="FX38:FY39"/>
    <mergeCell ref="GH38:GI38"/>
    <mergeCell ref="GK38:GL39"/>
    <mergeCell ref="GU38:GV38"/>
    <mergeCell ref="GX38:GY39"/>
    <mergeCell ref="HH38:HI38"/>
    <mergeCell ref="GH39:GI39"/>
    <mergeCell ref="GU39:GV39"/>
    <mergeCell ref="HH39:HI39"/>
    <mergeCell ref="KU38:KV38"/>
    <mergeCell ref="KX38:KY39"/>
    <mergeCell ref="LH38:LI38"/>
    <mergeCell ref="LK38:LL39"/>
    <mergeCell ref="LU38:LV38"/>
    <mergeCell ref="KU39:KV39"/>
    <mergeCell ref="LH39:LI39"/>
    <mergeCell ref="LU39:LV39"/>
    <mergeCell ref="IX38:IY39"/>
    <mergeCell ref="JH38:JI38"/>
    <mergeCell ref="JK38:JL39"/>
    <mergeCell ref="JU38:JV38"/>
    <mergeCell ref="JX38:JY39"/>
    <mergeCell ref="KH38:KI38"/>
    <mergeCell ref="JH39:JI39"/>
    <mergeCell ref="JU39:JV39"/>
    <mergeCell ref="KH39:KI39"/>
    <mergeCell ref="SK38:SL39"/>
    <mergeCell ref="H39:I39"/>
    <mergeCell ref="U39:V39"/>
    <mergeCell ref="AH39:AI39"/>
    <mergeCell ref="AU39:AV39"/>
    <mergeCell ref="BH39:BI39"/>
    <mergeCell ref="BU39:BV39"/>
    <mergeCell ref="CH39:CI39"/>
    <mergeCell ref="QK38:QL39"/>
    <mergeCell ref="QU38:QV38"/>
    <mergeCell ref="QX38:QY39"/>
    <mergeCell ref="RH38:RI38"/>
    <mergeCell ref="RK38:RL39"/>
    <mergeCell ref="RU38:RV38"/>
    <mergeCell ref="QU39:QV39"/>
    <mergeCell ref="RH39:RI39"/>
    <mergeCell ref="RU39:RV39"/>
    <mergeCell ref="OX38:OY39"/>
    <mergeCell ref="PH38:PI38"/>
    <mergeCell ref="PU38:PV38"/>
    <mergeCell ref="PX38:PY39"/>
    <mergeCell ref="QH38:QI38"/>
    <mergeCell ref="PH39:PI39"/>
    <mergeCell ref="PU39:PV39"/>
    <mergeCell ref="QH39:QI39"/>
    <mergeCell ref="NK38:NL39"/>
    <mergeCell ref="NU38:NV38"/>
    <mergeCell ref="NX38:NY39"/>
    <mergeCell ref="OH38:OI38"/>
    <mergeCell ref="OK38:OL39"/>
    <mergeCell ref="OU38:OV38"/>
    <mergeCell ref="BU40:BV40"/>
    <mergeCell ref="CH40:CI40"/>
    <mergeCell ref="CU40:CV40"/>
    <mergeCell ref="CU41:CV41"/>
    <mergeCell ref="SH39:SI39"/>
    <mergeCell ref="EU41:EV41"/>
    <mergeCell ref="FH41:FI41"/>
    <mergeCell ref="FU41:FV41"/>
    <mergeCell ref="DH41:DI41"/>
    <mergeCell ref="DU41:DV41"/>
    <mergeCell ref="EH41:EI41"/>
    <mergeCell ref="IH41:II41"/>
    <mergeCell ref="IU41:IV41"/>
    <mergeCell ref="GH40:GI40"/>
    <mergeCell ref="GU40:GV40"/>
    <mergeCell ref="HH40:HI40"/>
    <mergeCell ref="GH41:GI41"/>
    <mergeCell ref="GU41:GV41"/>
    <mergeCell ref="HH41:HI41"/>
    <mergeCell ref="HK40:HL43"/>
    <mergeCell ref="H40:I40"/>
    <mergeCell ref="U40:V40"/>
    <mergeCell ref="AH40:AI40"/>
    <mergeCell ref="AU40:AV40"/>
    <mergeCell ref="BH40:BI40"/>
    <mergeCell ref="RX38:RY39"/>
    <mergeCell ref="SH38:SI38"/>
    <mergeCell ref="NU39:NV39"/>
    <mergeCell ref="OH39:OI39"/>
    <mergeCell ref="OU39:OV39"/>
    <mergeCell ref="LX38:LY39"/>
    <mergeCell ref="MH38:MI38"/>
    <mergeCell ref="MK38:ML39"/>
    <mergeCell ref="MU38:MV38"/>
    <mergeCell ref="MX38:MY39"/>
    <mergeCell ref="NH38:NI38"/>
    <mergeCell ref="MH39:MI39"/>
    <mergeCell ref="MU39:MV39"/>
    <mergeCell ref="NH39:NI39"/>
    <mergeCell ref="KK38:KL39"/>
    <mergeCell ref="EU40:EV40"/>
    <mergeCell ref="FH40:FI40"/>
    <mergeCell ref="FU40:FV40"/>
    <mergeCell ref="DH40:DI40"/>
    <mergeCell ref="DU40:DV40"/>
    <mergeCell ref="EH40:EI40"/>
    <mergeCell ref="DK40:DL43"/>
    <mergeCell ref="EX40:EY43"/>
    <mergeCell ref="HU40:HV40"/>
    <mergeCell ref="IH40:II40"/>
    <mergeCell ref="IU40:IV40"/>
    <mergeCell ref="HU41:HV41"/>
    <mergeCell ref="CH42:CI42"/>
    <mergeCell ref="CU42:CV42"/>
    <mergeCell ref="LH40:LI40"/>
    <mergeCell ref="LU40:LV40"/>
    <mergeCell ref="KU41:KV41"/>
    <mergeCell ref="LH41:LI41"/>
    <mergeCell ref="LU41:LV41"/>
    <mergeCell ref="JH40:JI40"/>
    <mergeCell ref="JU40:JV40"/>
    <mergeCell ref="KH40:KI40"/>
    <mergeCell ref="JH41:JI41"/>
    <mergeCell ref="JU41:JV41"/>
    <mergeCell ref="KH41:KI41"/>
    <mergeCell ref="IX40:IY43"/>
    <mergeCell ref="KK40:KL43"/>
    <mergeCell ref="BU41:BV41"/>
    <mergeCell ref="CH41:CI41"/>
    <mergeCell ref="CU43:CV43"/>
    <mergeCell ref="EU43:EV43"/>
    <mergeCell ref="FH43:FI43"/>
    <mergeCell ref="FU43:FV43"/>
    <mergeCell ref="DH43:DI43"/>
    <mergeCell ref="DU43:DV43"/>
    <mergeCell ref="EH43:EI43"/>
    <mergeCell ref="JU43:JV43"/>
    <mergeCell ref="KH43:KI43"/>
    <mergeCell ref="HU43:HV43"/>
    <mergeCell ref="IH43:II43"/>
    <mergeCell ref="HX40:HY43"/>
    <mergeCell ref="EU42:EV42"/>
    <mergeCell ref="FH42:FI42"/>
    <mergeCell ref="FU42:FV42"/>
    <mergeCell ref="DH42:DI42"/>
    <mergeCell ref="DU42:DV42"/>
    <mergeCell ref="EH42:EI42"/>
    <mergeCell ref="HU42:HV42"/>
    <mergeCell ref="IH42:II42"/>
    <mergeCell ref="IU42:IV42"/>
    <mergeCell ref="GH42:GI42"/>
    <mergeCell ref="GU42:GV42"/>
    <mergeCell ref="HH42:HI42"/>
    <mergeCell ref="KU42:KV42"/>
    <mergeCell ref="QU40:QV40"/>
    <mergeCell ref="RH40:RI40"/>
    <mergeCell ref="RU40:RV40"/>
    <mergeCell ref="QU41:QV41"/>
    <mergeCell ref="RH41:RI41"/>
    <mergeCell ref="RU41:RV41"/>
    <mergeCell ref="PH40:PI40"/>
    <mergeCell ref="PU40:PV40"/>
    <mergeCell ref="QH40:QI40"/>
    <mergeCell ref="PH41:PI41"/>
    <mergeCell ref="NU42:NV42"/>
    <mergeCell ref="OH42:OI42"/>
    <mergeCell ref="OU42:OV42"/>
    <mergeCell ref="OH43:OI43"/>
    <mergeCell ref="OU43:OV43"/>
    <mergeCell ref="OU44:OV44"/>
    <mergeCell ref="NU44:NV44"/>
    <mergeCell ref="OH44:OI44"/>
    <mergeCell ref="RU42:RV42"/>
    <mergeCell ref="QU43:QV43"/>
    <mergeCell ref="RH43:RI43"/>
    <mergeCell ref="RU43:RV43"/>
    <mergeCell ref="PH42:PI42"/>
    <mergeCell ref="RH44:RI44"/>
    <mergeCell ref="RU44:RV44"/>
    <mergeCell ref="QU44:QV44"/>
    <mergeCell ref="OH41:OI41"/>
    <mergeCell ref="OU41:OV41"/>
    <mergeCell ref="OH40:OI40"/>
    <mergeCell ref="OU40:OV40"/>
    <mergeCell ref="NU41:NV41"/>
    <mergeCell ref="IU44:IV44"/>
    <mergeCell ref="JH44:JI44"/>
    <mergeCell ref="JU44:JV44"/>
    <mergeCell ref="KH44:KI44"/>
    <mergeCell ref="KU44:KV44"/>
    <mergeCell ref="SH41:SI41"/>
    <mergeCell ref="H42:I42"/>
    <mergeCell ref="U42:V42"/>
    <mergeCell ref="AH42:AI42"/>
    <mergeCell ref="AU42:AV42"/>
    <mergeCell ref="BH42:BI42"/>
    <mergeCell ref="PU41:PV41"/>
    <mergeCell ref="QH41:QI41"/>
    <mergeCell ref="H41:I41"/>
    <mergeCell ref="U41:V41"/>
    <mergeCell ref="AH41:AI41"/>
    <mergeCell ref="AU41:AV41"/>
    <mergeCell ref="BH41:BI41"/>
    <mergeCell ref="IU43:IV43"/>
    <mergeCell ref="CK40:CL43"/>
    <mergeCell ref="CK44:CL45"/>
    <mergeCell ref="GK40:GL43"/>
    <mergeCell ref="SH42:SI42"/>
    <mergeCell ref="H43:I43"/>
    <mergeCell ref="U43:V43"/>
    <mergeCell ref="AH43:AI43"/>
    <mergeCell ref="AU43:AV43"/>
    <mergeCell ref="BH43:BI43"/>
    <mergeCell ref="BU43:BV43"/>
    <mergeCell ref="CH43:CI43"/>
    <mergeCell ref="QU42:QV42"/>
    <mergeCell ref="RH42:RI42"/>
    <mergeCell ref="LU44:LV44"/>
    <mergeCell ref="MH44:MI44"/>
    <mergeCell ref="MU44:MV44"/>
    <mergeCell ref="NH44:NI44"/>
    <mergeCell ref="GH43:GI43"/>
    <mergeCell ref="GU43:GV43"/>
    <mergeCell ref="HH43:HI43"/>
    <mergeCell ref="HH44:HI44"/>
    <mergeCell ref="HK44:HL45"/>
    <mergeCell ref="IX44:IY45"/>
    <mergeCell ref="PU42:PV42"/>
    <mergeCell ref="QH42:QI42"/>
    <mergeCell ref="PH43:PI43"/>
    <mergeCell ref="PU43:PV43"/>
    <mergeCell ref="HU45:HV45"/>
    <mergeCell ref="CH45:CI45"/>
    <mergeCell ref="CU45:CV45"/>
    <mergeCell ref="DH45:DI45"/>
    <mergeCell ref="DU45:DV45"/>
    <mergeCell ref="EH45:EI45"/>
    <mergeCell ref="EU45:EV45"/>
    <mergeCell ref="KH42:KI42"/>
    <mergeCell ref="JH43:JI43"/>
    <mergeCell ref="EU44:EV44"/>
    <mergeCell ref="FH44:FI44"/>
    <mergeCell ref="FU44:FV44"/>
    <mergeCell ref="GH44:GI44"/>
    <mergeCell ref="GU44:GV44"/>
    <mergeCell ref="MH42:MI42"/>
    <mergeCell ref="MU42:MV42"/>
    <mergeCell ref="NH42:NI42"/>
    <mergeCell ref="MH43:MI43"/>
    <mergeCell ref="H44:I44"/>
    <mergeCell ref="U44:V44"/>
    <mergeCell ref="AH44:AI44"/>
    <mergeCell ref="AU44:AV44"/>
    <mergeCell ref="BH44:BI44"/>
    <mergeCell ref="BU44:BV44"/>
    <mergeCell ref="CH44:CI44"/>
    <mergeCell ref="CU44:CV44"/>
    <mergeCell ref="DH44:DI44"/>
    <mergeCell ref="QH43:QI43"/>
    <mergeCell ref="PH44:PI44"/>
    <mergeCell ref="GK44:GL45"/>
    <mergeCell ref="HU44:HV44"/>
    <mergeCell ref="KK44:KL45"/>
    <mergeCell ref="LX40:LY43"/>
    <mergeCell ref="LX44:LY45"/>
    <mergeCell ref="H45:I45"/>
    <mergeCell ref="U45:V45"/>
    <mergeCell ref="AH45:AI45"/>
    <mergeCell ref="AU45:AV45"/>
    <mergeCell ref="BH45:BI45"/>
    <mergeCell ref="BU45:BV45"/>
    <mergeCell ref="PU44:PV44"/>
    <mergeCell ref="QH44:QI44"/>
    <mergeCell ref="LH42:LI42"/>
    <mergeCell ref="LU42:LV42"/>
    <mergeCell ref="KU43:KV43"/>
    <mergeCell ref="LH43:LI43"/>
    <mergeCell ref="LU43:LV43"/>
    <mergeCell ref="LH44:LI44"/>
    <mergeCell ref="JH42:JI42"/>
    <mergeCell ref="JU42:JV42"/>
    <mergeCell ref="RU45:RV45"/>
    <mergeCell ref="SH45:SI45"/>
    <mergeCell ref="H46:I46"/>
    <mergeCell ref="K46:L47"/>
    <mergeCell ref="U46:V46"/>
    <mergeCell ref="X46:Y47"/>
    <mergeCell ref="AH46:AI46"/>
    <mergeCell ref="AK46:AL47"/>
    <mergeCell ref="AU46:AV46"/>
    <mergeCell ref="OH45:OI45"/>
    <mergeCell ref="OU45:OV45"/>
    <mergeCell ref="PH45:PI45"/>
    <mergeCell ref="PU45:PV45"/>
    <mergeCell ref="QH45:QI45"/>
    <mergeCell ref="QU45:QV45"/>
    <mergeCell ref="LH45:LI45"/>
    <mergeCell ref="LU45:LV45"/>
    <mergeCell ref="MH45:MI45"/>
    <mergeCell ref="MU45:MV45"/>
    <mergeCell ref="NH45:NI45"/>
    <mergeCell ref="NU45:NV45"/>
    <mergeCell ref="IH45:II45"/>
    <mergeCell ref="IU45:IV45"/>
    <mergeCell ref="JH45:JI45"/>
    <mergeCell ref="JU45:JV45"/>
    <mergeCell ref="KH45:KI45"/>
    <mergeCell ref="KU45:KV45"/>
    <mergeCell ref="FH45:FI45"/>
    <mergeCell ref="FU45:FV45"/>
    <mergeCell ref="GH45:GI45"/>
    <mergeCell ref="GU45:GV45"/>
    <mergeCell ref="DX46:DY47"/>
    <mergeCell ref="EK46:EL47"/>
    <mergeCell ref="EU46:EV46"/>
    <mergeCell ref="EX46:EY47"/>
    <mergeCell ref="FH46:FI46"/>
    <mergeCell ref="CK46:CL47"/>
    <mergeCell ref="CU46:CV46"/>
    <mergeCell ref="CX46:CY47"/>
    <mergeCell ref="DH46:DI46"/>
    <mergeCell ref="DK46:DL47"/>
    <mergeCell ref="DU46:DV46"/>
    <mergeCell ref="AX46:AY47"/>
    <mergeCell ref="BH46:BI46"/>
    <mergeCell ref="BK46:BL47"/>
    <mergeCell ref="BU46:BV46"/>
    <mergeCell ref="BX46:BY47"/>
    <mergeCell ref="CH46:CI46"/>
    <mergeCell ref="IK46:IL47"/>
    <mergeCell ref="IU46:IV46"/>
    <mergeCell ref="IX46:IY47"/>
    <mergeCell ref="JH46:JI46"/>
    <mergeCell ref="JK46:JL47"/>
    <mergeCell ref="JU46:JV46"/>
    <mergeCell ref="GX46:GY47"/>
    <mergeCell ref="HH46:HI46"/>
    <mergeCell ref="HK46:HL47"/>
    <mergeCell ref="HU46:HV46"/>
    <mergeCell ref="HX46:HY47"/>
    <mergeCell ref="IH46:II46"/>
    <mergeCell ref="FK46:FL47"/>
    <mergeCell ref="FU46:FV46"/>
    <mergeCell ref="FX46:FY47"/>
    <mergeCell ref="GH46:GI46"/>
    <mergeCell ref="GK46:GL47"/>
    <mergeCell ref="GU46:GV46"/>
    <mergeCell ref="OH46:OI46"/>
    <mergeCell ref="LK46:LL47"/>
    <mergeCell ref="LU46:LV46"/>
    <mergeCell ref="LX46:LY47"/>
    <mergeCell ref="MH46:MI46"/>
    <mergeCell ref="MK46:ML47"/>
    <mergeCell ref="MU46:MV46"/>
    <mergeCell ref="JX46:JY47"/>
    <mergeCell ref="KH46:KI46"/>
    <mergeCell ref="KK46:KL47"/>
    <mergeCell ref="KU46:KV46"/>
    <mergeCell ref="KX46:KY47"/>
    <mergeCell ref="LH46:LI46"/>
    <mergeCell ref="AX57:AX58"/>
    <mergeCell ref="AY57:AY58"/>
    <mergeCell ref="BK57:BK58"/>
    <mergeCell ref="BL57:BL58"/>
    <mergeCell ref="BX57:BX58"/>
    <mergeCell ref="BY57:BY58"/>
    <mergeCell ref="EL57:EL58"/>
    <mergeCell ref="EX57:EX58"/>
    <mergeCell ref="EY57:EY58"/>
    <mergeCell ref="CK57:CK58"/>
    <mergeCell ref="CL57:CL58"/>
    <mergeCell ref="CX57:CX58"/>
    <mergeCell ref="CY57:CY58"/>
    <mergeCell ref="DK57:DK58"/>
    <mergeCell ref="DL57:DL58"/>
    <mergeCell ref="LX57:LX58"/>
    <mergeCell ref="LY57:LY58"/>
    <mergeCell ref="MK57:MK58"/>
    <mergeCell ref="ML57:ML58"/>
    <mergeCell ref="X57:X58"/>
    <mergeCell ref="Y57:Y58"/>
    <mergeCell ref="AK57:AK58"/>
    <mergeCell ref="AL57:AL58"/>
    <mergeCell ref="RK46:RL47"/>
    <mergeCell ref="RU46:RV46"/>
    <mergeCell ref="RX46:RY47"/>
    <mergeCell ref="SH46:SI46"/>
    <mergeCell ref="SK46:SL47"/>
    <mergeCell ref="X56:Y56"/>
    <mergeCell ref="PX46:PY47"/>
    <mergeCell ref="QH46:QI46"/>
    <mergeCell ref="QK46:QL47"/>
    <mergeCell ref="QU46:QV46"/>
    <mergeCell ref="QX46:QY47"/>
    <mergeCell ref="RH46:RI46"/>
    <mergeCell ref="OK46:OL47"/>
    <mergeCell ref="OU46:OV46"/>
    <mergeCell ref="OX46:OY47"/>
    <mergeCell ref="PH46:PI46"/>
    <mergeCell ref="PK46:PL47"/>
    <mergeCell ref="PU46:PV46"/>
    <mergeCell ref="MX46:MY47"/>
    <mergeCell ref="FK57:FK58"/>
    <mergeCell ref="FL57:FL58"/>
    <mergeCell ref="FX57:FX58"/>
    <mergeCell ref="FY57:FY58"/>
    <mergeCell ref="GK57:GK58"/>
    <mergeCell ref="GL57:GL58"/>
    <mergeCell ref="DX57:DX58"/>
    <mergeCell ref="DY57:DY58"/>
    <mergeCell ref="EK57:EK58"/>
    <mergeCell ref="JX57:JX58"/>
    <mergeCell ref="JY57:JY58"/>
    <mergeCell ref="KK57:KK58"/>
    <mergeCell ref="KL57:KL58"/>
    <mergeCell ref="KX57:KX58"/>
    <mergeCell ref="KY57:KY58"/>
    <mergeCell ref="IK57:IK58"/>
    <mergeCell ref="IL57:IL58"/>
    <mergeCell ref="IX57:IX58"/>
    <mergeCell ref="IY57:IY58"/>
    <mergeCell ref="JK57:JK58"/>
    <mergeCell ref="JL57:JL58"/>
    <mergeCell ref="GX57:GX58"/>
    <mergeCell ref="GY57:GY58"/>
    <mergeCell ref="HK57:HK58"/>
    <mergeCell ref="HL57:HL58"/>
    <mergeCell ref="HX57:HX58"/>
    <mergeCell ref="HY57:HY58"/>
    <mergeCell ref="X59:X60"/>
    <mergeCell ref="Y59:Y60"/>
    <mergeCell ref="AK59:AK60"/>
    <mergeCell ref="AL59:AL60"/>
    <mergeCell ref="RK57:RK58"/>
    <mergeCell ref="RL57:RL58"/>
    <mergeCell ref="RX57:RX58"/>
    <mergeCell ref="RY57:RY58"/>
    <mergeCell ref="SK57:SK58"/>
    <mergeCell ref="SL57:SL58"/>
    <mergeCell ref="PX57:PX58"/>
    <mergeCell ref="PY57:PY58"/>
    <mergeCell ref="QK57:QK58"/>
    <mergeCell ref="QL57:QL58"/>
    <mergeCell ref="QX57:QX58"/>
    <mergeCell ref="QY57:QY58"/>
    <mergeCell ref="OK57:OK58"/>
    <mergeCell ref="OL57:OL58"/>
    <mergeCell ref="OX57:OX58"/>
    <mergeCell ref="OY57:OY58"/>
    <mergeCell ref="PK57:PK58"/>
    <mergeCell ref="PL57:PL58"/>
    <mergeCell ref="MX57:MX58"/>
    <mergeCell ref="MY57:MY58"/>
    <mergeCell ref="NK57:NK58"/>
    <mergeCell ref="NL57:NL58"/>
    <mergeCell ref="NX57:NX58"/>
    <mergeCell ref="NY57:NY58"/>
    <mergeCell ref="LK57:LK58"/>
    <mergeCell ref="LL57:LL58"/>
    <mergeCell ref="DX59:DX60"/>
    <mergeCell ref="DY59:DY60"/>
    <mergeCell ref="EK59:EK60"/>
    <mergeCell ref="EL59:EL60"/>
    <mergeCell ref="EX59:EX60"/>
    <mergeCell ref="EY59:EY60"/>
    <mergeCell ref="CK59:CK60"/>
    <mergeCell ref="CL59:CL60"/>
    <mergeCell ref="CX59:CX60"/>
    <mergeCell ref="CY59:CY60"/>
    <mergeCell ref="DK59:DK60"/>
    <mergeCell ref="DL59:DL60"/>
    <mergeCell ref="AX59:AX60"/>
    <mergeCell ref="AY59:AY60"/>
    <mergeCell ref="BK59:BK60"/>
    <mergeCell ref="BL59:BL60"/>
    <mergeCell ref="BX59:BX60"/>
    <mergeCell ref="BY59:BY60"/>
    <mergeCell ref="IK59:IK60"/>
    <mergeCell ref="IL59:IL60"/>
    <mergeCell ref="IX59:IX60"/>
    <mergeCell ref="IY59:IY60"/>
    <mergeCell ref="JK59:JK60"/>
    <mergeCell ref="JL59:JL60"/>
    <mergeCell ref="GX59:GX60"/>
    <mergeCell ref="GY59:GY60"/>
    <mergeCell ref="HK59:HK60"/>
    <mergeCell ref="HL59:HL60"/>
    <mergeCell ref="HX59:HX60"/>
    <mergeCell ref="HY59:HY60"/>
    <mergeCell ref="FK59:FK60"/>
    <mergeCell ref="FL59:FL60"/>
    <mergeCell ref="FX59:FX60"/>
    <mergeCell ref="FY59:FY60"/>
    <mergeCell ref="GK59:GK60"/>
    <mergeCell ref="GL59:GL60"/>
    <mergeCell ref="MX59:MX60"/>
    <mergeCell ref="MY59:MY60"/>
    <mergeCell ref="NK59:NK60"/>
    <mergeCell ref="NL59:NL60"/>
    <mergeCell ref="NX59:NX60"/>
    <mergeCell ref="NY59:NY60"/>
    <mergeCell ref="LK59:LK60"/>
    <mergeCell ref="LL59:LL60"/>
    <mergeCell ref="LX59:LX60"/>
    <mergeCell ref="LY59:LY60"/>
    <mergeCell ref="MK59:MK60"/>
    <mergeCell ref="ML59:ML60"/>
    <mergeCell ref="JX59:JX60"/>
    <mergeCell ref="JY59:JY60"/>
    <mergeCell ref="KK59:KK60"/>
    <mergeCell ref="KL59:KL60"/>
    <mergeCell ref="KX59:KX60"/>
    <mergeCell ref="KY59:KY60"/>
    <mergeCell ref="RK59:RK60"/>
    <mergeCell ref="RL59:RL60"/>
    <mergeCell ref="RX59:RX60"/>
    <mergeCell ref="RY59:RY60"/>
    <mergeCell ref="SK59:SK60"/>
    <mergeCell ref="SL59:SL60"/>
    <mergeCell ref="PX59:PX60"/>
    <mergeCell ref="PY59:PY60"/>
    <mergeCell ref="QK59:QK60"/>
    <mergeCell ref="QL59:QL60"/>
    <mergeCell ref="QX59:QX60"/>
    <mergeCell ref="QY59:QY60"/>
    <mergeCell ref="OK59:OK60"/>
    <mergeCell ref="OL59:OL60"/>
    <mergeCell ref="OX59:OX60"/>
    <mergeCell ref="OY59:OY60"/>
    <mergeCell ref="PK59:PK60"/>
    <mergeCell ref="PL59:PL60"/>
    <mergeCell ref="CK61:CK62"/>
    <mergeCell ref="CL61:CL62"/>
    <mergeCell ref="CX61:CX62"/>
    <mergeCell ref="CY61:CY62"/>
    <mergeCell ref="DK61:DK62"/>
    <mergeCell ref="DL61:DL62"/>
    <mergeCell ref="AX61:AX62"/>
    <mergeCell ref="AY61:AY62"/>
    <mergeCell ref="BK61:BK62"/>
    <mergeCell ref="BL61:BL62"/>
    <mergeCell ref="BX61:BX62"/>
    <mergeCell ref="BY61:BY62"/>
    <mergeCell ref="X61:X62"/>
    <mergeCell ref="Y61:Y62"/>
    <mergeCell ref="AK61:AK62"/>
    <mergeCell ref="AL61:AL62"/>
    <mergeCell ref="IY61:IY62"/>
    <mergeCell ref="JK61:JK62"/>
    <mergeCell ref="JL61:JL62"/>
    <mergeCell ref="GX61:GX62"/>
    <mergeCell ref="GY61:GY62"/>
    <mergeCell ref="HK61:HK62"/>
    <mergeCell ref="HL61:HL62"/>
    <mergeCell ref="HX61:HX62"/>
    <mergeCell ref="HY61:HY62"/>
    <mergeCell ref="FK61:FK62"/>
    <mergeCell ref="FL61:FL62"/>
    <mergeCell ref="FX61:FX62"/>
    <mergeCell ref="FY61:FY62"/>
    <mergeCell ref="GK61:GK62"/>
    <mergeCell ref="GL61:GL62"/>
    <mergeCell ref="DX61:DX62"/>
    <mergeCell ref="DY61:DY62"/>
    <mergeCell ref="EK61:EK62"/>
    <mergeCell ref="EL61:EL62"/>
    <mergeCell ref="EX61:EX62"/>
    <mergeCell ref="EY61:EY62"/>
    <mergeCell ref="SL61:SL62"/>
    <mergeCell ref="PX61:PX62"/>
    <mergeCell ref="PY61:PY62"/>
    <mergeCell ref="QK61:QK62"/>
    <mergeCell ref="QL61:QL62"/>
    <mergeCell ref="QX61:QX62"/>
    <mergeCell ref="QY61:QY62"/>
    <mergeCell ref="OK61:OK62"/>
    <mergeCell ref="OL61:OL62"/>
    <mergeCell ref="OX61:OX62"/>
    <mergeCell ref="OY61:OY62"/>
    <mergeCell ref="PK61:PK62"/>
    <mergeCell ref="PL61:PL62"/>
    <mergeCell ref="MX61:MX62"/>
    <mergeCell ref="MY61:MY62"/>
    <mergeCell ref="NK61:NK62"/>
    <mergeCell ref="NL61:NL62"/>
    <mergeCell ref="NX61:NX62"/>
    <mergeCell ref="NY61:NY62"/>
    <mergeCell ref="AX63:AX64"/>
    <mergeCell ref="AY63:AY64"/>
    <mergeCell ref="BK63:BK64"/>
    <mergeCell ref="BL63:BL64"/>
    <mergeCell ref="BX63:BX64"/>
    <mergeCell ref="BY63:BY64"/>
    <mergeCell ref="X63:X64"/>
    <mergeCell ref="Y63:Y64"/>
    <mergeCell ref="AK63:AK64"/>
    <mergeCell ref="AL63:AL64"/>
    <mergeCell ref="RK61:RK62"/>
    <mergeCell ref="RL61:RL62"/>
    <mergeCell ref="RX61:RX62"/>
    <mergeCell ref="RY61:RY62"/>
    <mergeCell ref="SK61:SK62"/>
    <mergeCell ref="LK61:LK62"/>
    <mergeCell ref="LL61:LL62"/>
    <mergeCell ref="LX61:LX62"/>
    <mergeCell ref="LY61:LY62"/>
    <mergeCell ref="MK61:MK62"/>
    <mergeCell ref="ML61:ML62"/>
    <mergeCell ref="JX61:JX62"/>
    <mergeCell ref="JY61:JY62"/>
    <mergeCell ref="KK61:KK62"/>
    <mergeCell ref="KL61:KL62"/>
    <mergeCell ref="KX61:KX62"/>
    <mergeCell ref="KY61:KY62"/>
    <mergeCell ref="IK61:IK62"/>
    <mergeCell ref="IL61:IL62"/>
    <mergeCell ref="IX61:IX62"/>
    <mergeCell ref="FK63:FK64"/>
    <mergeCell ref="FL63:FL64"/>
    <mergeCell ref="FX63:FX64"/>
    <mergeCell ref="FY63:FY64"/>
    <mergeCell ref="GK63:GK64"/>
    <mergeCell ref="GL63:GL64"/>
    <mergeCell ref="DX63:DX64"/>
    <mergeCell ref="DY63:DY64"/>
    <mergeCell ref="EK63:EK64"/>
    <mergeCell ref="EL63:EL64"/>
    <mergeCell ref="EX63:EX64"/>
    <mergeCell ref="EY63:EY64"/>
    <mergeCell ref="CK63:CK64"/>
    <mergeCell ref="CL63:CL64"/>
    <mergeCell ref="CX63:CX64"/>
    <mergeCell ref="CY63:CY64"/>
    <mergeCell ref="DK63:DK64"/>
    <mergeCell ref="DL63:DL64"/>
    <mergeCell ref="LX63:LX64"/>
    <mergeCell ref="LY63:LY64"/>
    <mergeCell ref="MK63:MK64"/>
    <mergeCell ref="ML63:ML64"/>
    <mergeCell ref="JX63:JX64"/>
    <mergeCell ref="JY63:JY64"/>
    <mergeCell ref="KK63:KK64"/>
    <mergeCell ref="KL63:KL64"/>
    <mergeCell ref="KX63:KX64"/>
    <mergeCell ref="KY63:KY64"/>
    <mergeCell ref="IK63:IK64"/>
    <mergeCell ref="IL63:IL64"/>
    <mergeCell ref="IX63:IX64"/>
    <mergeCell ref="IY63:IY64"/>
    <mergeCell ref="JK63:JK64"/>
    <mergeCell ref="JL63:JL64"/>
    <mergeCell ref="GX63:GX64"/>
    <mergeCell ref="GY63:GY64"/>
    <mergeCell ref="HK63:HK64"/>
    <mergeCell ref="HL63:HL64"/>
    <mergeCell ref="HX63:HX64"/>
    <mergeCell ref="HY63:HY64"/>
    <mergeCell ref="X66:Y66"/>
    <mergeCell ref="X67:X68"/>
    <mergeCell ref="Y67:Y68"/>
    <mergeCell ref="RK63:RK64"/>
    <mergeCell ref="RL63:RL64"/>
    <mergeCell ref="RX63:RX64"/>
    <mergeCell ref="RY63:RY64"/>
    <mergeCell ref="SK63:SK64"/>
    <mergeCell ref="SL63:SL64"/>
    <mergeCell ref="PX63:PX64"/>
    <mergeCell ref="PY63:PY64"/>
    <mergeCell ref="QK63:QK64"/>
    <mergeCell ref="QL63:QL64"/>
    <mergeCell ref="QX63:QX64"/>
    <mergeCell ref="QY63:QY64"/>
    <mergeCell ref="OK63:OK64"/>
    <mergeCell ref="OL63:OL64"/>
    <mergeCell ref="OX63:OX64"/>
    <mergeCell ref="OY63:OY64"/>
    <mergeCell ref="PK63:PK64"/>
    <mergeCell ref="PL63:PL64"/>
    <mergeCell ref="MX63:MX64"/>
    <mergeCell ref="MY63:MY64"/>
    <mergeCell ref="NK63:NK64"/>
    <mergeCell ref="NL63:NL64"/>
    <mergeCell ref="NX63:NX64"/>
    <mergeCell ref="NY63:NY64"/>
    <mergeCell ref="LK63:LK64"/>
    <mergeCell ref="LL63:LL64"/>
    <mergeCell ref="DK67:DK68"/>
    <mergeCell ref="DL67:DL68"/>
    <mergeCell ref="DX67:DX68"/>
    <mergeCell ref="DY67:DY68"/>
    <mergeCell ref="EK67:EK68"/>
    <mergeCell ref="EL67:EL68"/>
    <mergeCell ref="BX67:BX68"/>
    <mergeCell ref="BY67:BY68"/>
    <mergeCell ref="CK67:CK68"/>
    <mergeCell ref="CL67:CL68"/>
    <mergeCell ref="CX67:CX68"/>
    <mergeCell ref="CY67:CY68"/>
    <mergeCell ref="AK67:AK68"/>
    <mergeCell ref="AL67:AL68"/>
    <mergeCell ref="AX67:AX68"/>
    <mergeCell ref="AY67:AY68"/>
    <mergeCell ref="BK67:BK68"/>
    <mergeCell ref="BL67:BL68"/>
    <mergeCell ref="HX67:HX68"/>
    <mergeCell ref="HY67:HY68"/>
    <mergeCell ref="IK67:IK68"/>
    <mergeCell ref="IL67:IL68"/>
    <mergeCell ref="IX67:IX68"/>
    <mergeCell ref="IY67:IY68"/>
    <mergeCell ref="GK67:GK68"/>
    <mergeCell ref="GL67:GL68"/>
    <mergeCell ref="GX67:GX68"/>
    <mergeCell ref="GY67:GY68"/>
    <mergeCell ref="HK67:HK68"/>
    <mergeCell ref="HL67:HL68"/>
    <mergeCell ref="EX67:EX68"/>
    <mergeCell ref="EY67:EY68"/>
    <mergeCell ref="FK67:FK68"/>
    <mergeCell ref="FL67:FL68"/>
    <mergeCell ref="FX67:FX68"/>
    <mergeCell ref="FY67:FY68"/>
    <mergeCell ref="MK67:MK68"/>
    <mergeCell ref="ML67:ML68"/>
    <mergeCell ref="MX67:MX68"/>
    <mergeCell ref="MY67:MY68"/>
    <mergeCell ref="NK67:NK68"/>
    <mergeCell ref="NL67:NL68"/>
    <mergeCell ref="KX67:KX68"/>
    <mergeCell ref="KY67:KY68"/>
    <mergeCell ref="LK67:LK68"/>
    <mergeCell ref="LL67:LL68"/>
    <mergeCell ref="LX67:LX68"/>
    <mergeCell ref="LY67:LY68"/>
    <mergeCell ref="JK67:JK68"/>
    <mergeCell ref="JL67:JL68"/>
    <mergeCell ref="JX67:JX68"/>
    <mergeCell ref="JY67:JY68"/>
    <mergeCell ref="KK67:KK68"/>
    <mergeCell ref="KL67:KL68"/>
    <mergeCell ref="SK67:SK68"/>
    <mergeCell ref="SL67:SL68"/>
    <mergeCell ref="QX67:QX68"/>
    <mergeCell ref="QY67:QY68"/>
    <mergeCell ref="RK67:RK68"/>
    <mergeCell ref="RL67:RL68"/>
    <mergeCell ref="RX67:RX68"/>
    <mergeCell ref="RY67:RY68"/>
    <mergeCell ref="PK67:PK68"/>
    <mergeCell ref="PL67:PL68"/>
    <mergeCell ref="PX67:PX68"/>
    <mergeCell ref="PY67:PY68"/>
    <mergeCell ref="QK67:QK68"/>
    <mergeCell ref="QL67:QL68"/>
    <mergeCell ref="NX67:NX68"/>
    <mergeCell ref="NY67:NY68"/>
    <mergeCell ref="OK67:OK68"/>
    <mergeCell ref="OL67:OL68"/>
    <mergeCell ref="OX67:OX68"/>
    <mergeCell ref="OY67:OY68"/>
  </mergeCells>
  <phoneticPr fontId="1"/>
  <conditionalFormatting sqref="B9:E46">
    <cfRule type="expression" dxfId="81" priority="82">
      <formula>OR($B9="土",$B9="日")</formula>
    </cfRule>
  </conditionalFormatting>
  <conditionalFormatting sqref="E9:E46">
    <cfRule type="expression" dxfId="80" priority="81">
      <formula>$D9="○"</formula>
    </cfRule>
  </conditionalFormatting>
  <conditionalFormatting sqref="O9:R46">
    <cfRule type="expression" dxfId="79" priority="80">
      <formula>OR($O9="土",$O9="日")</formula>
    </cfRule>
  </conditionalFormatting>
  <conditionalFormatting sqref="R9:R46">
    <cfRule type="expression" dxfId="78" priority="79">
      <formula>$Q9="○"</formula>
    </cfRule>
  </conditionalFormatting>
  <conditionalFormatting sqref="AB9:AE46">
    <cfRule type="expression" dxfId="77" priority="78">
      <formula>OR($AB9="土",$AB9="日")</formula>
    </cfRule>
  </conditionalFormatting>
  <conditionalFormatting sqref="AE9:AE46">
    <cfRule type="expression" dxfId="76" priority="77">
      <formula>$AD9="○"</formula>
    </cfRule>
  </conditionalFormatting>
  <conditionalFormatting sqref="AO9:AR46">
    <cfRule type="expression" dxfId="75" priority="76">
      <formula>OR($AO9="土",$AO9="日")</formula>
    </cfRule>
  </conditionalFormatting>
  <conditionalFormatting sqref="AR9:AR46">
    <cfRule type="expression" dxfId="74" priority="75">
      <formula>$AQ9="○"</formula>
    </cfRule>
  </conditionalFormatting>
  <conditionalFormatting sqref="BB9:BE46">
    <cfRule type="expression" dxfId="73" priority="74">
      <formula>OR($BB9="土",$BB9="日")</formula>
    </cfRule>
  </conditionalFormatting>
  <conditionalFormatting sqref="BE9:BE46">
    <cfRule type="expression" dxfId="72" priority="73">
      <formula>$BD9="○"</formula>
    </cfRule>
  </conditionalFormatting>
  <conditionalFormatting sqref="BO9:BR46">
    <cfRule type="expression" dxfId="71" priority="72">
      <formula>OR($BO9="土",$BO9="日")</formula>
    </cfRule>
  </conditionalFormatting>
  <conditionalFormatting sqref="BR9:BR46">
    <cfRule type="expression" dxfId="70" priority="71">
      <formula>$BQ9="○"</formula>
    </cfRule>
  </conditionalFormatting>
  <conditionalFormatting sqref="CB9:CE46">
    <cfRule type="expression" dxfId="69" priority="70">
      <formula>OR($CB9="土",$CB9="日")</formula>
    </cfRule>
  </conditionalFormatting>
  <conditionalFormatting sqref="CE9:CE46">
    <cfRule type="expression" dxfId="68" priority="69">
      <formula>$CD9="○"</formula>
    </cfRule>
  </conditionalFormatting>
  <conditionalFormatting sqref="CO9:CR46">
    <cfRule type="expression" dxfId="67" priority="68">
      <formula>OR($CO9="土",$CO9="日")</formula>
    </cfRule>
  </conditionalFormatting>
  <conditionalFormatting sqref="CR9:CR46">
    <cfRule type="expression" dxfId="66" priority="67">
      <formula>$CQ9="○"</formula>
    </cfRule>
  </conditionalFormatting>
  <conditionalFormatting sqref="DB9:DE46">
    <cfRule type="expression" dxfId="65" priority="66">
      <formula>OR($DB9="土",$DB9="日")</formula>
    </cfRule>
  </conditionalFormatting>
  <conditionalFormatting sqref="DE9:DE46">
    <cfRule type="expression" dxfId="64" priority="65">
      <formula>$DD9="○"</formula>
    </cfRule>
  </conditionalFormatting>
  <conditionalFormatting sqref="DO9:DR46">
    <cfRule type="expression" dxfId="63" priority="64">
      <formula>OR($DO9="土",$DO9="日")</formula>
    </cfRule>
  </conditionalFormatting>
  <conditionalFormatting sqref="DR9:DR46">
    <cfRule type="expression" dxfId="62" priority="63">
      <formula>$DQ9="○"</formula>
    </cfRule>
  </conditionalFormatting>
  <conditionalFormatting sqref="EB9:EE46">
    <cfRule type="expression" dxfId="61" priority="62">
      <formula>OR($EB9="土",$EB9="日")</formula>
    </cfRule>
  </conditionalFormatting>
  <conditionalFormatting sqref="EE9:EE46">
    <cfRule type="expression" dxfId="60" priority="61">
      <formula>$ED9="○"</formula>
    </cfRule>
  </conditionalFormatting>
  <conditionalFormatting sqref="EO9:ER46">
    <cfRule type="expression" dxfId="59" priority="60">
      <formula>OR($EO9="土",$EO9="日")</formula>
    </cfRule>
  </conditionalFormatting>
  <conditionalFormatting sqref="ER9:ER46">
    <cfRule type="expression" dxfId="58" priority="59">
      <formula>$EQ9="○"</formula>
    </cfRule>
  </conditionalFormatting>
  <conditionalFormatting sqref="FB9:FE46">
    <cfRule type="expression" dxfId="57" priority="58">
      <formula>OR($FB9="土",$FB9="日")</formula>
    </cfRule>
  </conditionalFormatting>
  <conditionalFormatting sqref="FE9:FE46">
    <cfRule type="expression" dxfId="56" priority="57">
      <formula>$FD9="○"</formula>
    </cfRule>
  </conditionalFormatting>
  <conditionalFormatting sqref="FO9:FR46">
    <cfRule type="expression" dxfId="55" priority="56">
      <formula>OR($FO9="土",$FO9="日")</formula>
    </cfRule>
  </conditionalFormatting>
  <conditionalFormatting sqref="FR9:FR46">
    <cfRule type="expression" dxfId="54" priority="55">
      <formula>$FQ9="○"</formula>
    </cfRule>
  </conditionalFormatting>
  <conditionalFormatting sqref="GB9:GE46">
    <cfRule type="expression" dxfId="53" priority="54">
      <formula>OR($GB9="土",$GB9="日")</formula>
    </cfRule>
  </conditionalFormatting>
  <conditionalFormatting sqref="GE9:GE46">
    <cfRule type="expression" dxfId="52" priority="53">
      <formula>$GD9="○"</formula>
    </cfRule>
  </conditionalFormatting>
  <conditionalFormatting sqref="GO9:GR46">
    <cfRule type="expression" dxfId="51" priority="52">
      <formula>OR($GO9="土",$GO9="日")</formula>
    </cfRule>
  </conditionalFormatting>
  <conditionalFormatting sqref="GR9:GR46">
    <cfRule type="expression" dxfId="50" priority="51">
      <formula>$GQ9="○"</formula>
    </cfRule>
  </conditionalFormatting>
  <conditionalFormatting sqref="HB9:HE46">
    <cfRule type="expression" dxfId="49" priority="50">
      <formula>OR($HB9="土",$HB9="日")</formula>
    </cfRule>
  </conditionalFormatting>
  <conditionalFormatting sqref="HE9:HE46">
    <cfRule type="expression" dxfId="48" priority="49">
      <formula>$HD9="○"</formula>
    </cfRule>
  </conditionalFormatting>
  <conditionalFormatting sqref="HO9:HR46">
    <cfRule type="expression" dxfId="47" priority="48">
      <formula>OR($HO9="土",$HO9="日")</formula>
    </cfRule>
  </conditionalFormatting>
  <conditionalFormatting sqref="HR9:HR46">
    <cfRule type="expression" dxfId="46" priority="47">
      <formula>$HQ9="○"</formula>
    </cfRule>
  </conditionalFormatting>
  <conditionalFormatting sqref="IB9:IE46">
    <cfRule type="expression" dxfId="45" priority="46">
      <formula>OR($IB9="土",$IB9="日")</formula>
    </cfRule>
  </conditionalFormatting>
  <conditionalFormatting sqref="IE9:IE46">
    <cfRule type="expression" dxfId="44" priority="45">
      <formula>$ID9="○"</formula>
    </cfRule>
  </conditionalFormatting>
  <conditionalFormatting sqref="IO9:IR46">
    <cfRule type="expression" dxfId="43" priority="44">
      <formula>OR($IO9="土",$IO9="日")</formula>
    </cfRule>
  </conditionalFormatting>
  <conditionalFormatting sqref="IR9:IR46">
    <cfRule type="expression" dxfId="42" priority="43">
      <formula>$IQ9="○"</formula>
    </cfRule>
  </conditionalFormatting>
  <conditionalFormatting sqref="JB9:JE46">
    <cfRule type="expression" dxfId="41" priority="42">
      <formula>OR($JB9="土",$JB9="日")</formula>
    </cfRule>
  </conditionalFormatting>
  <conditionalFormatting sqref="JE9:JE46">
    <cfRule type="expression" dxfId="40" priority="41">
      <formula>$JD9="○"</formula>
    </cfRule>
  </conditionalFormatting>
  <conditionalFormatting sqref="JO9:JR46">
    <cfRule type="expression" dxfId="39" priority="40">
      <formula>OR($JO9="土",$JO9="日")</formula>
    </cfRule>
  </conditionalFormatting>
  <conditionalFormatting sqref="JR9:JR46">
    <cfRule type="expression" dxfId="38" priority="39">
      <formula>$JQ9="○"</formula>
    </cfRule>
  </conditionalFormatting>
  <conditionalFormatting sqref="KB9:KE46">
    <cfRule type="expression" dxfId="37" priority="38">
      <formula>OR($KB9="土",$KB9="日")</formula>
    </cfRule>
  </conditionalFormatting>
  <conditionalFormatting sqref="KE9:KE46">
    <cfRule type="expression" dxfId="36" priority="37">
      <formula>$KD9="○"</formula>
    </cfRule>
  </conditionalFormatting>
  <conditionalFormatting sqref="KO9:KR46">
    <cfRule type="expression" dxfId="35" priority="36">
      <formula>OR($KO9="土",$KO9="日")</formula>
    </cfRule>
  </conditionalFormatting>
  <conditionalFormatting sqref="KR9:KR46">
    <cfRule type="expression" dxfId="34" priority="35">
      <formula>$KQ9="○"</formula>
    </cfRule>
  </conditionalFormatting>
  <conditionalFormatting sqref="LB9:LE46">
    <cfRule type="expression" dxfId="33" priority="34">
      <formula>OR($LB9="土",$LB9="日")</formula>
    </cfRule>
  </conditionalFormatting>
  <conditionalFormatting sqref="LE9:LE46">
    <cfRule type="expression" dxfId="32" priority="33">
      <formula>$LD9="○"</formula>
    </cfRule>
  </conditionalFormatting>
  <conditionalFormatting sqref="LO9:LR46">
    <cfRule type="expression" dxfId="31" priority="32">
      <formula>OR($LO9="土",$LO9="日")</formula>
    </cfRule>
  </conditionalFormatting>
  <conditionalFormatting sqref="LR9:LR46">
    <cfRule type="expression" dxfId="30" priority="31">
      <formula>$LQ9="○"</formula>
    </cfRule>
  </conditionalFormatting>
  <conditionalFormatting sqref="MB9:ME46">
    <cfRule type="expression" dxfId="29" priority="30">
      <formula>OR($MB9="土",$MB9="日")</formula>
    </cfRule>
  </conditionalFormatting>
  <conditionalFormatting sqref="ME9:ME46">
    <cfRule type="expression" dxfId="28" priority="29">
      <formula>$MD9="○"</formula>
    </cfRule>
  </conditionalFormatting>
  <conditionalFormatting sqref="MO9:MR46">
    <cfRule type="expression" dxfId="27" priority="28">
      <formula>OR($MO9="土",$MO9="日")</formula>
    </cfRule>
  </conditionalFormatting>
  <conditionalFormatting sqref="MR9:MR46">
    <cfRule type="expression" dxfId="26" priority="27">
      <formula>$MQ9="○"</formula>
    </cfRule>
  </conditionalFormatting>
  <conditionalFormatting sqref="NB9:NE46">
    <cfRule type="expression" dxfId="25" priority="26">
      <formula>OR($NB9="土",$NB9="日")</formula>
    </cfRule>
  </conditionalFormatting>
  <conditionalFormatting sqref="NE9:NE46">
    <cfRule type="expression" dxfId="24" priority="25">
      <formula>$ND9="○"</formula>
    </cfRule>
  </conditionalFormatting>
  <conditionalFormatting sqref="NO9:NR46">
    <cfRule type="expression" dxfId="23" priority="24">
      <formula>OR($NO9="土",$NO9="日")</formula>
    </cfRule>
  </conditionalFormatting>
  <conditionalFormatting sqref="NR9:NR46">
    <cfRule type="expression" dxfId="22" priority="23">
      <formula>$NQ9="○"</formula>
    </cfRule>
  </conditionalFormatting>
  <conditionalFormatting sqref="OB9:OE46">
    <cfRule type="expression" dxfId="21" priority="22">
      <formula>OR($OB9="土",$OB9="日")</formula>
    </cfRule>
  </conditionalFormatting>
  <conditionalFormatting sqref="OE9:OE46">
    <cfRule type="expression" dxfId="20" priority="21">
      <formula>$OD9="○"</formula>
    </cfRule>
  </conditionalFormatting>
  <conditionalFormatting sqref="OO9:OR46">
    <cfRule type="expression" dxfId="19" priority="20">
      <formula>OR($OO9="土",$OO9="日")</formula>
    </cfRule>
  </conditionalFormatting>
  <conditionalFormatting sqref="OR9:OR46">
    <cfRule type="expression" dxfId="18" priority="19">
      <formula>$OQ9="○"</formula>
    </cfRule>
  </conditionalFormatting>
  <conditionalFormatting sqref="PB9:PE46">
    <cfRule type="expression" dxfId="17" priority="18">
      <formula>OR($PB9="土",$PB9="日")</formula>
    </cfRule>
  </conditionalFormatting>
  <conditionalFormatting sqref="PE9:PE46">
    <cfRule type="expression" dxfId="16" priority="17">
      <formula>$PE9="○"</formula>
    </cfRule>
  </conditionalFormatting>
  <conditionalFormatting sqref="PO9:PR46">
    <cfRule type="expression" dxfId="15" priority="16">
      <formula>OR($PO9="土",$PO9="日")</formula>
    </cfRule>
  </conditionalFormatting>
  <conditionalFormatting sqref="PR9:PR46">
    <cfRule type="expression" dxfId="14" priority="15">
      <formula>$PQ9="○"</formula>
    </cfRule>
  </conditionalFormatting>
  <conditionalFormatting sqref="QB9:QE46">
    <cfRule type="expression" dxfId="13" priority="14">
      <formula>OR($QB9="土",$QB9="日")</formula>
    </cfRule>
  </conditionalFormatting>
  <conditionalFormatting sqref="QE9:QE46">
    <cfRule type="expression" dxfId="12" priority="13">
      <formula>$QD9="○"</formula>
    </cfRule>
  </conditionalFormatting>
  <conditionalFormatting sqref="QO9:QR46">
    <cfRule type="expression" dxfId="11" priority="12">
      <formula>OR($QO9="土",$QO9="日")</formula>
    </cfRule>
  </conditionalFormatting>
  <conditionalFormatting sqref="QR9:QR46">
    <cfRule type="expression" dxfId="10" priority="11">
      <formula>$QQ9="○"</formula>
    </cfRule>
  </conditionalFormatting>
  <conditionalFormatting sqref="RB9:RE45 RB46:RD46">
    <cfRule type="expression" dxfId="9" priority="10">
      <formula>OR($RB9="土",$RB9="日")</formula>
    </cfRule>
  </conditionalFormatting>
  <conditionalFormatting sqref="RE9:RE45">
    <cfRule type="expression" dxfId="8" priority="9">
      <formula>$RD9="○"</formula>
    </cfRule>
  </conditionalFormatting>
  <conditionalFormatting sqref="RE46">
    <cfRule type="expression" dxfId="7" priority="1">
      <formula>$SD46="○"</formula>
    </cfRule>
    <cfRule type="expression" dxfId="6" priority="2">
      <formula>OR($SB46="土",$SB46="日")</formula>
    </cfRule>
  </conditionalFormatting>
  <conditionalFormatting sqref="RO9:RR45 RO46:RQ46">
    <cfRule type="expression" dxfId="5" priority="8">
      <formula>OR($RO9="土",$RO9="日")</formula>
    </cfRule>
  </conditionalFormatting>
  <conditionalFormatting sqref="RR9:RR45">
    <cfRule type="expression" dxfId="4" priority="7">
      <formula>$RQ9="○"</formula>
    </cfRule>
  </conditionalFormatting>
  <conditionalFormatting sqref="RR46">
    <cfRule type="expression" dxfId="3" priority="4">
      <formula>OR($SB46="土",$SB46="日")</formula>
    </cfRule>
    <cfRule type="expression" dxfId="2" priority="3">
      <formula>$SD46="○"</formula>
    </cfRule>
  </conditionalFormatting>
  <conditionalFormatting sqref="SB9:SE46">
    <cfRule type="expression" dxfId="1" priority="6">
      <formula>OR($SB9="土",$SB9="日")</formula>
    </cfRule>
  </conditionalFormatting>
  <conditionalFormatting sqref="SE9:SE46">
    <cfRule type="expression" dxfId="0" priority="5">
      <formula>$SD9="○"</formula>
    </cfRule>
  </conditionalFormatting>
  <dataValidations count="42">
    <dataValidation type="custom" allowBlank="1" showInputMessage="1" showErrorMessage="1" error="正月、夏休み、一時工事中止期間等は現場閉所の対象外です。現場閉所日として入力しないでください。" sqref="SE46 RR46 RE46" xr:uid="{00000000-0002-0000-0300-000000000000}">
      <formula1>RD46&lt;&gt;"○"</formula1>
    </dataValidation>
    <dataValidation type="custom" allowBlank="1" showInputMessage="1" showErrorMessage="1" error="正月、夏休み、一時工事中止期間等は現場閉所の対象外です。現場閉所日として入力しないでください。" sqref="SE9:SE45" xr:uid="{00000000-0002-0000-0300-000001000000}">
      <formula1>$SD9&lt;&gt;"○"</formula1>
    </dataValidation>
    <dataValidation type="custom" allowBlank="1" showInputMessage="1" showErrorMessage="1" error="正月、夏休み、一時工事中止期間等は現場閉所の対象外です。現場閉所日として入力しないでください。" sqref="RR9:RR45" xr:uid="{00000000-0002-0000-0300-000002000000}">
      <formula1>$RQ9&lt;&gt;"○"</formula1>
    </dataValidation>
    <dataValidation type="custom" allowBlank="1" showInputMessage="1" showErrorMessage="1" error="正月、夏休み、一時工事中止期間等は現場閉所の対象外です。現場閉所日として入力しないでください。" sqref="RE9:RE45" xr:uid="{00000000-0002-0000-0300-000003000000}">
      <formula1>$RD9&lt;&gt;"○"</formula1>
    </dataValidation>
    <dataValidation type="custom" allowBlank="1" showInputMessage="1" showErrorMessage="1" error="正月、夏休み、一時工事中止期間等は現場閉所の対象外です。現場閉所日として入力しないでください。" sqref="QR9:QR46" xr:uid="{00000000-0002-0000-0300-000004000000}">
      <formula1>$QQ9&lt;&gt;"○"</formula1>
    </dataValidation>
    <dataValidation type="custom" allowBlank="1" showInputMessage="1" showErrorMessage="1" error="正月、夏休み、一時工事中止期間等は現場閉所の対象外です。現場閉所日として入力しないでください。" sqref="QE9:QE46" xr:uid="{00000000-0002-0000-0300-000005000000}">
      <formula1>$QD9&lt;&gt;"○"</formula1>
    </dataValidation>
    <dataValidation type="custom" allowBlank="1" showInputMessage="1" showErrorMessage="1" error="正月、夏休み、一時工事中止期間等は現場閉所の対象外です。現場閉所日として入力しないでください。" sqref="PR9:PR46" xr:uid="{00000000-0002-0000-0300-000006000000}">
      <formula1>$PQ9&lt;&gt;"○"</formula1>
    </dataValidation>
    <dataValidation type="custom" allowBlank="1" showInputMessage="1" showErrorMessage="1" error="正月、夏休み、一時工事中止期間等は現場閉所の対象外です。現場閉所日として入力しないでください。" sqref="PE9:PE46" xr:uid="{00000000-0002-0000-0300-000007000000}">
      <formula1>$PD9&lt;&gt;"○"</formula1>
    </dataValidation>
    <dataValidation type="custom" allowBlank="1" showInputMessage="1" showErrorMessage="1" error="正月、夏休み、一時工事中止期間等は現場閉所の対象外です。現場閉所日として入力しないでください。" sqref="OR9:OR46" xr:uid="{00000000-0002-0000-0300-000008000000}">
      <formula1>$OQ9&lt;&gt;"○"</formula1>
    </dataValidation>
    <dataValidation type="custom" allowBlank="1" showInputMessage="1" showErrorMessage="1" error="正月、夏休み、一時工事中止期間等は現場閉所の対象外です。現場閉所日として入力しないでください。" sqref="OE9:OE46" xr:uid="{00000000-0002-0000-0300-000009000000}">
      <formula1>$OD9&lt;&gt;"○"</formula1>
    </dataValidation>
    <dataValidation type="custom" allowBlank="1" showInputMessage="1" showErrorMessage="1" error="正月、夏休み、一時工事中止期間等は現場閉所の対象外です。現場閉所日として入力しないでください。" sqref="NR9:NR46" xr:uid="{00000000-0002-0000-0300-00000A000000}">
      <formula1>$NQ9&lt;&gt;"○"</formula1>
    </dataValidation>
    <dataValidation type="custom" allowBlank="1" showInputMessage="1" showErrorMessage="1" error="正月、夏休み、一時工事中止期間等は現場閉所の対象外です。現場閉所日として入力しないでください。" sqref="NE9:NE46" xr:uid="{00000000-0002-0000-0300-00000B000000}">
      <formula1>$ND9&lt;&gt;"○"</formula1>
    </dataValidation>
    <dataValidation type="custom" allowBlank="1" showInputMessage="1" showErrorMessage="1" error="正月、夏休み、一時工事中止期間等は現場閉所の対象外です。現場閉所日として入力しないでください。" sqref="MR9:MR46" xr:uid="{00000000-0002-0000-0300-00000C000000}">
      <formula1>$MQ9&lt;&gt;"○"</formula1>
    </dataValidation>
    <dataValidation type="custom" allowBlank="1" showInputMessage="1" showErrorMessage="1" error="正月、夏休み、一時工事中止期間等は現場閉所の対象外です。現場閉所日として入力しないでください。" sqref="ME9:ME46" xr:uid="{00000000-0002-0000-0300-00000D000000}">
      <formula1>$MD9&lt;&gt;"○"</formula1>
    </dataValidation>
    <dataValidation type="custom" allowBlank="1" showInputMessage="1" showErrorMessage="1" error="正月、夏休み、一時工事中止期間等は現場閉所の対象外です。現場閉所日として入力しないでください。" sqref="LR9:LR46" xr:uid="{00000000-0002-0000-0300-00000E000000}">
      <formula1>$LQ9&lt;&gt;"○"</formula1>
    </dataValidation>
    <dataValidation type="custom" allowBlank="1" showInputMessage="1" showErrorMessage="1" error="正月、夏休み、一時工事中止期間等は現場閉所の対象外です。現場閉所日として入力しないでください。" sqref="LE9:LE46" xr:uid="{00000000-0002-0000-0300-00000F000000}">
      <formula1>$LD9&lt;&gt;"○"</formula1>
    </dataValidation>
    <dataValidation type="custom" allowBlank="1" showInputMessage="1" showErrorMessage="1" error="正月、夏休み、一時工事中止期間等は現場閉所の対象外です。現場閉所日として入力しないでください。" sqref="KR9:KR46" xr:uid="{00000000-0002-0000-0300-000010000000}">
      <formula1>$KQ9&lt;&gt;"○"</formula1>
    </dataValidation>
    <dataValidation type="custom" allowBlank="1" showInputMessage="1" showErrorMessage="1" error="正月、夏休み、一時工事中止期間等は現場閉所の対象外です。現場閉所日として入力しないでください。" sqref="KE9:KE46" xr:uid="{00000000-0002-0000-0300-000011000000}">
      <formula1>$KD9&lt;&gt;"○"</formula1>
    </dataValidation>
    <dataValidation type="custom" allowBlank="1" showInputMessage="1" showErrorMessage="1" error="正月、夏休み、一時工事中止期間等は現場閉所の対象外です。現場閉所日として入力しないでください。" sqref="JR9:JR46" xr:uid="{00000000-0002-0000-0300-000012000000}">
      <formula1>$JQ9&lt;&gt;"○"</formula1>
    </dataValidation>
    <dataValidation type="custom" allowBlank="1" showInputMessage="1" showErrorMessage="1" error="正月、夏休み、一時工事中止期間等は現場閉所の対象外です。現場閉所日として入力しないでください。" sqref="JE9:JE46" xr:uid="{00000000-0002-0000-0300-000013000000}">
      <formula1>$JD9&lt;&gt;"○"</formula1>
    </dataValidation>
    <dataValidation type="custom" allowBlank="1" showInputMessage="1" showErrorMessage="1" error="正月、夏休み、一時工事中止期間等は現場閉所の対象外です。現場閉所日として入力しないでください。" sqref="IR9:IR46" xr:uid="{00000000-0002-0000-0300-000014000000}">
      <formula1>$IQ9&lt;&gt;"○"</formula1>
    </dataValidation>
    <dataValidation type="custom" allowBlank="1" showInputMessage="1" showErrorMessage="1" error="正月、夏休み、一時工事中止期間等は現場閉所の対象外です。現場閉所日として入力しないでください。" sqref="IE9:IE46" xr:uid="{00000000-0002-0000-0300-000015000000}">
      <formula1>$ID9&lt;&gt;"○"</formula1>
    </dataValidation>
    <dataValidation type="custom" allowBlank="1" showInputMessage="1" showErrorMessage="1" error="正月、夏休み、一時工事中止期間等は現場閉所の対象外です。現場閉所日として入力しないでください。" sqref="HR9:HR46" xr:uid="{00000000-0002-0000-0300-000016000000}">
      <formula1>$HQ9&lt;&gt;"○"</formula1>
    </dataValidation>
    <dataValidation type="custom" allowBlank="1" showInputMessage="1" showErrorMessage="1" error="正月、夏休み、一時工事中止期間等は現場閉所の対象外です。現場閉所日として入力しないでください。" sqref="GR9:GR46" xr:uid="{00000000-0002-0000-0300-000017000000}">
      <formula1>$GQ9&lt;&gt;"○"</formula1>
    </dataValidation>
    <dataValidation type="custom" allowBlank="1" showInputMessage="1" showErrorMessage="1" error="正月、夏休み、一時工事中止期間等は現場閉所の対象外です。現場閉所日として入力しないでください。" sqref="GE9:GE46" xr:uid="{00000000-0002-0000-0300-000018000000}">
      <formula1>$GD9&lt;&gt;"○"</formula1>
    </dataValidation>
    <dataValidation type="custom" allowBlank="1" showInputMessage="1" showErrorMessage="1" error="除外日を現場閉所日にはできません。現場閉所欄の「○」を削除してください。" sqref="G9:G46 T9:T46 AG9:AG46 AT9:AT46 BG9:BG46 BT9:BT46 CG9:CG46 CT9:CT46 DG9:DG46 DT9:DT46 EG9:EG46 ET9:ET46 FG9:FG46 HG9:HG46 GT9:GT46 GG9:GG46 FT9:FT46 HT9:HT46 IG9:IG46 IT9:IT46 JG9:JG46 JT9:JT46 KG9:KG46 KT9:KT46 LG9:LG46 LT9:LT46 MG9:MG46 MT9:MT46 NG9:NG46 NT9:NT46 OG9:OG46 OT9:OT46 PG9:PG46 PT9:PT46 QG9:QG46 QT9:QT46 RG9:RG46 RT9:RT46 SG9:SG46" xr:uid="{00000000-0002-0000-0300-000019000000}">
      <formula1>E9=""</formula1>
    </dataValidation>
    <dataValidation type="custom" allowBlank="1" showInputMessage="1" showErrorMessage="1" error="正月、夏休み、一時工事中止期間等は現場閉所の対象外です。現場閉所日として入力しないでください。" sqref="E9:E46" xr:uid="{00000000-0002-0000-0300-00001A000000}">
      <formula1>$D9&lt;&gt;"○"</formula1>
    </dataValidation>
    <dataValidation type="custom" allowBlank="1" showInputMessage="1" showErrorMessage="1" error="正月、夏休み、一時工事中止期間等は現場閉所の対象外です。現場閉所日として入力しないでください。" sqref="HE9:HE46" xr:uid="{00000000-0002-0000-0300-00001B000000}">
      <formula1>$HD9&lt;&gt;"○"</formula1>
    </dataValidation>
    <dataValidation type="custom" allowBlank="1" showInputMessage="1" showErrorMessage="1" error="正月、夏休み、一時工事中止期間等は現場閉所の対象外です。現場閉所日として入力しないでください。" sqref="FE9:FE46" xr:uid="{00000000-0002-0000-0300-00001C000000}">
      <formula1>$FD9&lt;&gt;"○"</formula1>
    </dataValidation>
    <dataValidation type="custom" allowBlank="1" showInputMessage="1" showErrorMessage="1" error="正月、夏休み、一時工事中止期間等は現場閉所の対象外です。現場閉所日として入力しないでください。" sqref="FR9:FR46" xr:uid="{00000000-0002-0000-0300-00001D000000}">
      <formula1>$FQ9&lt;&gt;"○"</formula1>
    </dataValidation>
    <dataValidation type="custom" allowBlank="1" showInputMessage="1" showErrorMessage="1" error="正月、夏休み、一時工事中止期間等は現場閉所の対象外です。現場閉所日として入力しないでください。" sqref="ER9:ER46" xr:uid="{00000000-0002-0000-0300-00001E000000}">
      <formula1>$EQ9&lt;&gt;"○"</formula1>
    </dataValidation>
    <dataValidation type="custom" allowBlank="1" showInputMessage="1" showErrorMessage="1" error="正月、夏休み、一時工事中止期間等は現場閉所の対象外です。現場閉所日として入力しないでください。" sqref="EE9:EE46" xr:uid="{00000000-0002-0000-0300-00001F000000}">
      <formula1>$ED9&lt;&gt;"○"</formula1>
    </dataValidation>
    <dataValidation type="custom" allowBlank="1" showInputMessage="1" showErrorMessage="1" error="正月、夏休み、一時工事中止期間等は現場閉所の対象外です。現場閉所日として入力しないでください。" sqref="DR9:DR46" xr:uid="{00000000-0002-0000-0300-000020000000}">
      <formula1>$DQ9&lt;&gt;"○"</formula1>
    </dataValidation>
    <dataValidation type="custom" allowBlank="1" showInputMessage="1" showErrorMessage="1" error="正月、夏休み、一時工事中止期間等は現場閉所の対象外です。現場閉所日として入力しないでください。" sqref="CE9:CE46" xr:uid="{00000000-0002-0000-0300-000021000000}">
      <formula1>$CD9&lt;&gt;"○"</formula1>
    </dataValidation>
    <dataValidation type="custom" allowBlank="1" showInputMessage="1" showErrorMessage="1" error="正月、夏休み、一時工事中止期間等は現場閉所の対象外です。現場閉所日として入力しないでください。" sqref="CR9:CR46" xr:uid="{00000000-0002-0000-0300-000022000000}">
      <formula1>$CQ9&lt;&gt;"○"</formula1>
    </dataValidation>
    <dataValidation type="custom" allowBlank="1" showInputMessage="1" showErrorMessage="1" error="正月、夏休み、一時工事中止期間等は現場閉所の対象外です。現場閉所日として入力しないでください。" sqref="DE9:DE46" xr:uid="{00000000-0002-0000-0300-000023000000}">
      <formula1>$DD9&lt;&gt;"○"</formula1>
    </dataValidation>
    <dataValidation type="custom" allowBlank="1" showInputMessage="1" showErrorMessage="1" error="正月、夏休み、一時工事中止期間等は現場閉所の対象外です。現場閉所日として入力しないでください。" sqref="BR9:BR46" xr:uid="{00000000-0002-0000-0300-000024000000}">
      <formula1>$BQ9&lt;&gt;"○"</formula1>
    </dataValidation>
    <dataValidation type="custom" allowBlank="1" showInputMessage="1" showErrorMessage="1" error="正月、夏休み、一時工事中止期間等は現場閉所の対象外です。現場閉所日として入力しないでください。" sqref="BE9:BE46" xr:uid="{00000000-0002-0000-0300-000025000000}">
      <formula1>$BD9&lt;&gt;"○"</formula1>
    </dataValidation>
    <dataValidation type="custom" allowBlank="1" showInputMessage="1" showErrorMessage="1" error="正月、夏休み、一時工事中止期間等は現場閉所の対象外です。現場閉所日として入力しないでください。" sqref="AR9:AR46" xr:uid="{00000000-0002-0000-0300-000026000000}">
      <formula1>$AQ9&lt;&gt;"○"</formula1>
    </dataValidation>
    <dataValidation type="custom" allowBlank="1" showInputMessage="1" showErrorMessage="1" error="正月、夏休み、一時工事中止期間等は現場閉所の対象外です。現場閉所日として入力しないでください。" sqref="AE9:AE46" xr:uid="{00000000-0002-0000-0300-000027000000}">
      <formula1>$AD9&lt;&gt;"○"</formula1>
    </dataValidation>
    <dataValidation type="custom" allowBlank="1" showInputMessage="1" showErrorMessage="1" error="祝祭日、正月、夏休みは休日の対象外です。休日取得として入力しないでください。" sqref="FS9:FS46 LS9:LS46 NS9:NS46 F9:F46 S9:S46 AF9:AF46 AS9:AS46 BF9:BF46 BS9:BS46 CF9:CF46 CS9:CS46 DF9:DF46 DS9:DS46 EF9:EF46 ES9:ES46 FF9:FF46 GF9:GF46 RS9:RS46 IF9:IF46 RF9:RF46 MS9:MS46 QS9:QS46 IS9:IS46 QF9:QF46 KS9:KS46 PS9:PS46 JF9:JF46 PF9:PF46 MF9:MF46 OS9:OS46 JS9:JS46 OF9:OF46 LF9:LF46 GS9:GS46 KF9:KF46 HF9:HF46 NF9:NF46 HS9:HS46 SF9:SF46" xr:uid="{00000000-0002-0000-0300-000028000000}">
      <formula1>$D9&lt;&gt;"○"</formula1>
    </dataValidation>
    <dataValidation type="custom" allowBlank="1" showInputMessage="1" showErrorMessage="1" error="正月、夏休み、一時工事中止期間等は現場閉所の対象外です。現場閉所日として入力しないでください。" sqref="R9:R46" xr:uid="{00000000-0002-0000-0300-000029000000}">
      <formula1>$Q9&lt;&gt;"○"</formula1>
    </dataValidation>
  </dataValidations>
  <pageMargins left="0.7" right="0.7" top="0.75" bottom="0.16" header="0.3" footer="0.3"/>
  <pageSetup paperSize="9" scale="85" orientation="portrait" r:id="rId1"/>
  <rowBreaks count="1" manualBreakCount="1">
    <brk id="54" max="506" man="1"/>
  </rowBreaks>
  <colBreaks count="38" manualBreakCount="38">
    <brk id="13" max="1048575" man="1"/>
    <brk id="26" max="53" man="1"/>
    <brk id="39" max="53" man="1"/>
    <brk id="52" max="1048575" man="1"/>
    <brk id="65" max="53" man="1"/>
    <brk id="78" max="1048575" man="1"/>
    <brk id="91" max="53" man="1"/>
    <brk id="104" max="53" man="1"/>
    <brk id="117" max="53" man="1"/>
    <brk id="130" max="53" man="1"/>
    <brk id="143" max="53" man="1"/>
    <brk id="156" max="53" man="1"/>
    <brk id="169" max="53" man="1"/>
    <brk id="182" max="53" man="1"/>
    <brk id="195" max="53" man="1"/>
    <brk id="208" max="53" man="1"/>
    <brk id="221" max="53" man="1"/>
    <brk id="234" max="53" man="1"/>
    <brk id="247" max="53" man="1"/>
    <brk id="260" max="53" man="1"/>
    <brk id="273" max="53" man="1"/>
    <brk id="286" max="53" man="1"/>
    <brk id="299" max="53" man="1"/>
    <brk id="312" max="53" man="1"/>
    <brk id="325" max="53" man="1"/>
    <brk id="338" max="53" man="1"/>
    <brk id="351" max="53" man="1"/>
    <brk id="364" max="53" man="1"/>
    <brk id="377" max="53" man="1"/>
    <brk id="390" max="53" man="1"/>
    <brk id="403" max="53" man="1"/>
    <brk id="416" max="53" man="1"/>
    <brk id="429" max="53" man="1"/>
    <brk id="442" max="53" man="1"/>
    <brk id="455" max="53" man="1"/>
    <brk id="468" max="53" man="1"/>
    <brk id="481" max="53" man="1"/>
    <brk id="494" max="53"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DQ72"/>
  <sheetViews>
    <sheetView showGridLines="0" view="pageBreakPreview" topLeftCell="A15" zoomScaleNormal="70" zoomScaleSheetLayoutView="100" workbookViewId="0">
      <selection activeCell="F3" sqref="F3:H3"/>
    </sheetView>
  </sheetViews>
  <sheetFormatPr defaultColWidth="9" defaultRowHeight="18"/>
  <cols>
    <col min="1" max="1" width="11.59765625" style="11" customWidth="1"/>
    <col min="2" max="2" width="14.59765625" style="11" customWidth="1"/>
    <col min="3" max="3" width="5" style="11" customWidth="1"/>
    <col min="4" max="4" width="14.59765625" style="11" customWidth="1"/>
    <col min="5" max="6" width="5.59765625" style="11" customWidth="1"/>
    <col min="7" max="7" width="8.59765625" style="11" customWidth="1"/>
    <col min="8" max="8" width="9.3984375" style="11" customWidth="1"/>
    <col min="9" max="9" width="3.19921875" style="11" customWidth="1"/>
    <col min="10" max="10" width="1.59765625" style="11" customWidth="1"/>
    <col min="11" max="11" width="16.09765625" customWidth="1"/>
    <col min="12" max="12" width="11.3984375" customWidth="1"/>
    <col min="13" max="13" width="19.796875" customWidth="1"/>
    <col min="14" max="16" width="10.59765625" customWidth="1"/>
    <col min="17" max="121" width="8.796875" customWidth="1"/>
    <col min="122" max="16384" width="9" style="11"/>
  </cols>
  <sheetData>
    <row r="1" spans="1:16" ht="24" customHeight="1">
      <c r="A1" s="248"/>
      <c r="B1" s="248"/>
      <c r="C1" s="248"/>
      <c r="D1" s="248"/>
      <c r="E1" s="248"/>
      <c r="F1" s="248"/>
      <c r="G1" s="249"/>
      <c r="H1" s="250" t="s">
        <v>113</v>
      </c>
      <c r="I1" s="250"/>
      <c r="J1" s="100"/>
      <c r="K1" s="251" t="s">
        <v>114</v>
      </c>
      <c r="L1" s="251"/>
      <c r="M1" s="251"/>
      <c r="N1" s="71" t="s">
        <v>115</v>
      </c>
      <c r="O1" s="71" t="s">
        <v>116</v>
      </c>
      <c r="P1" s="252" t="s">
        <v>117</v>
      </c>
    </row>
    <row r="2" spans="1:16" ht="17.100000000000001" customHeight="1">
      <c r="A2" s="9"/>
      <c r="B2" s="9"/>
      <c r="C2" s="9"/>
      <c r="D2" s="9"/>
      <c r="E2" s="9"/>
      <c r="F2" s="9"/>
      <c r="G2" s="9"/>
      <c r="H2" s="9"/>
      <c r="I2" s="9"/>
      <c r="J2" s="9"/>
      <c r="K2" s="251"/>
      <c r="L2" s="251"/>
      <c r="M2" s="251"/>
      <c r="N2" s="65" t="s">
        <v>118</v>
      </c>
      <c r="O2" s="65" t="s">
        <v>118</v>
      </c>
      <c r="P2" s="253"/>
    </row>
    <row r="3" spans="1:16" ht="17.100000000000001" customHeight="1">
      <c r="A3" s="31"/>
      <c r="B3" s="31"/>
      <c r="C3" s="31"/>
      <c r="D3" s="31"/>
      <c r="E3" s="33"/>
      <c r="F3" s="254" t="s">
        <v>119</v>
      </c>
      <c r="G3" s="254"/>
      <c r="H3" s="254"/>
      <c r="I3" s="10"/>
      <c r="J3" s="10"/>
      <c r="K3" s="87">
        <f>IF('（参考）【別紙１】'!C9="","",'（参考）【別紙１】'!C9)</f>
        <v>45748</v>
      </c>
      <c r="L3" s="85" t="str">
        <f t="shared" ref="L3:L41" si="0">IF(M3="","","～")</f>
        <v>～</v>
      </c>
      <c r="M3" s="90">
        <f>IF('（参考）【別紙１】'!C9="","",MAX('（参考）【別紙１】'!C9:C46))</f>
        <v>45777</v>
      </c>
      <c r="N3" s="58">
        <f>IF('（参考）【別紙１】'!L9=0,"",'（参考）【別紙１】'!L9)</f>
        <v>30</v>
      </c>
      <c r="O3" s="58">
        <f>IF(N3="","",IF('（参考）【別紙１】'!L11=0,0,'（参考）【別紙１】'!L11))</f>
        <v>0</v>
      </c>
      <c r="P3" s="72">
        <f>IF(N3="","",O3/N3)</f>
        <v>0</v>
      </c>
    </row>
    <row r="4" spans="1:16" ht="17.100000000000001" customHeight="1">
      <c r="A4" s="31"/>
      <c r="B4" s="31"/>
      <c r="C4" s="31"/>
      <c r="D4" s="31"/>
      <c r="E4" s="33"/>
      <c r="F4" s="78"/>
      <c r="G4" s="78"/>
      <c r="H4" s="78"/>
      <c r="I4" s="79"/>
      <c r="J4" s="10"/>
      <c r="K4" s="88">
        <f>IF('（参考）【別紙１】'!P9="","",'（参考）【別紙１】'!P9)</f>
        <v>45778</v>
      </c>
      <c r="L4" s="86" t="str">
        <f t="shared" si="0"/>
        <v>～</v>
      </c>
      <c r="M4" s="91">
        <f>IF('（参考）【別紙１】'!P9="","",MAX('（参考）【別紙１】'!P9:P46))</f>
        <v>45808</v>
      </c>
      <c r="N4" s="60">
        <f>IF('（参考）【別紙１】'!Y9=0,"",'（参考）【別紙１】'!Y9)</f>
        <v>31</v>
      </c>
      <c r="O4" s="61">
        <f>IF(N4="","",IF('（参考）【別紙１】'!Y11=0,0,'（参考）【別紙１】'!Y11))</f>
        <v>0</v>
      </c>
      <c r="P4" s="73">
        <f t="shared" ref="P4:P41" si="1">IF(N4="","",O4/N4)</f>
        <v>0</v>
      </c>
    </row>
    <row r="5" spans="1:16" ht="17.100000000000001" customHeight="1">
      <c r="A5" s="247" t="str">
        <f>'（参考）入力シート'!C9&amp;"長　殿"</f>
        <v>○○○事務所（センター）所長　殿</v>
      </c>
      <c r="B5" s="247"/>
      <c r="C5" s="247"/>
      <c r="D5" s="247"/>
      <c r="E5" s="247"/>
      <c r="F5" s="247"/>
      <c r="G5" s="247"/>
      <c r="H5" s="31"/>
      <c r="I5" s="9"/>
      <c r="J5" s="9"/>
      <c r="K5" s="88">
        <f>IF('（参考）【別紙１】'!AC9="","",'（参考）【別紙１】'!AC9)</f>
        <v>45809</v>
      </c>
      <c r="L5" s="86" t="str">
        <f t="shared" si="0"/>
        <v>～</v>
      </c>
      <c r="M5" s="91">
        <f>IF('（参考）【別紙１】'!AC9="","",MAX('（参考）【別紙１】'!AC9:AC46))</f>
        <v>45838</v>
      </c>
      <c r="N5" s="60">
        <f>IF('（参考）【別紙１】'!AL9=0,"",'（参考）【別紙１】'!AL9)</f>
        <v>30</v>
      </c>
      <c r="O5" s="61">
        <f>IF(N5="","",IF('（参考）【別紙１】'!AL11=0,0,'（参考）【別紙１】'!AL11))</f>
        <v>0</v>
      </c>
      <c r="P5" s="73">
        <f t="shared" si="1"/>
        <v>0</v>
      </c>
    </row>
    <row r="6" spans="1:16" ht="17.100000000000001" customHeight="1">
      <c r="A6" s="56"/>
      <c r="B6" s="56"/>
      <c r="C6" s="56"/>
      <c r="D6" s="56"/>
      <c r="E6" s="56"/>
      <c r="F6" s="56"/>
      <c r="G6" s="56"/>
      <c r="H6" s="31"/>
      <c r="I6" s="9"/>
      <c r="J6" s="9"/>
      <c r="K6" s="88">
        <f>IF('（参考）【別紙１】'!AP9="","",'（参考）【別紙１】'!AP9)</f>
        <v>45839</v>
      </c>
      <c r="L6" s="86" t="str">
        <f t="shared" si="0"/>
        <v>～</v>
      </c>
      <c r="M6" s="91">
        <f>IF('（参考）【別紙１】'!AP9="","",MAX('（参考）【別紙１】'!AP9:AP46))</f>
        <v>45869</v>
      </c>
      <c r="N6" s="60">
        <f>IF('（参考）【別紙１】'!AY9=0,"",'（参考）【別紙１】'!AY9)</f>
        <v>31</v>
      </c>
      <c r="O6" s="61">
        <f>IF(N6="","",IF('（参考）【別紙１】'!AY11=0,0,'（参考）【別紙１】'!AY11))</f>
        <v>0</v>
      </c>
      <c r="P6" s="73">
        <f t="shared" si="1"/>
        <v>0</v>
      </c>
    </row>
    <row r="7" spans="1:16" ht="17.100000000000001" customHeight="1">
      <c r="A7" s="255" t="str">
        <f>IF(OR(B11=0,B16=0,C18="",C19="",C20=0,B25=0,B30=0),"入力シートに必要事項を記入してください。","")</f>
        <v/>
      </c>
      <c r="B7" s="255"/>
      <c r="C7" s="255"/>
      <c r="D7" s="255"/>
      <c r="E7" s="255"/>
      <c r="F7" s="255"/>
      <c r="G7" s="255"/>
      <c r="H7" s="255"/>
      <c r="I7" s="255"/>
      <c r="J7" s="55"/>
      <c r="K7" s="88">
        <f>IF('（参考）【別紙１】'!BC9="","",'（参考）【別紙１】'!BC9)</f>
        <v>45870</v>
      </c>
      <c r="L7" s="86" t="str">
        <f t="shared" si="0"/>
        <v>～</v>
      </c>
      <c r="M7" s="91">
        <f>IF('（参考）【別紙１】'!BC9="","",MAX('（参考）【別紙１】'!BC9:BC46))</f>
        <v>45900</v>
      </c>
      <c r="N7" s="60">
        <f>IF('（参考）【別紙１】'!BL9=0,"",'（参考）【別紙１】'!BL9)</f>
        <v>31</v>
      </c>
      <c r="O7" s="61">
        <f>IF(N7="","",IF('（参考）【別紙１】'!BL11=0,0,'（参考）【別紙１】'!BL11))</f>
        <v>0</v>
      </c>
      <c r="P7" s="73">
        <f t="shared" si="1"/>
        <v>0</v>
      </c>
    </row>
    <row r="8" spans="1:16" ht="17.100000000000001" customHeight="1">
      <c r="A8" s="256" t="s">
        <v>120</v>
      </c>
      <c r="B8" s="256"/>
      <c r="C8" s="256"/>
      <c r="D8" s="256"/>
      <c r="E8" s="256"/>
      <c r="F8" s="256"/>
      <c r="G8" s="256"/>
      <c r="H8" s="256"/>
      <c r="I8" s="23"/>
      <c r="J8" s="23"/>
      <c r="K8" s="88" t="str">
        <f>IF('（参考）【別紙１】'!BP9="","",'（参考）【別紙１】'!BP9)</f>
        <v/>
      </c>
      <c r="L8" s="86" t="str">
        <f t="shared" si="0"/>
        <v/>
      </c>
      <c r="M8" s="91" t="str">
        <f>IF('（参考）【別紙１】'!BP9="","",MAX('（参考）【別紙１】'!BP9:BP46))</f>
        <v/>
      </c>
      <c r="N8" s="60" t="str">
        <f>IF('（参考）【別紙１】'!BY9=0,"",'（参考）【別紙１】'!BY9)</f>
        <v/>
      </c>
      <c r="O8" s="61" t="str">
        <f>IF(N8="","",IF('（参考）【別紙１】'!BY11=0,,'（参考）【別紙１】'!BY11))</f>
        <v/>
      </c>
      <c r="P8" s="73" t="str">
        <f t="shared" si="1"/>
        <v/>
      </c>
    </row>
    <row r="9" spans="1:16" ht="17.100000000000001" customHeight="1">
      <c r="A9" s="54"/>
      <c r="B9" s="54"/>
      <c r="C9" s="54"/>
      <c r="D9" s="54"/>
      <c r="E9" s="54"/>
      <c r="F9" s="54"/>
      <c r="G9" s="54"/>
      <c r="H9" s="54"/>
      <c r="I9" s="23"/>
      <c r="J9" s="23"/>
      <c r="K9" s="88" t="str">
        <f>IF('（参考）【別紙１】'!CC9="","",'（参考）【別紙１】'!CC9)</f>
        <v/>
      </c>
      <c r="L9" s="86" t="str">
        <f t="shared" si="0"/>
        <v/>
      </c>
      <c r="M9" s="91" t="str">
        <f>IF('（参考）【別紙１】'!CC9="","",MAX('（参考）【別紙１】'!CC9:CC46))</f>
        <v/>
      </c>
      <c r="N9" s="60" t="str">
        <f>IF('（参考）【別紙１】'!CL9=0,"",'（参考）【別紙１】'!CL9)</f>
        <v/>
      </c>
      <c r="O9" s="61" t="str">
        <f>IF(N9="","",IF('（参考）【別紙１】'!CL11=0,0,'（参考）【別紙１】'!CL11))</f>
        <v/>
      </c>
      <c r="P9" s="73" t="str">
        <f>IF(N9="","",O9/N9)</f>
        <v/>
      </c>
    </row>
    <row r="10" spans="1:16" ht="17.100000000000001" customHeight="1">
      <c r="A10" s="31"/>
      <c r="B10" s="31"/>
      <c r="C10" s="31"/>
      <c r="D10" s="31"/>
      <c r="E10" s="31"/>
      <c r="F10" s="31"/>
      <c r="G10" s="31"/>
      <c r="H10" s="31"/>
      <c r="I10" s="9"/>
      <c r="J10" s="9"/>
      <c r="K10" s="88" t="str">
        <f>IF('（参考）【別紙１】'!CP9="","",'（参考）【別紙１】'!CP9)</f>
        <v/>
      </c>
      <c r="L10" s="86" t="str">
        <f t="shared" si="0"/>
        <v/>
      </c>
      <c r="M10" s="91" t="str">
        <f>IF('（参考）【別紙１】'!CP9="","",MAX('（参考）【別紙１】'!CP9:CP46))</f>
        <v/>
      </c>
      <c r="N10" s="60" t="str">
        <f>IF('（参考）【別紙１】'!CY9=0,"",'（参考）【別紙１】'!CY9)</f>
        <v/>
      </c>
      <c r="O10" s="61" t="str">
        <f>IF(N10="","",IF('（参考）【別紙１】'!CY11=0,0,'（参考）【別紙１】'!CY11))</f>
        <v/>
      </c>
      <c r="P10" s="73" t="str">
        <f t="shared" si="1"/>
        <v/>
      </c>
    </row>
    <row r="11" spans="1:16" ht="17.100000000000001" customHeight="1">
      <c r="A11" s="257" t="s">
        <v>121</v>
      </c>
      <c r="B11" s="258" t="str">
        <f>'（参考）入力シート'!C10</f>
        <v>○○株式会社</v>
      </c>
      <c r="C11" s="258"/>
      <c r="D11" s="258"/>
      <c r="E11" s="258"/>
      <c r="F11" s="258"/>
      <c r="G11" s="258"/>
      <c r="H11" s="259"/>
      <c r="I11" s="259"/>
      <c r="J11" s="259"/>
      <c r="K11" s="88" t="str">
        <f>IF('（参考）【別紙１】'!DC9="","",'（参考）【別紙１】'!DC9)</f>
        <v/>
      </c>
      <c r="L11" s="86" t="str">
        <f t="shared" si="0"/>
        <v/>
      </c>
      <c r="M11" s="91" t="str">
        <f>IF('（参考）【別紙１】'!DC9="","",MAX('（参考）【別紙１】'!DC9:DC46))</f>
        <v/>
      </c>
      <c r="N11" s="60" t="str">
        <f>IF('（参考）【別紙１】'!DL9=0,"",'（参考）【別紙１】'!DL9)</f>
        <v/>
      </c>
      <c r="O11" s="61" t="str">
        <f>IF(N11="","",IF('（参考）【別紙１】'!DL11=0,0,'（参考）【別紙１】'!DL11))</f>
        <v/>
      </c>
      <c r="P11" s="73" t="str">
        <f t="shared" si="1"/>
        <v/>
      </c>
    </row>
    <row r="12" spans="1:16" ht="17.100000000000001" customHeight="1">
      <c r="A12" s="257"/>
      <c r="B12" s="258"/>
      <c r="C12" s="258"/>
      <c r="D12" s="258"/>
      <c r="E12" s="258"/>
      <c r="F12" s="258"/>
      <c r="G12" s="258"/>
      <c r="H12" s="259"/>
      <c r="I12" s="259"/>
      <c r="J12" s="259"/>
      <c r="K12" s="88" t="str">
        <f>IF('（参考）【別紙１】'!DP9="","",'（参考）【別紙１】'!DP9)</f>
        <v/>
      </c>
      <c r="L12" s="86" t="str">
        <f t="shared" si="0"/>
        <v/>
      </c>
      <c r="M12" s="91" t="str">
        <f>IF('（参考）【別紙１】'!DP9="","",MAX('（参考）【別紙１】'!DP9:DP46))</f>
        <v/>
      </c>
      <c r="N12" s="60" t="str">
        <f>IF('（参考）【別紙１】'!DY9=0,"",'（参考）【別紙１】'!DY9)</f>
        <v/>
      </c>
      <c r="O12" s="61" t="str">
        <f>IF(N12="","",IF('（参考）【別紙１】'!DY11=0,0,'（参考）【別紙１】'!DY11))</f>
        <v/>
      </c>
      <c r="P12" s="73" t="str">
        <f t="shared" si="1"/>
        <v/>
      </c>
    </row>
    <row r="13" spans="1:16" ht="17.100000000000001" customHeight="1">
      <c r="A13" s="257"/>
      <c r="B13" s="258"/>
      <c r="C13" s="258"/>
      <c r="D13" s="258"/>
      <c r="E13" s="258"/>
      <c r="F13" s="258"/>
      <c r="G13" s="258"/>
      <c r="H13" s="259"/>
      <c r="I13" s="259"/>
      <c r="J13" s="259"/>
      <c r="K13" s="88" t="str">
        <f>IF('（参考）【別紙１】'!EC9="","",'（参考）【別紙１】'!EC9)</f>
        <v/>
      </c>
      <c r="L13" s="86" t="str">
        <f t="shared" si="0"/>
        <v/>
      </c>
      <c r="M13" s="91" t="str">
        <f>IF('（参考）【別紙１】'!EC9="","",MAX('（参考）【別紙１】'!EC9:EC46))</f>
        <v/>
      </c>
      <c r="N13" s="60" t="str">
        <f>IF('（参考）【別紙１】'!EL9=0,"",'（参考）【別紙１】'!EL9)</f>
        <v/>
      </c>
      <c r="O13" s="61" t="str">
        <f>IF(N13="","",IF('（参考）【別紙１】'!EL11=0,0,'（参考）【別紙１】'!EL11))</f>
        <v/>
      </c>
      <c r="P13" s="73" t="str">
        <f t="shared" si="1"/>
        <v/>
      </c>
    </row>
    <row r="14" spans="1:16" ht="17.100000000000001" customHeight="1">
      <c r="A14" s="257"/>
      <c r="B14" s="258" t="str">
        <f>'（参考）入力シート'!C11</f>
        <v>代表取締役　○○　××</v>
      </c>
      <c r="C14" s="258"/>
      <c r="D14" s="258"/>
      <c r="E14" s="258"/>
      <c r="F14" s="258"/>
      <c r="G14" s="258"/>
      <c r="H14" s="259"/>
      <c r="I14" s="259"/>
      <c r="J14" s="259"/>
      <c r="K14" s="88" t="str">
        <f>IF('（参考）【別紙１】'!EP9="","",'（参考）【別紙１】'!EP9)</f>
        <v/>
      </c>
      <c r="L14" s="86" t="str">
        <f t="shared" si="0"/>
        <v/>
      </c>
      <c r="M14" s="91" t="str">
        <f>IF('（参考）【別紙１】'!EP9="","",MAX('（参考）【別紙１】'!EP9:EP46))</f>
        <v/>
      </c>
      <c r="N14" s="60" t="str">
        <f>IF('（参考）【別紙１】'!EY9=0,"",'（参考）【別紙１】'!EY9)</f>
        <v/>
      </c>
      <c r="O14" s="61" t="str">
        <f>IF(N14="","",IF('（参考）【別紙１】'!EY11=0,0,'（参考）【別紙１】'!EY11))</f>
        <v/>
      </c>
      <c r="P14" s="74" t="str">
        <f t="shared" si="1"/>
        <v/>
      </c>
    </row>
    <row r="15" spans="1:16" ht="17.100000000000001" customHeight="1">
      <c r="A15" s="257"/>
      <c r="B15" s="258"/>
      <c r="C15" s="258"/>
      <c r="D15" s="258"/>
      <c r="E15" s="258"/>
      <c r="F15" s="258"/>
      <c r="G15" s="258"/>
      <c r="H15" s="259"/>
      <c r="I15" s="259"/>
      <c r="J15" s="259"/>
      <c r="K15" s="88" t="str">
        <f>IF('（参考）【別紙１】'!FC9="","",'（参考）【別紙１】'!FC9)</f>
        <v/>
      </c>
      <c r="L15" s="86" t="str">
        <f t="shared" si="0"/>
        <v/>
      </c>
      <c r="M15" s="91" t="str">
        <f>IF('（参考）【別紙１】'!FC9="","",MAX('（参考）【別紙１】'!FC9:FC46))</f>
        <v/>
      </c>
      <c r="N15" s="60" t="str">
        <f>IF('（参考）【別紙１】'!FL9=0,"",'（参考）【別紙１】'!FL9)</f>
        <v/>
      </c>
      <c r="O15" s="61" t="str">
        <f>IF(N15="","",IF('（参考）【別紙１】'!FL11=0,0,'（参考）【別紙１】'!FL11))</f>
        <v/>
      </c>
      <c r="P15" s="75" t="str">
        <f t="shared" si="1"/>
        <v/>
      </c>
    </row>
    <row r="16" spans="1:16" ht="17.100000000000001" customHeight="1">
      <c r="A16" s="257" t="s">
        <v>122</v>
      </c>
      <c r="B16" s="258" t="str">
        <f>'（参考）入力シート'!C12</f>
        <v>神奈川県〇〇市〇〇</v>
      </c>
      <c r="C16" s="258"/>
      <c r="D16" s="258"/>
      <c r="E16" s="258"/>
      <c r="F16" s="258"/>
      <c r="G16" s="258"/>
      <c r="H16" s="258"/>
      <c r="I16" s="258"/>
      <c r="J16" s="9"/>
      <c r="K16" s="88" t="str">
        <f>IF('（参考）【別紙１】'!FP9="","",'（参考）【別紙１】'!FP9)</f>
        <v/>
      </c>
      <c r="L16" s="86" t="str">
        <f t="shared" si="0"/>
        <v/>
      </c>
      <c r="M16" s="91" t="str">
        <f>IF('（参考）【別紙１】'!FP9="","",MAX('（参考）【別紙１】'!FP9:FP46))</f>
        <v/>
      </c>
      <c r="N16" s="60" t="str">
        <f>IF('（参考）【別紙１】'!FY9=0,"",'（参考）【別紙１】'!FY9)</f>
        <v/>
      </c>
      <c r="O16" s="61" t="str">
        <f>IF(N16="","",IF('（参考）【別紙１】'!FY11=0,0,'（参考）【別紙１】'!FY11))</f>
        <v/>
      </c>
      <c r="P16" s="74" t="str">
        <f t="shared" si="1"/>
        <v/>
      </c>
    </row>
    <row r="17" spans="1:22" ht="17.100000000000001" customHeight="1">
      <c r="A17" s="257"/>
      <c r="B17" s="258"/>
      <c r="C17" s="258"/>
      <c r="D17" s="258"/>
      <c r="E17" s="258"/>
      <c r="F17" s="258"/>
      <c r="G17" s="258"/>
      <c r="H17" s="258"/>
      <c r="I17" s="258"/>
      <c r="J17" s="24"/>
      <c r="K17" s="88" t="str">
        <f>IF('（参考）【別紙１】'!GC9="","",'（参考）【別紙１】'!GC9)</f>
        <v/>
      </c>
      <c r="L17" s="86" t="str">
        <f t="shared" si="0"/>
        <v/>
      </c>
      <c r="M17" s="91" t="str">
        <f>IF('（参考）【別紙１】'!GC9="","",MAX('（参考）【別紙１】'!GC9:GC46))</f>
        <v/>
      </c>
      <c r="N17" s="63" t="str">
        <f>IF('（参考）【別紙１】'!GL9=0,"",'（参考）【別紙１】'!GL9)</f>
        <v/>
      </c>
      <c r="O17" s="61" t="str">
        <f>IF(N17="","",IF('（参考）【別紙１】'!GL11=0,0,'（参考）【別紙１】'!GL11))</f>
        <v/>
      </c>
      <c r="P17" s="75" t="str">
        <f t="shared" si="1"/>
        <v/>
      </c>
    </row>
    <row r="18" spans="1:22" ht="17.100000000000001" customHeight="1">
      <c r="A18" s="260" t="s">
        <v>123</v>
      </c>
      <c r="B18" s="260"/>
      <c r="C18" s="260" t="str">
        <f>IF('（参考）入力シート'!C13="","",'（参考）入力シート'!C13)</f>
        <v>○○　○○</v>
      </c>
      <c r="D18" s="260"/>
      <c r="E18" s="260"/>
      <c r="F18" s="260"/>
      <c r="G18" s="9"/>
      <c r="H18" s="9"/>
      <c r="I18" s="9"/>
      <c r="J18" s="9"/>
      <c r="K18" s="88" t="str">
        <f>IF('（参考）【別紙１】'!GP9="","",'（参考）【別紙１】'!GP9)</f>
        <v/>
      </c>
      <c r="L18" s="86" t="str">
        <f t="shared" si="0"/>
        <v/>
      </c>
      <c r="M18" s="91" t="str">
        <f>IF('（参考）【別紙１】'!GP9="","",MAX('（参考）【別紙１】'!GP9:GP46))</f>
        <v/>
      </c>
      <c r="N18" s="63" t="str">
        <f>IF('（参考）【別紙１】'!GY9=0,"",'（参考）【別紙１】'!GY9)</f>
        <v/>
      </c>
      <c r="O18" s="61" t="str">
        <f>IF(N18="","",IF('（参考）【別紙１】'!GY11=0,0,'（参考）【別紙１】'!GY11))</f>
        <v/>
      </c>
      <c r="P18" s="73" t="str">
        <f t="shared" si="1"/>
        <v/>
      </c>
    </row>
    <row r="19" spans="1:22" ht="17.100000000000001" customHeight="1">
      <c r="A19" s="261" t="s">
        <v>124</v>
      </c>
      <c r="B19" s="261"/>
      <c r="C19" s="260" t="str">
        <f>IF('（参考）入力シート'!C14="","",'（参考）入力シート'!C14)</f>
        <v>△△　△△</v>
      </c>
      <c r="D19" s="260"/>
      <c r="E19" s="260"/>
      <c r="F19" s="260"/>
      <c r="G19" s="32"/>
      <c r="H19" s="32"/>
      <c r="I19" s="9"/>
      <c r="J19" s="9"/>
      <c r="K19" s="88" t="str">
        <f>IF('（参考）【別紙１】'!HC9="","",'（参考）【別紙１】'!HC9)</f>
        <v/>
      </c>
      <c r="L19" s="86" t="str">
        <f t="shared" si="0"/>
        <v/>
      </c>
      <c r="M19" s="91" t="str">
        <f>IF('（参考）【別紙１】'!HC9="","",MAX('（参考）【別紙１】'!HC9:HC46))</f>
        <v/>
      </c>
      <c r="N19" s="63" t="str">
        <f>IF('（参考）【別紙１】'!HL9=0,"",'（参考）【別紙１】'!HL9)</f>
        <v/>
      </c>
      <c r="O19" s="61" t="str">
        <f>IF(N19="","",IF('（参考）【別紙１】'!HL11=0,0,'（参考）【別紙１】'!HL11))</f>
        <v/>
      </c>
      <c r="P19" s="74" t="str">
        <f t="shared" si="1"/>
        <v/>
      </c>
    </row>
    <row r="20" spans="1:22" ht="17.100000000000001" customHeight="1">
      <c r="A20" s="57" t="s">
        <v>125</v>
      </c>
      <c r="B20" s="9"/>
      <c r="C20" s="260" t="str">
        <f>'（参考）入力シート'!C15</f>
        <v>090-0000-0000</v>
      </c>
      <c r="D20" s="260"/>
      <c r="E20" s="260"/>
      <c r="F20" s="260"/>
      <c r="G20" s="260"/>
      <c r="H20" s="31"/>
      <c r="I20" s="9"/>
      <c r="J20" s="9"/>
      <c r="K20" s="88" t="str">
        <f>IF('（参考）【別紙１】'!HP9="","",'（参考）【別紙１】'!HP9)</f>
        <v/>
      </c>
      <c r="L20" s="86" t="str">
        <f t="shared" si="0"/>
        <v/>
      </c>
      <c r="M20" s="91" t="str">
        <f>IF('（参考）【別紙１】'!HP9="","",MAX('（参考）【別紙１】'!HP9:HP46))</f>
        <v/>
      </c>
      <c r="N20" s="63" t="str">
        <f>IF('（参考）【別紙１】'!HY9=0,"",'（参考）【別紙１】'!HY9)</f>
        <v/>
      </c>
      <c r="O20" s="61" t="str">
        <f>IF(N20="","",IF('（参考）【別紙１】'!HY11=0,0,'（参考）【別紙１】'!HY11))</f>
        <v/>
      </c>
      <c r="P20" s="74" t="str">
        <f t="shared" si="1"/>
        <v/>
      </c>
    </row>
    <row r="21" spans="1:22" ht="17.100000000000001" customHeight="1">
      <c r="A21" s="9"/>
      <c r="B21" s="9"/>
      <c r="C21" s="9"/>
      <c r="D21" s="9"/>
      <c r="E21" s="9"/>
      <c r="F21" s="9"/>
      <c r="G21" s="9"/>
      <c r="H21" s="9"/>
      <c r="I21" s="9"/>
      <c r="J21" s="9"/>
      <c r="K21" s="88" t="str">
        <f>IF('（参考）【別紙１】'!IC9="","",'（参考）【別紙１】'!IC9)</f>
        <v/>
      </c>
      <c r="L21" s="86" t="str">
        <f t="shared" si="0"/>
        <v/>
      </c>
      <c r="M21" s="91" t="str">
        <f>IF('（参考）【別紙１】'!IC9="","",MAX('（参考）【別紙１】'!IC9:IC46))</f>
        <v/>
      </c>
      <c r="N21" s="63" t="str">
        <f>IF('（参考）【別紙１】'!IL9=0,"",'（参考）【別紙１】'!IL9)</f>
        <v/>
      </c>
      <c r="O21" s="61" t="str">
        <f>IF(N21="","",IF('（参考）【別紙１】'!IL11=0,0,'（参考）【別紙１】'!IL11))</f>
        <v/>
      </c>
      <c r="P21" s="74" t="str">
        <f t="shared" si="1"/>
        <v/>
      </c>
    </row>
    <row r="22" spans="1:22" ht="17.100000000000001" customHeight="1">
      <c r="A22" s="9"/>
      <c r="B22" s="9"/>
      <c r="C22" s="9"/>
      <c r="D22" s="9"/>
      <c r="E22" s="9"/>
      <c r="F22" s="9"/>
      <c r="G22" s="9"/>
      <c r="H22" s="9"/>
      <c r="I22" s="9"/>
      <c r="J22" s="9"/>
      <c r="K22" s="88" t="str">
        <f>IF('（参考）【別紙１】'!IP9="","",'（参考）【別紙１】'!IP9)</f>
        <v/>
      </c>
      <c r="L22" s="86" t="str">
        <f t="shared" si="0"/>
        <v/>
      </c>
      <c r="M22" s="91" t="str">
        <f>IF('（参考）【別紙１】'!IP9="","",MAX('（参考）【別紙１】'!IP9:IP46))</f>
        <v/>
      </c>
      <c r="N22" s="63" t="str">
        <f>IF('（参考）【別紙１】'!IY9=0,"",'（参考）【別紙１】'!IY9)</f>
        <v/>
      </c>
      <c r="O22" s="61" t="str">
        <f>IF(N22="","",IF('（参考）【別紙１】'!IY11=0,0,'（参考）【別紙１】'!IY11))</f>
        <v/>
      </c>
      <c r="P22" s="74" t="str">
        <f t="shared" si="1"/>
        <v/>
      </c>
    </row>
    <row r="23" spans="1:22" ht="17.100000000000001" customHeight="1">
      <c r="A23" s="262" t="s">
        <v>126</v>
      </c>
      <c r="B23" s="262"/>
      <c r="C23" s="262"/>
      <c r="D23" s="262"/>
      <c r="E23" s="262"/>
      <c r="F23" s="262"/>
      <c r="G23" s="262"/>
      <c r="H23" s="262"/>
      <c r="I23" s="9"/>
      <c r="J23" s="9"/>
      <c r="K23" s="88" t="str">
        <f>IF('（参考）【別紙１】'!JC9="","",'（参考）【別紙１】'!JC9)</f>
        <v/>
      </c>
      <c r="L23" s="86" t="str">
        <f t="shared" si="0"/>
        <v/>
      </c>
      <c r="M23" s="91" t="str">
        <f>IF('（参考）【別紙１】'!JC9="","",MAX('（参考）【別紙１】'!JC9:JC46))</f>
        <v/>
      </c>
      <c r="N23" s="63" t="str">
        <f>IF('（参考）【別紙１】'!JL9=0,"",'（参考）【別紙１】'!JL9)</f>
        <v/>
      </c>
      <c r="O23" s="61" t="str">
        <f>IF(N23="","",IF('（参考）【別紙１】'!JL11=0,0,'（参考）【別紙１】'!JL11))</f>
        <v/>
      </c>
      <c r="P23" s="74" t="str">
        <f t="shared" si="1"/>
        <v/>
      </c>
    </row>
    <row r="24" spans="1:22" ht="17.100000000000001" customHeight="1">
      <c r="A24" s="263"/>
      <c r="B24" s="263"/>
      <c r="C24" s="263"/>
      <c r="D24" s="263"/>
      <c r="E24" s="263"/>
      <c r="F24" s="263"/>
      <c r="G24" s="263"/>
      <c r="H24" s="263"/>
      <c r="I24" s="9"/>
      <c r="J24" s="9"/>
      <c r="K24" s="88" t="str">
        <f>IF('（参考）【別紙１】'!JP9="","",'（参考）【別紙１】'!JP9)</f>
        <v/>
      </c>
      <c r="L24" s="86" t="str">
        <f t="shared" si="0"/>
        <v/>
      </c>
      <c r="M24" s="91" t="str">
        <f>IF('（参考）【別紙１】'!JP9="","",MAX('（参考）【別紙１】'!JP9:JP46))</f>
        <v/>
      </c>
      <c r="N24" s="63" t="str">
        <f>IF('（参考）【別紙１】'!JY9=0,"",'（参考）【別紙１】'!JY9)</f>
        <v/>
      </c>
      <c r="O24" s="61" t="str">
        <f>IF(N24="","",IF('（参考）【別紙１】'!JY11=0,0,'（参考）【別紙１】'!JY11))</f>
        <v/>
      </c>
      <c r="P24" s="74" t="str">
        <f t="shared" si="1"/>
        <v/>
      </c>
    </row>
    <row r="25" spans="1:22" ht="17.100000000000001" customHeight="1">
      <c r="A25" s="264" t="s">
        <v>127</v>
      </c>
      <c r="B25" s="265" t="str">
        <f>'（参考）入力シート'!C17</f>
        <v>令和〇年度〇〇〇工事公共（その〇）県単（その〇）</v>
      </c>
      <c r="C25" s="265"/>
      <c r="D25" s="265"/>
      <c r="E25" s="265"/>
      <c r="F25" s="265"/>
      <c r="G25" s="265"/>
      <c r="H25" s="265"/>
      <c r="I25" s="9"/>
      <c r="J25" s="9"/>
      <c r="K25" s="88" t="str">
        <f>IF('（参考）【別紙１】'!KC9="","",'（参考）【別紙１】'!KC9)</f>
        <v/>
      </c>
      <c r="L25" s="86" t="str">
        <f t="shared" si="0"/>
        <v/>
      </c>
      <c r="M25" s="91" t="str">
        <f>IF('（参考）【別紙１】'!KC9="","",MAX('（参考）【別紙１】'!KC9:KC46))</f>
        <v/>
      </c>
      <c r="N25" s="63" t="str">
        <f>IF('（参考）【別紙１】'!KL9=0,"",'（参考）【別紙１】'!KL9)</f>
        <v/>
      </c>
      <c r="O25" s="61" t="str">
        <f>IF(N25="","",IF('（参考）【別紙１】'!KL11=0,0,'（参考）【別紙１】'!KL11))</f>
        <v/>
      </c>
      <c r="P25" s="74" t="str">
        <f t="shared" si="1"/>
        <v/>
      </c>
    </row>
    <row r="26" spans="1:22" ht="17.100000000000001" customHeight="1">
      <c r="A26" s="264"/>
      <c r="B26" s="265"/>
      <c r="C26" s="265"/>
      <c r="D26" s="265"/>
      <c r="E26" s="265"/>
      <c r="F26" s="265"/>
      <c r="G26" s="265"/>
      <c r="H26" s="265"/>
      <c r="I26" s="16"/>
      <c r="J26" s="16"/>
      <c r="K26" s="88" t="str">
        <f>IF('（参考）【別紙１】'!KP9="","",'（参考）【別紙１】'!KP9)</f>
        <v/>
      </c>
      <c r="L26" s="86" t="str">
        <f t="shared" si="0"/>
        <v/>
      </c>
      <c r="M26" s="91" t="str">
        <f>IF('（参考）【別紙１】'!KP9="","",MAX('（参考）【別紙１】'!KP9:KP46))</f>
        <v/>
      </c>
      <c r="N26" s="63" t="str">
        <f>IF('（参考）【別紙１】'!KY9=0,"",'（参考）【別紙１】'!KY9)</f>
        <v/>
      </c>
      <c r="O26" s="61" t="str">
        <f>IF(N26="","",IF('（参考）【別紙１】'!KY11=0,0,'（参考）【別紙１】'!KY11))</f>
        <v/>
      </c>
      <c r="P26" s="74" t="str">
        <f t="shared" si="1"/>
        <v/>
      </c>
    </row>
    <row r="27" spans="1:22" ht="17.100000000000001" customHeight="1">
      <c r="A27" s="264"/>
      <c r="B27" s="265"/>
      <c r="C27" s="265"/>
      <c r="D27" s="265"/>
      <c r="E27" s="265"/>
      <c r="F27" s="265"/>
      <c r="G27" s="265"/>
      <c r="H27" s="265"/>
      <c r="I27" s="9"/>
      <c r="J27" s="9"/>
      <c r="K27" s="88" t="str">
        <f>IF('（参考）【別紙１】'!LC9="","",'（参考）【別紙１】'!LC9)</f>
        <v/>
      </c>
      <c r="L27" s="86" t="str">
        <f t="shared" si="0"/>
        <v/>
      </c>
      <c r="M27" s="91" t="str">
        <f>IF('（参考）【別紙１】'!LC9="","",MAX('（参考）【別紙１】'!LC9:LC46))</f>
        <v/>
      </c>
      <c r="N27" s="63" t="str">
        <f>IF('（参考）【別紙１】'!LL9=0,"",'（参考）【別紙１】'!LL9)</f>
        <v/>
      </c>
      <c r="O27" s="61" t="str">
        <f>IF(N27="","",IF('（参考）【別紙１】'!LL11=0,0,'（参考）【別紙１】'!LL11))</f>
        <v/>
      </c>
      <c r="P27" s="74" t="str">
        <f>IF(N27="","",O27/N27)</f>
        <v/>
      </c>
    </row>
    <row r="28" spans="1:22" ht="17.100000000000001" customHeight="1">
      <c r="A28" s="264"/>
      <c r="B28" s="265"/>
      <c r="C28" s="265"/>
      <c r="D28" s="265"/>
      <c r="E28" s="265"/>
      <c r="F28" s="265"/>
      <c r="G28" s="265"/>
      <c r="H28" s="265"/>
      <c r="I28" s="24"/>
      <c r="J28" s="24"/>
      <c r="K28" s="88" t="str">
        <f>IF('（参考）【別紙１】'!LP9="","",'（参考）【別紙１】'!LP9)</f>
        <v/>
      </c>
      <c r="L28" s="86" t="str">
        <f t="shared" si="0"/>
        <v/>
      </c>
      <c r="M28" s="91" t="str">
        <f>IF('（参考）【別紙１】'!LP9="","",MAX('（参考）【別紙１】'!LP9:LP46))</f>
        <v/>
      </c>
      <c r="N28" s="63" t="str">
        <f>IF('（参考）【別紙１】'!LY9=0,"",'（参考）【別紙１】'!LY9)</f>
        <v/>
      </c>
      <c r="O28" s="61" t="str">
        <f>IF(N28="","",IF('（参考）【別紙１】'!LY11=0,0,'（参考）【別紙１】'!LY11))</f>
        <v/>
      </c>
      <c r="P28" s="74" t="str">
        <f t="shared" si="1"/>
        <v/>
      </c>
    </row>
    <row r="29" spans="1:22" ht="17.100000000000001" customHeight="1">
      <c r="A29" s="264"/>
      <c r="B29" s="265"/>
      <c r="C29" s="265"/>
      <c r="D29" s="265"/>
      <c r="E29" s="265"/>
      <c r="F29" s="265"/>
      <c r="G29" s="265"/>
      <c r="H29" s="265"/>
      <c r="I29" s="9"/>
      <c r="J29" s="9"/>
      <c r="K29" s="88" t="str">
        <f>IF('（参考）【別紙１】'!MC9="","",'（参考）【別紙１】'!MC9)</f>
        <v/>
      </c>
      <c r="L29" s="86" t="str">
        <f t="shared" si="0"/>
        <v/>
      </c>
      <c r="M29" s="91" t="str">
        <f>IF('（参考）【別紙１】'!MC9="","",MAX('（参考）【別紙１】'!MC9:MC46))</f>
        <v/>
      </c>
      <c r="N29" s="63" t="str">
        <f>IF('（参考）【別紙１】'!ML9=0,"",'（参考）【別紙１】'!ML9)</f>
        <v/>
      </c>
      <c r="O29" s="61" t="str">
        <f>IF(N29="","",IF('（参考）【別紙１】'!ML11=0,0,'（参考）【別紙１】'!ML11))</f>
        <v/>
      </c>
      <c r="P29" s="74" t="str">
        <f t="shared" si="1"/>
        <v/>
      </c>
    </row>
    <row r="30" spans="1:22" ht="17.100000000000001" customHeight="1">
      <c r="A30" s="264" t="s">
        <v>128</v>
      </c>
      <c r="B30" s="265" t="str">
        <f>'（参考）入力シート'!C18</f>
        <v>神奈川県○○市〇〇地内</v>
      </c>
      <c r="C30" s="265"/>
      <c r="D30" s="265"/>
      <c r="E30" s="265"/>
      <c r="F30" s="265"/>
      <c r="G30" s="265"/>
      <c r="H30" s="265"/>
      <c r="I30" s="9"/>
      <c r="J30" s="9"/>
      <c r="K30" s="88" t="str">
        <f>IF('（参考）【別紙１】'!MP9="","",'（参考）【別紙１】'!MP9)</f>
        <v/>
      </c>
      <c r="L30" s="86" t="str">
        <f t="shared" si="0"/>
        <v/>
      </c>
      <c r="M30" s="91" t="str">
        <f>IF('（参考）【別紙１】'!MP9="","",MAX('（参考）【別紙１】'!MP9:MP46))</f>
        <v/>
      </c>
      <c r="N30" s="63" t="str">
        <f>IF('（参考）【別紙１】'!MY9=0,"",'（参考）【別紙１】'!MY9)</f>
        <v/>
      </c>
      <c r="O30" s="61" t="str">
        <f>IF(N30="","",IF('（参考）【別紙１】'!MY11=0,0,'（参考）【別紙１】'!MY11))</f>
        <v/>
      </c>
      <c r="P30" s="74" t="str">
        <f t="shared" si="1"/>
        <v/>
      </c>
    </row>
    <row r="31" spans="1:22" ht="17.100000000000001" customHeight="1">
      <c r="A31" s="264"/>
      <c r="B31" s="265"/>
      <c r="C31" s="265"/>
      <c r="D31" s="265"/>
      <c r="E31" s="265"/>
      <c r="F31" s="265"/>
      <c r="G31" s="265"/>
      <c r="H31" s="265"/>
      <c r="I31" s="9"/>
      <c r="J31" s="9"/>
      <c r="K31" s="88" t="str">
        <f>IF('（参考）【別紙１】'!NC9="","",'（参考）【別紙１】'!NC9)</f>
        <v/>
      </c>
      <c r="L31" s="86" t="str">
        <f t="shared" si="0"/>
        <v/>
      </c>
      <c r="M31" s="91" t="str">
        <f>IF('（参考）【別紙１】'!NC9="","",MAX('（参考）【別紙１】'!NC9:NC46))</f>
        <v/>
      </c>
      <c r="N31" s="63" t="str">
        <f>IF('（参考）【別紙１】'!NL9=0,"",'（参考）【別紙１】'!NL9)</f>
        <v/>
      </c>
      <c r="O31" s="61" t="str">
        <f>IF(N31="","",IF('（参考）【別紙１】'!NL11=0,0,'（参考）【別紙１】'!NL11))</f>
        <v/>
      </c>
      <c r="P31" s="74" t="str">
        <f t="shared" si="1"/>
        <v/>
      </c>
      <c r="Q31" s="11"/>
      <c r="R31" s="11"/>
      <c r="S31" s="11"/>
      <c r="T31" s="11"/>
      <c r="U31" s="11"/>
      <c r="V31" s="11"/>
    </row>
    <row r="32" spans="1:22" ht="17.100000000000001" customHeight="1">
      <c r="A32" s="264"/>
      <c r="B32" s="265"/>
      <c r="C32" s="265"/>
      <c r="D32" s="265"/>
      <c r="E32" s="265"/>
      <c r="F32" s="265"/>
      <c r="G32" s="265"/>
      <c r="H32" s="265"/>
      <c r="I32" s="9"/>
      <c r="J32" s="9"/>
      <c r="K32" s="88" t="str">
        <f>IF('（参考）【別紙１】'!NP9="","",'（参考）【別紙１】'!NP9)</f>
        <v/>
      </c>
      <c r="L32" s="86" t="str">
        <f t="shared" si="0"/>
        <v/>
      </c>
      <c r="M32" s="91" t="str">
        <f>IF('（参考）【別紙１】'!NP9="","",MAX('（参考）【別紙１】'!NP9:NP46))</f>
        <v/>
      </c>
      <c r="N32" s="63" t="str">
        <f>IF('（参考）【別紙１】'!NY9=0,"",'（参考）【別紙１】'!NY9)</f>
        <v/>
      </c>
      <c r="O32" s="61" t="str">
        <f>IF(N32="","",IF('（参考）【別紙１】'!NY11=0,0,'（参考）【別紙１】'!NY11))</f>
        <v/>
      </c>
      <c r="P32" s="74" t="str">
        <f t="shared" si="1"/>
        <v/>
      </c>
      <c r="Q32" s="11"/>
      <c r="R32" s="11"/>
      <c r="S32" s="11"/>
      <c r="T32" s="11"/>
      <c r="U32" s="11"/>
      <c r="V32" s="11"/>
    </row>
    <row r="33" spans="1:22" ht="17.100000000000001" customHeight="1">
      <c r="A33" s="175" t="s">
        <v>129</v>
      </c>
      <c r="B33" s="272">
        <f>DATE('（参考）入力シート'!D19,'（参考）入力シート'!F19,'（参考）入力シート'!H19)</f>
        <v>45748</v>
      </c>
      <c r="C33" s="273"/>
      <c r="D33" s="274" t="s">
        <v>130</v>
      </c>
      <c r="E33" s="275">
        <f>DATE('（参考）入力シート'!K19,'（参考）入力シート'!M19,'（参考）入力シート'!O19)</f>
        <v>45900</v>
      </c>
      <c r="F33" s="272"/>
      <c r="G33" s="272"/>
      <c r="H33" s="272"/>
      <c r="I33" s="16"/>
      <c r="J33" s="16"/>
      <c r="K33" s="88" t="str">
        <f>IF('（参考）【別紙１】'!OC9="","",'（参考）【別紙１】'!OC9)</f>
        <v/>
      </c>
      <c r="L33" s="86" t="str">
        <f t="shared" si="0"/>
        <v/>
      </c>
      <c r="M33" s="91" t="str">
        <f>IF('（参考）【別紙１】'!OC9="","",MAX('（参考）【別紙１】'!OC9:OC46))</f>
        <v/>
      </c>
      <c r="N33" s="63" t="str">
        <f>IF('（参考）【別紙１】'!OL9=0,"",'（参考）【別紙１】'!OL9)</f>
        <v/>
      </c>
      <c r="O33" s="61" t="str">
        <f>IF(N33="","",IF('（参考）【別紙１】'!OL11=0,0,'（参考）【別紙１】'!OL11))</f>
        <v/>
      </c>
      <c r="P33" s="74" t="str">
        <f t="shared" si="1"/>
        <v/>
      </c>
      <c r="Q33" s="11"/>
      <c r="R33" s="11"/>
      <c r="S33" s="11"/>
      <c r="T33" s="11"/>
      <c r="U33" s="11"/>
      <c r="V33" s="11"/>
    </row>
    <row r="34" spans="1:22" ht="17.100000000000001" customHeight="1">
      <c r="A34" s="175"/>
      <c r="B34" s="272"/>
      <c r="C34" s="273"/>
      <c r="D34" s="274"/>
      <c r="E34" s="275"/>
      <c r="F34" s="272"/>
      <c r="G34" s="272"/>
      <c r="H34" s="272"/>
      <c r="I34" s="17"/>
      <c r="J34" s="17"/>
      <c r="K34" s="88" t="str">
        <f>IF('（参考）【別紙１】'!OP9="","",'（参考）【別紙１】'!OP9)</f>
        <v/>
      </c>
      <c r="L34" s="59" t="str">
        <f t="shared" si="0"/>
        <v/>
      </c>
      <c r="M34" s="91" t="str">
        <f>IF('（参考）【別紙１】'!OP9="","",MAX('（参考）【別紙１】'!HC9:OP46))</f>
        <v/>
      </c>
      <c r="N34" s="63" t="str">
        <f>IF('（参考）【別紙１】'!OY9=0,"",'（参考）【別紙１】'!OY9)</f>
        <v/>
      </c>
      <c r="O34" s="61" t="str">
        <f>IF(N34="","",IF('（参考）【別紙１】'!OY11=0,0,'（参考）【別紙１】'!OY11))</f>
        <v/>
      </c>
      <c r="P34" s="74" t="str">
        <f t="shared" si="1"/>
        <v/>
      </c>
      <c r="Q34" s="11"/>
      <c r="R34" s="11"/>
      <c r="S34" s="11"/>
      <c r="T34" s="11"/>
      <c r="U34" s="11"/>
      <c r="V34" s="11"/>
    </row>
    <row r="35" spans="1:22" ht="17.100000000000001" customHeight="1">
      <c r="A35" s="175" t="s">
        <v>114</v>
      </c>
      <c r="B35" s="272">
        <f>DATE('（参考）入力シート'!D20,'（参考）入力シート'!F20,'（参考）入力シート'!H20)</f>
        <v>45748</v>
      </c>
      <c r="C35" s="273"/>
      <c r="D35" s="274" t="s">
        <v>130</v>
      </c>
      <c r="E35" s="275">
        <f>DATE('（参考）入力シート'!K20,'（参考）入力シート'!M20,'（参考）入力シート'!O20)</f>
        <v>45900</v>
      </c>
      <c r="F35" s="272"/>
      <c r="G35" s="272"/>
      <c r="H35" s="272"/>
      <c r="I35" s="17"/>
      <c r="J35" s="17"/>
      <c r="K35" s="88" t="str">
        <f>IF('（参考）【別紙１】'!PC9="","",'（参考）【別紙１】'!PC9)</f>
        <v/>
      </c>
      <c r="L35" s="59" t="str">
        <f t="shared" si="0"/>
        <v/>
      </c>
      <c r="M35" s="91" t="str">
        <f>IF('（参考）【別紙１】'!PC9="","",MAX('（参考）【別紙１】'!PC9:PC46))</f>
        <v/>
      </c>
      <c r="N35" s="63" t="str">
        <f>IF('（参考）【別紙１】'!PL9=0,"",'（参考）【別紙１】'!PL9)</f>
        <v/>
      </c>
      <c r="O35" s="61" t="str">
        <f>IF(N35="","",IF('（参考）【別紙１】'!PL11=0,0,'（参考）【別紙１】'!PL11))</f>
        <v/>
      </c>
      <c r="P35" s="74" t="str">
        <f t="shared" si="1"/>
        <v/>
      </c>
      <c r="Q35" s="11"/>
      <c r="R35" s="11"/>
      <c r="S35" s="11"/>
      <c r="T35" s="11"/>
      <c r="U35" s="11"/>
      <c r="V35" s="11"/>
    </row>
    <row r="36" spans="1:22" ht="17.100000000000001" customHeight="1">
      <c r="A36" s="276"/>
      <c r="B36" s="277"/>
      <c r="C36" s="278"/>
      <c r="D36" s="279"/>
      <c r="E36" s="280"/>
      <c r="F36" s="277"/>
      <c r="G36" s="277"/>
      <c r="H36" s="277"/>
      <c r="I36" s="17"/>
      <c r="J36" s="17"/>
      <c r="K36" s="88" t="str">
        <f>IF('（参考）【別紙１】'!PP9="","",'（参考）【別紙１】'!PP9)</f>
        <v/>
      </c>
      <c r="L36" s="59" t="str">
        <f t="shared" si="0"/>
        <v/>
      </c>
      <c r="M36" s="91" t="str">
        <f>IF('（参考）【別紙１】'!PP9="","",MAX('（参考）【別紙１】'!PP9:PP46))</f>
        <v/>
      </c>
      <c r="N36" s="63" t="str">
        <f>IF('（参考）【別紙１】'!PY9=0,"",'（参考）【別紙１】'!PY9)</f>
        <v/>
      </c>
      <c r="O36" s="61" t="str">
        <f>IF(N36="","",IF('（参考）【別紙１】'!PY11=0,0,'（参考）【別紙１】'!PY11))</f>
        <v/>
      </c>
      <c r="P36" s="74" t="str">
        <f t="shared" si="1"/>
        <v/>
      </c>
      <c r="Q36" s="11"/>
      <c r="R36" s="11"/>
      <c r="S36" s="11"/>
      <c r="T36" s="11"/>
      <c r="U36" s="11"/>
      <c r="V36" s="11"/>
    </row>
    <row r="37" spans="1:22" ht="17.100000000000001" customHeight="1">
      <c r="A37" s="281" t="s">
        <v>131</v>
      </c>
      <c r="B37" s="266" t="str">
        <f>N44</f>
        <v>未達成</v>
      </c>
      <c r="C37" s="267"/>
      <c r="D37" s="267"/>
      <c r="E37" s="267"/>
      <c r="F37" s="267"/>
      <c r="G37" s="267"/>
      <c r="H37" s="268"/>
      <c r="I37" s="17"/>
      <c r="J37" s="17"/>
      <c r="K37" s="88" t="str">
        <f>IF('（参考）【別紙１】'!QC9="","",'（参考）【別紙１】'!QC9)</f>
        <v/>
      </c>
      <c r="L37" s="59" t="str">
        <f t="shared" si="0"/>
        <v/>
      </c>
      <c r="M37" s="91" t="str">
        <f>IF('（参考）【別紙１】'!QC9="","",MAX('（参考）【別紙１】'!QC9:QC46))</f>
        <v/>
      </c>
      <c r="N37" s="63" t="str">
        <f>IF('（参考）【別紙１】'!QL9=0,"",'（参考）【別紙１】'!QL9)</f>
        <v/>
      </c>
      <c r="O37" s="61" t="str">
        <f>IF(N37="","",IF('（参考）【別紙１】'!QL11=0,0,'（参考）【別紙１】'!QL11))</f>
        <v/>
      </c>
      <c r="P37" s="74" t="str">
        <f t="shared" si="1"/>
        <v/>
      </c>
      <c r="Q37" s="11"/>
      <c r="R37" s="11"/>
      <c r="S37" s="11"/>
      <c r="T37" s="11"/>
      <c r="U37" s="11"/>
      <c r="V37" s="11"/>
    </row>
    <row r="38" spans="1:22" ht="17.100000000000001" customHeight="1">
      <c r="A38" s="282"/>
      <c r="B38" s="284"/>
      <c r="C38" s="285"/>
      <c r="D38" s="285"/>
      <c r="E38" s="285"/>
      <c r="F38" s="285"/>
      <c r="G38" s="285"/>
      <c r="H38" s="286"/>
      <c r="I38" s="17"/>
      <c r="J38" s="17"/>
      <c r="K38" s="88" t="str">
        <f>IF('（参考）【別紙１】'!QP9="","",'（参考）【別紙１】'!QP9)</f>
        <v/>
      </c>
      <c r="L38" s="59" t="str">
        <f t="shared" si="0"/>
        <v/>
      </c>
      <c r="M38" s="91" t="str">
        <f>IF('（参考）【別紙１】'!QP9="","",MAX('（参考）【別紙１】'!QP9:QP46))</f>
        <v/>
      </c>
      <c r="N38" s="63" t="str">
        <f>IF('（参考）【別紙１】'!QY9=0,"",'（参考）【別紙１】'!QY9)</f>
        <v/>
      </c>
      <c r="O38" s="61" t="str">
        <f>IF(N38="","",IF('（参考）【別紙１】'!QY11=0,0,'（参考）【別紙１】'!QY11))</f>
        <v/>
      </c>
      <c r="P38" s="74" t="str">
        <f t="shared" si="1"/>
        <v/>
      </c>
      <c r="Q38" s="11"/>
      <c r="R38" s="11"/>
      <c r="S38" s="11"/>
      <c r="T38" s="11"/>
      <c r="U38" s="11"/>
      <c r="V38" s="11"/>
    </row>
    <row r="39" spans="1:22" ht="17.100000000000001" customHeight="1">
      <c r="A39" s="282"/>
      <c r="B39" s="284"/>
      <c r="C39" s="285"/>
      <c r="D39" s="285"/>
      <c r="E39" s="285"/>
      <c r="F39" s="285"/>
      <c r="G39" s="285"/>
      <c r="H39" s="286"/>
      <c r="I39" s="18"/>
      <c r="J39" s="18"/>
      <c r="K39" s="88" t="str">
        <f>IF('（参考）【別紙１】'!RC9="","",'（参考）【別紙１】'!RC9)</f>
        <v/>
      </c>
      <c r="L39" s="59" t="str">
        <f t="shared" si="0"/>
        <v/>
      </c>
      <c r="M39" s="91" t="str">
        <f>IF('（参考）【別紙１】'!RC9="","",MAX('（参考）【別紙１】'!RC9:RC46))</f>
        <v/>
      </c>
      <c r="N39" s="63" t="str">
        <f>IF('（参考）【別紙１】'!RL9=0,"",'（参考）【別紙１】'!RL9)</f>
        <v/>
      </c>
      <c r="O39" s="61" t="str">
        <f>IF(N39="","",IF('（参考）【別紙１】'!RL11=0,0,'（参考）【別紙１】'!RL11))</f>
        <v/>
      </c>
      <c r="P39" s="74" t="str">
        <f t="shared" si="1"/>
        <v/>
      </c>
      <c r="Q39" s="11"/>
      <c r="R39" s="11"/>
      <c r="S39" s="11"/>
      <c r="T39" s="11"/>
      <c r="U39" s="11"/>
      <c r="V39" s="11"/>
    </row>
    <row r="40" spans="1:22" ht="17.100000000000001" customHeight="1">
      <c r="A40" s="282"/>
      <c r="B40" s="284"/>
      <c r="C40" s="285"/>
      <c r="D40" s="285"/>
      <c r="E40" s="285"/>
      <c r="F40" s="285"/>
      <c r="G40" s="285"/>
      <c r="H40" s="286"/>
      <c r="I40" s="17"/>
      <c r="J40" s="17"/>
      <c r="K40" s="88" t="str">
        <f>IF('（参考）【別紙１】'!RP9="","",'（参考）【別紙１】'!RP9)</f>
        <v/>
      </c>
      <c r="L40" s="59" t="str">
        <f t="shared" si="0"/>
        <v/>
      </c>
      <c r="M40" s="91" t="str">
        <f>IF('（参考）【別紙１】'!RP9="","",MAX('（参考）【別紙１】'!RP9:RP46))</f>
        <v/>
      </c>
      <c r="N40" s="63" t="str">
        <f>IF('（参考）【別紙１】'!RY9=0,"",'（参考）【別紙１】'!RY9)</f>
        <v/>
      </c>
      <c r="O40" s="61" t="str">
        <f>IF(N40="","",IF('（参考）【別紙１】'!RY11=0,0,'（参考）【別紙１】'!RY11))</f>
        <v/>
      </c>
      <c r="P40" s="74" t="str">
        <f t="shared" si="1"/>
        <v/>
      </c>
      <c r="Q40" s="11"/>
      <c r="R40" s="11"/>
      <c r="S40" s="11"/>
      <c r="T40" s="11"/>
      <c r="U40" s="11"/>
      <c r="V40" s="11"/>
    </row>
    <row r="41" spans="1:22" ht="17.100000000000001" customHeight="1">
      <c r="A41" s="282"/>
      <c r="B41" s="284"/>
      <c r="C41" s="285"/>
      <c r="D41" s="285"/>
      <c r="E41" s="285"/>
      <c r="F41" s="285"/>
      <c r="G41" s="285"/>
      <c r="H41" s="286"/>
      <c r="I41" s="17"/>
      <c r="J41" s="17"/>
      <c r="K41" s="89" t="str">
        <f>IF('（参考）【別紙１】'!SC9="","",'（参考）【別紙１】'!SC9)</f>
        <v/>
      </c>
      <c r="L41" s="66" t="str">
        <f t="shared" si="0"/>
        <v/>
      </c>
      <c r="M41" s="92" t="str">
        <f>IF('（参考）【別紙１】'!SC9="","",MAX('（参考）【別紙１】'!SC9:SC46))</f>
        <v/>
      </c>
      <c r="N41" s="67" t="str">
        <f>IF('（参考）【別紙１】'!SL9=0,"",'（参考）【別紙１】'!SL9)</f>
        <v/>
      </c>
      <c r="O41" s="68" t="str">
        <f>IF(N41="","",IF('（参考）【別紙１】'!SL11=0,0,'（参考）【別紙１】'!SL11))</f>
        <v/>
      </c>
      <c r="P41" s="76" t="str">
        <f t="shared" si="1"/>
        <v/>
      </c>
      <c r="Q41" s="11"/>
      <c r="R41" s="11"/>
      <c r="S41" s="11"/>
      <c r="T41" s="11"/>
      <c r="U41" s="11"/>
      <c r="V41" s="11"/>
    </row>
    <row r="42" spans="1:22" ht="17.100000000000001" customHeight="1">
      <c r="A42" s="283"/>
      <c r="B42" s="269"/>
      <c r="C42" s="270"/>
      <c r="D42" s="270"/>
      <c r="E42" s="270"/>
      <c r="F42" s="270"/>
      <c r="G42" s="270"/>
      <c r="H42" s="271"/>
      <c r="I42" s="17"/>
      <c r="J42" s="17"/>
      <c r="K42" s="287" t="s">
        <v>132</v>
      </c>
      <c r="L42" s="288"/>
      <c r="M42" s="289"/>
      <c r="N42" s="64">
        <f>SUM(N3:N41)</f>
        <v>153</v>
      </c>
      <c r="O42" s="64">
        <f>SUM(O3:O41)</f>
        <v>0</v>
      </c>
      <c r="P42" s="77">
        <f>O42/N42</f>
        <v>0</v>
      </c>
      <c r="Q42" s="11"/>
      <c r="R42" s="11"/>
      <c r="S42" s="11"/>
      <c r="T42" s="11"/>
      <c r="U42" s="11"/>
      <c r="V42" s="11"/>
    </row>
    <row r="43" spans="1:22" ht="5.0999999999999996" customHeight="1">
      <c r="A43" s="9"/>
      <c r="B43" s="9"/>
      <c r="C43" s="9"/>
      <c r="D43" s="9"/>
      <c r="E43" s="9"/>
      <c r="F43" s="9"/>
      <c r="G43" s="9"/>
      <c r="H43" s="9"/>
      <c r="I43" s="17"/>
      <c r="J43" s="17"/>
      <c r="K43" s="69"/>
      <c r="L43" s="69"/>
      <c r="M43" s="69"/>
      <c r="N43" s="62"/>
      <c r="O43" s="62"/>
      <c r="P43" s="70"/>
      <c r="Q43" s="11"/>
      <c r="R43" s="11"/>
      <c r="S43" s="11"/>
      <c r="T43" s="11"/>
      <c r="U43" s="11"/>
      <c r="V43" s="11"/>
    </row>
    <row r="44" spans="1:22" ht="17.100000000000001" customHeight="1">
      <c r="A44" s="262" t="s">
        <v>134</v>
      </c>
      <c r="B44" s="290"/>
      <c r="C44" s="290"/>
      <c r="D44" s="290"/>
      <c r="E44" s="290"/>
      <c r="F44" s="290"/>
      <c r="G44" s="290"/>
      <c r="H44" s="290"/>
      <c r="I44" s="17"/>
      <c r="J44" s="17"/>
      <c r="K44" s="291" t="s">
        <v>133</v>
      </c>
      <c r="L44" s="292"/>
      <c r="M44" s="293"/>
      <c r="N44" s="266" t="str">
        <f>IF('（参考）【別紙１】'!$SK$46="完全週休２日達成","完全週休２日達成",IF(AND('（参考）【別紙１】'!SK25="未達成"),"未達成",IF(AND('（参考）【別紙１】'!SK38="月単位の週休２日達成"),"月単位の週休２日達成",'（参考）【別紙１】'!SK25)))</f>
        <v>未達成</v>
      </c>
      <c r="O44" s="267"/>
      <c r="P44" s="268"/>
      <c r="Q44" s="11"/>
      <c r="R44" s="11"/>
      <c r="S44" s="11"/>
      <c r="T44" s="11"/>
      <c r="U44" s="11"/>
      <c r="V44" s="11"/>
    </row>
    <row r="45" spans="1:22" ht="9" customHeight="1">
      <c r="I45" s="9"/>
      <c r="J45" s="9"/>
      <c r="K45" s="287"/>
      <c r="L45" s="288"/>
      <c r="M45" s="289"/>
      <c r="N45" s="269"/>
      <c r="O45" s="270"/>
      <c r="P45" s="271"/>
      <c r="Q45" s="11"/>
      <c r="R45" s="11"/>
      <c r="S45" s="11"/>
      <c r="T45" s="11"/>
      <c r="U45" s="11"/>
      <c r="V45" s="11"/>
    </row>
    <row r="46" spans="1:22" ht="17.399999999999999" customHeight="1">
      <c r="I46" s="9"/>
      <c r="J46" s="9"/>
      <c r="K46" s="11"/>
      <c r="L46" s="11"/>
      <c r="M46" s="11"/>
      <c r="N46" s="11"/>
      <c r="O46" s="11"/>
      <c r="P46" s="11"/>
    </row>
    <row r="47" spans="1:22" ht="17.399999999999999" customHeight="1">
      <c r="I47" s="9"/>
      <c r="J47" s="9"/>
      <c r="K47" s="11"/>
      <c r="L47" s="11"/>
      <c r="M47" s="11"/>
      <c r="N47" s="11"/>
      <c r="O47" s="11"/>
      <c r="P47" s="11"/>
    </row>
    <row r="48" spans="1:22" ht="17.399999999999999" customHeight="1">
      <c r="I48" s="9"/>
      <c r="J48" s="9"/>
      <c r="K48" s="11"/>
      <c r="L48" s="11"/>
      <c r="M48" s="11"/>
      <c r="N48" s="11"/>
      <c r="O48" s="11"/>
      <c r="P48" s="11"/>
    </row>
    <row r="49" spans="11:16" ht="17.399999999999999" customHeight="1">
      <c r="K49" s="11"/>
      <c r="L49" s="11"/>
      <c r="M49" s="11"/>
      <c r="N49" s="11"/>
      <c r="O49" s="11"/>
      <c r="P49" s="11"/>
    </row>
    <row r="50" spans="11:16" ht="17.399999999999999" customHeight="1">
      <c r="K50" s="11"/>
      <c r="L50" s="11"/>
      <c r="M50" s="11"/>
      <c r="N50" s="11"/>
      <c r="O50" s="11"/>
      <c r="P50" s="11"/>
    </row>
    <row r="51" spans="11:16" ht="18" customHeight="1">
      <c r="K51" s="11"/>
      <c r="L51" s="11"/>
      <c r="M51" s="11"/>
      <c r="N51" s="11"/>
      <c r="O51" s="11"/>
      <c r="P51" s="11"/>
    </row>
    <row r="52" spans="11:16">
      <c r="K52" s="11"/>
      <c r="L52" s="11"/>
      <c r="M52" s="11"/>
      <c r="N52" s="11"/>
      <c r="O52" s="11"/>
      <c r="P52" s="11"/>
    </row>
    <row r="53" spans="11:16">
      <c r="K53" s="11"/>
      <c r="L53" s="11"/>
      <c r="M53" s="11"/>
      <c r="N53" s="11"/>
      <c r="O53" s="11"/>
      <c r="P53" s="11"/>
    </row>
    <row r="54" spans="11:16">
      <c r="K54" s="11"/>
      <c r="L54" s="11"/>
      <c r="M54" s="11"/>
      <c r="N54" s="11"/>
      <c r="O54" s="11"/>
      <c r="P54" s="11"/>
    </row>
    <row r="55" spans="11:16">
      <c r="K55" s="11"/>
      <c r="L55" s="11"/>
      <c r="M55" s="11"/>
      <c r="N55" s="11"/>
      <c r="O55" s="11"/>
      <c r="P55" s="11"/>
    </row>
    <row r="56" spans="11:16">
      <c r="K56" s="11"/>
      <c r="L56" s="11"/>
      <c r="M56" s="11"/>
      <c r="N56" s="11"/>
      <c r="O56" s="11"/>
      <c r="P56" s="11"/>
    </row>
    <row r="57" spans="11:16">
      <c r="K57" s="11"/>
      <c r="L57" s="11"/>
      <c r="M57" s="11"/>
      <c r="N57" s="11"/>
      <c r="O57" s="11"/>
      <c r="P57" s="11"/>
    </row>
    <row r="58" spans="11:16">
      <c r="K58" s="11"/>
      <c r="L58" s="11"/>
      <c r="M58" s="11"/>
      <c r="N58" s="11"/>
      <c r="O58" s="11"/>
      <c r="P58" s="11"/>
    </row>
    <row r="59" spans="11:16">
      <c r="K59" s="11"/>
      <c r="L59" s="11"/>
      <c r="M59" s="11"/>
      <c r="N59" s="11"/>
      <c r="O59" s="11"/>
      <c r="P59" s="11"/>
    </row>
    <row r="60" spans="11:16">
      <c r="K60" s="11"/>
      <c r="L60" s="11"/>
      <c r="M60" s="11"/>
      <c r="N60" s="11"/>
      <c r="O60" s="11"/>
      <c r="P60" s="11"/>
    </row>
    <row r="61" spans="11:16">
      <c r="K61" s="11"/>
      <c r="L61" s="11"/>
      <c r="M61" s="11"/>
      <c r="N61" s="11"/>
      <c r="O61" s="11"/>
      <c r="P61" s="11"/>
    </row>
    <row r="62" spans="11:16">
      <c r="K62" s="11"/>
      <c r="L62" s="11"/>
      <c r="M62" s="11"/>
      <c r="N62" s="11"/>
      <c r="O62" s="11"/>
      <c r="P62" s="11"/>
    </row>
    <row r="63" spans="11:16">
      <c r="K63" s="11"/>
      <c r="L63" s="11"/>
      <c r="M63" s="11"/>
      <c r="N63" s="11"/>
      <c r="O63" s="11"/>
      <c r="P63" s="11"/>
    </row>
    <row r="64" spans="11:16">
      <c r="K64" s="11"/>
      <c r="L64" s="11"/>
      <c r="M64" s="11"/>
      <c r="N64" s="11"/>
      <c r="O64" s="11"/>
      <c r="P64" s="11"/>
    </row>
    <row r="65" spans="11:16">
      <c r="K65" s="11"/>
      <c r="L65" s="11"/>
      <c r="M65" s="11"/>
      <c r="N65" s="11"/>
      <c r="O65" s="11"/>
      <c r="P65" s="11"/>
    </row>
    <row r="66" spans="11:16">
      <c r="K66" s="11"/>
      <c r="L66" s="11"/>
      <c r="M66" s="11"/>
      <c r="N66" s="11"/>
      <c r="O66" s="11"/>
      <c r="P66" s="11"/>
    </row>
    <row r="67" spans="11:16">
      <c r="K67" s="11"/>
      <c r="L67" s="11"/>
      <c r="M67" s="11"/>
      <c r="N67" s="11"/>
      <c r="O67" s="11"/>
      <c r="P67" s="11"/>
    </row>
    <row r="68" spans="11:16">
      <c r="K68" s="11"/>
      <c r="L68" s="11"/>
      <c r="M68" s="11"/>
      <c r="N68" s="11"/>
      <c r="O68" s="11"/>
      <c r="P68" s="11"/>
    </row>
    <row r="69" spans="11:16">
      <c r="K69" s="11"/>
      <c r="L69" s="11"/>
      <c r="M69" s="11"/>
      <c r="N69" s="11"/>
      <c r="O69" s="11"/>
      <c r="P69" s="11"/>
    </row>
    <row r="70" spans="11:16">
      <c r="K70" s="11"/>
      <c r="L70" s="11"/>
      <c r="M70" s="11"/>
      <c r="N70" s="11"/>
      <c r="O70" s="11"/>
      <c r="P70" s="11"/>
    </row>
    <row r="71" spans="11:16">
      <c r="K71" s="11"/>
      <c r="L71" s="11"/>
      <c r="M71" s="11"/>
      <c r="N71" s="11"/>
      <c r="O71" s="11"/>
      <c r="P71" s="11"/>
    </row>
    <row r="72" spans="11:16">
      <c r="K72" s="11"/>
      <c r="L72" s="11"/>
      <c r="M72" s="11"/>
      <c r="N72" s="11"/>
      <c r="O72" s="11"/>
      <c r="P72" s="11"/>
    </row>
  </sheetData>
  <sheetProtection algorithmName="SHA-512" hashValue="/oXLhDVwzPtRuH1ros/TPHQPaTPY5MYUuc2Pwg2bqEoMPKuQYpiEvrxaUa39Y36LL8sxhFp+gtH0nI0Afti01w==" saltValue="UqfzDFbz5UWf0Z3udrLTtA==" spinCount="100000" sheet="1" selectLockedCells="1"/>
  <mergeCells count="38">
    <mergeCell ref="N44:P45"/>
    <mergeCell ref="C20:G20"/>
    <mergeCell ref="A19:B19"/>
    <mergeCell ref="C19:F19"/>
    <mergeCell ref="A18:B18"/>
    <mergeCell ref="C18:F18"/>
    <mergeCell ref="A23:H24"/>
    <mergeCell ref="B30:H32"/>
    <mergeCell ref="D33:D34"/>
    <mergeCell ref="K44:M45"/>
    <mergeCell ref="A44:H44"/>
    <mergeCell ref="A30:A32"/>
    <mergeCell ref="A35:A36"/>
    <mergeCell ref="K42:M42"/>
    <mergeCell ref="A37:A42"/>
    <mergeCell ref="B37:H42"/>
    <mergeCell ref="A7:I7"/>
    <mergeCell ref="A5:G5"/>
    <mergeCell ref="P1:P2"/>
    <mergeCell ref="H1:I1"/>
    <mergeCell ref="F3:H3"/>
    <mergeCell ref="K1:M2"/>
    <mergeCell ref="A1:G1"/>
    <mergeCell ref="A8:H8"/>
    <mergeCell ref="D35:D36"/>
    <mergeCell ref="E33:H34"/>
    <mergeCell ref="B33:C34"/>
    <mergeCell ref="A16:A17"/>
    <mergeCell ref="A33:A34"/>
    <mergeCell ref="B11:G13"/>
    <mergeCell ref="A11:A15"/>
    <mergeCell ref="H11:J15"/>
    <mergeCell ref="B16:I17"/>
    <mergeCell ref="A25:A29"/>
    <mergeCell ref="B14:G15"/>
    <mergeCell ref="B25:H29"/>
    <mergeCell ref="E35:H36"/>
    <mergeCell ref="B35:C36"/>
  </mergeCells>
  <phoneticPr fontId="1"/>
  <pageMargins left="0.70866141732283472" right="0.70866141732283472" top="0.59055118110236227" bottom="0.31496062992125984" header="0.31496062992125984" footer="0.31496062992125984"/>
  <pageSetup paperSize="9" orientation="portrait" blackAndWhite="1" r:id="rId1"/>
  <colBreaks count="2" manualBreakCount="2">
    <brk id="10" max="44" man="1"/>
    <brk id="18" max="42"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E65653"/>
  <sheetViews>
    <sheetView topLeftCell="A76" workbookViewId="0">
      <selection activeCell="D140" sqref="D140"/>
    </sheetView>
  </sheetViews>
  <sheetFormatPr defaultRowHeight="18"/>
  <cols>
    <col min="1" max="1" width="18.8984375" customWidth="1"/>
    <col min="2" max="2" width="17.69921875" customWidth="1"/>
    <col min="3" max="3" width="22.09765625" customWidth="1"/>
    <col min="5" max="5" width="12.3984375" customWidth="1"/>
  </cols>
  <sheetData>
    <row r="1" spans="1:5" ht="19.2">
      <c r="A1" s="3" t="s">
        <v>0</v>
      </c>
      <c r="B1" s="3" t="s">
        <v>1</v>
      </c>
      <c r="C1" s="4" t="s">
        <v>2</v>
      </c>
      <c r="D1" t="s">
        <v>21</v>
      </c>
    </row>
    <row r="2" spans="1:5" ht="19.2">
      <c r="A2" s="5">
        <v>43507</v>
      </c>
      <c r="B2" s="7" t="str">
        <f>TEXT(A2,"aaa")</f>
        <v>月</v>
      </c>
      <c r="C2" s="6" t="s">
        <v>6</v>
      </c>
      <c r="D2" s="1" t="s">
        <v>66</v>
      </c>
      <c r="E2" s="8" t="str">
        <f>IF(D2="○",A2,"×")</f>
        <v>×</v>
      </c>
    </row>
    <row r="3" spans="1:5" ht="19.2">
      <c r="A3" s="5">
        <v>43545</v>
      </c>
      <c r="B3" s="7" t="str">
        <f>TEXT(A3,"aaa")</f>
        <v>木</v>
      </c>
      <c r="C3" s="6" t="s">
        <v>7</v>
      </c>
      <c r="D3" s="30" t="s">
        <v>66</v>
      </c>
      <c r="E3" s="8" t="str">
        <f t="shared" ref="E3:E4" si="0">IF(D3="○",A3,"×")</f>
        <v>×</v>
      </c>
    </row>
    <row r="4" spans="1:5" ht="19.2">
      <c r="A4" s="5">
        <v>43584</v>
      </c>
      <c r="B4" s="7" t="str">
        <f>TEXT(A4,"aaa")</f>
        <v>月</v>
      </c>
      <c r="C4" s="6" t="s">
        <v>8</v>
      </c>
      <c r="D4" s="30" t="s">
        <v>66</v>
      </c>
      <c r="E4" s="8" t="str">
        <f t="shared" si="0"/>
        <v>×</v>
      </c>
    </row>
    <row r="5" spans="1:5" ht="19.2">
      <c r="A5" s="5">
        <v>43588</v>
      </c>
      <c r="B5" s="7" t="str">
        <f t="shared" ref="B5:B91" si="1">TEXT(A5,"aaa")</f>
        <v>金</v>
      </c>
      <c r="C5" s="6" t="s">
        <v>9</v>
      </c>
      <c r="D5" s="30" t="s">
        <v>66</v>
      </c>
      <c r="E5" s="8" t="str">
        <f t="shared" ref="E5:E80" si="2">IF(D5="○",A5,"×")</f>
        <v>×</v>
      </c>
    </row>
    <row r="6" spans="1:5" ht="19.2">
      <c r="A6" s="5">
        <v>43589</v>
      </c>
      <c r="B6" s="7" t="str">
        <f t="shared" si="1"/>
        <v>土</v>
      </c>
      <c r="C6" s="6" t="s">
        <v>10</v>
      </c>
      <c r="D6" s="30" t="s">
        <v>66</v>
      </c>
      <c r="E6" s="8" t="str">
        <f t="shared" si="2"/>
        <v>×</v>
      </c>
    </row>
    <row r="7" spans="1:5" ht="19.2">
      <c r="A7" s="5">
        <v>43590</v>
      </c>
      <c r="B7" s="7" t="str">
        <f t="shared" si="1"/>
        <v>日</v>
      </c>
      <c r="C7" s="6" t="s">
        <v>11</v>
      </c>
      <c r="D7" s="30" t="s">
        <v>66</v>
      </c>
      <c r="E7" s="8" t="str">
        <f t="shared" si="2"/>
        <v>×</v>
      </c>
    </row>
    <row r="8" spans="1:5" ht="19.2">
      <c r="A8" s="5">
        <v>43591</v>
      </c>
      <c r="B8" s="7" t="str">
        <f t="shared" si="1"/>
        <v>月</v>
      </c>
      <c r="C8" s="6" t="s">
        <v>4</v>
      </c>
      <c r="D8" s="30" t="s">
        <v>66</v>
      </c>
      <c r="E8" s="8" t="str">
        <f t="shared" si="2"/>
        <v>×</v>
      </c>
    </row>
    <row r="9" spans="1:5" ht="19.2">
      <c r="A9" s="5">
        <v>43661</v>
      </c>
      <c r="B9" s="7" t="str">
        <f t="shared" si="1"/>
        <v>月</v>
      </c>
      <c r="C9" s="6" t="s">
        <v>12</v>
      </c>
      <c r="D9" s="30" t="s">
        <v>66</v>
      </c>
      <c r="E9" s="8" t="str">
        <f t="shared" si="2"/>
        <v>×</v>
      </c>
    </row>
    <row r="10" spans="1:5" ht="19.2">
      <c r="A10" s="5" t="e">
        <f>DATE('（参考）入力シート'!K22,'（参考）入力シート'!M22,'（参考）入力シート'!O22)</f>
        <v>#NUM!</v>
      </c>
      <c r="B10" s="7" t="e">
        <f t="shared" si="1"/>
        <v>#NUM!</v>
      </c>
      <c r="C10" s="6" t="s">
        <v>22</v>
      </c>
      <c r="D10" s="1" t="e">
        <f t="shared" ref="D10:D84" si="3">IF(OR(B10="土",B10="日"),"×","○")</f>
        <v>#NUM!</v>
      </c>
      <c r="E10" s="8" t="e">
        <f t="shared" si="2"/>
        <v>#NUM!</v>
      </c>
    </row>
    <row r="11" spans="1:5" ht="19.2">
      <c r="A11" s="5" t="e">
        <f>DATE('（参考）入力シート'!K23,'（参考）入力シート'!M23,'（参考）入力シート'!O23)</f>
        <v>#NUM!</v>
      </c>
      <c r="B11" s="7" t="e">
        <f t="shared" si="1"/>
        <v>#NUM!</v>
      </c>
      <c r="C11" s="6" t="s">
        <v>22</v>
      </c>
      <c r="D11" s="1" t="e">
        <f t="shared" si="3"/>
        <v>#NUM!</v>
      </c>
      <c r="E11" s="8" t="e">
        <f t="shared" si="2"/>
        <v>#NUM!</v>
      </c>
    </row>
    <row r="12" spans="1:5" ht="19.2">
      <c r="A12" s="5" t="e">
        <f>DATE('（参考）入力シート'!K24,'（参考）入力シート'!M24,'（参考）入力シート'!O24)</f>
        <v>#NUM!</v>
      </c>
      <c r="B12" s="7" t="e">
        <f t="shared" si="1"/>
        <v>#NUM!</v>
      </c>
      <c r="C12" s="6" t="s">
        <v>22</v>
      </c>
      <c r="D12" s="1" t="e">
        <f t="shared" si="3"/>
        <v>#NUM!</v>
      </c>
      <c r="E12" s="8" t="e">
        <f t="shared" si="2"/>
        <v>#NUM!</v>
      </c>
    </row>
    <row r="13" spans="1:5" ht="19.2">
      <c r="A13" s="5">
        <v>43688</v>
      </c>
      <c r="B13" s="7" t="str">
        <f t="shared" si="1"/>
        <v>日</v>
      </c>
      <c r="C13" s="6" t="s">
        <v>13</v>
      </c>
      <c r="D13" s="30" t="s">
        <v>66</v>
      </c>
      <c r="E13" s="8" t="str">
        <f t="shared" si="2"/>
        <v>×</v>
      </c>
    </row>
    <row r="14" spans="1:5" ht="19.2">
      <c r="A14" s="5">
        <v>43689</v>
      </c>
      <c r="B14" s="7" t="str">
        <f t="shared" si="1"/>
        <v>月</v>
      </c>
      <c r="C14" s="6" t="s">
        <v>4</v>
      </c>
      <c r="D14" s="30" t="s">
        <v>66</v>
      </c>
      <c r="E14" s="8" t="str">
        <f t="shared" si="2"/>
        <v>×</v>
      </c>
    </row>
    <row r="15" spans="1:5" ht="19.2">
      <c r="A15" s="5">
        <v>43724</v>
      </c>
      <c r="B15" s="7" t="str">
        <f t="shared" si="1"/>
        <v>月</v>
      </c>
      <c r="C15" s="6" t="s">
        <v>14</v>
      </c>
      <c r="D15" s="30" t="s">
        <v>66</v>
      </c>
      <c r="E15" s="8" t="str">
        <f t="shared" si="2"/>
        <v>×</v>
      </c>
    </row>
    <row r="16" spans="1:5" ht="19.2">
      <c r="A16" s="5">
        <v>43731</v>
      </c>
      <c r="B16" s="7" t="str">
        <f t="shared" si="1"/>
        <v>月</v>
      </c>
      <c r="C16" s="6" t="s">
        <v>15</v>
      </c>
      <c r="D16" s="30" t="s">
        <v>66</v>
      </c>
      <c r="E16" s="8" t="str">
        <f t="shared" si="2"/>
        <v>×</v>
      </c>
    </row>
    <row r="17" spans="1:5" ht="19.2">
      <c r="A17" s="5">
        <v>43752</v>
      </c>
      <c r="B17" s="7" t="str">
        <f t="shared" si="1"/>
        <v>月</v>
      </c>
      <c r="C17" s="6" t="s">
        <v>16</v>
      </c>
      <c r="D17" s="30" t="s">
        <v>66</v>
      </c>
      <c r="E17" s="8" t="str">
        <f t="shared" si="2"/>
        <v>×</v>
      </c>
    </row>
    <row r="18" spans="1:5" ht="19.2">
      <c r="A18" s="5">
        <v>43772</v>
      </c>
      <c r="B18" s="7" t="str">
        <f t="shared" si="1"/>
        <v>日</v>
      </c>
      <c r="C18" s="6" t="s">
        <v>17</v>
      </c>
      <c r="D18" s="30" t="s">
        <v>66</v>
      </c>
      <c r="E18" s="8" t="str">
        <f t="shared" si="2"/>
        <v>×</v>
      </c>
    </row>
    <row r="19" spans="1:5" ht="19.2">
      <c r="A19" s="5">
        <v>43773</v>
      </c>
      <c r="B19" s="7" t="str">
        <f t="shared" si="1"/>
        <v>月</v>
      </c>
      <c r="C19" s="6" t="s">
        <v>4</v>
      </c>
      <c r="D19" s="30" t="s">
        <v>66</v>
      </c>
      <c r="E19" s="8" t="str">
        <f t="shared" si="2"/>
        <v>×</v>
      </c>
    </row>
    <row r="20" spans="1:5" ht="19.2">
      <c r="A20" s="5">
        <v>43792</v>
      </c>
      <c r="B20" s="7" t="str">
        <f t="shared" si="1"/>
        <v>土</v>
      </c>
      <c r="C20" s="6" t="s">
        <v>18</v>
      </c>
      <c r="D20" s="30" t="s">
        <v>66</v>
      </c>
      <c r="E20" s="8" t="str">
        <f t="shared" si="2"/>
        <v>×</v>
      </c>
    </row>
    <row r="21" spans="1:5" ht="19.2">
      <c r="A21" s="5">
        <v>43822</v>
      </c>
      <c r="B21" s="7" t="str">
        <f t="shared" si="1"/>
        <v>月</v>
      </c>
      <c r="C21" s="6" t="s">
        <v>19</v>
      </c>
      <c r="D21" s="30" t="s">
        <v>66</v>
      </c>
      <c r="E21" s="8" t="str">
        <f t="shared" si="2"/>
        <v>×</v>
      </c>
    </row>
    <row r="22" spans="1:5" ht="19.2">
      <c r="A22" s="5">
        <v>43828</v>
      </c>
      <c r="B22" s="7" t="str">
        <f t="shared" si="1"/>
        <v>日</v>
      </c>
      <c r="C22" s="6"/>
      <c r="D22" s="1" t="s">
        <v>26</v>
      </c>
      <c r="E22" s="8">
        <f t="shared" si="2"/>
        <v>43828</v>
      </c>
    </row>
    <row r="23" spans="1:5" ht="19.2">
      <c r="A23" s="5">
        <v>43829</v>
      </c>
      <c r="B23" s="7" t="str">
        <f t="shared" si="1"/>
        <v>月</v>
      </c>
      <c r="C23" s="6"/>
      <c r="D23" s="1" t="str">
        <f t="shared" si="3"/>
        <v>○</v>
      </c>
      <c r="E23" s="8">
        <f t="shared" si="2"/>
        <v>43829</v>
      </c>
    </row>
    <row r="24" spans="1:5" ht="19.2">
      <c r="A24" s="5">
        <v>43830</v>
      </c>
      <c r="B24" s="7" t="str">
        <f t="shared" si="1"/>
        <v>火</v>
      </c>
      <c r="C24" s="6"/>
      <c r="D24" s="1" t="str">
        <f t="shared" si="3"/>
        <v>○</v>
      </c>
      <c r="E24" s="8">
        <f t="shared" si="2"/>
        <v>43830</v>
      </c>
    </row>
    <row r="25" spans="1:5" ht="19.2">
      <c r="A25" s="5">
        <v>43831</v>
      </c>
      <c r="B25" s="7" t="str">
        <f t="shared" si="1"/>
        <v>水</v>
      </c>
      <c r="C25" s="6" t="s">
        <v>3</v>
      </c>
      <c r="D25" s="1" t="str">
        <f t="shared" si="3"/>
        <v>○</v>
      </c>
      <c r="E25" s="8">
        <f t="shared" si="2"/>
        <v>43831</v>
      </c>
    </row>
    <row r="26" spans="1:5" ht="19.2">
      <c r="A26" s="5">
        <v>43832</v>
      </c>
      <c r="B26" s="7" t="str">
        <f t="shared" si="1"/>
        <v>木</v>
      </c>
      <c r="C26" s="6"/>
      <c r="D26" s="1" t="str">
        <f t="shared" si="3"/>
        <v>○</v>
      </c>
      <c r="E26" s="8">
        <f t="shared" si="2"/>
        <v>43832</v>
      </c>
    </row>
    <row r="27" spans="1:5" ht="19.2">
      <c r="A27" s="5">
        <v>43833</v>
      </c>
      <c r="B27" s="7" t="str">
        <f t="shared" si="1"/>
        <v>金</v>
      </c>
      <c r="C27" s="6"/>
      <c r="D27" s="1" t="str">
        <f t="shared" si="3"/>
        <v>○</v>
      </c>
      <c r="E27" s="8">
        <f t="shared" si="2"/>
        <v>43833</v>
      </c>
    </row>
    <row r="28" spans="1:5" ht="19.2">
      <c r="A28" s="5">
        <v>43843</v>
      </c>
      <c r="B28" s="7" t="str">
        <f t="shared" si="1"/>
        <v>月</v>
      </c>
      <c r="C28" s="6" t="s">
        <v>5</v>
      </c>
      <c r="D28" s="30" t="s">
        <v>66</v>
      </c>
      <c r="E28" s="8" t="str">
        <f t="shared" si="2"/>
        <v>×</v>
      </c>
    </row>
    <row r="29" spans="1:5" ht="19.2">
      <c r="A29" s="5">
        <v>43872</v>
      </c>
      <c r="B29" s="7" t="str">
        <f t="shared" si="1"/>
        <v>火</v>
      </c>
      <c r="C29" s="6" t="s">
        <v>6</v>
      </c>
      <c r="D29" s="30" t="s">
        <v>66</v>
      </c>
      <c r="E29" s="8" t="str">
        <f t="shared" si="2"/>
        <v>×</v>
      </c>
    </row>
    <row r="30" spans="1:5" ht="19.2">
      <c r="A30" s="5">
        <v>43910</v>
      </c>
      <c r="B30" s="7" t="str">
        <f t="shared" si="1"/>
        <v>金</v>
      </c>
      <c r="C30" s="6" t="s">
        <v>7</v>
      </c>
      <c r="D30" s="30" t="s">
        <v>66</v>
      </c>
      <c r="E30" s="8" t="str">
        <f t="shared" si="2"/>
        <v>×</v>
      </c>
    </row>
    <row r="31" spans="1:5" ht="19.2">
      <c r="A31" s="5">
        <v>43950</v>
      </c>
      <c r="B31" s="7" t="str">
        <f t="shared" si="1"/>
        <v>水</v>
      </c>
      <c r="C31" s="6" t="s">
        <v>8</v>
      </c>
      <c r="D31" s="30" t="s">
        <v>66</v>
      </c>
      <c r="E31" s="8" t="str">
        <f t="shared" si="2"/>
        <v>×</v>
      </c>
    </row>
    <row r="32" spans="1:5" ht="19.2">
      <c r="A32" s="5">
        <v>43954</v>
      </c>
      <c r="B32" s="7" t="str">
        <f t="shared" si="1"/>
        <v>日</v>
      </c>
      <c r="C32" s="6" t="s">
        <v>9</v>
      </c>
      <c r="D32" s="30" t="s">
        <v>66</v>
      </c>
      <c r="E32" s="8" t="str">
        <f t="shared" si="2"/>
        <v>×</v>
      </c>
    </row>
    <row r="33" spans="1:5" ht="19.2">
      <c r="A33" s="5">
        <v>43955</v>
      </c>
      <c r="B33" s="7" t="str">
        <f t="shared" si="1"/>
        <v>月</v>
      </c>
      <c r="C33" s="6" t="s">
        <v>10</v>
      </c>
      <c r="D33" s="30" t="s">
        <v>66</v>
      </c>
      <c r="E33" s="8" t="str">
        <f t="shared" si="2"/>
        <v>×</v>
      </c>
    </row>
    <row r="34" spans="1:5" ht="19.2">
      <c r="A34" s="5">
        <v>43956</v>
      </c>
      <c r="B34" s="7" t="str">
        <f t="shared" si="1"/>
        <v>火</v>
      </c>
      <c r="C34" s="6" t="s">
        <v>11</v>
      </c>
      <c r="D34" s="30" t="s">
        <v>66</v>
      </c>
      <c r="E34" s="8" t="str">
        <f t="shared" si="2"/>
        <v>×</v>
      </c>
    </row>
    <row r="35" spans="1:5" ht="19.2">
      <c r="A35" s="5">
        <v>43957</v>
      </c>
      <c r="B35" s="7" t="str">
        <f t="shared" si="1"/>
        <v>水</v>
      </c>
      <c r="C35" s="6" t="s">
        <v>4</v>
      </c>
      <c r="D35" s="30" t="s">
        <v>66</v>
      </c>
      <c r="E35" s="8" t="str">
        <f t="shared" si="2"/>
        <v>×</v>
      </c>
    </row>
    <row r="36" spans="1:5" ht="19.2">
      <c r="A36" s="5">
        <v>44032</v>
      </c>
      <c r="B36" s="7" t="str">
        <f t="shared" si="1"/>
        <v>月</v>
      </c>
      <c r="C36" s="6" t="s">
        <v>12</v>
      </c>
      <c r="D36" s="30" t="s">
        <v>66</v>
      </c>
      <c r="E36" s="8" t="str">
        <f t="shared" si="2"/>
        <v>×</v>
      </c>
    </row>
    <row r="37" spans="1:5" ht="19.2">
      <c r="A37" s="5">
        <v>44054</v>
      </c>
      <c r="B37" s="7" t="str">
        <f t="shared" si="1"/>
        <v>火</v>
      </c>
      <c r="C37" s="6" t="s">
        <v>13</v>
      </c>
      <c r="D37" s="30" t="s">
        <v>66</v>
      </c>
      <c r="E37" s="8" t="str">
        <f t="shared" si="2"/>
        <v>×</v>
      </c>
    </row>
    <row r="38" spans="1:5" ht="19.2">
      <c r="A38" s="5">
        <v>44095</v>
      </c>
      <c r="B38" s="7" t="str">
        <f t="shared" si="1"/>
        <v>月</v>
      </c>
      <c r="C38" s="6" t="s">
        <v>14</v>
      </c>
      <c r="D38" s="30" t="s">
        <v>66</v>
      </c>
      <c r="E38" s="8" t="str">
        <f t="shared" si="2"/>
        <v>×</v>
      </c>
    </row>
    <row r="39" spans="1:5" ht="19.2">
      <c r="A39" s="5">
        <v>44096</v>
      </c>
      <c r="B39" s="7" t="str">
        <f t="shared" si="1"/>
        <v>火</v>
      </c>
      <c r="C39" s="6" t="s">
        <v>15</v>
      </c>
      <c r="D39" s="30" t="s">
        <v>66</v>
      </c>
      <c r="E39" s="8" t="str">
        <f t="shared" si="2"/>
        <v>×</v>
      </c>
    </row>
    <row r="40" spans="1:5" ht="19.2">
      <c r="A40" s="5">
        <v>44116</v>
      </c>
      <c r="B40" s="7" t="str">
        <f t="shared" si="1"/>
        <v>月</v>
      </c>
      <c r="C40" s="6" t="s">
        <v>16</v>
      </c>
      <c r="D40" s="30" t="s">
        <v>66</v>
      </c>
      <c r="E40" s="8" t="str">
        <f t="shared" si="2"/>
        <v>×</v>
      </c>
    </row>
    <row r="41" spans="1:5" ht="19.2">
      <c r="A41" s="5">
        <v>44138</v>
      </c>
      <c r="B41" s="7" t="str">
        <f t="shared" si="1"/>
        <v>火</v>
      </c>
      <c r="C41" s="6" t="s">
        <v>17</v>
      </c>
      <c r="D41" s="30" t="s">
        <v>66</v>
      </c>
      <c r="E41" s="8" t="str">
        <f t="shared" si="2"/>
        <v>×</v>
      </c>
    </row>
    <row r="42" spans="1:5" ht="19.2">
      <c r="A42" s="5">
        <v>44158</v>
      </c>
      <c r="B42" s="7" t="str">
        <f t="shared" si="1"/>
        <v>月</v>
      </c>
      <c r="C42" s="6" t="s">
        <v>18</v>
      </c>
      <c r="D42" s="30" t="s">
        <v>66</v>
      </c>
      <c r="E42" s="8" t="str">
        <f t="shared" si="2"/>
        <v>×</v>
      </c>
    </row>
    <row r="43" spans="1:5" ht="19.2">
      <c r="A43" s="5">
        <v>44188</v>
      </c>
      <c r="B43" s="7" t="str">
        <f t="shared" si="1"/>
        <v>水</v>
      </c>
      <c r="C43" s="6" t="s">
        <v>19</v>
      </c>
      <c r="D43" s="30" t="s">
        <v>66</v>
      </c>
      <c r="E43" s="8" t="str">
        <f t="shared" si="2"/>
        <v>×</v>
      </c>
    </row>
    <row r="44" spans="1:5" ht="19.2">
      <c r="A44" s="5">
        <v>44194</v>
      </c>
      <c r="B44" s="7" t="str">
        <f t="shared" si="1"/>
        <v>火</v>
      </c>
      <c r="C44" s="6"/>
      <c r="D44" s="1" t="str">
        <f t="shared" si="3"/>
        <v>○</v>
      </c>
      <c r="E44" s="8">
        <f t="shared" si="2"/>
        <v>44194</v>
      </c>
    </row>
    <row r="45" spans="1:5" ht="19.2">
      <c r="A45" s="5">
        <v>44195</v>
      </c>
      <c r="B45" s="7" t="str">
        <f t="shared" si="1"/>
        <v>水</v>
      </c>
      <c r="C45" s="6"/>
      <c r="D45" s="1" t="str">
        <f t="shared" si="3"/>
        <v>○</v>
      </c>
      <c r="E45" s="8">
        <f t="shared" si="2"/>
        <v>44195</v>
      </c>
    </row>
    <row r="46" spans="1:5" ht="19.2">
      <c r="A46" s="5">
        <v>44196</v>
      </c>
      <c r="B46" s="7" t="str">
        <f t="shared" si="1"/>
        <v>木</v>
      </c>
      <c r="C46" s="6"/>
      <c r="D46" s="1" t="str">
        <f t="shared" si="3"/>
        <v>○</v>
      </c>
      <c r="E46" s="8">
        <f t="shared" si="2"/>
        <v>44196</v>
      </c>
    </row>
    <row r="47" spans="1:5" ht="19.2">
      <c r="A47" s="5">
        <v>44197</v>
      </c>
      <c r="B47" s="7" t="str">
        <f t="shared" si="1"/>
        <v>金</v>
      </c>
      <c r="C47" s="6" t="s">
        <v>3</v>
      </c>
      <c r="D47" s="1" t="str">
        <f t="shared" si="3"/>
        <v>○</v>
      </c>
      <c r="E47" s="8">
        <f t="shared" si="2"/>
        <v>44197</v>
      </c>
    </row>
    <row r="48" spans="1:5" ht="19.2">
      <c r="A48" s="5">
        <v>44198</v>
      </c>
      <c r="B48" s="7" t="str">
        <f t="shared" si="1"/>
        <v>土</v>
      </c>
      <c r="C48" s="6"/>
      <c r="D48" s="1" t="s">
        <v>26</v>
      </c>
      <c r="E48" s="8">
        <f t="shared" si="2"/>
        <v>44198</v>
      </c>
    </row>
    <row r="49" spans="1:5" ht="19.2">
      <c r="A49" s="5">
        <v>44199</v>
      </c>
      <c r="B49" s="7" t="str">
        <f t="shared" si="1"/>
        <v>日</v>
      </c>
      <c r="C49" s="6"/>
      <c r="D49" s="1" t="s">
        <v>27</v>
      </c>
      <c r="E49" s="8">
        <f t="shared" si="2"/>
        <v>44199</v>
      </c>
    </row>
    <row r="50" spans="1:5" ht="19.2">
      <c r="A50" s="5">
        <v>44207</v>
      </c>
      <c r="B50" s="7" t="str">
        <f t="shared" si="1"/>
        <v>月</v>
      </c>
      <c r="C50" s="6" t="s">
        <v>5</v>
      </c>
      <c r="D50" s="30" t="s">
        <v>66</v>
      </c>
      <c r="E50" s="8" t="str">
        <f t="shared" si="2"/>
        <v>×</v>
      </c>
    </row>
    <row r="51" spans="1:5" ht="19.2">
      <c r="A51" s="5">
        <v>44238</v>
      </c>
      <c r="B51" s="7" t="str">
        <f t="shared" si="1"/>
        <v>木</v>
      </c>
      <c r="C51" s="6" t="s">
        <v>6</v>
      </c>
      <c r="D51" s="30" t="s">
        <v>66</v>
      </c>
      <c r="E51" s="8" t="str">
        <f t="shared" si="2"/>
        <v>×</v>
      </c>
    </row>
    <row r="52" spans="1:5" ht="19.2">
      <c r="A52" s="5">
        <v>44275</v>
      </c>
      <c r="B52" s="7" t="str">
        <f t="shared" si="1"/>
        <v>土</v>
      </c>
      <c r="C52" s="6" t="s">
        <v>7</v>
      </c>
      <c r="D52" s="30" t="s">
        <v>66</v>
      </c>
      <c r="E52" s="8" t="str">
        <f t="shared" si="2"/>
        <v>×</v>
      </c>
    </row>
    <row r="53" spans="1:5" ht="19.2">
      <c r="A53" s="5">
        <v>44315</v>
      </c>
      <c r="B53" s="7" t="str">
        <f t="shared" si="1"/>
        <v>木</v>
      </c>
      <c r="C53" s="6" t="s">
        <v>8</v>
      </c>
      <c r="D53" s="30" t="s">
        <v>66</v>
      </c>
      <c r="E53" s="8" t="str">
        <f t="shared" si="2"/>
        <v>×</v>
      </c>
    </row>
    <row r="54" spans="1:5" ht="19.2">
      <c r="A54" s="5">
        <v>44319</v>
      </c>
      <c r="B54" s="7" t="str">
        <f t="shared" si="1"/>
        <v>月</v>
      </c>
      <c r="C54" s="6" t="s">
        <v>9</v>
      </c>
      <c r="D54" s="30" t="s">
        <v>66</v>
      </c>
      <c r="E54" s="8" t="str">
        <f t="shared" si="2"/>
        <v>×</v>
      </c>
    </row>
    <row r="55" spans="1:5" ht="19.2">
      <c r="A55" s="5">
        <v>44320</v>
      </c>
      <c r="B55" s="7" t="str">
        <f t="shared" si="1"/>
        <v>火</v>
      </c>
      <c r="C55" s="6" t="s">
        <v>10</v>
      </c>
      <c r="D55" s="30" t="s">
        <v>66</v>
      </c>
      <c r="E55" s="8" t="str">
        <f t="shared" si="2"/>
        <v>×</v>
      </c>
    </row>
    <row r="56" spans="1:5" ht="19.2">
      <c r="A56" s="5">
        <v>44321</v>
      </c>
      <c r="B56" s="7" t="str">
        <f t="shared" si="1"/>
        <v>水</v>
      </c>
      <c r="C56" s="6" t="s">
        <v>11</v>
      </c>
      <c r="D56" s="30" t="s">
        <v>66</v>
      </c>
      <c r="E56" s="8" t="str">
        <f t="shared" si="2"/>
        <v>×</v>
      </c>
    </row>
    <row r="57" spans="1:5" ht="19.2">
      <c r="A57" s="5">
        <v>44396</v>
      </c>
      <c r="B57" s="7" t="str">
        <f t="shared" si="1"/>
        <v>月</v>
      </c>
      <c r="C57" s="6" t="s">
        <v>12</v>
      </c>
      <c r="D57" s="30" t="s">
        <v>66</v>
      </c>
      <c r="E57" s="8" t="str">
        <f t="shared" si="2"/>
        <v>×</v>
      </c>
    </row>
    <row r="58" spans="1:5" ht="19.2">
      <c r="A58" s="5" t="e">
        <f>DATE('（参考）入力シート'!K25,'（参考）入力シート'!M25,'（参考）入力シート'!O25)</f>
        <v>#NUM!</v>
      </c>
      <c r="B58" s="7" t="e">
        <f t="shared" si="1"/>
        <v>#NUM!</v>
      </c>
      <c r="C58" s="6" t="s">
        <v>22</v>
      </c>
      <c r="D58" s="30" t="e">
        <f t="shared" si="3"/>
        <v>#NUM!</v>
      </c>
      <c r="E58" s="8" t="e">
        <f t="shared" si="2"/>
        <v>#NUM!</v>
      </c>
    </row>
    <row r="59" spans="1:5" ht="19.2">
      <c r="A59" s="5" t="e">
        <f>DATE('（参考）入力シート'!K26,'（参考）入力シート'!M26,'（参考）入力シート'!O26)</f>
        <v>#NUM!</v>
      </c>
      <c r="B59" s="7" t="e">
        <f t="shared" si="1"/>
        <v>#NUM!</v>
      </c>
      <c r="C59" s="6" t="s">
        <v>22</v>
      </c>
      <c r="D59" s="30" t="e">
        <f t="shared" si="3"/>
        <v>#NUM!</v>
      </c>
      <c r="E59" s="8" t="e">
        <f t="shared" si="2"/>
        <v>#NUM!</v>
      </c>
    </row>
    <row r="60" spans="1:5" ht="19.2">
      <c r="A60" s="5" t="e">
        <f>DATE('（参考）入力シート'!K27,'（参考）入力シート'!M27,'（参考）入力シート'!O27)</f>
        <v>#NUM!</v>
      </c>
      <c r="B60" s="7" t="e">
        <f t="shared" si="1"/>
        <v>#NUM!</v>
      </c>
      <c r="C60" s="6" t="s">
        <v>22</v>
      </c>
      <c r="D60" s="30" t="e">
        <f t="shared" si="3"/>
        <v>#NUM!</v>
      </c>
      <c r="E60" s="8" t="e">
        <f t="shared" si="2"/>
        <v>#NUM!</v>
      </c>
    </row>
    <row r="61" spans="1:5" ht="19.2">
      <c r="A61" s="5">
        <v>44419</v>
      </c>
      <c r="B61" s="7" t="str">
        <f t="shared" si="1"/>
        <v>水</v>
      </c>
      <c r="C61" s="6" t="s">
        <v>13</v>
      </c>
      <c r="D61" s="30" t="s">
        <v>66</v>
      </c>
      <c r="E61" s="8" t="str">
        <f t="shared" si="2"/>
        <v>×</v>
      </c>
    </row>
    <row r="62" spans="1:5" ht="19.2">
      <c r="A62" s="5">
        <v>44459</v>
      </c>
      <c r="B62" s="7" t="str">
        <f t="shared" si="1"/>
        <v>月</v>
      </c>
      <c r="C62" s="6" t="s">
        <v>14</v>
      </c>
      <c r="D62" s="30" t="s">
        <v>66</v>
      </c>
      <c r="E62" s="8" t="str">
        <f t="shared" si="2"/>
        <v>×</v>
      </c>
    </row>
    <row r="63" spans="1:5" ht="19.2">
      <c r="A63" s="5">
        <v>44462</v>
      </c>
      <c r="B63" s="7" t="str">
        <f t="shared" si="1"/>
        <v>木</v>
      </c>
      <c r="C63" s="6" t="s">
        <v>15</v>
      </c>
      <c r="D63" s="30" t="s">
        <v>66</v>
      </c>
      <c r="E63" s="8" t="str">
        <f t="shared" si="2"/>
        <v>×</v>
      </c>
    </row>
    <row r="64" spans="1:5" ht="19.2">
      <c r="A64" s="5">
        <v>44480</v>
      </c>
      <c r="B64" s="7" t="str">
        <f t="shared" si="1"/>
        <v>月</v>
      </c>
      <c r="C64" s="6" t="s">
        <v>16</v>
      </c>
      <c r="D64" s="30" t="s">
        <v>66</v>
      </c>
      <c r="E64" s="8" t="str">
        <f t="shared" si="2"/>
        <v>×</v>
      </c>
    </row>
    <row r="65" spans="1:5" ht="19.2">
      <c r="A65" s="5">
        <v>44503</v>
      </c>
      <c r="B65" s="7" t="str">
        <f t="shared" si="1"/>
        <v>水</v>
      </c>
      <c r="C65" s="6" t="s">
        <v>17</v>
      </c>
      <c r="D65" s="30" t="s">
        <v>66</v>
      </c>
      <c r="E65" s="8" t="str">
        <f t="shared" si="2"/>
        <v>×</v>
      </c>
    </row>
    <row r="66" spans="1:5" ht="19.2">
      <c r="A66" s="5">
        <v>44523</v>
      </c>
      <c r="B66" s="7" t="str">
        <f t="shared" si="1"/>
        <v>火</v>
      </c>
      <c r="C66" s="6" t="s">
        <v>18</v>
      </c>
      <c r="D66" s="30" t="s">
        <v>66</v>
      </c>
      <c r="E66" s="8" t="str">
        <f t="shared" si="2"/>
        <v>×</v>
      </c>
    </row>
    <row r="67" spans="1:5" ht="19.2">
      <c r="A67" s="5">
        <v>44553</v>
      </c>
      <c r="B67" s="7" t="str">
        <f t="shared" si="1"/>
        <v>木</v>
      </c>
      <c r="C67" s="6" t="s">
        <v>19</v>
      </c>
      <c r="D67" s="30" t="s">
        <v>66</v>
      </c>
      <c r="E67" s="8" t="str">
        <f t="shared" si="2"/>
        <v>×</v>
      </c>
    </row>
    <row r="68" spans="1:5" ht="19.2">
      <c r="A68" s="5">
        <v>44559</v>
      </c>
      <c r="B68" s="7" t="str">
        <f t="shared" ref="B68:B70" si="4">TEXT(A68,"aaa")</f>
        <v>水</v>
      </c>
      <c r="C68" s="6"/>
      <c r="D68" s="1" t="str">
        <f t="shared" si="3"/>
        <v>○</v>
      </c>
      <c r="E68" s="8">
        <f t="shared" si="2"/>
        <v>44559</v>
      </c>
    </row>
    <row r="69" spans="1:5" ht="19.2">
      <c r="A69" s="5">
        <v>44560</v>
      </c>
      <c r="B69" s="7" t="str">
        <f t="shared" si="4"/>
        <v>木</v>
      </c>
      <c r="C69" s="6"/>
      <c r="D69" s="1" t="str">
        <f t="shared" si="3"/>
        <v>○</v>
      </c>
      <c r="E69" s="8">
        <f t="shared" si="2"/>
        <v>44560</v>
      </c>
    </row>
    <row r="70" spans="1:5" ht="19.2">
      <c r="A70" s="5">
        <v>44561</v>
      </c>
      <c r="B70" s="7" t="str">
        <f t="shared" si="4"/>
        <v>金</v>
      </c>
      <c r="C70" s="6"/>
      <c r="D70" s="1" t="str">
        <f t="shared" si="3"/>
        <v>○</v>
      </c>
      <c r="E70" s="8">
        <f t="shared" si="2"/>
        <v>44561</v>
      </c>
    </row>
    <row r="71" spans="1:5" ht="19.2">
      <c r="A71" s="5">
        <v>44562</v>
      </c>
      <c r="B71" s="7" t="str">
        <f t="shared" si="1"/>
        <v>土</v>
      </c>
      <c r="C71" s="6" t="s">
        <v>3</v>
      </c>
      <c r="D71" s="1" t="s">
        <v>26</v>
      </c>
      <c r="E71" s="8">
        <f t="shared" si="2"/>
        <v>44562</v>
      </c>
    </row>
    <row r="72" spans="1:5" ht="19.2">
      <c r="A72" s="5">
        <v>44563</v>
      </c>
      <c r="B72" s="7" t="str">
        <f t="shared" ref="B72:B73" si="5">TEXT(A72,"aaa")</f>
        <v>日</v>
      </c>
      <c r="C72" s="6"/>
      <c r="D72" s="1" t="s">
        <v>26</v>
      </c>
      <c r="E72" s="8">
        <f t="shared" si="2"/>
        <v>44563</v>
      </c>
    </row>
    <row r="73" spans="1:5" ht="19.2">
      <c r="A73" s="5">
        <v>44564</v>
      </c>
      <c r="B73" s="7" t="str">
        <f t="shared" si="5"/>
        <v>月</v>
      </c>
      <c r="C73" s="6"/>
      <c r="D73" s="1" t="str">
        <f t="shared" si="3"/>
        <v>○</v>
      </c>
      <c r="E73" s="8">
        <f t="shared" si="2"/>
        <v>44564</v>
      </c>
    </row>
    <row r="74" spans="1:5" ht="19.2">
      <c r="A74" s="5">
        <v>44571</v>
      </c>
      <c r="B74" s="7" t="str">
        <f t="shared" si="1"/>
        <v>月</v>
      </c>
      <c r="C74" s="6" t="s">
        <v>5</v>
      </c>
      <c r="D74" s="30" t="s">
        <v>66</v>
      </c>
      <c r="E74" s="8" t="str">
        <f t="shared" si="2"/>
        <v>×</v>
      </c>
    </row>
    <row r="75" spans="1:5" ht="19.2">
      <c r="A75" s="5">
        <v>44603</v>
      </c>
      <c r="B75" s="7" t="str">
        <f t="shared" si="1"/>
        <v>金</v>
      </c>
      <c r="C75" s="6" t="s">
        <v>6</v>
      </c>
      <c r="D75" s="30" t="s">
        <v>66</v>
      </c>
      <c r="E75" s="8" t="str">
        <f t="shared" si="2"/>
        <v>×</v>
      </c>
    </row>
    <row r="76" spans="1:5" ht="19.2">
      <c r="A76" s="5">
        <v>44641</v>
      </c>
      <c r="B76" s="7" t="str">
        <f t="shared" si="1"/>
        <v>月</v>
      </c>
      <c r="C76" s="6" t="s">
        <v>7</v>
      </c>
      <c r="D76" s="30" t="s">
        <v>66</v>
      </c>
      <c r="E76" s="8" t="str">
        <f t="shared" si="2"/>
        <v>×</v>
      </c>
    </row>
    <row r="77" spans="1:5" ht="19.2">
      <c r="A77" s="5">
        <v>44680</v>
      </c>
      <c r="B77" s="7" t="str">
        <f t="shared" si="1"/>
        <v>金</v>
      </c>
      <c r="C77" s="6" t="s">
        <v>8</v>
      </c>
      <c r="D77" s="30" t="s">
        <v>66</v>
      </c>
      <c r="E77" s="8" t="str">
        <f t="shared" si="2"/>
        <v>×</v>
      </c>
    </row>
    <row r="78" spans="1:5" ht="19.2">
      <c r="A78" s="5">
        <v>44684</v>
      </c>
      <c r="B78" s="7" t="str">
        <f t="shared" si="1"/>
        <v>火</v>
      </c>
      <c r="C78" s="6" t="s">
        <v>9</v>
      </c>
      <c r="D78" s="30" t="s">
        <v>66</v>
      </c>
      <c r="E78" s="8" t="str">
        <f t="shared" si="2"/>
        <v>×</v>
      </c>
    </row>
    <row r="79" spans="1:5" ht="19.2">
      <c r="A79" s="5">
        <v>44685</v>
      </c>
      <c r="B79" s="7" t="str">
        <f t="shared" si="1"/>
        <v>水</v>
      </c>
      <c r="C79" s="6" t="s">
        <v>10</v>
      </c>
      <c r="D79" s="30" t="s">
        <v>66</v>
      </c>
      <c r="E79" s="8" t="str">
        <f t="shared" si="2"/>
        <v>×</v>
      </c>
    </row>
    <row r="80" spans="1:5" ht="19.2">
      <c r="A80" s="5">
        <v>44686</v>
      </c>
      <c r="B80" s="7" t="str">
        <f t="shared" si="1"/>
        <v>木</v>
      </c>
      <c r="C80" s="6" t="s">
        <v>11</v>
      </c>
      <c r="D80" s="30" t="s">
        <v>66</v>
      </c>
      <c r="E80" s="8" t="str">
        <f t="shared" si="2"/>
        <v>×</v>
      </c>
    </row>
    <row r="81" spans="1:5" ht="19.2">
      <c r="A81" s="5">
        <v>44760</v>
      </c>
      <c r="B81" s="7" t="str">
        <f t="shared" si="1"/>
        <v>月</v>
      </c>
      <c r="C81" s="6" t="s">
        <v>12</v>
      </c>
      <c r="D81" s="30" t="s">
        <v>66</v>
      </c>
      <c r="E81" s="8" t="str">
        <f t="shared" ref="E81:E91" si="6">IF(D81="○",A81,"×")</f>
        <v>×</v>
      </c>
    </row>
    <row r="82" spans="1:5" ht="19.2">
      <c r="A82" s="5" t="e">
        <f>DATE('（参考）入力シート'!K28,'（参考）入力シート'!M28,'（参考）入力シート'!O28)</f>
        <v>#NUM!</v>
      </c>
      <c r="B82" s="7" t="e">
        <f t="shared" si="1"/>
        <v>#NUM!</v>
      </c>
      <c r="C82" s="6" t="s">
        <v>22</v>
      </c>
      <c r="D82" s="30" t="e">
        <f t="shared" si="3"/>
        <v>#NUM!</v>
      </c>
      <c r="E82" s="8" t="e">
        <f t="shared" si="6"/>
        <v>#NUM!</v>
      </c>
    </row>
    <row r="83" spans="1:5" ht="19.2">
      <c r="A83" s="5" t="e">
        <f>DATE('（参考）入力シート'!K29,'（参考）入力シート'!M29,'（参考）入力シート'!O29)</f>
        <v>#NUM!</v>
      </c>
      <c r="B83" s="7" t="e">
        <f t="shared" si="1"/>
        <v>#NUM!</v>
      </c>
      <c r="C83" s="6" t="s">
        <v>22</v>
      </c>
      <c r="D83" s="30" t="e">
        <f t="shared" si="3"/>
        <v>#NUM!</v>
      </c>
      <c r="E83" s="8" t="e">
        <f t="shared" si="6"/>
        <v>#NUM!</v>
      </c>
    </row>
    <row r="84" spans="1:5" ht="19.2">
      <c r="A84" s="5" t="e">
        <f>DATE('（参考）入力シート'!K30,'（参考）入力シート'!M30,'（参考）入力シート'!O30)</f>
        <v>#NUM!</v>
      </c>
      <c r="B84" s="7" t="e">
        <f t="shared" si="1"/>
        <v>#NUM!</v>
      </c>
      <c r="C84" s="6" t="s">
        <v>22</v>
      </c>
      <c r="D84" s="30" t="e">
        <f t="shared" si="3"/>
        <v>#NUM!</v>
      </c>
      <c r="E84" s="8" t="e">
        <f t="shared" si="6"/>
        <v>#NUM!</v>
      </c>
    </row>
    <row r="85" spans="1:5" ht="19.2">
      <c r="A85" s="5">
        <v>44784</v>
      </c>
      <c r="B85" s="7" t="str">
        <f t="shared" si="1"/>
        <v>木</v>
      </c>
      <c r="C85" s="6" t="s">
        <v>20</v>
      </c>
      <c r="D85" s="30" t="s">
        <v>66</v>
      </c>
      <c r="E85" s="8" t="str">
        <f t="shared" si="6"/>
        <v>×</v>
      </c>
    </row>
    <row r="86" spans="1:5" ht="19.2">
      <c r="A86" s="5">
        <v>44823</v>
      </c>
      <c r="B86" s="7" t="str">
        <f t="shared" si="1"/>
        <v>月</v>
      </c>
      <c r="C86" s="6" t="s">
        <v>14</v>
      </c>
      <c r="D86" s="30" t="s">
        <v>66</v>
      </c>
      <c r="E86" s="8" t="str">
        <f t="shared" si="6"/>
        <v>×</v>
      </c>
    </row>
    <row r="87" spans="1:5" ht="19.2">
      <c r="A87" s="5">
        <v>44827</v>
      </c>
      <c r="B87" s="7" t="str">
        <f t="shared" si="1"/>
        <v>金</v>
      </c>
      <c r="C87" s="6" t="s">
        <v>15</v>
      </c>
      <c r="D87" s="30" t="s">
        <v>66</v>
      </c>
      <c r="E87" s="8" t="str">
        <f t="shared" si="6"/>
        <v>×</v>
      </c>
    </row>
    <row r="88" spans="1:5" ht="19.2">
      <c r="A88" s="5">
        <v>44844</v>
      </c>
      <c r="B88" s="7" t="str">
        <f t="shared" si="1"/>
        <v>月</v>
      </c>
      <c r="C88" s="6" t="s">
        <v>16</v>
      </c>
      <c r="D88" s="30" t="s">
        <v>66</v>
      </c>
      <c r="E88" s="8" t="str">
        <f t="shared" si="6"/>
        <v>×</v>
      </c>
    </row>
    <row r="89" spans="1:5" ht="19.2">
      <c r="A89" s="5">
        <v>44868</v>
      </c>
      <c r="B89" s="7" t="str">
        <f t="shared" si="1"/>
        <v>木</v>
      </c>
      <c r="C89" s="6" t="s">
        <v>17</v>
      </c>
      <c r="D89" s="30" t="s">
        <v>66</v>
      </c>
      <c r="E89" s="8" t="str">
        <f t="shared" si="6"/>
        <v>×</v>
      </c>
    </row>
    <row r="90" spans="1:5" ht="19.2">
      <c r="A90" s="5">
        <v>44888</v>
      </c>
      <c r="B90" s="7" t="str">
        <f t="shared" si="1"/>
        <v>水</v>
      </c>
      <c r="C90" s="6" t="s">
        <v>18</v>
      </c>
      <c r="D90" s="30" t="s">
        <v>66</v>
      </c>
      <c r="E90" s="8" t="str">
        <f t="shared" si="6"/>
        <v>×</v>
      </c>
    </row>
    <row r="91" spans="1:5" ht="19.2">
      <c r="A91" s="5">
        <v>44918</v>
      </c>
      <c r="B91" s="7" t="str">
        <f t="shared" si="1"/>
        <v>金</v>
      </c>
      <c r="C91" s="6" t="s">
        <v>19</v>
      </c>
      <c r="D91" s="30" t="s">
        <v>66</v>
      </c>
      <c r="E91" s="8" t="str">
        <f t="shared" si="6"/>
        <v>×</v>
      </c>
    </row>
    <row r="92" spans="1:5" ht="19.2">
      <c r="A92" s="5">
        <v>44924</v>
      </c>
      <c r="B92" s="7" t="str">
        <f t="shared" ref="B92:B142" si="7">TEXT(A92,"aaa")</f>
        <v>木</v>
      </c>
      <c r="C92" s="6"/>
      <c r="D92" s="30" t="s">
        <v>27</v>
      </c>
      <c r="E92" s="8">
        <f t="shared" ref="E92:E142" si="8">IF(D92="○",A92,"×")</f>
        <v>44924</v>
      </c>
    </row>
    <row r="93" spans="1:5" ht="19.2">
      <c r="A93" s="5">
        <v>44925</v>
      </c>
      <c r="B93" s="7" t="str">
        <f t="shared" si="7"/>
        <v>金</v>
      </c>
      <c r="C93" s="6"/>
      <c r="D93" s="30" t="s">
        <v>27</v>
      </c>
      <c r="E93" s="8">
        <f t="shared" si="8"/>
        <v>44925</v>
      </c>
    </row>
    <row r="94" spans="1:5" ht="19.2">
      <c r="A94" s="5">
        <v>44926</v>
      </c>
      <c r="B94" s="7" t="str">
        <f t="shared" si="7"/>
        <v>土</v>
      </c>
      <c r="C94" s="6"/>
      <c r="D94" s="30" t="s">
        <v>45</v>
      </c>
      <c r="E94" s="8">
        <f t="shared" si="8"/>
        <v>44926</v>
      </c>
    </row>
    <row r="95" spans="1:5" ht="19.2">
      <c r="A95" s="5">
        <v>44927</v>
      </c>
      <c r="B95" s="7" t="str">
        <f t="shared" si="7"/>
        <v>日</v>
      </c>
      <c r="C95" s="6" t="s">
        <v>43</v>
      </c>
      <c r="D95" s="30" t="s">
        <v>27</v>
      </c>
      <c r="E95" s="8">
        <f t="shared" si="8"/>
        <v>44927</v>
      </c>
    </row>
    <row r="96" spans="1:5" ht="19.2">
      <c r="A96" s="5">
        <v>44928</v>
      </c>
      <c r="B96" s="7" t="str">
        <f t="shared" si="7"/>
        <v>月</v>
      </c>
      <c r="C96" s="6"/>
      <c r="D96" s="30" t="s">
        <v>27</v>
      </c>
      <c r="E96" s="8">
        <f t="shared" si="8"/>
        <v>44928</v>
      </c>
    </row>
    <row r="97" spans="1:5" ht="19.2">
      <c r="A97" s="5">
        <v>44929</v>
      </c>
      <c r="B97" s="7" t="str">
        <f t="shared" si="7"/>
        <v>火</v>
      </c>
      <c r="C97" s="6"/>
      <c r="D97" s="30" t="s">
        <v>27</v>
      </c>
      <c r="E97" s="8">
        <f t="shared" si="8"/>
        <v>44929</v>
      </c>
    </row>
    <row r="98" spans="1:5" ht="19.2">
      <c r="A98" s="5">
        <v>45289</v>
      </c>
      <c r="B98" s="7" t="str">
        <f t="shared" ref="B98:B109" si="9">TEXT(A98,"aaa")</f>
        <v>金</v>
      </c>
      <c r="C98" s="6"/>
      <c r="D98" s="30" t="s">
        <v>27</v>
      </c>
      <c r="E98" s="8">
        <f t="shared" ref="E98:E109" si="10">IF(D98="○",A98,"×")</f>
        <v>45289</v>
      </c>
    </row>
    <row r="99" spans="1:5" ht="19.2">
      <c r="A99" s="5">
        <v>45290</v>
      </c>
      <c r="B99" s="7" t="str">
        <f t="shared" si="9"/>
        <v>土</v>
      </c>
      <c r="C99" s="6"/>
      <c r="D99" s="30" t="s">
        <v>27</v>
      </c>
      <c r="E99" s="8">
        <f t="shared" si="10"/>
        <v>45290</v>
      </c>
    </row>
    <row r="100" spans="1:5" ht="19.2">
      <c r="A100" s="5">
        <v>45291</v>
      </c>
      <c r="B100" s="7" t="str">
        <f t="shared" si="9"/>
        <v>日</v>
      </c>
      <c r="C100" s="6"/>
      <c r="D100" s="30" t="s">
        <v>27</v>
      </c>
      <c r="E100" s="8">
        <f t="shared" si="10"/>
        <v>45291</v>
      </c>
    </row>
    <row r="101" spans="1:5" ht="19.2">
      <c r="A101" s="5">
        <v>45292</v>
      </c>
      <c r="B101" s="7" t="str">
        <f t="shared" si="9"/>
        <v>月</v>
      </c>
      <c r="C101" s="6" t="s">
        <v>43</v>
      </c>
      <c r="D101" s="30" t="s">
        <v>27</v>
      </c>
      <c r="E101" s="8">
        <f t="shared" si="10"/>
        <v>45292</v>
      </c>
    </row>
    <row r="102" spans="1:5" ht="19.2">
      <c r="A102" s="5">
        <v>45293</v>
      </c>
      <c r="B102" s="7" t="str">
        <f t="shared" si="9"/>
        <v>火</v>
      </c>
      <c r="C102" s="6"/>
      <c r="D102" s="30" t="s">
        <v>27</v>
      </c>
      <c r="E102" s="8">
        <f t="shared" si="10"/>
        <v>45293</v>
      </c>
    </row>
    <row r="103" spans="1:5" ht="19.2">
      <c r="A103" s="5">
        <v>45294</v>
      </c>
      <c r="B103" s="7" t="str">
        <f t="shared" si="9"/>
        <v>水</v>
      </c>
      <c r="C103" s="6"/>
      <c r="D103" s="30" t="s">
        <v>27</v>
      </c>
      <c r="E103" s="8">
        <f t="shared" si="10"/>
        <v>45294</v>
      </c>
    </row>
    <row r="104" spans="1:5" ht="19.2">
      <c r="A104" s="5">
        <v>45655</v>
      </c>
      <c r="B104" s="7" t="str">
        <f t="shared" si="9"/>
        <v>日</v>
      </c>
      <c r="C104" s="6"/>
      <c r="D104" s="30" t="s">
        <v>27</v>
      </c>
      <c r="E104" s="8">
        <f t="shared" si="10"/>
        <v>45655</v>
      </c>
    </row>
    <row r="105" spans="1:5" ht="19.2">
      <c r="A105" s="5">
        <v>45656</v>
      </c>
      <c r="B105" s="7" t="str">
        <f t="shared" si="9"/>
        <v>月</v>
      </c>
      <c r="C105" s="6"/>
      <c r="D105" s="30" t="s">
        <v>27</v>
      </c>
      <c r="E105" s="8">
        <f t="shared" si="10"/>
        <v>45656</v>
      </c>
    </row>
    <row r="106" spans="1:5" ht="19.2">
      <c r="A106" s="5">
        <v>45657</v>
      </c>
      <c r="B106" s="7" t="str">
        <f t="shared" si="9"/>
        <v>火</v>
      </c>
      <c r="C106" s="6"/>
      <c r="D106" s="30" t="s">
        <v>27</v>
      </c>
      <c r="E106" s="8">
        <f t="shared" si="10"/>
        <v>45657</v>
      </c>
    </row>
    <row r="107" spans="1:5" ht="19.2">
      <c r="A107" s="5">
        <v>45658</v>
      </c>
      <c r="B107" s="7" t="str">
        <f t="shared" si="9"/>
        <v>水</v>
      </c>
      <c r="C107" s="6" t="s">
        <v>43</v>
      </c>
      <c r="D107" s="30" t="s">
        <v>27</v>
      </c>
      <c r="E107" s="8">
        <f t="shared" si="10"/>
        <v>45658</v>
      </c>
    </row>
    <row r="108" spans="1:5" ht="19.2">
      <c r="A108" s="5">
        <v>45659</v>
      </c>
      <c r="B108" s="7" t="str">
        <f t="shared" si="9"/>
        <v>木</v>
      </c>
      <c r="C108" s="6"/>
      <c r="D108" s="30" t="s">
        <v>27</v>
      </c>
      <c r="E108" s="8">
        <f t="shared" si="10"/>
        <v>45659</v>
      </c>
    </row>
    <row r="109" spans="1:5" ht="19.2">
      <c r="A109" s="5">
        <v>45660</v>
      </c>
      <c r="B109" s="7" t="str">
        <f t="shared" si="9"/>
        <v>金</v>
      </c>
      <c r="C109" s="6"/>
      <c r="D109" s="30" t="s">
        <v>27</v>
      </c>
      <c r="E109" s="8">
        <f t="shared" si="10"/>
        <v>45660</v>
      </c>
    </row>
    <row r="110" spans="1:5" ht="19.2">
      <c r="A110" s="5">
        <v>46020</v>
      </c>
      <c r="B110" s="7" t="str">
        <f t="shared" ref="B110:B115" si="11">TEXT(A110,"aaa")</f>
        <v>月</v>
      </c>
      <c r="C110" s="6"/>
      <c r="D110" s="30" t="s">
        <v>27</v>
      </c>
      <c r="E110" s="8">
        <f t="shared" ref="E110:E115" si="12">IF(D110="○",A110,"×")</f>
        <v>46020</v>
      </c>
    </row>
    <row r="111" spans="1:5" ht="19.2">
      <c r="A111" s="5">
        <v>46021</v>
      </c>
      <c r="B111" s="7" t="str">
        <f t="shared" si="11"/>
        <v>火</v>
      </c>
      <c r="C111" s="6"/>
      <c r="D111" s="30" t="s">
        <v>27</v>
      </c>
      <c r="E111" s="8">
        <f t="shared" si="12"/>
        <v>46021</v>
      </c>
    </row>
    <row r="112" spans="1:5" ht="19.2">
      <c r="A112" s="5">
        <v>46022</v>
      </c>
      <c r="B112" s="7" t="str">
        <f t="shared" si="11"/>
        <v>水</v>
      </c>
      <c r="C112" s="6"/>
      <c r="D112" s="30" t="s">
        <v>27</v>
      </c>
      <c r="E112" s="8">
        <f t="shared" si="12"/>
        <v>46022</v>
      </c>
    </row>
    <row r="113" spans="1:5" ht="19.2">
      <c r="A113" s="5">
        <v>46023</v>
      </c>
      <c r="B113" s="7" t="str">
        <f t="shared" si="11"/>
        <v>木</v>
      </c>
      <c r="C113" s="6" t="s">
        <v>43</v>
      </c>
      <c r="D113" s="30" t="s">
        <v>27</v>
      </c>
      <c r="E113" s="8">
        <f t="shared" si="12"/>
        <v>46023</v>
      </c>
    </row>
    <row r="114" spans="1:5" ht="19.2">
      <c r="A114" s="5">
        <v>46024</v>
      </c>
      <c r="B114" s="7" t="str">
        <f t="shared" si="11"/>
        <v>金</v>
      </c>
      <c r="C114" s="6"/>
      <c r="D114" s="30" t="s">
        <v>27</v>
      </c>
      <c r="E114" s="8">
        <f t="shared" si="12"/>
        <v>46024</v>
      </c>
    </row>
    <row r="115" spans="1:5" ht="19.2">
      <c r="A115" s="5">
        <v>46025</v>
      </c>
      <c r="B115" s="7" t="str">
        <f t="shared" si="11"/>
        <v>土</v>
      </c>
      <c r="C115" s="6"/>
      <c r="D115" s="30" t="s">
        <v>27</v>
      </c>
      <c r="E115" s="8">
        <f t="shared" si="12"/>
        <v>46025</v>
      </c>
    </row>
    <row r="116" spans="1:5" ht="19.2">
      <c r="A116" s="5">
        <v>46385</v>
      </c>
      <c r="B116" s="7" t="str">
        <f t="shared" ref="B116:B139" si="13">TEXT(A116,"aaa")</f>
        <v>火</v>
      </c>
      <c r="C116" s="6"/>
      <c r="D116" s="30" t="s">
        <v>27</v>
      </c>
      <c r="E116" s="8">
        <f t="shared" ref="E116:E139" si="14">IF(D116="○",A116,"×")</f>
        <v>46385</v>
      </c>
    </row>
    <row r="117" spans="1:5" ht="19.2">
      <c r="A117" s="5">
        <v>46386</v>
      </c>
      <c r="B117" s="7" t="str">
        <f t="shared" si="13"/>
        <v>水</v>
      </c>
      <c r="C117" s="6"/>
      <c r="D117" s="30" t="s">
        <v>27</v>
      </c>
      <c r="E117" s="8">
        <f t="shared" si="14"/>
        <v>46386</v>
      </c>
    </row>
    <row r="118" spans="1:5" ht="19.2">
      <c r="A118" s="5">
        <v>46387</v>
      </c>
      <c r="B118" s="7" t="str">
        <f t="shared" si="13"/>
        <v>木</v>
      </c>
      <c r="C118" s="6"/>
      <c r="D118" s="30" t="s">
        <v>27</v>
      </c>
      <c r="E118" s="8">
        <f t="shared" si="14"/>
        <v>46387</v>
      </c>
    </row>
    <row r="119" spans="1:5" ht="19.2">
      <c r="A119" s="5">
        <v>46388</v>
      </c>
      <c r="B119" s="7" t="str">
        <f t="shared" si="13"/>
        <v>金</v>
      </c>
      <c r="C119" s="6" t="s">
        <v>43</v>
      </c>
      <c r="D119" s="30" t="s">
        <v>27</v>
      </c>
      <c r="E119" s="8">
        <f t="shared" si="14"/>
        <v>46388</v>
      </c>
    </row>
    <row r="120" spans="1:5" ht="19.2">
      <c r="A120" s="5">
        <v>46389</v>
      </c>
      <c r="B120" s="7" t="str">
        <f t="shared" si="13"/>
        <v>土</v>
      </c>
      <c r="C120" s="6"/>
      <c r="D120" s="30" t="s">
        <v>27</v>
      </c>
      <c r="E120" s="8">
        <f t="shared" si="14"/>
        <v>46389</v>
      </c>
    </row>
    <row r="121" spans="1:5" ht="19.2">
      <c r="A121" s="5">
        <v>46390</v>
      </c>
      <c r="B121" s="7" t="str">
        <f t="shared" si="13"/>
        <v>日</v>
      </c>
      <c r="C121" s="6"/>
      <c r="D121" s="30" t="s">
        <v>27</v>
      </c>
      <c r="E121" s="8">
        <f t="shared" si="14"/>
        <v>46390</v>
      </c>
    </row>
    <row r="122" spans="1:5" ht="19.2">
      <c r="A122" s="5">
        <v>46750</v>
      </c>
      <c r="B122" s="7" t="str">
        <f t="shared" si="13"/>
        <v>水</v>
      </c>
      <c r="C122" s="6"/>
      <c r="D122" s="30" t="s">
        <v>27</v>
      </c>
      <c r="E122" s="8">
        <f t="shared" si="14"/>
        <v>46750</v>
      </c>
    </row>
    <row r="123" spans="1:5" ht="19.2">
      <c r="A123" s="5">
        <v>46751</v>
      </c>
      <c r="B123" s="7" t="str">
        <f t="shared" si="13"/>
        <v>木</v>
      </c>
      <c r="C123" s="6"/>
      <c r="D123" s="30" t="s">
        <v>27</v>
      </c>
      <c r="E123" s="8">
        <f t="shared" si="14"/>
        <v>46751</v>
      </c>
    </row>
    <row r="124" spans="1:5" ht="19.2">
      <c r="A124" s="5">
        <v>46752</v>
      </c>
      <c r="B124" s="7" t="str">
        <f t="shared" si="13"/>
        <v>金</v>
      </c>
      <c r="C124" s="6"/>
      <c r="D124" s="30" t="s">
        <v>27</v>
      </c>
      <c r="E124" s="8">
        <f t="shared" si="14"/>
        <v>46752</v>
      </c>
    </row>
    <row r="125" spans="1:5" ht="19.2">
      <c r="A125" s="5">
        <v>46753</v>
      </c>
      <c r="B125" s="7" t="str">
        <f t="shared" si="13"/>
        <v>土</v>
      </c>
      <c r="C125" s="6" t="s">
        <v>43</v>
      </c>
      <c r="D125" s="30" t="s">
        <v>27</v>
      </c>
      <c r="E125" s="8">
        <f t="shared" si="14"/>
        <v>46753</v>
      </c>
    </row>
    <row r="126" spans="1:5" ht="19.2">
      <c r="A126" s="5">
        <v>46754</v>
      </c>
      <c r="B126" s="7" t="str">
        <f t="shared" si="13"/>
        <v>日</v>
      </c>
      <c r="C126" s="6"/>
      <c r="D126" s="30" t="s">
        <v>27</v>
      </c>
      <c r="E126" s="8">
        <f t="shared" si="14"/>
        <v>46754</v>
      </c>
    </row>
    <row r="127" spans="1:5" ht="19.2">
      <c r="A127" s="5">
        <v>46755</v>
      </c>
      <c r="B127" s="7" t="str">
        <f t="shared" si="13"/>
        <v>月</v>
      </c>
      <c r="C127" s="6"/>
      <c r="D127" s="30" t="s">
        <v>27</v>
      </c>
      <c r="E127" s="8">
        <f t="shared" si="14"/>
        <v>46755</v>
      </c>
    </row>
    <row r="128" spans="1:5" ht="19.2">
      <c r="A128" s="5">
        <v>47116</v>
      </c>
      <c r="B128" s="7" t="str">
        <f t="shared" si="13"/>
        <v>金</v>
      </c>
      <c r="C128" s="6"/>
      <c r="D128" s="30" t="s">
        <v>27</v>
      </c>
      <c r="E128" s="8">
        <f t="shared" si="14"/>
        <v>47116</v>
      </c>
    </row>
    <row r="129" spans="1:5" ht="19.2">
      <c r="A129" s="5">
        <v>47117</v>
      </c>
      <c r="B129" s="7" t="str">
        <f t="shared" si="13"/>
        <v>土</v>
      </c>
      <c r="C129" s="6"/>
      <c r="D129" s="30" t="s">
        <v>27</v>
      </c>
      <c r="E129" s="8">
        <f t="shared" si="14"/>
        <v>47117</v>
      </c>
    </row>
    <row r="130" spans="1:5" ht="19.2">
      <c r="A130" s="5">
        <v>47118</v>
      </c>
      <c r="B130" s="7" t="str">
        <f t="shared" si="13"/>
        <v>日</v>
      </c>
      <c r="C130" s="6"/>
      <c r="D130" s="30" t="s">
        <v>27</v>
      </c>
      <c r="E130" s="8">
        <f t="shared" si="14"/>
        <v>47118</v>
      </c>
    </row>
    <row r="131" spans="1:5" ht="19.2">
      <c r="A131" s="5">
        <v>47119</v>
      </c>
      <c r="B131" s="7" t="str">
        <f t="shared" si="13"/>
        <v>月</v>
      </c>
      <c r="C131" s="6" t="s">
        <v>43</v>
      </c>
      <c r="D131" s="30" t="s">
        <v>27</v>
      </c>
      <c r="E131" s="8">
        <f t="shared" si="14"/>
        <v>47119</v>
      </c>
    </row>
    <row r="132" spans="1:5" ht="19.2">
      <c r="A132" s="5">
        <v>47120</v>
      </c>
      <c r="B132" s="7" t="str">
        <f t="shared" si="13"/>
        <v>火</v>
      </c>
      <c r="C132" s="6"/>
      <c r="D132" s="30" t="s">
        <v>27</v>
      </c>
      <c r="E132" s="8">
        <f t="shared" si="14"/>
        <v>47120</v>
      </c>
    </row>
    <row r="133" spans="1:5" ht="19.2">
      <c r="A133" s="5">
        <v>47121</v>
      </c>
      <c r="B133" s="7" t="str">
        <f t="shared" si="13"/>
        <v>水</v>
      </c>
      <c r="C133" s="6"/>
      <c r="D133" s="30" t="s">
        <v>27</v>
      </c>
      <c r="E133" s="8">
        <f t="shared" si="14"/>
        <v>47121</v>
      </c>
    </row>
    <row r="134" spans="1:5" ht="19.2">
      <c r="A134" s="5">
        <v>47481</v>
      </c>
      <c r="B134" s="7" t="str">
        <f t="shared" si="13"/>
        <v>土</v>
      </c>
      <c r="C134" s="6"/>
      <c r="D134" s="30" t="s">
        <v>27</v>
      </c>
      <c r="E134" s="8">
        <f t="shared" si="14"/>
        <v>47481</v>
      </c>
    </row>
    <row r="135" spans="1:5" ht="19.2">
      <c r="A135" s="5">
        <v>47482</v>
      </c>
      <c r="B135" s="7" t="str">
        <f t="shared" si="13"/>
        <v>日</v>
      </c>
      <c r="C135" s="6"/>
      <c r="D135" s="30" t="s">
        <v>27</v>
      </c>
      <c r="E135" s="8">
        <f t="shared" si="14"/>
        <v>47482</v>
      </c>
    </row>
    <row r="136" spans="1:5" ht="19.2">
      <c r="A136" s="5">
        <v>47483</v>
      </c>
      <c r="B136" s="7" t="str">
        <f t="shared" si="13"/>
        <v>月</v>
      </c>
      <c r="C136" s="6"/>
      <c r="D136" s="30" t="s">
        <v>27</v>
      </c>
      <c r="E136" s="8">
        <f t="shared" si="14"/>
        <v>47483</v>
      </c>
    </row>
    <row r="137" spans="1:5" ht="19.2">
      <c r="A137" s="5">
        <v>47484</v>
      </c>
      <c r="B137" s="7" t="str">
        <f t="shared" si="13"/>
        <v>火</v>
      </c>
      <c r="C137" s="6" t="s">
        <v>43</v>
      </c>
      <c r="D137" s="30" t="s">
        <v>27</v>
      </c>
      <c r="E137" s="8">
        <f t="shared" si="14"/>
        <v>47484</v>
      </c>
    </row>
    <row r="138" spans="1:5" ht="19.2">
      <c r="A138" s="5">
        <v>47485</v>
      </c>
      <c r="B138" s="7" t="str">
        <f t="shared" si="13"/>
        <v>水</v>
      </c>
      <c r="C138" s="6"/>
      <c r="D138" s="30" t="s">
        <v>27</v>
      </c>
      <c r="E138" s="8">
        <f t="shared" si="14"/>
        <v>47485</v>
      </c>
    </row>
    <row r="139" spans="1:5" ht="19.2">
      <c r="A139" s="5">
        <v>47486</v>
      </c>
      <c r="B139" s="7" t="str">
        <f t="shared" si="13"/>
        <v>木</v>
      </c>
      <c r="C139" s="6"/>
      <c r="D139" s="30" t="s">
        <v>27</v>
      </c>
      <c r="E139" s="8">
        <f t="shared" si="14"/>
        <v>47486</v>
      </c>
    </row>
    <row r="140" spans="1:5" ht="19.2">
      <c r="A140" s="5">
        <v>44936</v>
      </c>
      <c r="B140" s="7" t="str">
        <f t="shared" si="7"/>
        <v>火</v>
      </c>
      <c r="C140" s="6" t="s">
        <v>44</v>
      </c>
      <c r="D140" s="30" t="s">
        <v>66</v>
      </c>
      <c r="E140" s="8" t="str">
        <f t="shared" si="8"/>
        <v>×</v>
      </c>
    </row>
    <row r="141" spans="1:5" ht="19.2">
      <c r="A141" s="5">
        <v>44968</v>
      </c>
      <c r="B141" s="7" t="str">
        <f t="shared" si="7"/>
        <v>土</v>
      </c>
      <c r="C141" s="6" t="s">
        <v>6</v>
      </c>
      <c r="D141" s="30" t="s">
        <v>66</v>
      </c>
      <c r="E141" s="8" t="str">
        <f t="shared" si="8"/>
        <v>×</v>
      </c>
    </row>
    <row r="142" spans="1:5" ht="19.2">
      <c r="A142" s="5">
        <v>45006</v>
      </c>
      <c r="B142" s="7" t="str">
        <f t="shared" si="7"/>
        <v>火</v>
      </c>
      <c r="C142" s="6" t="s">
        <v>7</v>
      </c>
      <c r="D142" s="30" t="s">
        <v>66</v>
      </c>
      <c r="E142" s="8" t="str">
        <f t="shared" si="8"/>
        <v>×</v>
      </c>
    </row>
    <row r="143" spans="1:5" ht="19.2">
      <c r="A143" s="93"/>
      <c r="B143" s="2"/>
      <c r="C143" s="93"/>
    </row>
    <row r="144" spans="1:5" ht="19.2">
      <c r="A144" s="93"/>
      <c r="B144" s="2"/>
      <c r="C144" s="93"/>
    </row>
    <row r="145" spans="1:3" ht="19.2">
      <c r="A145" s="93"/>
      <c r="B145" s="2"/>
      <c r="C145" s="93"/>
    </row>
    <row r="146" spans="1:3" ht="19.2">
      <c r="A146" s="2"/>
      <c r="B146" s="2"/>
      <c r="C146" s="2"/>
    </row>
    <row r="147" spans="1:3" ht="19.2">
      <c r="A147" s="2"/>
      <c r="B147" s="2"/>
      <c r="C147" s="2"/>
    </row>
    <row r="148" spans="1:3" ht="19.2">
      <c r="A148" s="2"/>
      <c r="B148" s="2"/>
      <c r="C148" s="2"/>
    </row>
    <row r="149" spans="1:3" ht="19.2">
      <c r="A149" s="2"/>
      <c r="B149" s="2"/>
      <c r="C149" s="2"/>
    </row>
    <row r="150" spans="1:3" ht="19.2">
      <c r="A150" s="2"/>
      <c r="B150" s="2"/>
      <c r="C150" s="2"/>
    </row>
    <row r="151" spans="1:3" ht="19.2">
      <c r="A151" s="2"/>
      <c r="B151" s="2"/>
      <c r="C151" s="2"/>
    </row>
    <row r="152" spans="1:3" ht="19.2">
      <c r="A152" s="2"/>
      <c r="B152" s="2"/>
      <c r="C152" s="2"/>
    </row>
    <row r="153" spans="1:3" ht="19.2">
      <c r="A153" s="2"/>
      <c r="B153" s="2"/>
      <c r="C153" s="2"/>
    </row>
    <row r="154" spans="1:3" ht="19.2">
      <c r="A154" s="2"/>
      <c r="B154" s="2"/>
      <c r="C154" s="2"/>
    </row>
    <row r="155" spans="1:3" ht="19.2">
      <c r="A155" s="2"/>
      <c r="B155" s="2"/>
      <c r="C155" s="2"/>
    </row>
    <row r="156" spans="1:3" ht="19.2">
      <c r="A156" s="2"/>
      <c r="B156" s="2"/>
      <c r="C156" s="2"/>
    </row>
    <row r="157" spans="1:3" ht="19.2">
      <c r="A157" s="2"/>
      <c r="B157" s="2"/>
      <c r="C157" s="2"/>
    </row>
    <row r="158" spans="1:3" ht="19.2">
      <c r="A158" s="2"/>
      <c r="B158" s="2"/>
      <c r="C158" s="2"/>
    </row>
    <row r="159" spans="1:3" ht="19.2">
      <c r="A159" s="2"/>
      <c r="B159" s="2"/>
      <c r="C159" s="2"/>
    </row>
    <row r="160" spans="1:3" ht="19.2">
      <c r="A160" s="2"/>
      <c r="B160" s="2"/>
      <c r="C160" s="2"/>
    </row>
    <row r="161" spans="1:3" ht="19.2">
      <c r="A161" s="2"/>
      <c r="B161" s="2"/>
      <c r="C161" s="2"/>
    </row>
    <row r="162" spans="1:3" ht="19.2">
      <c r="A162" s="2"/>
      <c r="B162" s="2"/>
      <c r="C162" s="2"/>
    </row>
    <row r="163" spans="1:3" ht="19.2">
      <c r="A163" s="2"/>
      <c r="B163" s="2"/>
      <c r="C163" s="2"/>
    </row>
    <row r="164" spans="1:3" ht="19.2">
      <c r="A164" s="2"/>
      <c r="B164" s="2"/>
      <c r="C164" s="2"/>
    </row>
    <row r="165" spans="1:3" ht="19.2">
      <c r="A165" s="2"/>
      <c r="B165" s="2"/>
      <c r="C165" s="2"/>
    </row>
    <row r="166" spans="1:3" ht="19.2">
      <c r="A166" s="2"/>
      <c r="B166" s="2"/>
      <c r="C166" s="2"/>
    </row>
    <row r="167" spans="1:3" ht="19.2">
      <c r="A167" s="2"/>
      <c r="B167" s="2"/>
      <c r="C167" s="2"/>
    </row>
    <row r="168" spans="1:3" ht="19.2">
      <c r="A168" s="2"/>
      <c r="B168" s="2"/>
      <c r="C168" s="2"/>
    </row>
    <row r="169" spans="1:3" ht="19.2">
      <c r="A169" s="2"/>
      <c r="B169" s="2"/>
      <c r="C169" s="2"/>
    </row>
    <row r="170" spans="1:3" ht="19.2">
      <c r="A170" s="2"/>
      <c r="B170" s="2"/>
      <c r="C170" s="2"/>
    </row>
    <row r="171" spans="1:3" ht="19.2">
      <c r="A171" s="2"/>
      <c r="B171" s="2"/>
      <c r="C171" s="2"/>
    </row>
    <row r="172" spans="1:3" ht="19.2">
      <c r="A172" s="2"/>
      <c r="B172" s="2"/>
      <c r="C172" s="2"/>
    </row>
    <row r="173" spans="1:3" ht="19.2">
      <c r="A173" s="2"/>
      <c r="B173" s="2"/>
      <c r="C173" s="2"/>
    </row>
    <row r="174" spans="1:3" ht="19.2">
      <c r="A174" s="2"/>
      <c r="B174" s="2"/>
      <c r="C174" s="2"/>
    </row>
    <row r="175" spans="1:3" ht="19.2">
      <c r="A175" s="2"/>
      <c r="B175" s="2"/>
      <c r="C175" s="2"/>
    </row>
    <row r="176" spans="1:3" ht="19.2">
      <c r="A176" s="2"/>
      <c r="B176" s="2"/>
      <c r="C176" s="2"/>
    </row>
    <row r="177" spans="1:3" ht="19.2">
      <c r="A177" s="2"/>
      <c r="B177" s="2"/>
      <c r="C177" s="2"/>
    </row>
    <row r="178" spans="1:3" ht="19.2">
      <c r="A178" s="2"/>
      <c r="B178" s="2"/>
      <c r="C178" s="2"/>
    </row>
    <row r="179" spans="1:3" ht="19.2">
      <c r="A179" s="2"/>
      <c r="B179" s="2"/>
      <c r="C179" s="2"/>
    </row>
    <row r="180" spans="1:3" ht="19.2">
      <c r="A180" s="2"/>
      <c r="B180" s="2"/>
      <c r="C180" s="2"/>
    </row>
    <row r="181" spans="1:3" ht="19.2">
      <c r="A181" s="2"/>
      <c r="B181" s="2"/>
      <c r="C181" s="2"/>
    </row>
    <row r="182" spans="1:3" ht="19.2">
      <c r="A182" s="2"/>
      <c r="B182" s="2"/>
      <c r="C182" s="2"/>
    </row>
    <row r="183" spans="1:3" ht="19.2">
      <c r="A183" s="2"/>
      <c r="B183" s="2"/>
      <c r="C183" s="2"/>
    </row>
    <row r="184" spans="1:3" ht="19.2">
      <c r="A184" s="2"/>
      <c r="B184" s="2"/>
      <c r="C184" s="2"/>
    </row>
    <row r="185" spans="1:3" ht="19.2">
      <c r="A185" s="2"/>
      <c r="B185" s="2"/>
      <c r="C185" s="2"/>
    </row>
    <row r="186" spans="1:3" ht="19.2">
      <c r="A186" s="2"/>
      <c r="B186" s="2"/>
      <c r="C186" s="2"/>
    </row>
    <row r="187" spans="1:3" ht="19.2">
      <c r="A187" s="2"/>
      <c r="B187" s="2"/>
      <c r="C187" s="2"/>
    </row>
    <row r="188" spans="1:3" ht="19.2">
      <c r="A188" s="2"/>
      <c r="B188" s="2"/>
      <c r="C188" s="2"/>
    </row>
    <row r="189" spans="1:3" ht="19.2">
      <c r="A189" s="2"/>
      <c r="B189" s="2"/>
      <c r="C189" s="2"/>
    </row>
    <row r="190" spans="1:3" ht="19.2">
      <c r="A190" s="2"/>
      <c r="B190" s="2"/>
      <c r="C190" s="2"/>
    </row>
    <row r="191" spans="1:3" ht="19.2">
      <c r="A191" s="2"/>
      <c r="B191" s="2"/>
      <c r="C191" s="2"/>
    </row>
    <row r="192" spans="1:3" ht="19.2">
      <c r="A192" s="2"/>
      <c r="B192" s="2"/>
      <c r="C192" s="2"/>
    </row>
    <row r="193" spans="1:3" ht="19.2">
      <c r="A193" s="2"/>
      <c r="B193" s="2"/>
      <c r="C193" s="2"/>
    </row>
    <row r="194" spans="1:3" ht="19.2">
      <c r="A194" s="2"/>
      <c r="B194" s="2"/>
      <c r="C194" s="2"/>
    </row>
    <row r="195" spans="1:3" ht="19.2">
      <c r="A195" s="2"/>
      <c r="B195" s="2"/>
      <c r="C195" s="2"/>
    </row>
    <row r="196" spans="1:3" ht="19.2">
      <c r="A196" s="2"/>
      <c r="B196" s="2"/>
      <c r="C196" s="2"/>
    </row>
    <row r="197" spans="1:3" ht="19.2">
      <c r="A197" s="2"/>
      <c r="B197" s="2"/>
      <c r="C197" s="2"/>
    </row>
    <row r="198" spans="1:3" ht="19.2">
      <c r="A198" s="2"/>
      <c r="B198" s="2"/>
      <c r="C198" s="2"/>
    </row>
    <row r="199" spans="1:3" ht="19.2">
      <c r="A199" s="2"/>
      <c r="B199" s="2"/>
      <c r="C199" s="2"/>
    </row>
    <row r="200" spans="1:3" ht="19.2">
      <c r="A200" s="2"/>
      <c r="B200" s="2"/>
      <c r="C200" s="2"/>
    </row>
    <row r="201" spans="1:3" ht="19.2">
      <c r="A201" s="2"/>
      <c r="B201" s="2"/>
      <c r="C201" s="2"/>
    </row>
    <row r="202" spans="1:3" ht="19.2">
      <c r="A202" s="2"/>
      <c r="B202" s="2"/>
      <c r="C202" s="2"/>
    </row>
    <row r="203" spans="1:3" ht="19.2">
      <c r="A203" s="2"/>
      <c r="B203" s="2"/>
      <c r="C203" s="2"/>
    </row>
    <row r="204" spans="1:3" ht="19.2">
      <c r="A204" s="2"/>
      <c r="B204" s="2"/>
      <c r="C204" s="2"/>
    </row>
    <row r="205" spans="1:3" ht="19.2">
      <c r="A205" s="2"/>
      <c r="B205" s="2"/>
      <c r="C205" s="2"/>
    </row>
    <row r="206" spans="1:3" ht="19.2">
      <c r="A206" s="2"/>
      <c r="B206" s="2"/>
      <c r="C206" s="2"/>
    </row>
    <row r="207" spans="1:3" ht="19.2">
      <c r="A207" s="2"/>
      <c r="B207" s="2"/>
      <c r="C207" s="2"/>
    </row>
    <row r="208" spans="1:3" ht="19.2">
      <c r="A208" s="2"/>
      <c r="B208" s="2"/>
      <c r="C208" s="2"/>
    </row>
    <row r="209" spans="1:3" ht="19.2">
      <c r="A209" s="2"/>
      <c r="B209" s="2"/>
      <c r="C209" s="2"/>
    </row>
    <row r="210" spans="1:3" ht="19.2">
      <c r="A210" s="2"/>
      <c r="B210" s="2"/>
      <c r="C210" s="2"/>
    </row>
    <row r="211" spans="1:3" ht="19.2">
      <c r="A211" s="2"/>
      <c r="B211" s="2"/>
      <c r="C211" s="2"/>
    </row>
    <row r="212" spans="1:3" ht="19.2">
      <c r="A212" s="2"/>
      <c r="B212" s="2"/>
      <c r="C212" s="2"/>
    </row>
    <row r="213" spans="1:3" ht="19.2">
      <c r="A213" s="2"/>
      <c r="B213" s="2"/>
      <c r="C213" s="2"/>
    </row>
    <row r="214" spans="1:3" ht="19.2">
      <c r="A214" s="2"/>
      <c r="B214" s="2"/>
      <c r="C214" s="2"/>
    </row>
    <row r="215" spans="1:3" ht="19.2">
      <c r="A215" s="2"/>
      <c r="B215" s="2"/>
      <c r="C215" s="2"/>
    </row>
    <row r="216" spans="1:3" ht="19.2">
      <c r="A216" s="2"/>
      <c r="B216" s="2"/>
      <c r="C216" s="2"/>
    </row>
    <row r="217" spans="1:3" ht="19.2">
      <c r="A217" s="2"/>
      <c r="B217" s="2"/>
      <c r="C217" s="2"/>
    </row>
    <row r="218" spans="1:3" ht="19.2">
      <c r="A218" s="2"/>
      <c r="B218" s="2"/>
      <c r="C218" s="2"/>
    </row>
    <row r="219" spans="1:3" ht="19.2">
      <c r="A219" s="2"/>
      <c r="B219" s="2"/>
      <c r="C219" s="2"/>
    </row>
    <row r="220" spans="1:3" ht="19.2">
      <c r="A220" s="2"/>
      <c r="B220" s="2"/>
      <c r="C220" s="2"/>
    </row>
    <row r="221" spans="1:3" ht="19.2">
      <c r="A221" s="2"/>
      <c r="B221" s="2"/>
      <c r="C221" s="2"/>
    </row>
    <row r="222" spans="1:3" ht="19.2">
      <c r="A222" s="2"/>
      <c r="B222" s="2"/>
      <c r="C222" s="2"/>
    </row>
    <row r="223" spans="1:3" ht="19.2">
      <c r="A223" s="2"/>
      <c r="B223" s="2"/>
      <c r="C223" s="2"/>
    </row>
    <row r="224" spans="1:3" ht="19.2">
      <c r="A224" s="2"/>
      <c r="B224" s="2"/>
      <c r="C224" s="2"/>
    </row>
    <row r="225" spans="1:3" ht="19.2">
      <c r="A225" s="2"/>
      <c r="B225" s="2"/>
      <c r="C225" s="2"/>
    </row>
    <row r="226" spans="1:3" ht="19.2">
      <c r="A226" s="2"/>
      <c r="B226" s="2"/>
      <c r="C226" s="2"/>
    </row>
    <row r="227" spans="1:3" ht="19.2">
      <c r="A227" s="2"/>
      <c r="B227" s="2"/>
      <c r="C227" s="2"/>
    </row>
    <row r="228" spans="1:3" ht="19.2">
      <c r="A228" s="2"/>
      <c r="B228" s="2"/>
      <c r="C228" s="2"/>
    </row>
    <row r="229" spans="1:3" ht="19.2">
      <c r="A229" s="2"/>
      <c r="B229" s="2"/>
      <c r="C229" s="2"/>
    </row>
    <row r="230" spans="1:3" ht="19.2">
      <c r="A230" s="2"/>
      <c r="B230" s="2"/>
      <c r="C230" s="2"/>
    </row>
    <row r="231" spans="1:3" ht="19.2">
      <c r="A231" s="2"/>
      <c r="B231" s="2"/>
      <c r="C231" s="2"/>
    </row>
    <row r="232" spans="1:3" ht="19.2">
      <c r="A232" s="2"/>
      <c r="B232" s="2"/>
      <c r="C232" s="2"/>
    </row>
    <row r="233" spans="1:3" ht="19.2">
      <c r="A233" s="2"/>
      <c r="B233" s="2"/>
      <c r="C233" s="2"/>
    </row>
    <row r="234" spans="1:3" ht="19.2">
      <c r="A234" s="2"/>
      <c r="B234" s="2"/>
      <c r="C234" s="2"/>
    </row>
    <row r="235" spans="1:3" ht="19.2">
      <c r="A235" s="2"/>
      <c r="B235" s="2"/>
      <c r="C235" s="2"/>
    </row>
    <row r="236" spans="1:3" ht="19.2">
      <c r="A236" s="2"/>
      <c r="B236" s="2"/>
      <c r="C236" s="2"/>
    </row>
    <row r="237" spans="1:3" ht="19.2">
      <c r="A237" s="2"/>
      <c r="B237" s="2"/>
      <c r="C237" s="2"/>
    </row>
    <row r="238" spans="1:3" ht="19.2">
      <c r="A238" s="2"/>
      <c r="B238" s="2"/>
      <c r="C238" s="2"/>
    </row>
    <row r="239" spans="1:3" ht="19.2">
      <c r="A239" s="2"/>
      <c r="B239" s="2"/>
      <c r="C239" s="2"/>
    </row>
    <row r="240" spans="1:3" ht="19.2">
      <c r="A240" s="2"/>
      <c r="B240" s="2"/>
      <c r="C240" s="2"/>
    </row>
    <row r="241" spans="1:3" ht="19.2">
      <c r="A241" s="2"/>
      <c r="B241" s="2"/>
      <c r="C241" s="2"/>
    </row>
    <row r="242" spans="1:3" ht="19.2">
      <c r="A242" s="2"/>
      <c r="B242" s="2"/>
      <c r="C242" s="2"/>
    </row>
    <row r="243" spans="1:3" ht="19.2">
      <c r="A243" s="2"/>
      <c r="B243" s="2"/>
      <c r="C243" s="2"/>
    </row>
    <row r="244" spans="1:3" ht="19.2">
      <c r="A244" s="2"/>
      <c r="B244" s="2"/>
      <c r="C244" s="2"/>
    </row>
    <row r="245" spans="1:3" ht="19.2">
      <c r="A245" s="2"/>
      <c r="B245" s="2"/>
      <c r="C245" s="2"/>
    </row>
    <row r="246" spans="1:3" ht="19.2">
      <c r="A246" s="2"/>
      <c r="B246" s="2"/>
      <c r="C246" s="2"/>
    </row>
    <row r="247" spans="1:3" ht="19.2">
      <c r="A247" s="2"/>
      <c r="B247" s="2"/>
      <c r="C247" s="2"/>
    </row>
    <row r="248" spans="1:3" ht="19.2">
      <c r="A248" s="2"/>
      <c r="B248" s="2"/>
      <c r="C248" s="2"/>
    </row>
    <row r="249" spans="1:3" ht="19.2">
      <c r="A249" s="2"/>
      <c r="B249" s="2"/>
      <c r="C249" s="2"/>
    </row>
    <row r="250" spans="1:3" ht="19.2">
      <c r="A250" s="2"/>
      <c r="B250" s="2"/>
      <c r="C250" s="2"/>
    </row>
    <row r="251" spans="1:3" ht="19.2">
      <c r="A251" s="2"/>
      <c r="B251" s="2"/>
      <c r="C251" s="2"/>
    </row>
    <row r="252" spans="1:3" ht="19.2">
      <c r="A252" s="2"/>
      <c r="B252" s="2"/>
      <c r="C252" s="2"/>
    </row>
    <row r="253" spans="1:3" ht="19.2">
      <c r="A253" s="2"/>
      <c r="B253" s="2"/>
      <c r="C253" s="2"/>
    </row>
    <row r="254" spans="1:3" ht="19.2">
      <c r="A254" s="2"/>
      <c r="B254" s="2"/>
      <c r="C254" s="2"/>
    </row>
    <row r="255" spans="1:3" ht="19.2">
      <c r="A255" s="2"/>
      <c r="B255" s="2"/>
      <c r="C255" s="2"/>
    </row>
    <row r="256" spans="1:3" ht="19.2">
      <c r="A256" s="2"/>
      <c r="B256" s="2"/>
      <c r="C256" s="2"/>
    </row>
    <row r="257" spans="1:3" ht="19.2">
      <c r="A257" s="2"/>
      <c r="B257" s="2"/>
      <c r="C257" s="2"/>
    </row>
    <row r="258" spans="1:3" ht="19.2">
      <c r="A258" s="2"/>
      <c r="B258" s="2"/>
      <c r="C258" s="2"/>
    </row>
    <row r="259" spans="1:3" ht="19.2">
      <c r="A259" s="2"/>
      <c r="B259" s="2"/>
      <c r="C259" s="2"/>
    </row>
    <row r="260" spans="1:3" ht="19.2">
      <c r="A260" s="2"/>
      <c r="B260" s="2"/>
      <c r="C260" s="2"/>
    </row>
    <row r="261" spans="1:3" ht="19.2">
      <c r="A261" s="2"/>
      <c r="B261" s="2"/>
      <c r="C261" s="2"/>
    </row>
    <row r="262" spans="1:3" ht="19.2">
      <c r="A262" s="2"/>
      <c r="B262" s="2"/>
      <c r="C262" s="2"/>
    </row>
    <row r="263" spans="1:3" ht="19.2">
      <c r="A263" s="2"/>
      <c r="B263" s="2"/>
      <c r="C263" s="2"/>
    </row>
    <row r="264" spans="1:3" ht="19.2">
      <c r="A264" s="2"/>
      <c r="B264" s="2"/>
      <c r="C264" s="2"/>
    </row>
    <row r="265" spans="1:3" ht="19.2">
      <c r="A265" s="2"/>
      <c r="B265" s="2"/>
      <c r="C265" s="2"/>
    </row>
    <row r="266" spans="1:3" ht="19.2">
      <c r="A266" s="2"/>
      <c r="B266" s="2"/>
      <c r="C266" s="2"/>
    </row>
    <row r="267" spans="1:3" ht="19.2">
      <c r="A267" s="2"/>
      <c r="B267" s="2"/>
      <c r="C267" s="2"/>
    </row>
    <row r="268" spans="1:3" ht="19.2">
      <c r="A268" s="2"/>
      <c r="B268" s="2"/>
      <c r="C268" s="2"/>
    </row>
    <row r="269" spans="1:3" ht="19.2">
      <c r="A269" s="2"/>
      <c r="B269" s="2"/>
      <c r="C269" s="2"/>
    </row>
    <row r="270" spans="1:3" ht="19.2">
      <c r="A270" s="2"/>
      <c r="B270" s="2"/>
      <c r="C270" s="2"/>
    </row>
    <row r="271" spans="1:3" ht="19.2">
      <c r="A271" s="2"/>
      <c r="B271" s="2"/>
      <c r="C271" s="2"/>
    </row>
    <row r="272" spans="1:3" ht="19.2">
      <c r="A272" s="2"/>
      <c r="B272" s="2"/>
      <c r="C272" s="2"/>
    </row>
    <row r="273" spans="1:3" ht="19.2">
      <c r="A273" s="2"/>
      <c r="B273" s="2"/>
      <c r="C273" s="2"/>
    </row>
    <row r="274" spans="1:3" ht="19.2">
      <c r="A274" s="2"/>
      <c r="B274" s="2"/>
      <c r="C274" s="2"/>
    </row>
    <row r="275" spans="1:3" ht="19.2">
      <c r="A275" s="2"/>
      <c r="B275" s="2"/>
      <c r="C275" s="2"/>
    </row>
    <row r="276" spans="1:3" ht="19.2">
      <c r="A276" s="2"/>
      <c r="B276" s="2"/>
      <c r="C276" s="2"/>
    </row>
    <row r="277" spans="1:3" ht="19.2">
      <c r="A277" s="2"/>
      <c r="B277" s="2"/>
      <c r="C277" s="2"/>
    </row>
    <row r="278" spans="1:3" ht="19.2">
      <c r="A278" s="2"/>
      <c r="B278" s="2"/>
      <c r="C278" s="2"/>
    </row>
    <row r="279" spans="1:3" ht="19.2">
      <c r="A279" s="2"/>
      <c r="B279" s="2"/>
      <c r="C279" s="2"/>
    </row>
    <row r="280" spans="1:3" ht="19.2">
      <c r="A280" s="2"/>
      <c r="B280" s="2"/>
      <c r="C280" s="2"/>
    </row>
    <row r="281" spans="1:3" ht="19.2">
      <c r="A281" s="2"/>
      <c r="B281" s="2"/>
      <c r="C281" s="2"/>
    </row>
    <row r="282" spans="1:3" ht="19.2">
      <c r="A282" s="2"/>
      <c r="B282" s="2"/>
      <c r="C282" s="2"/>
    </row>
    <row r="283" spans="1:3" ht="19.2">
      <c r="A283" s="2"/>
      <c r="B283" s="2"/>
      <c r="C283" s="2"/>
    </row>
    <row r="284" spans="1:3" ht="19.2">
      <c r="A284" s="2"/>
      <c r="B284" s="2"/>
      <c r="C284" s="2"/>
    </row>
    <row r="285" spans="1:3" ht="19.2">
      <c r="A285" s="2"/>
      <c r="B285" s="2"/>
      <c r="C285" s="2"/>
    </row>
    <row r="286" spans="1:3" ht="19.2">
      <c r="A286" s="2"/>
      <c r="B286" s="2"/>
      <c r="C286" s="2"/>
    </row>
    <row r="287" spans="1:3" ht="19.2">
      <c r="A287" s="2"/>
      <c r="B287" s="2"/>
      <c r="C287" s="2"/>
    </row>
    <row r="288" spans="1:3" ht="19.2">
      <c r="A288" s="2"/>
      <c r="B288" s="2"/>
      <c r="C288" s="2"/>
    </row>
    <row r="289" spans="1:3" ht="19.2">
      <c r="A289" s="2"/>
      <c r="B289" s="2"/>
      <c r="C289" s="2"/>
    </row>
    <row r="290" spans="1:3" ht="19.2">
      <c r="A290" s="2"/>
      <c r="B290" s="2"/>
      <c r="C290" s="2"/>
    </row>
    <row r="291" spans="1:3" ht="19.2">
      <c r="A291" s="2"/>
      <c r="B291" s="2"/>
      <c r="C291" s="2"/>
    </row>
    <row r="292" spans="1:3" ht="19.2">
      <c r="A292" s="2"/>
      <c r="B292" s="2"/>
      <c r="C292" s="2"/>
    </row>
    <row r="293" spans="1:3" ht="19.2">
      <c r="A293" s="2"/>
      <c r="B293" s="2"/>
      <c r="C293" s="2"/>
    </row>
    <row r="294" spans="1:3" ht="19.2">
      <c r="A294" s="2"/>
      <c r="B294" s="2"/>
      <c r="C294" s="2"/>
    </row>
    <row r="295" spans="1:3" ht="19.2">
      <c r="A295" s="2"/>
      <c r="B295" s="2"/>
      <c r="C295" s="2"/>
    </row>
    <row r="296" spans="1:3" ht="19.2">
      <c r="A296" s="2"/>
      <c r="B296" s="2"/>
      <c r="C296" s="2"/>
    </row>
    <row r="297" spans="1:3" ht="19.2">
      <c r="A297" s="2"/>
      <c r="B297" s="2"/>
      <c r="C297" s="2"/>
    </row>
    <row r="298" spans="1:3" ht="19.2">
      <c r="A298" s="2"/>
      <c r="B298" s="2"/>
      <c r="C298" s="2"/>
    </row>
    <row r="299" spans="1:3" ht="19.2">
      <c r="A299" s="2"/>
      <c r="B299" s="2"/>
      <c r="C299" s="2"/>
    </row>
    <row r="300" spans="1:3" ht="19.2">
      <c r="A300" s="2"/>
      <c r="B300" s="2"/>
      <c r="C300" s="2"/>
    </row>
    <row r="301" spans="1:3" ht="19.2">
      <c r="A301" s="2"/>
      <c r="B301" s="2"/>
      <c r="C301" s="2"/>
    </row>
    <row r="302" spans="1:3" ht="19.2">
      <c r="A302" s="2"/>
      <c r="B302" s="2"/>
      <c r="C302" s="2"/>
    </row>
    <row r="303" spans="1:3" ht="19.2">
      <c r="A303" s="2"/>
      <c r="B303" s="2"/>
      <c r="C303" s="2"/>
    </row>
    <row r="304" spans="1:3" ht="19.2">
      <c r="A304" s="2"/>
      <c r="B304" s="2"/>
      <c r="C304" s="2"/>
    </row>
    <row r="305" spans="1:3" ht="19.2">
      <c r="A305" s="2"/>
      <c r="B305" s="2"/>
      <c r="C305" s="2"/>
    </row>
    <row r="306" spans="1:3" ht="19.2">
      <c r="A306" s="2"/>
      <c r="B306" s="2"/>
      <c r="C306" s="2"/>
    </row>
    <row r="307" spans="1:3" ht="19.2">
      <c r="A307" s="2"/>
      <c r="B307" s="2"/>
      <c r="C307" s="2"/>
    </row>
    <row r="308" spans="1:3" ht="19.2">
      <c r="A308" s="2"/>
      <c r="B308" s="2"/>
      <c r="C308" s="2"/>
    </row>
    <row r="309" spans="1:3" ht="19.2">
      <c r="A309" s="2"/>
      <c r="B309" s="2"/>
      <c r="C309" s="2"/>
    </row>
    <row r="310" spans="1:3" ht="19.2">
      <c r="A310" s="2"/>
      <c r="B310" s="2"/>
      <c r="C310" s="2"/>
    </row>
    <row r="311" spans="1:3" ht="19.2">
      <c r="A311" s="2"/>
      <c r="B311" s="2"/>
      <c r="C311" s="2"/>
    </row>
    <row r="312" spans="1:3" ht="19.2">
      <c r="A312" s="2"/>
      <c r="B312" s="2"/>
      <c r="C312" s="2"/>
    </row>
    <row r="313" spans="1:3" ht="19.2">
      <c r="A313" s="2"/>
      <c r="B313" s="2"/>
      <c r="C313" s="2"/>
    </row>
    <row r="314" spans="1:3" ht="19.2">
      <c r="A314" s="2"/>
      <c r="B314" s="2"/>
      <c r="C314" s="2"/>
    </row>
    <row r="315" spans="1:3" ht="19.2">
      <c r="A315" s="2"/>
      <c r="B315" s="2"/>
      <c r="C315" s="2"/>
    </row>
    <row r="316" spans="1:3" ht="19.2">
      <c r="A316" s="2"/>
      <c r="B316" s="2"/>
      <c r="C316" s="2"/>
    </row>
    <row r="317" spans="1:3" ht="19.2">
      <c r="A317" s="2"/>
      <c r="B317" s="2"/>
      <c r="C317" s="2"/>
    </row>
    <row r="318" spans="1:3" ht="19.2">
      <c r="A318" s="2"/>
      <c r="B318" s="2"/>
      <c r="C318" s="2"/>
    </row>
    <row r="319" spans="1:3" ht="19.2">
      <c r="A319" s="2"/>
      <c r="B319" s="2"/>
      <c r="C319" s="2"/>
    </row>
    <row r="320" spans="1:3" ht="19.2">
      <c r="A320" s="2"/>
      <c r="B320" s="2"/>
      <c r="C320" s="2"/>
    </row>
    <row r="321" spans="1:3" ht="19.2">
      <c r="A321" s="2"/>
      <c r="B321" s="2"/>
      <c r="C321" s="2"/>
    </row>
    <row r="322" spans="1:3" ht="19.2">
      <c r="A322" s="2"/>
      <c r="B322" s="2"/>
      <c r="C322" s="2"/>
    </row>
    <row r="323" spans="1:3" ht="19.2">
      <c r="A323" s="2"/>
      <c r="B323" s="2"/>
      <c r="C323" s="2"/>
    </row>
    <row r="324" spans="1:3" ht="19.2">
      <c r="A324" s="2"/>
      <c r="B324" s="2"/>
      <c r="C324" s="2"/>
    </row>
    <row r="325" spans="1:3" ht="19.2">
      <c r="A325" s="2"/>
      <c r="B325" s="2"/>
      <c r="C325" s="2"/>
    </row>
    <row r="326" spans="1:3" ht="19.2">
      <c r="A326" s="2"/>
      <c r="B326" s="2"/>
      <c r="C326" s="2"/>
    </row>
    <row r="327" spans="1:3" ht="19.2">
      <c r="A327" s="2"/>
      <c r="B327" s="2"/>
      <c r="C327" s="2"/>
    </row>
    <row r="328" spans="1:3" ht="19.2">
      <c r="A328" s="2"/>
      <c r="B328" s="2"/>
      <c r="C328" s="2"/>
    </row>
    <row r="329" spans="1:3" ht="19.2">
      <c r="A329" s="2"/>
      <c r="B329" s="2"/>
      <c r="C329" s="2"/>
    </row>
    <row r="330" spans="1:3" ht="19.2">
      <c r="A330" s="2"/>
      <c r="B330" s="2"/>
      <c r="C330" s="2"/>
    </row>
    <row r="331" spans="1:3" ht="19.2">
      <c r="A331" s="2"/>
      <c r="B331" s="2"/>
      <c r="C331" s="2"/>
    </row>
    <row r="332" spans="1:3" ht="19.2">
      <c r="A332" s="2"/>
      <c r="B332" s="2"/>
      <c r="C332" s="2"/>
    </row>
    <row r="333" spans="1:3" ht="19.2">
      <c r="A333" s="2"/>
      <c r="B333" s="2"/>
      <c r="C333" s="2"/>
    </row>
    <row r="334" spans="1:3" ht="19.2">
      <c r="A334" s="2"/>
      <c r="B334" s="2"/>
      <c r="C334" s="2"/>
    </row>
    <row r="335" spans="1:3" ht="19.2">
      <c r="A335" s="2"/>
      <c r="B335" s="2"/>
      <c r="C335" s="2"/>
    </row>
    <row r="336" spans="1:3" ht="19.2">
      <c r="A336" s="2"/>
      <c r="B336" s="2"/>
      <c r="C336" s="2"/>
    </row>
    <row r="337" spans="1:3" ht="19.2">
      <c r="A337" s="2"/>
      <c r="B337" s="2"/>
      <c r="C337" s="2"/>
    </row>
    <row r="338" spans="1:3" ht="19.2">
      <c r="A338" s="2"/>
      <c r="B338" s="2"/>
      <c r="C338" s="2"/>
    </row>
    <row r="339" spans="1:3" ht="19.2">
      <c r="A339" s="2"/>
      <c r="B339" s="2"/>
      <c r="C339" s="2"/>
    </row>
    <row r="340" spans="1:3" ht="19.2">
      <c r="A340" s="2"/>
      <c r="B340" s="2"/>
      <c r="C340" s="2"/>
    </row>
    <row r="341" spans="1:3" ht="19.2">
      <c r="A341" s="2"/>
      <c r="B341" s="2"/>
      <c r="C341" s="2"/>
    </row>
    <row r="342" spans="1:3" ht="19.2">
      <c r="A342" s="2"/>
      <c r="B342" s="2"/>
      <c r="C342" s="2"/>
    </row>
    <row r="343" spans="1:3" ht="19.2">
      <c r="A343" s="2"/>
      <c r="B343" s="2"/>
      <c r="C343" s="2"/>
    </row>
    <row r="344" spans="1:3" ht="19.2">
      <c r="A344" s="2"/>
      <c r="B344" s="2"/>
      <c r="C344" s="2"/>
    </row>
    <row r="345" spans="1:3" ht="19.2">
      <c r="A345" s="2"/>
      <c r="B345" s="2"/>
      <c r="C345" s="2"/>
    </row>
    <row r="346" spans="1:3" ht="19.2">
      <c r="A346" s="2"/>
      <c r="B346" s="2"/>
      <c r="C346" s="2"/>
    </row>
    <row r="347" spans="1:3" ht="19.2">
      <c r="A347" s="2"/>
      <c r="B347" s="2"/>
      <c r="C347" s="2"/>
    </row>
    <row r="348" spans="1:3" ht="19.2">
      <c r="A348" s="2"/>
      <c r="B348" s="2"/>
      <c r="C348" s="2"/>
    </row>
    <row r="349" spans="1:3" ht="19.2">
      <c r="A349" s="2"/>
      <c r="B349" s="2"/>
      <c r="C349" s="2"/>
    </row>
    <row r="350" spans="1:3" ht="19.2">
      <c r="A350" s="2"/>
      <c r="B350" s="2"/>
      <c r="C350" s="2"/>
    </row>
    <row r="351" spans="1:3" ht="19.2">
      <c r="A351" s="2"/>
      <c r="B351" s="2"/>
      <c r="C351" s="2"/>
    </row>
    <row r="352" spans="1:3" ht="19.2">
      <c r="A352" s="2"/>
      <c r="B352" s="2"/>
      <c r="C352" s="2"/>
    </row>
    <row r="353" spans="1:3" ht="19.2">
      <c r="A353" s="2"/>
      <c r="B353" s="2"/>
      <c r="C353" s="2"/>
    </row>
    <row r="354" spans="1:3" ht="19.2">
      <c r="A354" s="2"/>
      <c r="B354" s="2"/>
      <c r="C354" s="2"/>
    </row>
    <row r="355" spans="1:3" ht="19.2">
      <c r="A355" s="2"/>
      <c r="B355" s="2"/>
      <c r="C355" s="2"/>
    </row>
    <row r="356" spans="1:3" ht="19.2">
      <c r="A356" s="2"/>
      <c r="B356" s="2"/>
      <c r="C356" s="2"/>
    </row>
    <row r="357" spans="1:3" ht="19.2">
      <c r="A357" s="2"/>
      <c r="B357" s="2"/>
      <c r="C357" s="2"/>
    </row>
    <row r="358" spans="1:3" ht="19.2">
      <c r="A358" s="2"/>
      <c r="B358" s="2"/>
      <c r="C358" s="2"/>
    </row>
    <row r="359" spans="1:3" ht="19.2">
      <c r="A359" s="2"/>
      <c r="B359" s="2"/>
      <c r="C359" s="2"/>
    </row>
    <row r="360" spans="1:3" ht="19.2">
      <c r="A360" s="2"/>
      <c r="B360" s="2"/>
      <c r="C360" s="2"/>
    </row>
    <row r="361" spans="1:3" ht="19.2">
      <c r="A361" s="2"/>
      <c r="B361" s="2"/>
      <c r="C361" s="2"/>
    </row>
    <row r="362" spans="1:3" ht="19.2">
      <c r="A362" s="2"/>
      <c r="B362" s="2"/>
      <c r="C362" s="2"/>
    </row>
    <row r="363" spans="1:3" ht="19.2">
      <c r="A363" s="2"/>
      <c r="B363" s="2"/>
      <c r="C363" s="2"/>
    </row>
    <row r="364" spans="1:3" ht="19.2">
      <c r="A364" s="2"/>
      <c r="B364" s="2"/>
      <c r="C364" s="2"/>
    </row>
    <row r="365" spans="1:3" ht="19.2">
      <c r="A365" s="2"/>
      <c r="B365" s="2"/>
      <c r="C365" s="2"/>
    </row>
    <row r="366" spans="1:3" ht="19.2">
      <c r="A366" s="2"/>
      <c r="B366" s="2"/>
      <c r="C366" s="2"/>
    </row>
    <row r="367" spans="1:3" ht="19.2">
      <c r="A367" s="2"/>
      <c r="B367" s="2"/>
      <c r="C367" s="2"/>
    </row>
    <row r="368" spans="1:3" ht="19.2">
      <c r="A368" s="2"/>
      <c r="B368" s="2"/>
      <c r="C368" s="2"/>
    </row>
    <row r="369" spans="1:3" ht="19.2">
      <c r="A369" s="2"/>
      <c r="B369" s="2"/>
      <c r="C369" s="2"/>
    </row>
    <row r="370" spans="1:3" ht="19.2">
      <c r="A370" s="2"/>
      <c r="B370" s="2"/>
      <c r="C370" s="2"/>
    </row>
    <row r="371" spans="1:3" ht="19.2">
      <c r="A371" s="2"/>
      <c r="B371" s="2"/>
      <c r="C371" s="2"/>
    </row>
    <row r="372" spans="1:3" ht="19.2">
      <c r="A372" s="2"/>
      <c r="B372" s="2"/>
      <c r="C372" s="2"/>
    </row>
    <row r="373" spans="1:3" ht="19.2">
      <c r="A373" s="2"/>
      <c r="B373" s="2"/>
      <c r="C373" s="2"/>
    </row>
    <row r="374" spans="1:3" ht="19.2">
      <c r="A374" s="2"/>
      <c r="B374" s="2"/>
      <c r="C374" s="2"/>
    </row>
    <row r="375" spans="1:3" ht="19.2">
      <c r="A375" s="2"/>
      <c r="B375" s="2"/>
      <c r="C375" s="2"/>
    </row>
    <row r="376" spans="1:3" ht="19.2">
      <c r="A376" s="2"/>
      <c r="B376" s="2"/>
      <c r="C376" s="2"/>
    </row>
    <row r="377" spans="1:3" ht="19.2">
      <c r="A377" s="2"/>
      <c r="B377" s="2"/>
      <c r="C377" s="2"/>
    </row>
    <row r="378" spans="1:3" ht="19.2">
      <c r="A378" s="2"/>
      <c r="B378" s="2"/>
      <c r="C378" s="2"/>
    </row>
    <row r="379" spans="1:3" ht="19.2">
      <c r="A379" s="2"/>
      <c r="B379" s="2"/>
      <c r="C379" s="2"/>
    </row>
    <row r="380" spans="1:3" ht="19.2">
      <c r="A380" s="2"/>
      <c r="B380" s="2"/>
      <c r="C380" s="2"/>
    </row>
    <row r="381" spans="1:3" ht="19.2">
      <c r="A381" s="2"/>
      <c r="B381" s="2"/>
      <c r="C381" s="2"/>
    </row>
    <row r="382" spans="1:3" ht="19.2">
      <c r="A382" s="2"/>
      <c r="B382" s="2"/>
      <c r="C382" s="2"/>
    </row>
    <row r="383" spans="1:3" ht="19.2">
      <c r="A383" s="2"/>
      <c r="B383" s="2"/>
      <c r="C383" s="2"/>
    </row>
    <row r="384" spans="1:3" ht="19.2">
      <c r="A384" s="2"/>
      <c r="B384" s="2"/>
      <c r="C384" s="2"/>
    </row>
    <row r="385" spans="1:3" ht="19.2">
      <c r="A385" s="2"/>
      <c r="B385" s="2"/>
      <c r="C385" s="2"/>
    </row>
    <row r="386" spans="1:3" ht="19.2">
      <c r="A386" s="2"/>
      <c r="B386" s="2"/>
      <c r="C386" s="2"/>
    </row>
    <row r="387" spans="1:3" ht="19.2">
      <c r="A387" s="2"/>
      <c r="B387" s="2"/>
      <c r="C387" s="2"/>
    </row>
    <row r="388" spans="1:3" ht="19.2">
      <c r="A388" s="2"/>
      <c r="B388" s="2"/>
      <c r="C388" s="2"/>
    </row>
    <row r="389" spans="1:3" ht="19.2">
      <c r="A389" s="2"/>
      <c r="B389" s="2"/>
      <c r="C389" s="2"/>
    </row>
    <row r="390" spans="1:3" ht="19.2">
      <c r="A390" s="2"/>
      <c r="B390" s="2"/>
      <c r="C390" s="2"/>
    </row>
    <row r="391" spans="1:3" ht="19.2">
      <c r="A391" s="2"/>
      <c r="B391" s="2"/>
      <c r="C391" s="2"/>
    </row>
    <row r="392" spans="1:3" ht="19.2">
      <c r="A392" s="2"/>
      <c r="B392" s="2"/>
      <c r="C392" s="2"/>
    </row>
    <row r="393" spans="1:3" ht="19.2">
      <c r="A393" s="2"/>
      <c r="B393" s="2"/>
      <c r="C393" s="2"/>
    </row>
    <row r="394" spans="1:3" ht="19.2">
      <c r="A394" s="2"/>
      <c r="B394" s="2"/>
      <c r="C394" s="2"/>
    </row>
    <row r="395" spans="1:3" ht="19.2">
      <c r="A395" s="2"/>
      <c r="B395" s="2"/>
      <c r="C395" s="2"/>
    </row>
    <row r="396" spans="1:3" ht="19.2">
      <c r="A396" s="2"/>
      <c r="B396" s="2"/>
      <c r="C396" s="2"/>
    </row>
    <row r="397" spans="1:3" ht="19.2">
      <c r="A397" s="2"/>
      <c r="B397" s="2"/>
      <c r="C397" s="2"/>
    </row>
    <row r="398" spans="1:3" ht="19.2">
      <c r="A398" s="2"/>
      <c r="B398" s="2"/>
      <c r="C398" s="2"/>
    </row>
    <row r="399" spans="1:3" ht="19.2">
      <c r="A399" s="2"/>
      <c r="B399" s="2"/>
      <c r="C399" s="2"/>
    </row>
    <row r="400" spans="1:3" ht="19.2">
      <c r="A400" s="2"/>
      <c r="B400" s="2"/>
      <c r="C400" s="2"/>
    </row>
    <row r="401" spans="1:3" ht="19.2">
      <c r="A401" s="2"/>
      <c r="B401" s="2"/>
      <c r="C401" s="2"/>
    </row>
    <row r="402" spans="1:3" ht="19.2">
      <c r="A402" s="2"/>
      <c r="B402" s="2"/>
      <c r="C402" s="2"/>
    </row>
    <row r="403" spans="1:3" ht="19.2">
      <c r="A403" s="2"/>
      <c r="B403" s="2"/>
      <c r="C403" s="2"/>
    </row>
    <row r="404" spans="1:3" ht="19.2">
      <c r="A404" s="2"/>
      <c r="B404" s="2"/>
      <c r="C404" s="2"/>
    </row>
    <row r="405" spans="1:3" ht="19.2">
      <c r="A405" s="2"/>
      <c r="B405" s="2"/>
      <c r="C405" s="2"/>
    </row>
    <row r="406" spans="1:3" ht="19.2">
      <c r="A406" s="2"/>
      <c r="B406" s="2"/>
      <c r="C406" s="2"/>
    </row>
    <row r="407" spans="1:3" ht="19.2">
      <c r="A407" s="2"/>
      <c r="B407" s="2"/>
      <c r="C407" s="2"/>
    </row>
    <row r="408" spans="1:3" ht="19.2">
      <c r="A408" s="2"/>
      <c r="B408" s="2"/>
      <c r="C408" s="2"/>
    </row>
    <row r="409" spans="1:3" ht="19.2">
      <c r="A409" s="2"/>
      <c r="B409" s="2"/>
      <c r="C409" s="2"/>
    </row>
    <row r="410" spans="1:3" ht="19.2">
      <c r="A410" s="2"/>
      <c r="B410" s="2"/>
      <c r="C410" s="2"/>
    </row>
    <row r="411" spans="1:3" ht="19.2">
      <c r="A411" s="2"/>
      <c r="B411" s="2"/>
      <c r="C411" s="2"/>
    </row>
    <row r="412" spans="1:3" ht="19.2">
      <c r="A412" s="2"/>
      <c r="B412" s="2"/>
      <c r="C412" s="2"/>
    </row>
    <row r="413" spans="1:3" ht="19.2">
      <c r="A413" s="2"/>
      <c r="B413" s="2"/>
      <c r="C413" s="2"/>
    </row>
    <row r="414" spans="1:3" ht="19.2">
      <c r="A414" s="2"/>
      <c r="B414" s="2"/>
      <c r="C414" s="2"/>
    </row>
    <row r="415" spans="1:3" ht="19.2">
      <c r="A415" s="2"/>
      <c r="B415" s="2"/>
      <c r="C415" s="2"/>
    </row>
    <row r="416" spans="1:3" ht="19.2">
      <c r="A416" s="2"/>
      <c r="B416" s="2"/>
      <c r="C416" s="2"/>
    </row>
    <row r="417" spans="1:3" ht="19.2">
      <c r="A417" s="2"/>
      <c r="B417" s="2"/>
      <c r="C417" s="2"/>
    </row>
    <row r="418" spans="1:3" ht="19.2">
      <c r="A418" s="2"/>
      <c r="B418" s="2"/>
      <c r="C418" s="2"/>
    </row>
    <row r="419" spans="1:3" ht="19.2">
      <c r="A419" s="2"/>
      <c r="B419" s="2"/>
      <c r="C419" s="2"/>
    </row>
    <row r="420" spans="1:3" ht="19.2">
      <c r="A420" s="2"/>
      <c r="B420" s="2"/>
      <c r="C420" s="2"/>
    </row>
    <row r="421" spans="1:3" ht="19.2">
      <c r="A421" s="2"/>
      <c r="B421" s="2"/>
      <c r="C421" s="2"/>
    </row>
    <row r="422" spans="1:3" ht="19.2">
      <c r="A422" s="2"/>
      <c r="B422" s="2"/>
      <c r="C422" s="2"/>
    </row>
    <row r="423" spans="1:3" ht="19.2">
      <c r="A423" s="2"/>
      <c r="B423" s="2"/>
      <c r="C423" s="2"/>
    </row>
    <row r="424" spans="1:3" ht="19.2">
      <c r="A424" s="2"/>
      <c r="B424" s="2"/>
      <c r="C424" s="2"/>
    </row>
    <row r="425" spans="1:3" ht="19.2">
      <c r="A425" s="2"/>
      <c r="B425" s="2"/>
      <c r="C425" s="2"/>
    </row>
    <row r="426" spans="1:3" ht="19.2">
      <c r="A426" s="2"/>
      <c r="B426" s="2"/>
      <c r="C426" s="2"/>
    </row>
    <row r="427" spans="1:3" ht="19.2">
      <c r="A427" s="2"/>
      <c r="B427" s="2"/>
      <c r="C427" s="2"/>
    </row>
    <row r="428" spans="1:3" ht="19.2">
      <c r="A428" s="2"/>
      <c r="B428" s="2"/>
      <c r="C428" s="2"/>
    </row>
    <row r="429" spans="1:3" ht="19.2">
      <c r="A429" s="2"/>
      <c r="B429" s="2"/>
      <c r="C429" s="2"/>
    </row>
    <row r="430" spans="1:3" ht="19.2">
      <c r="A430" s="2"/>
      <c r="B430" s="2"/>
      <c r="C430" s="2"/>
    </row>
    <row r="431" spans="1:3" ht="19.2">
      <c r="A431" s="2"/>
      <c r="B431" s="2"/>
      <c r="C431" s="2"/>
    </row>
    <row r="432" spans="1:3" ht="19.2">
      <c r="A432" s="2"/>
      <c r="B432" s="2"/>
      <c r="C432" s="2"/>
    </row>
    <row r="433" spans="1:3" ht="19.2">
      <c r="A433" s="2"/>
      <c r="B433" s="2"/>
      <c r="C433" s="2"/>
    </row>
    <row r="434" spans="1:3" ht="19.2">
      <c r="A434" s="2"/>
      <c r="B434" s="2"/>
      <c r="C434" s="2"/>
    </row>
    <row r="435" spans="1:3" ht="19.2">
      <c r="A435" s="2"/>
      <c r="B435" s="2"/>
      <c r="C435" s="2"/>
    </row>
    <row r="436" spans="1:3" ht="19.2">
      <c r="A436" s="2"/>
      <c r="B436" s="2"/>
      <c r="C436" s="2"/>
    </row>
    <row r="437" spans="1:3" ht="19.2">
      <c r="A437" s="2"/>
      <c r="B437" s="2"/>
      <c r="C437" s="2"/>
    </row>
    <row r="438" spans="1:3" ht="19.2">
      <c r="A438" s="2"/>
      <c r="B438" s="2"/>
      <c r="C438" s="2"/>
    </row>
    <row r="439" spans="1:3" ht="19.2">
      <c r="A439" s="2"/>
      <c r="B439" s="2"/>
      <c r="C439" s="2"/>
    </row>
    <row r="440" spans="1:3" ht="19.2">
      <c r="A440" s="2"/>
      <c r="B440" s="2"/>
      <c r="C440" s="2"/>
    </row>
    <row r="441" spans="1:3" ht="19.2">
      <c r="A441" s="2"/>
      <c r="B441" s="2"/>
      <c r="C441" s="2"/>
    </row>
    <row r="442" spans="1:3" ht="19.2">
      <c r="A442" s="2"/>
      <c r="B442" s="2"/>
      <c r="C442" s="2"/>
    </row>
    <row r="443" spans="1:3" ht="19.2">
      <c r="A443" s="2"/>
      <c r="B443" s="2"/>
      <c r="C443" s="2"/>
    </row>
    <row r="444" spans="1:3" ht="19.2">
      <c r="A444" s="2"/>
      <c r="B444" s="2"/>
      <c r="C444" s="2"/>
    </row>
    <row r="445" spans="1:3" ht="19.2">
      <c r="A445" s="2"/>
      <c r="B445" s="2"/>
      <c r="C445" s="2"/>
    </row>
    <row r="446" spans="1:3" ht="19.2">
      <c r="A446" s="2"/>
      <c r="B446" s="2"/>
      <c r="C446" s="2"/>
    </row>
    <row r="447" spans="1:3" ht="19.2">
      <c r="A447" s="2"/>
      <c r="B447" s="2"/>
      <c r="C447" s="2"/>
    </row>
    <row r="448" spans="1:3" ht="19.2">
      <c r="A448" s="2"/>
      <c r="B448" s="2"/>
      <c r="C448" s="2"/>
    </row>
    <row r="449" spans="1:3" ht="19.2">
      <c r="A449" s="2"/>
      <c r="B449" s="2"/>
      <c r="C449" s="2"/>
    </row>
    <row r="450" spans="1:3" ht="19.2">
      <c r="A450" s="2"/>
      <c r="B450" s="2"/>
      <c r="C450" s="2"/>
    </row>
    <row r="451" spans="1:3" ht="19.2">
      <c r="A451" s="2"/>
      <c r="B451" s="2"/>
      <c r="C451" s="2"/>
    </row>
    <row r="452" spans="1:3" ht="19.2">
      <c r="A452" s="2"/>
      <c r="B452" s="2"/>
      <c r="C452" s="2"/>
    </row>
    <row r="453" spans="1:3" ht="19.2">
      <c r="A453" s="2"/>
      <c r="B453" s="2"/>
      <c r="C453" s="2"/>
    </row>
    <row r="454" spans="1:3" ht="19.2">
      <c r="A454" s="2"/>
      <c r="B454" s="2"/>
      <c r="C454" s="2"/>
    </row>
    <row r="455" spans="1:3" ht="19.2">
      <c r="A455" s="2"/>
      <c r="B455" s="2"/>
      <c r="C455" s="2"/>
    </row>
    <row r="456" spans="1:3" ht="19.2">
      <c r="A456" s="2"/>
      <c r="B456" s="2"/>
      <c r="C456" s="2"/>
    </row>
    <row r="457" spans="1:3" ht="19.2">
      <c r="A457" s="2"/>
      <c r="B457" s="2"/>
      <c r="C457" s="2"/>
    </row>
    <row r="458" spans="1:3" ht="19.2">
      <c r="A458" s="2"/>
      <c r="B458" s="2"/>
      <c r="C458" s="2"/>
    </row>
    <row r="459" spans="1:3" ht="19.2">
      <c r="A459" s="2"/>
      <c r="B459" s="2"/>
      <c r="C459" s="2"/>
    </row>
    <row r="460" spans="1:3" ht="19.2">
      <c r="A460" s="2"/>
      <c r="B460" s="2"/>
      <c r="C460" s="2"/>
    </row>
    <row r="461" spans="1:3" ht="19.2">
      <c r="A461" s="2"/>
      <c r="B461" s="2"/>
      <c r="C461" s="2"/>
    </row>
    <row r="462" spans="1:3" ht="19.2">
      <c r="A462" s="2"/>
      <c r="B462" s="2"/>
      <c r="C462" s="2"/>
    </row>
    <row r="463" spans="1:3" ht="19.2">
      <c r="A463" s="2"/>
      <c r="B463" s="2"/>
      <c r="C463" s="2"/>
    </row>
    <row r="464" spans="1:3" ht="19.2">
      <c r="A464" s="2"/>
      <c r="B464" s="2"/>
      <c r="C464" s="2"/>
    </row>
    <row r="465" spans="1:3" ht="19.2">
      <c r="A465" s="2"/>
      <c r="B465" s="2"/>
      <c r="C465" s="2"/>
    </row>
    <row r="466" spans="1:3" ht="19.2">
      <c r="A466" s="2"/>
      <c r="B466" s="2"/>
      <c r="C466" s="2"/>
    </row>
    <row r="467" spans="1:3" ht="19.2">
      <c r="A467" s="2"/>
      <c r="B467" s="2"/>
      <c r="C467" s="2"/>
    </row>
    <row r="468" spans="1:3" ht="19.2">
      <c r="A468" s="2"/>
      <c r="B468" s="2"/>
      <c r="C468" s="2"/>
    </row>
    <row r="469" spans="1:3" ht="19.2">
      <c r="A469" s="2"/>
      <c r="B469" s="2"/>
      <c r="C469" s="2"/>
    </row>
    <row r="470" spans="1:3" ht="19.2">
      <c r="A470" s="2"/>
      <c r="B470" s="2"/>
      <c r="C470" s="2"/>
    </row>
    <row r="471" spans="1:3" ht="19.2">
      <c r="A471" s="2"/>
      <c r="B471" s="2"/>
      <c r="C471" s="2"/>
    </row>
    <row r="472" spans="1:3" ht="19.2">
      <c r="A472" s="2"/>
      <c r="B472" s="2"/>
      <c r="C472" s="2"/>
    </row>
    <row r="473" spans="1:3" ht="19.2">
      <c r="A473" s="2"/>
      <c r="B473" s="2"/>
      <c r="C473" s="2"/>
    </row>
    <row r="474" spans="1:3" ht="19.2">
      <c r="A474" s="2"/>
      <c r="B474" s="2"/>
      <c r="C474" s="2"/>
    </row>
    <row r="475" spans="1:3" ht="19.2">
      <c r="A475" s="2"/>
      <c r="B475" s="2"/>
      <c r="C475" s="2"/>
    </row>
    <row r="476" spans="1:3" ht="19.2">
      <c r="A476" s="2"/>
      <c r="B476" s="2"/>
      <c r="C476" s="2"/>
    </row>
    <row r="477" spans="1:3" ht="19.2">
      <c r="A477" s="2"/>
      <c r="B477" s="2"/>
      <c r="C477" s="2"/>
    </row>
    <row r="478" spans="1:3" ht="19.2">
      <c r="A478" s="2"/>
      <c r="B478" s="2"/>
      <c r="C478" s="2"/>
    </row>
    <row r="479" spans="1:3" ht="19.2">
      <c r="A479" s="2"/>
      <c r="B479" s="2"/>
      <c r="C479" s="2"/>
    </row>
    <row r="480" spans="1:3" ht="19.2">
      <c r="A480" s="2"/>
      <c r="B480" s="2"/>
      <c r="C480" s="2"/>
    </row>
    <row r="481" spans="1:3" ht="19.2">
      <c r="A481" s="2"/>
      <c r="B481" s="2"/>
      <c r="C481" s="2"/>
    </row>
    <row r="482" spans="1:3" ht="19.2">
      <c r="A482" s="2"/>
      <c r="B482" s="2"/>
      <c r="C482" s="2"/>
    </row>
    <row r="483" spans="1:3" ht="19.2">
      <c r="A483" s="2"/>
      <c r="B483" s="2"/>
      <c r="C483" s="2"/>
    </row>
    <row r="484" spans="1:3" ht="19.2">
      <c r="A484" s="2"/>
      <c r="B484" s="2"/>
      <c r="C484" s="2"/>
    </row>
    <row r="485" spans="1:3" ht="19.2">
      <c r="A485" s="2"/>
      <c r="B485" s="2"/>
      <c r="C485" s="2"/>
    </row>
    <row r="486" spans="1:3" ht="19.2">
      <c r="A486" s="2"/>
      <c r="B486" s="2"/>
      <c r="C486" s="2"/>
    </row>
    <row r="487" spans="1:3" ht="19.2">
      <c r="A487" s="2"/>
      <c r="B487" s="2"/>
      <c r="C487" s="2"/>
    </row>
    <row r="488" spans="1:3" ht="19.2">
      <c r="A488" s="2"/>
      <c r="B488" s="2"/>
      <c r="C488" s="2"/>
    </row>
    <row r="489" spans="1:3" ht="19.2">
      <c r="A489" s="2"/>
      <c r="B489" s="2"/>
      <c r="C489" s="2"/>
    </row>
    <row r="490" spans="1:3" ht="19.2">
      <c r="A490" s="2"/>
      <c r="B490" s="2"/>
      <c r="C490" s="2"/>
    </row>
    <row r="491" spans="1:3" ht="19.2">
      <c r="A491" s="2"/>
      <c r="B491" s="2"/>
      <c r="C491" s="2"/>
    </row>
    <row r="492" spans="1:3" ht="19.2">
      <c r="A492" s="2"/>
      <c r="B492" s="2"/>
      <c r="C492" s="2"/>
    </row>
    <row r="493" spans="1:3" ht="19.2">
      <c r="A493" s="2"/>
      <c r="B493" s="2"/>
      <c r="C493" s="2"/>
    </row>
    <row r="494" spans="1:3" ht="19.2">
      <c r="A494" s="2"/>
      <c r="B494" s="2"/>
      <c r="C494" s="2"/>
    </row>
    <row r="495" spans="1:3" ht="19.2">
      <c r="A495" s="2"/>
      <c r="B495" s="2"/>
      <c r="C495" s="2"/>
    </row>
    <row r="496" spans="1:3" ht="19.2">
      <c r="A496" s="2"/>
      <c r="B496" s="2"/>
      <c r="C496" s="2"/>
    </row>
    <row r="497" spans="1:3" ht="19.2">
      <c r="A497" s="2"/>
      <c r="B497" s="2"/>
      <c r="C497" s="2"/>
    </row>
    <row r="498" spans="1:3" ht="19.2">
      <c r="A498" s="2"/>
      <c r="B498" s="2"/>
      <c r="C498" s="2"/>
    </row>
    <row r="499" spans="1:3" ht="19.2">
      <c r="A499" s="2"/>
      <c r="B499" s="2"/>
      <c r="C499" s="2"/>
    </row>
    <row r="500" spans="1:3" ht="19.2">
      <c r="A500" s="2"/>
      <c r="B500" s="2"/>
      <c r="C500" s="2"/>
    </row>
    <row r="501" spans="1:3" ht="19.2">
      <c r="A501" s="2"/>
      <c r="B501" s="2"/>
      <c r="C501" s="2"/>
    </row>
    <row r="502" spans="1:3" ht="19.2">
      <c r="A502" s="2"/>
      <c r="B502" s="2"/>
      <c r="C502" s="2"/>
    </row>
    <row r="503" spans="1:3" ht="19.2">
      <c r="A503" s="2"/>
      <c r="B503" s="2"/>
      <c r="C503" s="2"/>
    </row>
    <row r="504" spans="1:3" ht="19.2">
      <c r="A504" s="2"/>
      <c r="B504" s="2"/>
      <c r="C504" s="2"/>
    </row>
    <row r="505" spans="1:3" ht="19.2">
      <c r="A505" s="2"/>
      <c r="B505" s="2"/>
      <c r="C505" s="2"/>
    </row>
    <row r="506" spans="1:3" ht="19.2">
      <c r="A506" s="2"/>
      <c r="B506" s="2"/>
      <c r="C506" s="2"/>
    </row>
    <row r="507" spans="1:3" ht="19.2">
      <c r="A507" s="2"/>
      <c r="B507" s="2"/>
      <c r="C507" s="2"/>
    </row>
    <row r="508" spans="1:3" ht="19.2">
      <c r="A508" s="2"/>
      <c r="B508" s="2"/>
      <c r="C508" s="2"/>
    </row>
    <row r="509" spans="1:3" ht="19.2">
      <c r="A509" s="2"/>
      <c r="B509" s="2"/>
      <c r="C509" s="2"/>
    </row>
    <row r="510" spans="1:3" ht="19.2">
      <c r="A510" s="2"/>
      <c r="B510" s="2"/>
      <c r="C510" s="2"/>
    </row>
    <row r="511" spans="1:3" ht="19.2">
      <c r="A511" s="2"/>
      <c r="B511" s="2"/>
      <c r="C511" s="2"/>
    </row>
    <row r="512" spans="1:3" ht="19.2">
      <c r="A512" s="2"/>
      <c r="B512" s="2"/>
      <c r="C512" s="2"/>
    </row>
    <row r="513" spans="1:3" ht="19.2">
      <c r="A513" s="2"/>
      <c r="B513" s="2"/>
      <c r="C513" s="2"/>
    </row>
    <row r="514" spans="1:3" ht="19.2">
      <c r="A514" s="2"/>
      <c r="B514" s="2"/>
      <c r="C514" s="2"/>
    </row>
    <row r="515" spans="1:3" ht="19.2">
      <c r="A515" s="2"/>
      <c r="B515" s="2"/>
      <c r="C515" s="2"/>
    </row>
    <row r="516" spans="1:3" ht="19.2">
      <c r="A516" s="2"/>
      <c r="B516" s="2"/>
      <c r="C516" s="2"/>
    </row>
    <row r="517" spans="1:3" ht="19.2">
      <c r="A517" s="2"/>
      <c r="B517" s="2"/>
      <c r="C517" s="2"/>
    </row>
    <row r="518" spans="1:3" ht="19.2">
      <c r="A518" s="2"/>
      <c r="B518" s="2"/>
      <c r="C518" s="2"/>
    </row>
    <row r="519" spans="1:3" ht="19.2">
      <c r="A519" s="2"/>
      <c r="B519" s="2"/>
      <c r="C519" s="2"/>
    </row>
    <row r="520" spans="1:3" ht="19.2">
      <c r="A520" s="2"/>
      <c r="B520" s="2"/>
      <c r="C520" s="2"/>
    </row>
    <row r="521" spans="1:3" ht="19.2">
      <c r="A521" s="2"/>
      <c r="B521" s="2"/>
      <c r="C521" s="2"/>
    </row>
    <row r="522" spans="1:3" ht="19.2">
      <c r="A522" s="2"/>
      <c r="B522" s="2"/>
      <c r="C522" s="2"/>
    </row>
    <row r="523" spans="1:3" ht="19.2">
      <c r="A523" s="2"/>
      <c r="B523" s="2"/>
      <c r="C523" s="2"/>
    </row>
    <row r="524" spans="1:3" ht="19.2">
      <c r="A524" s="2"/>
      <c r="B524" s="2"/>
      <c r="C524" s="2"/>
    </row>
    <row r="525" spans="1:3" ht="19.2">
      <c r="A525" s="2"/>
      <c r="B525" s="2"/>
      <c r="C525" s="2"/>
    </row>
    <row r="526" spans="1:3" ht="19.2">
      <c r="A526" s="2"/>
      <c r="B526" s="2"/>
      <c r="C526" s="2"/>
    </row>
    <row r="527" spans="1:3" ht="19.2">
      <c r="A527" s="2"/>
      <c r="B527" s="2"/>
      <c r="C527" s="2"/>
    </row>
    <row r="528" spans="1:3" ht="19.2">
      <c r="A528" s="2"/>
      <c r="B528" s="2"/>
      <c r="C528" s="2"/>
    </row>
    <row r="529" spans="1:3" ht="19.2">
      <c r="A529" s="2"/>
      <c r="B529" s="2"/>
      <c r="C529" s="2"/>
    </row>
    <row r="530" spans="1:3" ht="19.2">
      <c r="A530" s="2"/>
      <c r="B530" s="2"/>
      <c r="C530" s="2"/>
    </row>
    <row r="531" spans="1:3" ht="19.2">
      <c r="A531" s="2"/>
      <c r="B531" s="2"/>
      <c r="C531" s="2"/>
    </row>
    <row r="532" spans="1:3" ht="19.2">
      <c r="A532" s="2"/>
      <c r="B532" s="2"/>
      <c r="C532" s="2"/>
    </row>
    <row r="533" spans="1:3" ht="19.2">
      <c r="A533" s="2"/>
      <c r="B533" s="2"/>
      <c r="C533" s="2"/>
    </row>
    <row r="534" spans="1:3" ht="19.2">
      <c r="A534" s="2"/>
      <c r="B534" s="2"/>
      <c r="C534" s="2"/>
    </row>
    <row r="535" spans="1:3" ht="19.2">
      <c r="A535" s="2"/>
      <c r="B535" s="2"/>
      <c r="C535" s="2"/>
    </row>
    <row r="536" spans="1:3" ht="19.2">
      <c r="A536" s="2"/>
      <c r="B536" s="2"/>
      <c r="C536" s="2"/>
    </row>
    <row r="537" spans="1:3" ht="19.2">
      <c r="A537" s="2"/>
      <c r="B537" s="2"/>
      <c r="C537" s="2"/>
    </row>
    <row r="538" spans="1:3" ht="19.2">
      <c r="A538" s="2"/>
      <c r="B538" s="2"/>
      <c r="C538" s="2"/>
    </row>
    <row r="539" spans="1:3" ht="19.2">
      <c r="A539" s="2"/>
      <c r="B539" s="2"/>
      <c r="C539" s="2"/>
    </row>
    <row r="540" spans="1:3" ht="19.2">
      <c r="A540" s="2"/>
      <c r="B540" s="2"/>
      <c r="C540" s="2"/>
    </row>
    <row r="541" spans="1:3" ht="19.2">
      <c r="A541" s="2"/>
      <c r="B541" s="2"/>
      <c r="C541" s="2"/>
    </row>
    <row r="542" spans="1:3" ht="19.2">
      <c r="A542" s="2"/>
      <c r="B542" s="2"/>
      <c r="C542" s="2"/>
    </row>
    <row r="543" spans="1:3" ht="19.2">
      <c r="A543" s="2"/>
      <c r="B543" s="2"/>
      <c r="C543" s="2"/>
    </row>
    <row r="544" spans="1:3" ht="19.2">
      <c r="A544" s="2"/>
      <c r="B544" s="2"/>
      <c r="C544" s="2"/>
    </row>
    <row r="545" spans="1:3" ht="19.2">
      <c r="A545" s="2"/>
      <c r="B545" s="2"/>
      <c r="C545" s="2"/>
    </row>
    <row r="546" spans="1:3" ht="19.2">
      <c r="A546" s="2"/>
      <c r="B546" s="2"/>
      <c r="C546" s="2"/>
    </row>
    <row r="547" spans="1:3" ht="19.2">
      <c r="A547" s="2"/>
      <c r="B547" s="2"/>
      <c r="C547" s="2"/>
    </row>
    <row r="548" spans="1:3" ht="19.2">
      <c r="A548" s="2"/>
      <c r="B548" s="2"/>
      <c r="C548" s="2"/>
    </row>
    <row r="549" spans="1:3" ht="19.2">
      <c r="A549" s="2"/>
      <c r="B549" s="2"/>
      <c r="C549" s="2"/>
    </row>
    <row r="550" spans="1:3" ht="19.2">
      <c r="A550" s="2"/>
      <c r="B550" s="2"/>
      <c r="C550" s="2"/>
    </row>
    <row r="551" spans="1:3" ht="19.2">
      <c r="A551" s="2"/>
      <c r="B551" s="2"/>
      <c r="C551" s="2"/>
    </row>
    <row r="552" spans="1:3" ht="19.2">
      <c r="A552" s="2"/>
      <c r="B552" s="2"/>
      <c r="C552" s="2"/>
    </row>
    <row r="553" spans="1:3" ht="19.2">
      <c r="A553" s="2"/>
      <c r="B553" s="2"/>
      <c r="C553" s="2"/>
    </row>
    <row r="554" spans="1:3" ht="19.2">
      <c r="A554" s="2"/>
      <c r="B554" s="2"/>
      <c r="C554" s="2"/>
    </row>
    <row r="555" spans="1:3" ht="19.2">
      <c r="A555" s="2"/>
      <c r="B555" s="2"/>
      <c r="C555" s="2"/>
    </row>
    <row r="556" spans="1:3" ht="19.2">
      <c r="A556" s="2"/>
      <c r="B556" s="2"/>
      <c r="C556" s="2"/>
    </row>
    <row r="557" spans="1:3" ht="19.2">
      <c r="A557" s="2"/>
      <c r="B557" s="2"/>
      <c r="C557" s="2"/>
    </row>
    <row r="558" spans="1:3" ht="19.2">
      <c r="A558" s="2"/>
      <c r="B558" s="2"/>
      <c r="C558" s="2"/>
    </row>
    <row r="559" spans="1:3" ht="19.2">
      <c r="A559" s="2"/>
      <c r="B559" s="2"/>
      <c r="C559" s="2"/>
    </row>
    <row r="560" spans="1:3" ht="19.2">
      <c r="A560" s="2"/>
      <c r="B560" s="2"/>
      <c r="C560" s="2"/>
    </row>
    <row r="561" spans="1:3" ht="19.2">
      <c r="A561" s="2"/>
      <c r="B561" s="2"/>
      <c r="C561" s="2"/>
    </row>
    <row r="562" spans="1:3" ht="19.2">
      <c r="A562" s="2"/>
      <c r="B562" s="2"/>
      <c r="C562" s="2"/>
    </row>
    <row r="563" spans="1:3" ht="19.2">
      <c r="A563" s="2"/>
      <c r="B563" s="2"/>
      <c r="C563" s="2"/>
    </row>
    <row r="564" spans="1:3" ht="19.2">
      <c r="A564" s="2"/>
      <c r="B564" s="2"/>
      <c r="C564" s="2"/>
    </row>
    <row r="565" spans="1:3" ht="19.2">
      <c r="A565" s="2"/>
      <c r="B565" s="2"/>
      <c r="C565" s="2"/>
    </row>
    <row r="566" spans="1:3" ht="19.2">
      <c r="A566" s="2"/>
      <c r="B566" s="2"/>
      <c r="C566" s="2"/>
    </row>
    <row r="567" spans="1:3" ht="19.2">
      <c r="A567" s="2"/>
      <c r="B567" s="2"/>
      <c r="C567" s="2"/>
    </row>
    <row r="568" spans="1:3" ht="19.2">
      <c r="A568" s="2"/>
      <c r="B568" s="2"/>
      <c r="C568" s="2"/>
    </row>
    <row r="569" spans="1:3" ht="19.2">
      <c r="A569" s="2"/>
      <c r="B569" s="2"/>
      <c r="C569" s="2"/>
    </row>
    <row r="570" spans="1:3" ht="19.2">
      <c r="A570" s="2"/>
      <c r="B570" s="2"/>
      <c r="C570" s="2"/>
    </row>
    <row r="571" spans="1:3" ht="19.2">
      <c r="A571" s="2"/>
      <c r="B571" s="2"/>
      <c r="C571" s="2"/>
    </row>
    <row r="572" spans="1:3" ht="19.2">
      <c r="A572" s="2"/>
      <c r="B572" s="2"/>
      <c r="C572" s="2"/>
    </row>
    <row r="573" spans="1:3" ht="19.2">
      <c r="A573" s="2"/>
      <c r="B573" s="2"/>
      <c r="C573" s="2"/>
    </row>
    <row r="574" spans="1:3" ht="19.2">
      <c r="A574" s="2"/>
      <c r="B574" s="2"/>
      <c r="C574" s="2"/>
    </row>
    <row r="575" spans="1:3" ht="19.2">
      <c r="A575" s="2"/>
      <c r="B575" s="2"/>
      <c r="C575" s="2"/>
    </row>
    <row r="576" spans="1:3" ht="19.2">
      <c r="A576" s="2"/>
      <c r="B576" s="2"/>
      <c r="C576" s="2"/>
    </row>
    <row r="577" spans="1:3" ht="19.2">
      <c r="A577" s="2"/>
      <c r="B577" s="2"/>
      <c r="C577" s="2"/>
    </row>
    <row r="578" spans="1:3" ht="19.2">
      <c r="A578" s="2"/>
      <c r="B578" s="2"/>
      <c r="C578" s="2"/>
    </row>
    <row r="579" spans="1:3" ht="19.2">
      <c r="A579" s="2"/>
      <c r="B579" s="2"/>
      <c r="C579" s="2"/>
    </row>
    <row r="580" spans="1:3" ht="19.2">
      <c r="A580" s="2"/>
      <c r="B580" s="2"/>
      <c r="C580" s="2"/>
    </row>
    <row r="581" spans="1:3" ht="19.2">
      <c r="A581" s="2"/>
      <c r="B581" s="2"/>
      <c r="C581" s="2"/>
    </row>
    <row r="582" spans="1:3" ht="19.2">
      <c r="A582" s="2"/>
      <c r="B582" s="2"/>
      <c r="C582" s="2"/>
    </row>
    <row r="583" spans="1:3" ht="19.2">
      <c r="A583" s="2"/>
      <c r="B583" s="2"/>
      <c r="C583" s="2"/>
    </row>
    <row r="584" spans="1:3" ht="19.2">
      <c r="A584" s="2"/>
      <c r="B584" s="2"/>
      <c r="C584" s="2"/>
    </row>
    <row r="585" spans="1:3" ht="19.2">
      <c r="A585" s="2"/>
      <c r="B585" s="2"/>
      <c r="C585" s="2"/>
    </row>
    <row r="586" spans="1:3" ht="19.2">
      <c r="A586" s="2"/>
      <c r="B586" s="2"/>
      <c r="C586" s="2"/>
    </row>
    <row r="587" spans="1:3" ht="19.2">
      <c r="A587" s="2"/>
      <c r="B587" s="2"/>
      <c r="C587" s="2"/>
    </row>
    <row r="588" spans="1:3" ht="19.2">
      <c r="A588" s="2"/>
      <c r="B588" s="2"/>
      <c r="C588" s="2"/>
    </row>
    <row r="589" spans="1:3" ht="19.2">
      <c r="A589" s="2"/>
      <c r="B589" s="2"/>
      <c r="C589" s="2"/>
    </row>
    <row r="590" spans="1:3" ht="19.2">
      <c r="A590" s="2"/>
      <c r="B590" s="2"/>
      <c r="C590" s="2"/>
    </row>
    <row r="591" spans="1:3" ht="19.2">
      <c r="A591" s="2"/>
      <c r="B591" s="2"/>
      <c r="C591" s="2"/>
    </row>
    <row r="592" spans="1:3" ht="19.2">
      <c r="A592" s="2"/>
      <c r="B592" s="2"/>
      <c r="C592" s="2"/>
    </row>
    <row r="593" spans="1:3" ht="19.2">
      <c r="A593" s="2"/>
      <c r="B593" s="2"/>
      <c r="C593" s="2"/>
    </row>
    <row r="594" spans="1:3" ht="19.2">
      <c r="A594" s="2"/>
      <c r="B594" s="2"/>
      <c r="C594" s="2"/>
    </row>
    <row r="595" spans="1:3" ht="19.2">
      <c r="A595" s="2"/>
      <c r="B595" s="2"/>
      <c r="C595" s="2"/>
    </row>
    <row r="596" spans="1:3" ht="19.2">
      <c r="A596" s="2"/>
      <c r="B596" s="2"/>
      <c r="C596" s="2"/>
    </row>
    <row r="597" spans="1:3" ht="19.2">
      <c r="A597" s="2"/>
      <c r="B597" s="2"/>
      <c r="C597" s="2"/>
    </row>
    <row r="598" spans="1:3" ht="19.2">
      <c r="A598" s="2"/>
      <c r="B598" s="2"/>
      <c r="C598" s="2"/>
    </row>
    <row r="599" spans="1:3" ht="19.2">
      <c r="A599" s="2"/>
      <c r="B599" s="2"/>
      <c r="C599" s="2"/>
    </row>
    <row r="600" spans="1:3" ht="19.2">
      <c r="A600" s="2"/>
      <c r="B600" s="2"/>
      <c r="C600" s="2"/>
    </row>
    <row r="601" spans="1:3" ht="19.2">
      <c r="A601" s="2"/>
      <c r="B601" s="2"/>
      <c r="C601" s="2"/>
    </row>
    <row r="602" spans="1:3" ht="19.2">
      <c r="A602" s="2"/>
      <c r="B602" s="2"/>
      <c r="C602" s="2"/>
    </row>
    <row r="603" spans="1:3" ht="19.2">
      <c r="A603" s="2"/>
      <c r="B603" s="2"/>
      <c r="C603" s="2"/>
    </row>
    <row r="604" spans="1:3" ht="19.2">
      <c r="A604" s="2"/>
      <c r="B604" s="2"/>
      <c r="C604" s="2"/>
    </row>
    <row r="605" spans="1:3" ht="19.2">
      <c r="A605" s="2"/>
      <c r="B605" s="2"/>
      <c r="C605" s="2"/>
    </row>
    <row r="606" spans="1:3" ht="19.2">
      <c r="A606" s="2"/>
      <c r="B606" s="2"/>
      <c r="C606" s="2"/>
    </row>
    <row r="607" spans="1:3" ht="19.2">
      <c r="A607" s="2"/>
      <c r="B607" s="2"/>
      <c r="C607" s="2"/>
    </row>
    <row r="608" spans="1:3" ht="19.2">
      <c r="A608" s="2"/>
      <c r="B608" s="2"/>
      <c r="C608" s="2"/>
    </row>
    <row r="609" spans="1:3" ht="19.2">
      <c r="A609" s="2"/>
      <c r="B609" s="2"/>
      <c r="C609" s="2"/>
    </row>
    <row r="610" spans="1:3" ht="19.2">
      <c r="A610" s="2"/>
      <c r="B610" s="2"/>
      <c r="C610" s="2"/>
    </row>
    <row r="611" spans="1:3" ht="19.2">
      <c r="A611" s="2"/>
      <c r="B611" s="2"/>
      <c r="C611" s="2"/>
    </row>
    <row r="612" spans="1:3" ht="19.2">
      <c r="A612" s="2"/>
      <c r="B612" s="2"/>
      <c r="C612" s="2"/>
    </row>
    <row r="613" spans="1:3" ht="19.2">
      <c r="A613" s="2"/>
      <c r="B613" s="2"/>
      <c r="C613" s="2"/>
    </row>
    <row r="614" spans="1:3" ht="19.2">
      <c r="A614" s="2"/>
      <c r="B614" s="2"/>
      <c r="C614" s="2"/>
    </row>
    <row r="615" spans="1:3" ht="19.2">
      <c r="A615" s="2"/>
      <c r="B615" s="2"/>
      <c r="C615" s="2"/>
    </row>
    <row r="616" spans="1:3" ht="19.2">
      <c r="A616" s="2"/>
      <c r="B616" s="2"/>
      <c r="C616" s="2"/>
    </row>
    <row r="617" spans="1:3" ht="19.2">
      <c r="A617" s="2"/>
      <c r="B617" s="2"/>
      <c r="C617" s="2"/>
    </row>
    <row r="618" spans="1:3" ht="19.2">
      <c r="A618" s="2"/>
      <c r="B618" s="2"/>
      <c r="C618" s="2"/>
    </row>
    <row r="619" spans="1:3" ht="19.2">
      <c r="A619" s="2"/>
      <c r="B619" s="2"/>
      <c r="C619" s="2"/>
    </row>
    <row r="620" spans="1:3" ht="19.2">
      <c r="A620" s="2"/>
      <c r="B620" s="2"/>
      <c r="C620" s="2"/>
    </row>
    <row r="621" spans="1:3" ht="19.2">
      <c r="A621" s="2"/>
      <c r="B621" s="2"/>
      <c r="C621" s="2"/>
    </row>
    <row r="622" spans="1:3" ht="19.2">
      <c r="A622" s="2"/>
      <c r="B622" s="2"/>
      <c r="C622" s="2"/>
    </row>
    <row r="623" spans="1:3" ht="19.2">
      <c r="A623" s="2"/>
      <c r="B623" s="2"/>
      <c r="C623" s="2"/>
    </row>
    <row r="624" spans="1:3" ht="19.2">
      <c r="A624" s="2"/>
      <c r="B624" s="2"/>
      <c r="C624" s="2"/>
    </row>
    <row r="625" spans="1:3" ht="19.2">
      <c r="A625" s="2"/>
      <c r="B625" s="2"/>
      <c r="C625" s="2"/>
    </row>
    <row r="626" spans="1:3" ht="19.2">
      <c r="A626" s="2"/>
      <c r="B626" s="2"/>
      <c r="C626" s="2"/>
    </row>
    <row r="627" spans="1:3" ht="19.2">
      <c r="A627" s="2"/>
      <c r="B627" s="2"/>
      <c r="C627" s="2"/>
    </row>
    <row r="628" spans="1:3" ht="19.2">
      <c r="A628" s="2"/>
      <c r="B628" s="2"/>
      <c r="C628" s="2"/>
    </row>
    <row r="629" spans="1:3" ht="19.2">
      <c r="A629" s="2"/>
      <c r="B629" s="2"/>
      <c r="C629" s="2"/>
    </row>
    <row r="630" spans="1:3" ht="19.2">
      <c r="A630" s="2"/>
      <c r="B630" s="2"/>
      <c r="C630" s="2"/>
    </row>
    <row r="631" spans="1:3" ht="19.2">
      <c r="A631" s="2"/>
      <c r="B631" s="2"/>
      <c r="C631" s="2"/>
    </row>
    <row r="632" spans="1:3" ht="19.2">
      <c r="A632" s="2"/>
      <c r="B632" s="2"/>
      <c r="C632" s="2"/>
    </row>
    <row r="633" spans="1:3" ht="19.2">
      <c r="A633" s="2"/>
      <c r="B633" s="2"/>
      <c r="C633" s="2"/>
    </row>
    <row r="634" spans="1:3" ht="19.2">
      <c r="A634" s="2"/>
      <c r="B634" s="2"/>
      <c r="C634" s="2"/>
    </row>
    <row r="635" spans="1:3" ht="19.2">
      <c r="A635" s="2"/>
      <c r="B635" s="2"/>
      <c r="C635" s="2"/>
    </row>
    <row r="636" spans="1:3" ht="19.2">
      <c r="A636" s="2"/>
      <c r="B636" s="2"/>
      <c r="C636" s="2"/>
    </row>
    <row r="637" spans="1:3" ht="19.2">
      <c r="A637" s="2"/>
      <c r="B637" s="2"/>
      <c r="C637" s="2"/>
    </row>
    <row r="638" spans="1:3" ht="19.2">
      <c r="A638" s="2"/>
      <c r="B638" s="2"/>
      <c r="C638" s="2"/>
    </row>
    <row r="639" spans="1:3" ht="19.2">
      <c r="A639" s="2"/>
      <c r="B639" s="2"/>
      <c r="C639" s="2"/>
    </row>
    <row r="640" spans="1:3" ht="19.2">
      <c r="A640" s="2"/>
      <c r="B640" s="2"/>
      <c r="C640" s="2"/>
    </row>
    <row r="641" spans="1:3" ht="19.2">
      <c r="A641" s="2"/>
      <c r="B641" s="2"/>
      <c r="C641" s="2"/>
    </row>
    <row r="642" spans="1:3" ht="19.2">
      <c r="A642" s="2"/>
      <c r="B642" s="2"/>
      <c r="C642" s="2"/>
    </row>
    <row r="643" spans="1:3" ht="19.2">
      <c r="A643" s="2"/>
      <c r="B643" s="2"/>
      <c r="C643" s="2"/>
    </row>
    <row r="644" spans="1:3" ht="19.2">
      <c r="A644" s="2"/>
      <c r="B644" s="2"/>
      <c r="C644" s="2"/>
    </row>
    <row r="645" spans="1:3" ht="19.2">
      <c r="A645" s="2"/>
      <c r="B645" s="2"/>
      <c r="C645" s="2"/>
    </row>
    <row r="646" spans="1:3" ht="19.2">
      <c r="A646" s="2"/>
      <c r="B646" s="2"/>
      <c r="C646" s="2"/>
    </row>
    <row r="647" spans="1:3" ht="19.2">
      <c r="A647" s="2"/>
      <c r="B647" s="2"/>
      <c r="C647" s="2"/>
    </row>
    <row r="648" spans="1:3" ht="19.2">
      <c r="A648" s="2"/>
      <c r="B648" s="2"/>
      <c r="C648" s="2"/>
    </row>
    <row r="649" spans="1:3" ht="19.2">
      <c r="A649" s="2"/>
      <c r="B649" s="2"/>
      <c r="C649" s="2"/>
    </row>
    <row r="650" spans="1:3" ht="19.2">
      <c r="A650" s="2"/>
      <c r="B650" s="2"/>
      <c r="C650" s="2"/>
    </row>
    <row r="651" spans="1:3" ht="19.2">
      <c r="A651" s="2"/>
      <c r="B651" s="2"/>
      <c r="C651" s="2"/>
    </row>
    <row r="652" spans="1:3" ht="19.2">
      <c r="A652" s="2"/>
      <c r="B652" s="2"/>
      <c r="C652" s="2"/>
    </row>
    <row r="653" spans="1:3" ht="19.2">
      <c r="A653" s="2"/>
      <c r="B653" s="2"/>
      <c r="C653" s="2"/>
    </row>
    <row r="654" spans="1:3" ht="19.2">
      <c r="A654" s="2"/>
      <c r="B654" s="2"/>
      <c r="C654" s="2"/>
    </row>
    <row r="655" spans="1:3" ht="19.2">
      <c r="A655" s="2"/>
      <c r="B655" s="2"/>
      <c r="C655" s="2"/>
    </row>
    <row r="656" spans="1:3" ht="19.2">
      <c r="A656" s="2"/>
      <c r="B656" s="2"/>
      <c r="C656" s="2"/>
    </row>
    <row r="657" spans="1:3" ht="19.2">
      <c r="A657" s="2"/>
      <c r="B657" s="2"/>
      <c r="C657" s="2"/>
    </row>
    <row r="658" spans="1:3" ht="19.2">
      <c r="A658" s="2"/>
      <c r="B658" s="2"/>
      <c r="C658" s="2"/>
    </row>
    <row r="659" spans="1:3" ht="19.2">
      <c r="A659" s="2"/>
      <c r="B659" s="2"/>
      <c r="C659" s="2"/>
    </row>
    <row r="660" spans="1:3" ht="19.2">
      <c r="A660" s="2"/>
      <c r="B660" s="2"/>
      <c r="C660" s="2"/>
    </row>
    <row r="661" spans="1:3" ht="19.2">
      <c r="A661" s="2"/>
      <c r="B661" s="2"/>
      <c r="C661" s="2"/>
    </row>
    <row r="662" spans="1:3" ht="19.2">
      <c r="A662" s="2"/>
      <c r="B662" s="2"/>
      <c r="C662" s="2"/>
    </row>
    <row r="663" spans="1:3" ht="19.2">
      <c r="A663" s="2"/>
      <c r="B663" s="2"/>
      <c r="C663" s="2"/>
    </row>
    <row r="664" spans="1:3" ht="19.2">
      <c r="A664" s="2"/>
      <c r="B664" s="2"/>
      <c r="C664" s="2"/>
    </row>
    <row r="665" spans="1:3" ht="19.2">
      <c r="A665" s="2"/>
      <c r="B665" s="2"/>
      <c r="C665" s="2"/>
    </row>
    <row r="666" spans="1:3" ht="19.2">
      <c r="A666" s="2"/>
      <c r="B666" s="2"/>
      <c r="C666" s="2"/>
    </row>
    <row r="667" spans="1:3" ht="19.2">
      <c r="A667" s="2"/>
      <c r="B667" s="2"/>
      <c r="C667" s="2"/>
    </row>
    <row r="668" spans="1:3" ht="19.2">
      <c r="A668" s="2"/>
      <c r="B668" s="2"/>
      <c r="C668" s="2"/>
    </row>
    <row r="669" spans="1:3" ht="19.2">
      <c r="A669" s="2"/>
      <c r="B669" s="2"/>
      <c r="C669" s="2"/>
    </row>
    <row r="670" spans="1:3" ht="19.2">
      <c r="A670" s="2"/>
      <c r="B670" s="2"/>
      <c r="C670" s="2"/>
    </row>
    <row r="671" spans="1:3" ht="19.2">
      <c r="A671" s="2"/>
      <c r="B671" s="2"/>
      <c r="C671" s="2"/>
    </row>
    <row r="672" spans="1:3" ht="19.2">
      <c r="A672" s="2"/>
      <c r="B672" s="2"/>
      <c r="C672" s="2"/>
    </row>
    <row r="673" spans="1:3" ht="19.2">
      <c r="A673" s="2"/>
      <c r="B673" s="2"/>
      <c r="C673" s="2"/>
    </row>
    <row r="674" spans="1:3" ht="19.2">
      <c r="A674" s="2"/>
      <c r="B674" s="2"/>
      <c r="C674" s="2"/>
    </row>
    <row r="675" spans="1:3" ht="19.2">
      <c r="A675" s="2"/>
      <c r="B675" s="2"/>
      <c r="C675" s="2"/>
    </row>
    <row r="676" spans="1:3" ht="19.2">
      <c r="A676" s="2"/>
      <c r="B676" s="2"/>
      <c r="C676" s="2"/>
    </row>
    <row r="677" spans="1:3" ht="19.2">
      <c r="A677" s="2"/>
      <c r="B677" s="2"/>
      <c r="C677" s="2"/>
    </row>
    <row r="678" spans="1:3" ht="19.2">
      <c r="A678" s="2"/>
      <c r="B678" s="2"/>
      <c r="C678" s="2"/>
    </row>
    <row r="679" spans="1:3" ht="19.2">
      <c r="A679" s="2"/>
      <c r="B679" s="2"/>
      <c r="C679" s="2"/>
    </row>
    <row r="680" spans="1:3" ht="19.2">
      <c r="A680" s="2"/>
      <c r="B680" s="2"/>
      <c r="C680" s="2"/>
    </row>
    <row r="681" spans="1:3" ht="19.2">
      <c r="A681" s="2"/>
      <c r="B681" s="2"/>
      <c r="C681" s="2"/>
    </row>
    <row r="682" spans="1:3" ht="19.2">
      <c r="A682" s="2"/>
      <c r="B682" s="2"/>
      <c r="C682" s="2"/>
    </row>
    <row r="683" spans="1:3" ht="19.2">
      <c r="A683" s="2"/>
      <c r="B683" s="2"/>
      <c r="C683" s="2"/>
    </row>
    <row r="684" spans="1:3" ht="19.2">
      <c r="A684" s="2"/>
      <c r="B684" s="2"/>
      <c r="C684" s="2"/>
    </row>
    <row r="685" spans="1:3" ht="19.2">
      <c r="A685" s="2"/>
      <c r="B685" s="2"/>
      <c r="C685" s="2"/>
    </row>
    <row r="686" spans="1:3" ht="19.2">
      <c r="A686" s="2"/>
      <c r="B686" s="2"/>
      <c r="C686" s="2"/>
    </row>
    <row r="687" spans="1:3" ht="19.2">
      <c r="A687" s="2"/>
      <c r="B687" s="2"/>
      <c r="C687" s="2"/>
    </row>
    <row r="688" spans="1:3" ht="19.2">
      <c r="A688" s="2"/>
      <c r="B688" s="2"/>
      <c r="C688" s="2"/>
    </row>
    <row r="689" spans="1:3" ht="19.2">
      <c r="A689" s="2"/>
      <c r="B689" s="2"/>
      <c r="C689" s="2"/>
    </row>
    <row r="690" spans="1:3" ht="19.2">
      <c r="A690" s="2"/>
      <c r="B690" s="2"/>
      <c r="C690" s="2"/>
    </row>
    <row r="691" spans="1:3" ht="19.2">
      <c r="A691" s="2"/>
      <c r="B691" s="2"/>
      <c r="C691" s="2"/>
    </row>
    <row r="692" spans="1:3" ht="19.2">
      <c r="A692" s="2"/>
      <c r="B692" s="2"/>
      <c r="C692" s="2"/>
    </row>
    <row r="693" spans="1:3" ht="19.2">
      <c r="A693" s="2"/>
      <c r="B693" s="2"/>
      <c r="C693" s="2"/>
    </row>
    <row r="694" spans="1:3" ht="19.2">
      <c r="A694" s="2"/>
      <c r="B694" s="2"/>
      <c r="C694" s="2"/>
    </row>
    <row r="695" spans="1:3" ht="19.2">
      <c r="A695" s="2"/>
      <c r="B695" s="2"/>
      <c r="C695" s="2"/>
    </row>
    <row r="696" spans="1:3" ht="19.2">
      <c r="A696" s="2"/>
      <c r="B696" s="2"/>
      <c r="C696" s="2"/>
    </row>
    <row r="697" spans="1:3" ht="19.2">
      <c r="A697" s="2"/>
      <c r="B697" s="2"/>
      <c r="C697" s="2"/>
    </row>
    <row r="698" spans="1:3" ht="19.2">
      <c r="A698" s="2"/>
      <c r="B698" s="2"/>
      <c r="C698" s="2"/>
    </row>
    <row r="699" spans="1:3" ht="19.2">
      <c r="A699" s="2"/>
      <c r="B699" s="2"/>
      <c r="C699" s="2"/>
    </row>
    <row r="700" spans="1:3" ht="19.2">
      <c r="A700" s="2"/>
      <c r="B700" s="2"/>
      <c r="C700" s="2"/>
    </row>
    <row r="701" spans="1:3" ht="19.2">
      <c r="A701" s="2"/>
      <c r="B701" s="2"/>
      <c r="C701" s="2"/>
    </row>
    <row r="702" spans="1:3" ht="19.2">
      <c r="A702" s="2"/>
      <c r="B702" s="2"/>
      <c r="C702" s="2"/>
    </row>
    <row r="703" spans="1:3" ht="19.2">
      <c r="A703" s="2"/>
      <c r="B703" s="2"/>
      <c r="C703" s="2"/>
    </row>
    <row r="704" spans="1:3" ht="19.2">
      <c r="A704" s="2"/>
      <c r="B704" s="2"/>
      <c r="C704" s="2"/>
    </row>
    <row r="705" spans="1:3" ht="19.2">
      <c r="A705" s="2"/>
      <c r="B705" s="2"/>
      <c r="C705" s="2"/>
    </row>
    <row r="706" spans="1:3" ht="19.2">
      <c r="A706" s="2"/>
      <c r="B706" s="2"/>
      <c r="C706" s="2"/>
    </row>
    <row r="707" spans="1:3" ht="19.2">
      <c r="A707" s="2"/>
      <c r="B707" s="2"/>
      <c r="C707" s="2"/>
    </row>
    <row r="708" spans="1:3" ht="19.2">
      <c r="A708" s="2"/>
      <c r="B708" s="2"/>
      <c r="C708" s="2"/>
    </row>
    <row r="709" spans="1:3" ht="19.2">
      <c r="A709" s="2"/>
      <c r="B709" s="2"/>
      <c r="C709" s="2"/>
    </row>
    <row r="710" spans="1:3" ht="19.2">
      <c r="A710" s="2"/>
      <c r="B710" s="2"/>
      <c r="C710" s="2"/>
    </row>
    <row r="711" spans="1:3" ht="19.2">
      <c r="A711" s="2"/>
      <c r="B711" s="2"/>
      <c r="C711" s="2"/>
    </row>
    <row r="712" spans="1:3" ht="19.2">
      <c r="A712" s="2"/>
      <c r="B712" s="2"/>
      <c r="C712" s="2"/>
    </row>
    <row r="713" spans="1:3" ht="19.2">
      <c r="A713" s="2"/>
      <c r="B713" s="2"/>
      <c r="C713" s="2"/>
    </row>
    <row r="714" spans="1:3" ht="19.2">
      <c r="A714" s="2"/>
      <c r="B714" s="2"/>
      <c r="C714" s="2"/>
    </row>
    <row r="715" spans="1:3" ht="19.2">
      <c r="A715" s="2"/>
      <c r="B715" s="2"/>
      <c r="C715" s="2"/>
    </row>
    <row r="716" spans="1:3" ht="19.2">
      <c r="A716" s="2"/>
      <c r="B716" s="2"/>
      <c r="C716" s="2"/>
    </row>
    <row r="717" spans="1:3" ht="19.2">
      <c r="A717" s="2"/>
      <c r="B717" s="2"/>
      <c r="C717" s="2"/>
    </row>
    <row r="718" spans="1:3" ht="19.2">
      <c r="A718" s="2"/>
      <c r="B718" s="2"/>
      <c r="C718" s="2"/>
    </row>
    <row r="719" spans="1:3" ht="19.2">
      <c r="A719" s="2"/>
      <c r="B719" s="2"/>
      <c r="C719" s="2"/>
    </row>
    <row r="720" spans="1:3" ht="19.2">
      <c r="A720" s="2"/>
      <c r="B720" s="2"/>
      <c r="C720" s="2"/>
    </row>
    <row r="721" spans="1:3" ht="19.2">
      <c r="A721" s="2"/>
      <c r="B721" s="2"/>
      <c r="C721" s="2"/>
    </row>
    <row r="722" spans="1:3" ht="19.2">
      <c r="A722" s="2"/>
      <c r="B722" s="2"/>
      <c r="C722" s="2"/>
    </row>
    <row r="723" spans="1:3" ht="19.2">
      <c r="A723" s="2"/>
      <c r="B723" s="2"/>
      <c r="C723" s="2"/>
    </row>
    <row r="724" spans="1:3" ht="19.2">
      <c r="A724" s="2"/>
      <c r="B724" s="2"/>
      <c r="C724" s="2"/>
    </row>
    <row r="725" spans="1:3" ht="19.2">
      <c r="A725" s="2"/>
      <c r="B725" s="2"/>
      <c r="C725" s="2"/>
    </row>
    <row r="726" spans="1:3" ht="19.2">
      <c r="A726" s="2"/>
      <c r="B726" s="2"/>
      <c r="C726" s="2"/>
    </row>
    <row r="727" spans="1:3" ht="19.2">
      <c r="A727" s="2"/>
      <c r="B727" s="2"/>
      <c r="C727" s="2"/>
    </row>
    <row r="728" spans="1:3" ht="19.2">
      <c r="A728" s="2"/>
      <c r="B728" s="2"/>
      <c r="C728" s="2"/>
    </row>
    <row r="729" spans="1:3" ht="19.2">
      <c r="A729" s="2"/>
      <c r="B729" s="2"/>
      <c r="C729" s="2"/>
    </row>
    <row r="730" spans="1:3" ht="19.2">
      <c r="A730" s="2"/>
      <c r="B730" s="2"/>
      <c r="C730" s="2"/>
    </row>
    <row r="731" spans="1:3" ht="19.2">
      <c r="A731" s="2"/>
      <c r="B731" s="2"/>
      <c r="C731" s="2"/>
    </row>
    <row r="732" spans="1:3" ht="19.2">
      <c r="A732" s="2"/>
      <c r="B732" s="2"/>
      <c r="C732" s="2"/>
    </row>
    <row r="733" spans="1:3" ht="19.2">
      <c r="A733" s="2"/>
      <c r="B733" s="2"/>
      <c r="C733" s="2"/>
    </row>
    <row r="734" spans="1:3" ht="19.2">
      <c r="A734" s="2"/>
      <c r="B734" s="2"/>
      <c r="C734" s="2"/>
    </row>
    <row r="735" spans="1:3" ht="19.2">
      <c r="A735" s="2"/>
      <c r="B735" s="2"/>
      <c r="C735" s="2"/>
    </row>
    <row r="736" spans="1:3" ht="19.2">
      <c r="A736" s="2"/>
      <c r="B736" s="2"/>
      <c r="C736" s="2"/>
    </row>
    <row r="737" spans="1:3" ht="19.2">
      <c r="A737" s="2"/>
      <c r="B737" s="2"/>
      <c r="C737" s="2"/>
    </row>
    <row r="738" spans="1:3" ht="19.2">
      <c r="A738" s="2"/>
      <c r="B738" s="2"/>
      <c r="C738" s="2"/>
    </row>
    <row r="739" spans="1:3" ht="19.2">
      <c r="A739" s="2"/>
      <c r="B739" s="2"/>
      <c r="C739" s="2"/>
    </row>
    <row r="740" spans="1:3" ht="19.2">
      <c r="A740" s="2"/>
      <c r="B740" s="2"/>
      <c r="C740" s="2"/>
    </row>
    <row r="741" spans="1:3" ht="19.2">
      <c r="A741" s="2"/>
      <c r="B741" s="2"/>
      <c r="C741" s="2"/>
    </row>
    <row r="742" spans="1:3" ht="19.2">
      <c r="A742" s="2"/>
      <c r="B742" s="2"/>
      <c r="C742" s="2"/>
    </row>
    <row r="743" spans="1:3" ht="19.2">
      <c r="A743" s="2"/>
      <c r="B743" s="2"/>
      <c r="C743" s="2"/>
    </row>
    <row r="744" spans="1:3" ht="19.2">
      <c r="A744" s="2"/>
      <c r="B744" s="2"/>
      <c r="C744" s="2"/>
    </row>
    <row r="745" spans="1:3" ht="19.2">
      <c r="A745" s="2"/>
      <c r="B745" s="2"/>
      <c r="C745" s="2"/>
    </row>
    <row r="746" spans="1:3" ht="19.2">
      <c r="A746" s="2"/>
      <c r="B746" s="2"/>
      <c r="C746" s="2"/>
    </row>
    <row r="747" spans="1:3" ht="19.2">
      <c r="A747" s="2"/>
      <c r="B747" s="2"/>
      <c r="C747" s="2"/>
    </row>
    <row r="748" spans="1:3" ht="19.2">
      <c r="A748" s="2"/>
      <c r="B748" s="2"/>
      <c r="C748" s="2"/>
    </row>
    <row r="749" spans="1:3" ht="19.2">
      <c r="A749" s="2"/>
      <c r="B749" s="2"/>
      <c r="C749" s="2"/>
    </row>
    <row r="750" spans="1:3" ht="19.2">
      <c r="A750" s="2"/>
      <c r="B750" s="2"/>
      <c r="C750" s="2"/>
    </row>
    <row r="751" spans="1:3" ht="19.2">
      <c r="A751" s="2"/>
      <c r="B751" s="2"/>
      <c r="C751" s="2"/>
    </row>
    <row r="752" spans="1:3" ht="19.2">
      <c r="A752" s="2"/>
      <c r="B752" s="2"/>
      <c r="C752" s="2"/>
    </row>
    <row r="753" spans="1:3" ht="19.2">
      <c r="A753" s="2"/>
      <c r="B753" s="2"/>
      <c r="C753" s="2"/>
    </row>
    <row r="754" spans="1:3" ht="19.2">
      <c r="A754" s="2"/>
      <c r="B754" s="2"/>
      <c r="C754" s="2"/>
    </row>
    <row r="755" spans="1:3" ht="19.2">
      <c r="A755" s="2"/>
      <c r="B755" s="2"/>
      <c r="C755" s="2"/>
    </row>
    <row r="756" spans="1:3" ht="19.2">
      <c r="A756" s="2"/>
      <c r="B756" s="2"/>
      <c r="C756" s="2"/>
    </row>
    <row r="757" spans="1:3" ht="19.2">
      <c r="A757" s="2"/>
      <c r="B757" s="2"/>
      <c r="C757" s="2"/>
    </row>
    <row r="758" spans="1:3" ht="19.2">
      <c r="A758" s="2"/>
      <c r="B758" s="2"/>
      <c r="C758" s="2"/>
    </row>
    <row r="759" spans="1:3" ht="19.2">
      <c r="A759" s="2"/>
      <c r="B759" s="2"/>
      <c r="C759" s="2"/>
    </row>
    <row r="760" spans="1:3" ht="19.2">
      <c r="A760" s="2"/>
      <c r="B760" s="2"/>
      <c r="C760" s="2"/>
    </row>
    <row r="761" spans="1:3" ht="19.2">
      <c r="A761" s="2"/>
      <c r="B761" s="2"/>
      <c r="C761" s="2"/>
    </row>
    <row r="762" spans="1:3" ht="19.2">
      <c r="A762" s="2"/>
      <c r="B762" s="2"/>
      <c r="C762" s="2"/>
    </row>
    <row r="763" spans="1:3" ht="19.2">
      <c r="A763" s="2"/>
      <c r="B763" s="2"/>
      <c r="C763" s="2"/>
    </row>
    <row r="764" spans="1:3" ht="19.2">
      <c r="A764" s="2"/>
      <c r="B764" s="2"/>
      <c r="C764" s="2"/>
    </row>
    <row r="765" spans="1:3" ht="19.2">
      <c r="A765" s="2"/>
      <c r="B765" s="2"/>
      <c r="C765" s="2"/>
    </row>
    <row r="766" spans="1:3" ht="19.2">
      <c r="A766" s="2"/>
      <c r="B766" s="2"/>
      <c r="C766" s="2"/>
    </row>
    <row r="767" spans="1:3" ht="19.2">
      <c r="A767" s="2"/>
      <c r="B767" s="2"/>
      <c r="C767" s="2"/>
    </row>
    <row r="768" spans="1:3" ht="19.2">
      <c r="A768" s="2"/>
      <c r="B768" s="2"/>
      <c r="C768" s="2"/>
    </row>
    <row r="769" spans="1:3" ht="19.2">
      <c r="A769" s="2"/>
      <c r="B769" s="2"/>
      <c r="C769" s="2"/>
    </row>
    <row r="770" spans="1:3" ht="19.2">
      <c r="A770" s="2"/>
      <c r="B770" s="2"/>
      <c r="C770" s="2"/>
    </row>
    <row r="771" spans="1:3" ht="19.2">
      <c r="A771" s="2"/>
      <c r="B771" s="2"/>
      <c r="C771" s="2"/>
    </row>
    <row r="772" spans="1:3" ht="19.2">
      <c r="A772" s="2"/>
      <c r="B772" s="2"/>
      <c r="C772" s="2"/>
    </row>
    <row r="773" spans="1:3" ht="19.2">
      <c r="A773" s="2"/>
      <c r="B773" s="2"/>
      <c r="C773" s="2"/>
    </row>
    <row r="774" spans="1:3" ht="19.2">
      <c r="A774" s="2"/>
      <c r="B774" s="2"/>
      <c r="C774" s="2"/>
    </row>
    <row r="775" spans="1:3" ht="19.2">
      <c r="A775" s="2"/>
      <c r="B775" s="2"/>
      <c r="C775" s="2"/>
    </row>
    <row r="776" spans="1:3" ht="19.2">
      <c r="A776" s="2"/>
      <c r="B776" s="2"/>
      <c r="C776" s="2"/>
    </row>
    <row r="777" spans="1:3" ht="19.2">
      <c r="A777" s="2"/>
      <c r="B777" s="2"/>
      <c r="C777" s="2"/>
    </row>
    <row r="778" spans="1:3" ht="19.2">
      <c r="A778" s="2"/>
      <c r="B778" s="2"/>
      <c r="C778" s="2"/>
    </row>
    <row r="779" spans="1:3" ht="19.2">
      <c r="A779" s="2"/>
      <c r="B779" s="2"/>
      <c r="C779" s="2"/>
    </row>
    <row r="780" spans="1:3" ht="19.2">
      <c r="A780" s="2"/>
      <c r="B780" s="2"/>
      <c r="C780" s="2"/>
    </row>
    <row r="781" spans="1:3" ht="19.2">
      <c r="A781" s="2"/>
      <c r="B781" s="2"/>
      <c r="C781" s="2"/>
    </row>
    <row r="782" spans="1:3" ht="19.2">
      <c r="A782" s="2"/>
      <c r="B782" s="2"/>
      <c r="C782" s="2"/>
    </row>
    <row r="783" spans="1:3" ht="19.2">
      <c r="A783" s="2"/>
      <c r="B783" s="2"/>
      <c r="C783" s="2"/>
    </row>
    <row r="784" spans="1:3" ht="19.2">
      <c r="A784" s="2"/>
      <c r="B784" s="2"/>
      <c r="C784" s="2"/>
    </row>
    <row r="785" spans="1:3" ht="19.2">
      <c r="A785" s="2"/>
      <c r="B785" s="2"/>
      <c r="C785" s="2"/>
    </row>
    <row r="786" spans="1:3" ht="19.2">
      <c r="A786" s="2"/>
      <c r="B786" s="2"/>
      <c r="C786" s="2"/>
    </row>
    <row r="787" spans="1:3" ht="19.2">
      <c r="A787" s="2"/>
      <c r="B787" s="2"/>
      <c r="C787" s="2"/>
    </row>
    <row r="788" spans="1:3" ht="19.2">
      <c r="A788" s="2"/>
      <c r="B788" s="2"/>
      <c r="C788" s="2"/>
    </row>
    <row r="789" spans="1:3" ht="19.2">
      <c r="A789" s="2"/>
      <c r="B789" s="2"/>
      <c r="C789" s="2"/>
    </row>
    <row r="790" spans="1:3" ht="19.2">
      <c r="A790" s="2"/>
      <c r="B790" s="2"/>
      <c r="C790" s="2"/>
    </row>
    <row r="791" spans="1:3" ht="19.2">
      <c r="A791" s="2"/>
      <c r="B791" s="2"/>
      <c r="C791" s="2"/>
    </row>
    <row r="792" spans="1:3" ht="19.2">
      <c r="A792" s="2"/>
      <c r="B792" s="2"/>
      <c r="C792" s="2"/>
    </row>
    <row r="793" spans="1:3" ht="19.2">
      <c r="A793" s="2"/>
      <c r="B793" s="2"/>
      <c r="C793" s="2"/>
    </row>
    <row r="794" spans="1:3" ht="19.2">
      <c r="A794" s="2"/>
      <c r="B794" s="2"/>
      <c r="C794" s="2"/>
    </row>
    <row r="795" spans="1:3" ht="19.2">
      <c r="A795" s="2"/>
      <c r="B795" s="2"/>
      <c r="C795" s="2"/>
    </row>
    <row r="796" spans="1:3" ht="19.2">
      <c r="A796" s="2"/>
      <c r="B796" s="2"/>
      <c r="C796" s="2"/>
    </row>
    <row r="797" spans="1:3" ht="19.2">
      <c r="A797" s="2"/>
      <c r="B797" s="2"/>
      <c r="C797" s="2"/>
    </row>
    <row r="798" spans="1:3" ht="19.2">
      <c r="A798" s="2"/>
      <c r="B798" s="2"/>
      <c r="C798" s="2"/>
    </row>
    <row r="799" spans="1:3" ht="19.2">
      <c r="A799" s="2"/>
      <c r="B799" s="2"/>
      <c r="C799" s="2"/>
    </row>
    <row r="800" spans="1:3" ht="19.2">
      <c r="A800" s="2"/>
      <c r="B800" s="2"/>
      <c r="C800" s="2"/>
    </row>
    <row r="801" spans="1:3" ht="19.2">
      <c r="A801" s="2"/>
      <c r="B801" s="2"/>
      <c r="C801" s="2"/>
    </row>
    <row r="802" spans="1:3" ht="19.2">
      <c r="A802" s="2"/>
      <c r="B802" s="2"/>
      <c r="C802" s="2"/>
    </row>
    <row r="803" spans="1:3" ht="19.2">
      <c r="A803" s="2"/>
      <c r="B803" s="2"/>
      <c r="C803" s="2"/>
    </row>
    <row r="804" spans="1:3" ht="19.2">
      <c r="A804" s="2"/>
      <c r="B804" s="2"/>
      <c r="C804" s="2"/>
    </row>
    <row r="805" spans="1:3" ht="19.2">
      <c r="A805" s="2"/>
      <c r="B805" s="2"/>
      <c r="C805" s="2"/>
    </row>
    <row r="806" spans="1:3" ht="19.2">
      <c r="A806" s="2"/>
      <c r="B806" s="2"/>
      <c r="C806" s="2"/>
    </row>
    <row r="807" spans="1:3" ht="19.2">
      <c r="A807" s="2"/>
      <c r="B807" s="2"/>
      <c r="C807" s="2"/>
    </row>
    <row r="808" spans="1:3" ht="19.2">
      <c r="A808" s="2"/>
      <c r="B808" s="2"/>
      <c r="C808" s="2"/>
    </row>
    <row r="809" spans="1:3" ht="19.2">
      <c r="A809" s="2"/>
      <c r="B809" s="2"/>
      <c r="C809" s="2"/>
    </row>
    <row r="810" spans="1:3" ht="19.2">
      <c r="A810" s="2"/>
      <c r="B810" s="2"/>
      <c r="C810" s="2"/>
    </row>
    <row r="811" spans="1:3" ht="19.2">
      <c r="A811" s="2"/>
      <c r="B811" s="2"/>
      <c r="C811" s="2"/>
    </row>
    <row r="812" spans="1:3" ht="19.2">
      <c r="A812" s="2"/>
      <c r="B812" s="2"/>
      <c r="C812" s="2"/>
    </row>
    <row r="813" spans="1:3" ht="19.2">
      <c r="A813" s="2"/>
      <c r="B813" s="2"/>
      <c r="C813" s="2"/>
    </row>
    <row r="814" spans="1:3" ht="19.2">
      <c r="A814" s="2"/>
      <c r="B814" s="2"/>
      <c r="C814" s="2"/>
    </row>
    <row r="815" spans="1:3" ht="19.2">
      <c r="A815" s="2"/>
      <c r="B815" s="2"/>
      <c r="C815" s="2"/>
    </row>
    <row r="816" spans="1:3" ht="19.2">
      <c r="A816" s="2"/>
      <c r="B816" s="2"/>
      <c r="C816" s="2"/>
    </row>
    <row r="817" spans="1:3" ht="19.2">
      <c r="A817" s="2"/>
      <c r="B817" s="2"/>
      <c r="C817" s="2"/>
    </row>
    <row r="818" spans="1:3" ht="19.2">
      <c r="A818" s="2"/>
      <c r="B818" s="2"/>
      <c r="C818" s="2"/>
    </row>
    <row r="819" spans="1:3" ht="19.2">
      <c r="A819" s="2"/>
      <c r="B819" s="2"/>
      <c r="C819" s="2"/>
    </row>
    <row r="820" spans="1:3" ht="19.2">
      <c r="A820" s="2"/>
      <c r="B820" s="2"/>
      <c r="C820" s="2"/>
    </row>
    <row r="821" spans="1:3" ht="19.2">
      <c r="A821" s="2"/>
      <c r="B821" s="2"/>
      <c r="C821" s="2"/>
    </row>
    <row r="822" spans="1:3" ht="19.2">
      <c r="A822" s="2"/>
      <c r="B822" s="2"/>
      <c r="C822" s="2"/>
    </row>
    <row r="823" spans="1:3" ht="19.2">
      <c r="A823" s="2"/>
      <c r="B823" s="2"/>
      <c r="C823" s="2"/>
    </row>
    <row r="824" spans="1:3" ht="19.2">
      <c r="A824" s="2"/>
      <c r="B824" s="2"/>
      <c r="C824" s="2"/>
    </row>
    <row r="825" spans="1:3" ht="19.2">
      <c r="A825" s="2"/>
      <c r="B825" s="2"/>
      <c r="C825" s="2"/>
    </row>
    <row r="826" spans="1:3" ht="19.2">
      <c r="A826" s="2"/>
      <c r="B826" s="2"/>
      <c r="C826" s="2"/>
    </row>
    <row r="827" spans="1:3" ht="19.2">
      <c r="A827" s="2"/>
      <c r="B827" s="2"/>
      <c r="C827" s="2"/>
    </row>
    <row r="828" spans="1:3" ht="19.2">
      <c r="A828" s="2"/>
      <c r="B828" s="2"/>
      <c r="C828" s="2"/>
    </row>
    <row r="829" spans="1:3" ht="19.2">
      <c r="A829" s="2"/>
      <c r="B829" s="2"/>
      <c r="C829" s="2"/>
    </row>
    <row r="830" spans="1:3" ht="19.2">
      <c r="A830" s="2"/>
      <c r="B830" s="2"/>
      <c r="C830" s="2"/>
    </row>
    <row r="831" spans="1:3" ht="19.2">
      <c r="A831" s="2"/>
      <c r="B831" s="2"/>
      <c r="C831" s="2"/>
    </row>
    <row r="832" spans="1:3" ht="19.2">
      <c r="A832" s="2"/>
      <c r="B832" s="2"/>
      <c r="C832" s="2"/>
    </row>
    <row r="833" spans="1:3" ht="19.2">
      <c r="A833" s="2"/>
      <c r="B833" s="2"/>
      <c r="C833" s="2"/>
    </row>
    <row r="834" spans="1:3" ht="19.2">
      <c r="A834" s="2"/>
      <c r="B834" s="2"/>
      <c r="C834" s="2"/>
    </row>
    <row r="835" spans="1:3" ht="19.2">
      <c r="A835" s="2"/>
      <c r="B835" s="2"/>
      <c r="C835" s="2"/>
    </row>
    <row r="836" spans="1:3" ht="19.2">
      <c r="A836" s="2"/>
      <c r="B836" s="2"/>
      <c r="C836" s="2"/>
    </row>
    <row r="837" spans="1:3" ht="19.2">
      <c r="A837" s="2"/>
      <c r="B837" s="2"/>
      <c r="C837" s="2"/>
    </row>
    <row r="838" spans="1:3" ht="19.2">
      <c r="A838" s="2"/>
      <c r="B838" s="2"/>
      <c r="C838" s="2"/>
    </row>
    <row r="839" spans="1:3" ht="19.2">
      <c r="A839" s="2"/>
      <c r="B839" s="2"/>
      <c r="C839" s="2"/>
    </row>
    <row r="840" spans="1:3" ht="19.2">
      <c r="A840" s="2"/>
      <c r="B840" s="2"/>
      <c r="C840" s="2"/>
    </row>
    <row r="841" spans="1:3" ht="19.2">
      <c r="A841" s="2"/>
      <c r="B841" s="2"/>
      <c r="C841" s="2"/>
    </row>
    <row r="842" spans="1:3" ht="19.2">
      <c r="A842" s="2"/>
      <c r="B842" s="2"/>
      <c r="C842" s="2"/>
    </row>
    <row r="843" spans="1:3" ht="19.2">
      <c r="A843" s="2"/>
      <c r="B843" s="2"/>
      <c r="C843" s="2"/>
    </row>
    <row r="844" spans="1:3" ht="19.2">
      <c r="A844" s="2"/>
      <c r="B844" s="2"/>
      <c r="C844" s="2"/>
    </row>
    <row r="845" spans="1:3" ht="19.2">
      <c r="A845" s="2"/>
      <c r="B845" s="2"/>
      <c r="C845" s="2"/>
    </row>
    <row r="846" spans="1:3" ht="19.2">
      <c r="A846" s="2"/>
      <c r="B846" s="2"/>
      <c r="C846" s="2"/>
    </row>
    <row r="847" spans="1:3" ht="19.2">
      <c r="A847" s="2"/>
      <c r="B847" s="2"/>
      <c r="C847" s="2"/>
    </row>
    <row r="848" spans="1:3" ht="19.2">
      <c r="A848" s="2"/>
      <c r="B848" s="2"/>
      <c r="C848" s="2"/>
    </row>
    <row r="849" spans="1:3" ht="19.2">
      <c r="A849" s="2"/>
      <c r="B849" s="2"/>
      <c r="C849" s="2"/>
    </row>
    <row r="850" spans="1:3" ht="19.2">
      <c r="A850" s="2"/>
      <c r="B850" s="2"/>
      <c r="C850" s="2"/>
    </row>
    <row r="851" spans="1:3" ht="19.2">
      <c r="A851" s="2"/>
      <c r="B851" s="2"/>
      <c r="C851" s="2"/>
    </row>
    <row r="852" spans="1:3" ht="19.2">
      <c r="A852" s="2"/>
      <c r="B852" s="2"/>
      <c r="C852" s="2"/>
    </row>
    <row r="853" spans="1:3" ht="19.2">
      <c r="A853" s="2"/>
      <c r="B853" s="2"/>
      <c r="C853" s="2"/>
    </row>
    <row r="854" spans="1:3" ht="19.2">
      <c r="A854" s="2"/>
      <c r="B854" s="2"/>
      <c r="C854" s="2"/>
    </row>
    <row r="855" spans="1:3" ht="19.2">
      <c r="A855" s="2"/>
      <c r="B855" s="2"/>
      <c r="C855" s="2"/>
    </row>
    <row r="856" spans="1:3" ht="19.2">
      <c r="A856" s="2"/>
      <c r="B856" s="2"/>
      <c r="C856" s="2"/>
    </row>
    <row r="857" spans="1:3" ht="19.2">
      <c r="A857" s="2"/>
      <c r="B857" s="2"/>
      <c r="C857" s="2"/>
    </row>
    <row r="858" spans="1:3" ht="19.2">
      <c r="A858" s="2"/>
      <c r="B858" s="2"/>
      <c r="C858" s="2"/>
    </row>
    <row r="859" spans="1:3" ht="19.2">
      <c r="A859" s="2"/>
      <c r="B859" s="2"/>
      <c r="C859" s="2"/>
    </row>
    <row r="860" spans="1:3" ht="19.2">
      <c r="A860" s="2"/>
      <c r="B860" s="2"/>
      <c r="C860" s="2"/>
    </row>
    <row r="861" spans="1:3" ht="19.2">
      <c r="A861" s="2"/>
      <c r="B861" s="2"/>
      <c r="C861" s="2"/>
    </row>
    <row r="862" spans="1:3" ht="19.2">
      <c r="A862" s="2"/>
      <c r="B862" s="2"/>
      <c r="C862" s="2"/>
    </row>
    <row r="863" spans="1:3" ht="19.2">
      <c r="A863" s="2"/>
      <c r="B863" s="2"/>
      <c r="C863" s="2"/>
    </row>
    <row r="864" spans="1:3" ht="19.2">
      <c r="A864" s="2"/>
      <c r="B864" s="2"/>
      <c r="C864" s="2"/>
    </row>
    <row r="865" spans="1:3" ht="19.2">
      <c r="A865" s="2"/>
      <c r="B865" s="2"/>
      <c r="C865" s="2"/>
    </row>
    <row r="866" spans="1:3" ht="19.2">
      <c r="A866" s="2"/>
      <c r="B866" s="2"/>
      <c r="C866" s="2"/>
    </row>
    <row r="867" spans="1:3" ht="19.2">
      <c r="A867" s="2"/>
      <c r="B867" s="2"/>
      <c r="C867" s="2"/>
    </row>
    <row r="868" spans="1:3" ht="19.2">
      <c r="A868" s="2"/>
      <c r="B868" s="2"/>
      <c r="C868" s="2"/>
    </row>
    <row r="869" spans="1:3" ht="19.2">
      <c r="A869" s="2"/>
      <c r="B869" s="2"/>
      <c r="C869" s="2"/>
    </row>
    <row r="870" spans="1:3" ht="19.2">
      <c r="A870" s="2"/>
      <c r="B870" s="2"/>
      <c r="C870" s="2"/>
    </row>
    <row r="871" spans="1:3" ht="19.2">
      <c r="A871" s="2"/>
      <c r="B871" s="2"/>
      <c r="C871" s="2"/>
    </row>
    <row r="872" spans="1:3" ht="19.2">
      <c r="A872" s="2"/>
      <c r="B872" s="2"/>
      <c r="C872" s="2"/>
    </row>
    <row r="873" spans="1:3" ht="19.2">
      <c r="A873" s="2"/>
      <c r="B873" s="2"/>
      <c r="C873" s="2"/>
    </row>
    <row r="874" spans="1:3" ht="19.2">
      <c r="A874" s="2"/>
      <c r="B874" s="2"/>
      <c r="C874" s="2"/>
    </row>
    <row r="875" spans="1:3" ht="19.2">
      <c r="A875" s="2"/>
      <c r="B875" s="2"/>
      <c r="C875" s="2"/>
    </row>
    <row r="876" spans="1:3" ht="19.2">
      <c r="A876" s="2"/>
      <c r="B876" s="2"/>
      <c r="C876" s="2"/>
    </row>
    <row r="877" spans="1:3" ht="19.2">
      <c r="A877" s="2"/>
      <c r="B877" s="2"/>
      <c r="C877" s="2"/>
    </row>
    <row r="878" spans="1:3" ht="19.2">
      <c r="A878" s="2"/>
      <c r="B878" s="2"/>
      <c r="C878" s="2"/>
    </row>
    <row r="879" spans="1:3" ht="19.2">
      <c r="A879" s="2"/>
      <c r="B879" s="2"/>
      <c r="C879" s="2"/>
    </row>
    <row r="880" spans="1:3" ht="19.2">
      <c r="A880" s="2"/>
      <c r="B880" s="2"/>
      <c r="C880" s="2"/>
    </row>
    <row r="881" spans="1:3" ht="19.2">
      <c r="A881" s="2"/>
      <c r="B881" s="2"/>
      <c r="C881" s="2"/>
    </row>
    <row r="882" spans="1:3" ht="19.2">
      <c r="A882" s="2"/>
      <c r="B882" s="2"/>
      <c r="C882" s="2"/>
    </row>
    <row r="883" spans="1:3" ht="19.2">
      <c r="A883" s="2"/>
      <c r="B883" s="2"/>
      <c r="C883" s="2"/>
    </row>
    <row r="884" spans="1:3" ht="19.2">
      <c r="A884" s="2"/>
      <c r="B884" s="2"/>
      <c r="C884" s="2"/>
    </row>
    <row r="885" spans="1:3" ht="19.2">
      <c r="A885" s="2"/>
      <c r="B885" s="2"/>
      <c r="C885" s="2"/>
    </row>
    <row r="886" spans="1:3" ht="19.2">
      <c r="A886" s="2"/>
      <c r="B886" s="2"/>
      <c r="C886" s="2"/>
    </row>
    <row r="887" spans="1:3" ht="19.2">
      <c r="A887" s="2"/>
      <c r="B887" s="2"/>
      <c r="C887" s="2"/>
    </row>
    <row r="888" spans="1:3" ht="19.2">
      <c r="A888" s="2"/>
      <c r="B888" s="2"/>
      <c r="C888" s="2"/>
    </row>
    <row r="889" spans="1:3" ht="19.2">
      <c r="A889" s="2"/>
      <c r="B889" s="2"/>
      <c r="C889" s="2"/>
    </row>
    <row r="890" spans="1:3" ht="19.2">
      <c r="A890" s="2"/>
      <c r="B890" s="2"/>
      <c r="C890" s="2"/>
    </row>
    <row r="891" spans="1:3" ht="19.2">
      <c r="A891" s="2"/>
      <c r="B891" s="2"/>
      <c r="C891" s="2"/>
    </row>
    <row r="892" spans="1:3" ht="19.2">
      <c r="A892" s="2"/>
      <c r="B892" s="2"/>
      <c r="C892" s="2"/>
    </row>
    <row r="893" spans="1:3" ht="19.2">
      <c r="A893" s="2"/>
      <c r="B893" s="2"/>
      <c r="C893" s="2"/>
    </row>
    <row r="894" spans="1:3" ht="19.2">
      <c r="A894" s="2"/>
      <c r="B894" s="2"/>
      <c r="C894" s="2"/>
    </row>
    <row r="895" spans="1:3" ht="19.2">
      <c r="A895" s="2"/>
      <c r="B895" s="2"/>
      <c r="C895" s="2"/>
    </row>
    <row r="896" spans="1:3" ht="19.2">
      <c r="A896" s="2"/>
      <c r="B896" s="2"/>
      <c r="C896" s="2"/>
    </row>
    <row r="897" spans="1:3" ht="19.2">
      <c r="A897" s="2"/>
      <c r="B897" s="2"/>
      <c r="C897" s="2"/>
    </row>
    <row r="898" spans="1:3" ht="19.2">
      <c r="A898" s="2"/>
      <c r="B898" s="2"/>
      <c r="C898" s="2"/>
    </row>
    <row r="899" spans="1:3" ht="19.2">
      <c r="A899" s="2"/>
      <c r="B899" s="2"/>
      <c r="C899" s="2"/>
    </row>
    <row r="900" spans="1:3" ht="19.2">
      <c r="A900" s="2"/>
      <c r="B900" s="2"/>
      <c r="C900" s="2"/>
    </row>
    <row r="901" spans="1:3" ht="19.2">
      <c r="A901" s="2"/>
      <c r="B901" s="2"/>
      <c r="C901" s="2"/>
    </row>
    <row r="902" spans="1:3" ht="19.2">
      <c r="A902" s="2"/>
      <c r="B902" s="2"/>
      <c r="C902" s="2"/>
    </row>
    <row r="903" spans="1:3" ht="19.2">
      <c r="A903" s="2"/>
      <c r="B903" s="2"/>
      <c r="C903" s="2"/>
    </row>
    <row r="904" spans="1:3" ht="19.2">
      <c r="A904" s="2"/>
      <c r="B904" s="2"/>
      <c r="C904" s="2"/>
    </row>
    <row r="905" spans="1:3" ht="19.2">
      <c r="A905" s="2"/>
      <c r="B905" s="2"/>
      <c r="C905" s="2"/>
    </row>
    <row r="906" spans="1:3" ht="19.2">
      <c r="A906" s="2"/>
      <c r="B906" s="2"/>
      <c r="C906" s="2"/>
    </row>
    <row r="907" spans="1:3" ht="19.2">
      <c r="A907" s="2"/>
      <c r="B907" s="2"/>
      <c r="C907" s="2"/>
    </row>
    <row r="908" spans="1:3" ht="19.2">
      <c r="A908" s="2"/>
      <c r="B908" s="2"/>
      <c r="C908" s="2"/>
    </row>
    <row r="909" spans="1:3" ht="19.2">
      <c r="A909" s="2"/>
      <c r="B909" s="2"/>
      <c r="C909" s="2"/>
    </row>
    <row r="910" spans="1:3" ht="19.2">
      <c r="A910" s="2"/>
      <c r="B910" s="2"/>
      <c r="C910" s="2"/>
    </row>
    <row r="911" spans="1:3" ht="19.2">
      <c r="A911" s="2"/>
      <c r="B911" s="2"/>
      <c r="C911" s="2"/>
    </row>
    <row r="912" spans="1:3" ht="19.2">
      <c r="A912" s="2"/>
      <c r="B912" s="2"/>
      <c r="C912" s="2"/>
    </row>
    <row r="913" spans="1:3" ht="19.2">
      <c r="A913" s="2"/>
      <c r="B913" s="2"/>
      <c r="C913" s="2"/>
    </row>
    <row r="914" spans="1:3" ht="19.2">
      <c r="A914" s="2"/>
      <c r="B914" s="2"/>
      <c r="C914" s="2"/>
    </row>
    <row r="915" spans="1:3" ht="19.2">
      <c r="A915" s="2"/>
      <c r="B915" s="2"/>
      <c r="C915" s="2"/>
    </row>
    <row r="916" spans="1:3" ht="19.2">
      <c r="A916" s="2"/>
      <c r="B916" s="2"/>
      <c r="C916" s="2"/>
    </row>
    <row r="917" spans="1:3" ht="19.2">
      <c r="A917" s="2"/>
      <c r="B917" s="2"/>
      <c r="C917" s="2"/>
    </row>
    <row r="918" spans="1:3" ht="19.2">
      <c r="A918" s="2"/>
      <c r="B918" s="2"/>
      <c r="C918" s="2"/>
    </row>
    <row r="919" spans="1:3" ht="19.2">
      <c r="A919" s="2"/>
      <c r="B919" s="2"/>
      <c r="C919" s="2"/>
    </row>
    <row r="920" spans="1:3" ht="19.2">
      <c r="A920" s="2"/>
      <c r="B920" s="2"/>
      <c r="C920" s="2"/>
    </row>
    <row r="921" spans="1:3" ht="19.2">
      <c r="A921" s="2"/>
      <c r="B921" s="2"/>
      <c r="C921" s="2"/>
    </row>
    <row r="922" spans="1:3" ht="19.2">
      <c r="A922" s="2"/>
      <c r="B922" s="2"/>
      <c r="C922" s="2"/>
    </row>
    <row r="923" spans="1:3" ht="19.2">
      <c r="A923" s="2"/>
      <c r="B923" s="2"/>
      <c r="C923" s="2"/>
    </row>
    <row r="924" spans="1:3" ht="19.2">
      <c r="A924" s="2"/>
      <c r="B924" s="2"/>
      <c r="C924" s="2"/>
    </row>
    <row r="925" spans="1:3" ht="19.2">
      <c r="A925" s="2"/>
      <c r="B925" s="2"/>
      <c r="C925" s="2"/>
    </row>
    <row r="926" spans="1:3" ht="19.2">
      <c r="A926" s="2"/>
      <c r="B926" s="2"/>
      <c r="C926" s="2"/>
    </row>
    <row r="927" spans="1:3" ht="19.2">
      <c r="A927" s="2"/>
      <c r="B927" s="2"/>
      <c r="C927" s="2"/>
    </row>
    <row r="928" spans="1:3" ht="19.2">
      <c r="A928" s="2"/>
      <c r="B928" s="2"/>
      <c r="C928" s="2"/>
    </row>
    <row r="929" spans="1:3" ht="19.2">
      <c r="A929" s="2"/>
      <c r="B929" s="2"/>
      <c r="C929" s="2"/>
    </row>
    <row r="930" spans="1:3" ht="19.2">
      <c r="A930" s="2"/>
      <c r="B930" s="2"/>
      <c r="C930" s="2"/>
    </row>
    <row r="931" spans="1:3" ht="19.2">
      <c r="A931" s="2"/>
      <c r="B931" s="2"/>
      <c r="C931" s="2"/>
    </row>
    <row r="932" spans="1:3" ht="19.2">
      <c r="A932" s="2"/>
      <c r="B932" s="2"/>
      <c r="C932" s="2"/>
    </row>
    <row r="933" spans="1:3" ht="19.2">
      <c r="A933" s="2"/>
      <c r="B933" s="2"/>
      <c r="C933" s="2"/>
    </row>
    <row r="934" spans="1:3" ht="19.2">
      <c r="A934" s="2"/>
      <c r="B934" s="2"/>
      <c r="C934" s="2"/>
    </row>
    <row r="935" spans="1:3" ht="19.2">
      <c r="A935" s="2"/>
      <c r="B935" s="2"/>
      <c r="C935" s="2"/>
    </row>
    <row r="936" spans="1:3" ht="19.2">
      <c r="A936" s="2"/>
      <c r="B936" s="2"/>
      <c r="C936" s="2"/>
    </row>
    <row r="937" spans="1:3" ht="19.2">
      <c r="A937" s="2"/>
      <c r="B937" s="2"/>
      <c r="C937" s="2"/>
    </row>
    <row r="938" spans="1:3" ht="19.2">
      <c r="A938" s="2"/>
      <c r="B938" s="2"/>
      <c r="C938" s="2"/>
    </row>
    <row r="939" spans="1:3" ht="19.2">
      <c r="A939" s="2"/>
      <c r="B939" s="2"/>
      <c r="C939" s="2"/>
    </row>
    <row r="940" spans="1:3" ht="19.2">
      <c r="A940" s="2"/>
      <c r="B940" s="2"/>
      <c r="C940" s="2"/>
    </row>
    <row r="941" spans="1:3" ht="19.2">
      <c r="A941" s="2"/>
      <c r="B941" s="2"/>
      <c r="C941" s="2"/>
    </row>
    <row r="942" spans="1:3" ht="19.2">
      <c r="A942" s="2"/>
      <c r="B942" s="2"/>
      <c r="C942" s="2"/>
    </row>
    <row r="943" spans="1:3" ht="19.2">
      <c r="A943" s="2"/>
      <c r="B943" s="2"/>
      <c r="C943" s="2"/>
    </row>
    <row r="944" spans="1:3" ht="19.2">
      <c r="A944" s="2"/>
      <c r="B944" s="2"/>
      <c r="C944" s="2"/>
    </row>
    <row r="945" spans="1:3" ht="19.2">
      <c r="A945" s="2"/>
      <c r="B945" s="2"/>
      <c r="C945" s="2"/>
    </row>
    <row r="946" spans="1:3" ht="19.2">
      <c r="A946" s="2"/>
      <c r="B946" s="2"/>
      <c r="C946" s="2"/>
    </row>
    <row r="947" spans="1:3" ht="19.2">
      <c r="A947" s="2"/>
      <c r="B947" s="2"/>
      <c r="C947" s="2"/>
    </row>
    <row r="948" spans="1:3" ht="19.2">
      <c r="A948" s="2"/>
      <c r="B948" s="2"/>
      <c r="C948" s="2"/>
    </row>
    <row r="949" spans="1:3" ht="19.2">
      <c r="A949" s="2"/>
      <c r="B949" s="2"/>
      <c r="C949" s="2"/>
    </row>
    <row r="950" spans="1:3" ht="19.2">
      <c r="A950" s="2"/>
      <c r="B950" s="2"/>
      <c r="C950" s="2"/>
    </row>
    <row r="951" spans="1:3" ht="19.2">
      <c r="A951" s="2"/>
      <c r="B951" s="2"/>
      <c r="C951" s="2"/>
    </row>
    <row r="952" spans="1:3" ht="19.2">
      <c r="A952" s="2"/>
      <c r="B952" s="2"/>
      <c r="C952" s="2"/>
    </row>
    <row r="953" spans="1:3" ht="19.2">
      <c r="A953" s="2"/>
      <c r="B953" s="2"/>
      <c r="C953" s="2"/>
    </row>
    <row r="954" spans="1:3" ht="19.2">
      <c r="A954" s="2"/>
      <c r="B954" s="2"/>
      <c r="C954" s="2"/>
    </row>
    <row r="955" spans="1:3" ht="19.2">
      <c r="A955" s="2"/>
      <c r="B955" s="2"/>
      <c r="C955" s="2"/>
    </row>
    <row r="956" spans="1:3" ht="19.2">
      <c r="A956" s="2"/>
      <c r="B956" s="2"/>
      <c r="C956" s="2"/>
    </row>
    <row r="957" spans="1:3" ht="19.2">
      <c r="A957" s="2"/>
      <c r="B957" s="2"/>
      <c r="C957" s="2"/>
    </row>
    <row r="958" spans="1:3" ht="19.2">
      <c r="A958" s="2"/>
      <c r="B958" s="2"/>
      <c r="C958" s="2"/>
    </row>
    <row r="959" spans="1:3" ht="19.2">
      <c r="A959" s="2"/>
      <c r="B959" s="2"/>
      <c r="C959" s="2"/>
    </row>
    <row r="960" spans="1:3" ht="19.2">
      <c r="A960" s="2"/>
      <c r="B960" s="2"/>
      <c r="C960" s="2"/>
    </row>
    <row r="961" spans="1:3" ht="19.2">
      <c r="A961" s="2"/>
      <c r="B961" s="2"/>
      <c r="C961" s="2"/>
    </row>
    <row r="962" spans="1:3" ht="19.2">
      <c r="A962" s="2"/>
      <c r="B962" s="2"/>
      <c r="C962" s="2"/>
    </row>
    <row r="963" spans="1:3" ht="19.2">
      <c r="A963" s="2"/>
      <c r="B963" s="2"/>
      <c r="C963" s="2"/>
    </row>
    <row r="964" spans="1:3" ht="19.2">
      <c r="A964" s="2"/>
      <c r="B964" s="2"/>
      <c r="C964" s="2"/>
    </row>
    <row r="965" spans="1:3" ht="19.2">
      <c r="A965" s="2"/>
      <c r="B965" s="2"/>
      <c r="C965" s="2"/>
    </row>
    <row r="966" spans="1:3" ht="19.2">
      <c r="A966" s="2"/>
      <c r="B966" s="2"/>
      <c r="C966" s="2"/>
    </row>
    <row r="967" spans="1:3" ht="19.2">
      <c r="A967" s="2"/>
      <c r="B967" s="2"/>
      <c r="C967" s="2"/>
    </row>
    <row r="968" spans="1:3" ht="19.2">
      <c r="A968" s="2"/>
      <c r="B968" s="2"/>
      <c r="C968" s="2"/>
    </row>
    <row r="969" spans="1:3" ht="19.2">
      <c r="A969" s="2"/>
      <c r="B969" s="2"/>
      <c r="C969" s="2"/>
    </row>
    <row r="970" spans="1:3" ht="19.2">
      <c r="A970" s="2"/>
      <c r="B970" s="2"/>
      <c r="C970" s="2"/>
    </row>
    <row r="971" spans="1:3" ht="19.2">
      <c r="A971" s="2"/>
      <c r="B971" s="2"/>
      <c r="C971" s="2"/>
    </row>
    <row r="972" spans="1:3" ht="19.2">
      <c r="A972" s="2"/>
      <c r="B972" s="2"/>
      <c r="C972" s="2"/>
    </row>
    <row r="973" spans="1:3" ht="19.2">
      <c r="A973" s="2"/>
      <c r="B973" s="2"/>
      <c r="C973" s="2"/>
    </row>
    <row r="974" spans="1:3" ht="19.2">
      <c r="A974" s="2"/>
      <c r="B974" s="2"/>
      <c r="C974" s="2"/>
    </row>
    <row r="975" spans="1:3" ht="19.2">
      <c r="A975" s="2"/>
      <c r="B975" s="2"/>
      <c r="C975" s="2"/>
    </row>
    <row r="976" spans="1:3" ht="19.2">
      <c r="A976" s="2"/>
      <c r="B976" s="2"/>
      <c r="C976" s="2"/>
    </row>
    <row r="977" spans="1:3" ht="19.2">
      <c r="A977" s="2"/>
      <c r="B977" s="2"/>
      <c r="C977" s="2"/>
    </row>
    <row r="978" spans="1:3" ht="19.2">
      <c r="A978" s="2"/>
      <c r="B978" s="2"/>
      <c r="C978" s="2"/>
    </row>
    <row r="979" spans="1:3" ht="19.2">
      <c r="A979" s="2"/>
      <c r="B979" s="2"/>
      <c r="C979" s="2"/>
    </row>
    <row r="980" spans="1:3" ht="19.2">
      <c r="A980" s="2"/>
      <c r="B980" s="2"/>
      <c r="C980" s="2"/>
    </row>
    <row r="981" spans="1:3" ht="19.2">
      <c r="A981" s="2"/>
      <c r="B981" s="2"/>
      <c r="C981" s="2"/>
    </row>
    <row r="982" spans="1:3" ht="19.2">
      <c r="A982" s="2"/>
      <c r="B982" s="2"/>
      <c r="C982" s="2"/>
    </row>
    <row r="983" spans="1:3" ht="19.2">
      <c r="A983" s="2"/>
      <c r="B983" s="2"/>
      <c r="C983" s="2"/>
    </row>
    <row r="984" spans="1:3" ht="19.2">
      <c r="A984" s="2"/>
      <c r="B984" s="2"/>
      <c r="C984" s="2"/>
    </row>
    <row r="985" spans="1:3" ht="19.2">
      <c r="A985" s="2"/>
      <c r="B985" s="2"/>
      <c r="C985" s="2"/>
    </row>
    <row r="986" spans="1:3" ht="19.2">
      <c r="A986" s="2"/>
      <c r="B986" s="2"/>
      <c r="C986" s="2"/>
    </row>
    <row r="987" spans="1:3" ht="19.2">
      <c r="A987" s="2"/>
      <c r="B987" s="2"/>
      <c r="C987" s="2"/>
    </row>
    <row r="988" spans="1:3" ht="19.2">
      <c r="A988" s="2"/>
      <c r="B988" s="2"/>
      <c r="C988" s="2"/>
    </row>
    <row r="989" spans="1:3" ht="19.2">
      <c r="A989" s="2"/>
      <c r="B989" s="2"/>
      <c r="C989" s="2"/>
    </row>
    <row r="990" spans="1:3" ht="19.2">
      <c r="A990" s="2"/>
      <c r="B990" s="2"/>
      <c r="C990" s="2"/>
    </row>
    <row r="991" spans="1:3" ht="19.2">
      <c r="A991" s="2"/>
      <c r="B991" s="2"/>
      <c r="C991" s="2"/>
    </row>
    <row r="992" spans="1:3" ht="19.2">
      <c r="A992" s="2"/>
      <c r="B992" s="2"/>
      <c r="C992" s="2"/>
    </row>
    <row r="993" spans="1:3" ht="19.2">
      <c r="A993" s="2"/>
      <c r="B993" s="2"/>
      <c r="C993" s="2"/>
    </row>
    <row r="994" spans="1:3" ht="19.2">
      <c r="A994" s="2"/>
      <c r="B994" s="2"/>
      <c r="C994" s="2"/>
    </row>
    <row r="995" spans="1:3" ht="19.2">
      <c r="A995" s="2"/>
      <c r="B995" s="2"/>
      <c r="C995" s="2"/>
    </row>
    <row r="996" spans="1:3" ht="19.2">
      <c r="A996" s="2"/>
      <c r="B996" s="2"/>
      <c r="C996" s="2"/>
    </row>
    <row r="997" spans="1:3" ht="19.2">
      <c r="A997" s="2"/>
      <c r="B997" s="2"/>
      <c r="C997" s="2"/>
    </row>
    <row r="998" spans="1:3" ht="19.2">
      <c r="A998" s="2"/>
      <c r="B998" s="2"/>
      <c r="C998" s="2"/>
    </row>
    <row r="999" spans="1:3" ht="19.2">
      <c r="A999" s="2"/>
      <c r="B999" s="2"/>
      <c r="C999" s="2"/>
    </row>
    <row r="1000" spans="1:3" ht="19.2">
      <c r="A1000" s="2"/>
      <c r="B1000" s="2"/>
      <c r="C1000" s="2"/>
    </row>
    <row r="1001" spans="1:3" ht="19.2">
      <c r="A1001" s="2"/>
      <c r="B1001" s="2"/>
      <c r="C1001" s="2"/>
    </row>
    <row r="1002" spans="1:3" ht="19.2">
      <c r="A1002" s="2"/>
      <c r="B1002" s="2"/>
      <c r="C1002" s="2"/>
    </row>
    <row r="1003" spans="1:3" ht="19.2">
      <c r="A1003" s="2"/>
      <c r="B1003" s="2"/>
      <c r="C1003" s="2"/>
    </row>
    <row r="1004" spans="1:3" ht="19.2">
      <c r="A1004" s="2"/>
      <c r="B1004" s="2"/>
      <c r="C1004" s="2"/>
    </row>
    <row r="1005" spans="1:3" ht="19.2">
      <c r="A1005" s="2"/>
      <c r="B1005" s="2"/>
      <c r="C1005" s="2"/>
    </row>
    <row r="1006" spans="1:3" ht="19.2">
      <c r="A1006" s="2"/>
      <c r="B1006" s="2"/>
      <c r="C1006" s="2"/>
    </row>
    <row r="1007" spans="1:3" ht="19.2">
      <c r="A1007" s="2"/>
      <c r="B1007" s="2"/>
      <c r="C1007" s="2"/>
    </row>
    <row r="1008" spans="1:3" ht="19.2">
      <c r="A1008" s="2"/>
      <c r="B1008" s="2"/>
      <c r="C1008" s="2"/>
    </row>
    <row r="1009" spans="1:3" ht="19.2">
      <c r="A1009" s="2"/>
      <c r="B1009" s="2"/>
      <c r="C1009" s="2"/>
    </row>
    <row r="1010" spans="1:3" ht="19.2">
      <c r="A1010" s="2"/>
      <c r="B1010" s="2"/>
      <c r="C1010" s="2"/>
    </row>
    <row r="1011" spans="1:3" ht="19.2">
      <c r="A1011" s="2"/>
      <c r="B1011" s="2"/>
      <c r="C1011" s="2"/>
    </row>
    <row r="1012" spans="1:3" ht="19.2">
      <c r="A1012" s="2"/>
      <c r="B1012" s="2"/>
      <c r="C1012" s="2"/>
    </row>
    <row r="1013" spans="1:3" ht="19.2">
      <c r="A1013" s="2"/>
      <c r="B1013" s="2"/>
      <c r="C1013" s="2"/>
    </row>
    <row r="1014" spans="1:3" ht="19.2">
      <c r="A1014" s="2"/>
      <c r="B1014" s="2"/>
      <c r="C1014" s="2"/>
    </row>
    <row r="1015" spans="1:3" ht="19.2">
      <c r="A1015" s="2"/>
      <c r="B1015" s="2"/>
      <c r="C1015" s="2"/>
    </row>
    <row r="1016" spans="1:3" ht="19.2">
      <c r="A1016" s="2"/>
      <c r="B1016" s="2"/>
      <c r="C1016" s="2"/>
    </row>
    <row r="1017" spans="1:3" ht="19.2">
      <c r="A1017" s="2"/>
      <c r="B1017" s="2"/>
      <c r="C1017" s="2"/>
    </row>
    <row r="1018" spans="1:3" ht="19.2">
      <c r="A1018" s="2"/>
      <c r="B1018" s="2"/>
      <c r="C1018" s="2"/>
    </row>
    <row r="1019" spans="1:3" ht="19.2">
      <c r="A1019" s="2"/>
      <c r="B1019" s="2"/>
      <c r="C1019" s="2"/>
    </row>
    <row r="1020" spans="1:3" ht="19.2">
      <c r="A1020" s="2"/>
      <c r="B1020" s="2"/>
      <c r="C1020" s="2"/>
    </row>
    <row r="1021" spans="1:3" ht="19.2">
      <c r="A1021" s="2"/>
      <c r="B1021" s="2"/>
      <c r="C1021" s="2"/>
    </row>
    <row r="1022" spans="1:3" ht="19.2">
      <c r="A1022" s="2"/>
      <c r="B1022" s="2"/>
      <c r="C1022" s="2"/>
    </row>
    <row r="1023" spans="1:3" ht="19.2">
      <c r="A1023" s="2"/>
      <c r="B1023" s="2"/>
      <c r="C1023" s="2"/>
    </row>
    <row r="1024" spans="1:3" ht="19.2">
      <c r="A1024" s="2"/>
      <c r="B1024" s="2"/>
      <c r="C1024" s="2"/>
    </row>
    <row r="1025" spans="1:3" ht="19.2">
      <c r="A1025" s="2"/>
      <c r="B1025" s="2"/>
      <c r="C1025" s="2"/>
    </row>
    <row r="1026" spans="1:3" ht="19.2">
      <c r="A1026" s="2"/>
      <c r="B1026" s="2"/>
      <c r="C1026" s="2"/>
    </row>
    <row r="1027" spans="1:3" ht="19.2">
      <c r="A1027" s="2"/>
      <c r="B1027" s="2"/>
      <c r="C1027" s="2"/>
    </row>
    <row r="1028" spans="1:3" ht="19.2">
      <c r="A1028" s="2"/>
      <c r="B1028" s="2"/>
      <c r="C1028" s="2"/>
    </row>
    <row r="1029" spans="1:3" ht="19.2">
      <c r="A1029" s="2"/>
      <c r="B1029" s="2"/>
      <c r="C1029" s="2"/>
    </row>
    <row r="1030" spans="1:3" ht="19.2">
      <c r="A1030" s="2"/>
      <c r="B1030" s="2"/>
      <c r="C1030" s="2"/>
    </row>
    <row r="1031" spans="1:3" ht="19.2">
      <c r="A1031" s="2"/>
      <c r="B1031" s="2"/>
      <c r="C1031" s="2"/>
    </row>
    <row r="1032" spans="1:3" ht="19.2">
      <c r="A1032" s="2"/>
      <c r="B1032" s="2"/>
      <c r="C1032" s="2"/>
    </row>
    <row r="1033" spans="1:3" ht="19.2">
      <c r="A1033" s="2"/>
      <c r="B1033" s="2"/>
      <c r="C1033" s="2"/>
    </row>
    <row r="1034" spans="1:3" ht="19.2">
      <c r="A1034" s="2"/>
      <c r="B1034" s="2"/>
      <c r="C1034" s="2"/>
    </row>
    <row r="1035" spans="1:3" ht="19.2">
      <c r="A1035" s="2"/>
      <c r="B1035" s="2"/>
      <c r="C1035" s="2"/>
    </row>
    <row r="1036" spans="1:3" ht="19.2">
      <c r="A1036" s="2"/>
      <c r="B1036" s="2"/>
      <c r="C1036" s="2"/>
    </row>
    <row r="1037" spans="1:3" ht="19.2">
      <c r="A1037" s="2"/>
      <c r="B1037" s="2"/>
      <c r="C1037" s="2"/>
    </row>
    <row r="1038" spans="1:3" ht="19.2">
      <c r="A1038" s="2"/>
      <c r="B1038" s="2"/>
      <c r="C1038" s="2"/>
    </row>
    <row r="1039" spans="1:3" ht="19.2">
      <c r="A1039" s="2"/>
      <c r="B1039" s="2"/>
      <c r="C1039" s="2"/>
    </row>
    <row r="1040" spans="1:3" ht="19.2">
      <c r="A1040" s="2"/>
      <c r="B1040" s="2"/>
      <c r="C1040" s="2"/>
    </row>
    <row r="1041" spans="1:3" ht="19.2">
      <c r="A1041" s="2"/>
      <c r="B1041" s="2"/>
      <c r="C1041" s="2"/>
    </row>
    <row r="1042" spans="1:3" ht="19.2">
      <c r="A1042" s="2"/>
      <c r="B1042" s="2"/>
      <c r="C1042" s="2"/>
    </row>
    <row r="1043" spans="1:3" ht="19.2">
      <c r="A1043" s="2"/>
      <c r="B1043" s="2"/>
      <c r="C1043" s="2"/>
    </row>
    <row r="1044" spans="1:3" ht="19.2">
      <c r="A1044" s="2"/>
      <c r="B1044" s="2"/>
      <c r="C1044" s="2"/>
    </row>
    <row r="1045" spans="1:3" ht="19.2">
      <c r="A1045" s="2"/>
      <c r="B1045" s="2"/>
      <c r="C1045" s="2"/>
    </row>
    <row r="1046" spans="1:3" ht="19.2">
      <c r="A1046" s="2"/>
      <c r="B1046" s="2"/>
      <c r="C1046" s="2"/>
    </row>
    <row r="1047" spans="1:3" ht="19.2">
      <c r="A1047" s="2"/>
      <c r="B1047" s="2"/>
      <c r="C1047" s="2"/>
    </row>
    <row r="1048" spans="1:3" ht="19.2">
      <c r="A1048" s="2"/>
      <c r="B1048" s="2"/>
      <c r="C1048" s="2"/>
    </row>
    <row r="1049" spans="1:3" ht="19.2">
      <c r="A1049" s="2"/>
      <c r="B1049" s="2"/>
      <c r="C1049" s="2"/>
    </row>
    <row r="1050" spans="1:3" ht="19.2">
      <c r="A1050" s="2"/>
      <c r="B1050" s="2"/>
      <c r="C1050" s="2"/>
    </row>
    <row r="1051" spans="1:3" ht="19.2">
      <c r="A1051" s="2"/>
      <c r="B1051" s="2"/>
      <c r="C1051" s="2"/>
    </row>
    <row r="1052" spans="1:3" ht="19.2">
      <c r="A1052" s="2"/>
      <c r="B1052" s="2"/>
      <c r="C1052" s="2"/>
    </row>
    <row r="1053" spans="1:3" ht="19.2">
      <c r="A1053" s="2"/>
      <c r="B1053" s="2"/>
      <c r="C1053" s="2"/>
    </row>
    <row r="1054" spans="1:3" ht="19.2">
      <c r="A1054" s="2"/>
      <c r="B1054" s="2"/>
      <c r="C1054" s="2"/>
    </row>
    <row r="1055" spans="1:3" ht="19.2">
      <c r="A1055" s="2"/>
      <c r="B1055" s="2"/>
      <c r="C1055" s="2"/>
    </row>
    <row r="1056" spans="1:3" ht="19.2">
      <c r="A1056" s="2"/>
      <c r="B1056" s="2"/>
      <c r="C1056" s="2"/>
    </row>
    <row r="1057" spans="1:3" ht="19.2">
      <c r="A1057" s="2"/>
      <c r="B1057" s="2"/>
      <c r="C1057" s="2"/>
    </row>
    <row r="1058" spans="1:3" ht="19.2">
      <c r="A1058" s="2"/>
      <c r="B1058" s="2"/>
      <c r="C1058" s="2"/>
    </row>
    <row r="1059" spans="1:3" ht="19.2">
      <c r="A1059" s="2"/>
      <c r="B1059" s="2"/>
      <c r="C1059" s="2"/>
    </row>
    <row r="1060" spans="1:3" ht="19.2">
      <c r="A1060" s="2"/>
      <c r="B1060" s="2"/>
      <c r="C1060" s="2"/>
    </row>
    <row r="1061" spans="1:3" ht="19.2">
      <c r="A1061" s="2"/>
      <c r="B1061" s="2"/>
      <c r="C1061" s="2"/>
    </row>
    <row r="1062" spans="1:3" ht="19.2">
      <c r="A1062" s="2"/>
      <c r="B1062" s="2"/>
      <c r="C1062" s="2"/>
    </row>
    <row r="1063" spans="1:3" ht="19.2">
      <c r="A1063" s="2"/>
      <c r="B1063" s="2"/>
      <c r="C1063" s="2"/>
    </row>
    <row r="1064" spans="1:3" ht="19.2">
      <c r="A1064" s="2"/>
      <c r="B1064" s="2"/>
      <c r="C1064" s="2"/>
    </row>
    <row r="1065" spans="1:3" ht="19.2">
      <c r="A1065" s="2"/>
      <c r="B1065" s="2"/>
      <c r="C1065" s="2"/>
    </row>
    <row r="1066" spans="1:3" ht="19.2">
      <c r="A1066" s="2"/>
      <c r="B1066" s="2"/>
      <c r="C1066" s="2"/>
    </row>
    <row r="1067" spans="1:3" ht="19.2">
      <c r="A1067" s="2"/>
      <c r="B1067" s="2"/>
      <c r="C1067" s="2"/>
    </row>
    <row r="1068" spans="1:3" ht="19.2">
      <c r="A1068" s="2"/>
      <c r="B1068" s="2"/>
      <c r="C1068" s="2"/>
    </row>
    <row r="1069" spans="1:3" ht="19.2">
      <c r="A1069" s="2"/>
      <c r="B1069" s="2"/>
      <c r="C1069" s="2"/>
    </row>
    <row r="1070" spans="1:3" ht="19.2">
      <c r="A1070" s="2"/>
      <c r="B1070" s="2"/>
      <c r="C1070" s="2"/>
    </row>
    <row r="1071" spans="1:3" ht="19.2">
      <c r="A1071" s="2"/>
      <c r="B1071" s="2"/>
      <c r="C1071" s="2"/>
    </row>
    <row r="1072" spans="1:3" ht="19.2">
      <c r="A1072" s="2"/>
      <c r="B1072" s="2"/>
      <c r="C1072" s="2"/>
    </row>
    <row r="1073" spans="1:3" ht="19.2">
      <c r="A1073" s="2"/>
      <c r="B1073" s="2"/>
      <c r="C1073" s="2"/>
    </row>
    <row r="1074" spans="1:3" ht="19.2">
      <c r="A1074" s="2"/>
      <c r="B1074" s="2"/>
      <c r="C1074" s="2"/>
    </row>
    <row r="1075" spans="1:3" ht="19.2">
      <c r="A1075" s="2"/>
      <c r="B1075" s="2"/>
      <c r="C1075" s="2"/>
    </row>
    <row r="1076" spans="1:3" ht="19.2">
      <c r="A1076" s="2"/>
      <c r="B1076" s="2"/>
      <c r="C1076" s="2"/>
    </row>
    <row r="1077" spans="1:3" ht="19.2">
      <c r="A1077" s="2"/>
      <c r="B1077" s="2"/>
      <c r="C1077" s="2"/>
    </row>
    <row r="1078" spans="1:3" ht="19.2">
      <c r="A1078" s="2"/>
      <c r="B1078" s="2"/>
      <c r="C1078" s="2"/>
    </row>
    <row r="1079" spans="1:3" ht="19.2">
      <c r="A1079" s="2"/>
      <c r="B1079" s="2"/>
      <c r="C1079" s="2"/>
    </row>
    <row r="1080" spans="1:3" ht="19.2">
      <c r="A1080" s="2"/>
      <c r="B1080" s="2"/>
      <c r="C1080" s="2"/>
    </row>
    <row r="1081" spans="1:3" ht="19.2">
      <c r="A1081" s="2"/>
      <c r="B1081" s="2"/>
      <c r="C1081" s="2"/>
    </row>
    <row r="1082" spans="1:3" ht="19.2">
      <c r="A1082" s="2"/>
      <c r="B1082" s="2"/>
      <c r="C1082" s="2"/>
    </row>
    <row r="1083" spans="1:3" ht="19.2">
      <c r="A1083" s="2"/>
      <c r="B1083" s="2"/>
      <c r="C1083" s="2"/>
    </row>
    <row r="1084" spans="1:3" ht="19.2">
      <c r="A1084" s="2"/>
      <c r="B1084" s="2"/>
      <c r="C1084" s="2"/>
    </row>
    <row r="1085" spans="1:3" ht="19.2">
      <c r="A1085" s="2"/>
      <c r="B1085" s="2"/>
      <c r="C1085" s="2"/>
    </row>
    <row r="1086" spans="1:3" ht="19.2">
      <c r="A1086" s="2"/>
      <c r="B1086" s="2"/>
      <c r="C1086" s="2"/>
    </row>
    <row r="1087" spans="1:3" ht="19.2">
      <c r="A1087" s="2"/>
      <c r="B1087" s="2"/>
      <c r="C1087" s="2"/>
    </row>
    <row r="1088" spans="1:3" ht="19.2">
      <c r="A1088" s="2"/>
      <c r="B1088" s="2"/>
      <c r="C1088" s="2"/>
    </row>
    <row r="1089" spans="1:3" ht="19.2">
      <c r="A1089" s="2"/>
      <c r="B1089" s="2"/>
      <c r="C1089" s="2"/>
    </row>
    <row r="1090" spans="1:3" ht="19.2">
      <c r="A1090" s="2"/>
      <c r="B1090" s="2"/>
      <c r="C1090" s="2"/>
    </row>
    <row r="1091" spans="1:3" ht="19.2">
      <c r="A1091" s="2"/>
      <c r="B1091" s="2"/>
      <c r="C1091" s="2"/>
    </row>
    <row r="1092" spans="1:3" ht="19.2">
      <c r="A1092" s="2"/>
      <c r="B1092" s="2"/>
      <c r="C1092" s="2"/>
    </row>
    <row r="1093" spans="1:3" ht="19.2">
      <c r="A1093" s="2"/>
      <c r="B1093" s="2"/>
      <c r="C1093" s="2"/>
    </row>
    <row r="1094" spans="1:3" ht="19.2">
      <c r="A1094" s="2"/>
      <c r="B1094" s="2"/>
      <c r="C1094" s="2"/>
    </row>
    <row r="1095" spans="1:3" ht="19.2">
      <c r="A1095" s="2"/>
      <c r="B1095" s="2"/>
      <c r="C1095" s="2"/>
    </row>
    <row r="1096" spans="1:3" ht="19.2">
      <c r="A1096" s="2"/>
      <c r="B1096" s="2"/>
      <c r="C1096" s="2"/>
    </row>
    <row r="1097" spans="1:3" ht="19.2">
      <c r="A1097" s="2"/>
      <c r="B1097" s="2"/>
      <c r="C1097" s="2"/>
    </row>
    <row r="1098" spans="1:3" ht="19.2">
      <c r="A1098" s="2"/>
      <c r="B1098" s="2"/>
      <c r="C1098" s="2"/>
    </row>
    <row r="1099" spans="1:3" ht="19.2">
      <c r="A1099" s="2"/>
      <c r="B1099" s="2"/>
      <c r="C1099" s="2"/>
    </row>
    <row r="1100" spans="1:3" ht="19.2">
      <c r="A1100" s="2"/>
      <c r="B1100" s="2"/>
      <c r="C1100" s="2"/>
    </row>
    <row r="1101" spans="1:3" ht="19.2">
      <c r="A1101" s="2"/>
      <c r="B1101" s="2"/>
      <c r="C1101" s="2"/>
    </row>
    <row r="1102" spans="1:3" ht="19.2">
      <c r="A1102" s="2"/>
      <c r="B1102" s="2"/>
      <c r="C1102" s="2"/>
    </row>
    <row r="1103" spans="1:3" ht="19.2">
      <c r="A1103" s="2"/>
      <c r="B1103" s="2"/>
      <c r="C1103" s="2"/>
    </row>
    <row r="1104" spans="1:3" ht="19.2">
      <c r="A1104" s="2"/>
      <c r="B1104" s="2"/>
      <c r="C1104" s="2"/>
    </row>
    <row r="1105" spans="1:3" ht="19.2">
      <c r="A1105" s="2"/>
      <c r="B1105" s="2"/>
      <c r="C1105" s="2"/>
    </row>
    <row r="1106" spans="1:3" ht="19.2">
      <c r="A1106" s="2"/>
      <c r="B1106" s="2"/>
      <c r="C1106" s="2"/>
    </row>
    <row r="1107" spans="1:3" ht="19.2">
      <c r="A1107" s="2"/>
      <c r="B1107" s="2"/>
      <c r="C1107" s="2"/>
    </row>
    <row r="1108" spans="1:3" ht="19.2">
      <c r="A1108" s="2"/>
      <c r="B1108" s="2"/>
      <c r="C1108" s="2"/>
    </row>
    <row r="1109" spans="1:3" ht="19.2">
      <c r="A1109" s="2"/>
      <c r="B1109" s="2"/>
      <c r="C1109" s="2"/>
    </row>
    <row r="1110" spans="1:3" ht="19.2">
      <c r="A1110" s="2"/>
      <c r="B1110" s="2"/>
      <c r="C1110" s="2"/>
    </row>
    <row r="1111" spans="1:3" ht="19.2">
      <c r="A1111" s="2"/>
      <c r="B1111" s="2"/>
      <c r="C1111" s="2"/>
    </row>
    <row r="1112" spans="1:3" ht="19.2">
      <c r="A1112" s="2"/>
      <c r="B1112" s="2"/>
      <c r="C1112" s="2"/>
    </row>
    <row r="1113" spans="1:3" ht="19.2">
      <c r="A1113" s="2"/>
      <c r="B1113" s="2"/>
      <c r="C1113" s="2"/>
    </row>
    <row r="1114" spans="1:3" ht="19.2">
      <c r="A1114" s="2"/>
      <c r="B1114" s="2"/>
      <c r="C1114" s="2"/>
    </row>
    <row r="1115" spans="1:3" ht="19.2">
      <c r="A1115" s="2"/>
      <c r="B1115" s="2"/>
      <c r="C1115" s="2"/>
    </row>
    <row r="1116" spans="1:3" ht="19.2">
      <c r="A1116" s="2"/>
      <c r="B1116" s="2"/>
      <c r="C1116" s="2"/>
    </row>
    <row r="1117" spans="1:3" ht="19.2">
      <c r="A1117" s="2"/>
      <c r="B1117" s="2"/>
      <c r="C1117" s="2"/>
    </row>
    <row r="1118" spans="1:3" ht="19.2">
      <c r="A1118" s="2"/>
      <c r="B1118" s="2"/>
      <c r="C1118" s="2"/>
    </row>
    <row r="1119" spans="1:3" ht="19.2">
      <c r="A1119" s="2"/>
      <c r="B1119" s="2"/>
      <c r="C1119" s="2"/>
    </row>
    <row r="1120" spans="1:3" ht="19.2">
      <c r="A1120" s="2"/>
      <c r="B1120" s="2"/>
      <c r="C1120" s="2"/>
    </row>
    <row r="1121" spans="1:3" ht="19.2">
      <c r="A1121" s="2"/>
      <c r="B1121" s="2"/>
      <c r="C1121" s="2"/>
    </row>
    <row r="1122" spans="1:3" ht="19.2">
      <c r="A1122" s="2"/>
      <c r="B1122" s="2"/>
      <c r="C1122" s="2"/>
    </row>
    <row r="1123" spans="1:3" ht="19.2">
      <c r="A1123" s="2"/>
      <c r="B1123" s="2"/>
      <c r="C1123" s="2"/>
    </row>
    <row r="1124" spans="1:3" ht="19.2">
      <c r="A1124" s="2"/>
      <c r="B1124" s="2"/>
      <c r="C1124" s="2"/>
    </row>
    <row r="1125" spans="1:3" ht="19.2">
      <c r="A1125" s="2"/>
      <c r="B1125" s="2"/>
      <c r="C1125" s="2"/>
    </row>
    <row r="1126" spans="1:3" ht="19.2">
      <c r="A1126" s="2"/>
      <c r="B1126" s="2"/>
      <c r="C1126" s="2"/>
    </row>
    <row r="1127" spans="1:3" ht="19.2">
      <c r="A1127" s="2"/>
      <c r="B1127" s="2"/>
      <c r="C1127" s="2"/>
    </row>
    <row r="1128" spans="1:3" ht="19.2">
      <c r="A1128" s="2"/>
      <c r="B1128" s="2"/>
      <c r="C1128" s="2"/>
    </row>
    <row r="1129" spans="1:3" ht="19.2">
      <c r="A1129" s="2"/>
      <c r="B1129" s="2"/>
      <c r="C1129" s="2"/>
    </row>
    <row r="1130" spans="1:3" ht="19.2">
      <c r="A1130" s="2"/>
      <c r="B1130" s="2"/>
      <c r="C1130" s="2"/>
    </row>
    <row r="1131" spans="1:3" ht="19.2">
      <c r="A1131" s="2"/>
      <c r="B1131" s="2"/>
      <c r="C1131" s="2"/>
    </row>
    <row r="1132" spans="1:3" ht="19.2">
      <c r="A1132" s="2"/>
      <c r="B1132" s="2"/>
      <c r="C1132" s="2"/>
    </row>
    <row r="1133" spans="1:3" ht="19.2">
      <c r="A1133" s="2"/>
      <c r="B1133" s="2"/>
      <c r="C1133" s="2"/>
    </row>
    <row r="1134" spans="1:3" ht="19.2">
      <c r="A1134" s="2"/>
      <c r="B1134" s="2"/>
      <c r="C1134" s="2"/>
    </row>
    <row r="1135" spans="1:3" ht="19.2">
      <c r="A1135" s="2"/>
      <c r="B1135" s="2"/>
      <c r="C1135" s="2"/>
    </row>
    <row r="1136" spans="1:3" ht="19.2">
      <c r="A1136" s="2"/>
      <c r="B1136" s="2"/>
      <c r="C1136" s="2"/>
    </row>
    <row r="1137" spans="1:3" ht="19.2">
      <c r="A1137" s="2"/>
      <c r="B1137" s="2"/>
      <c r="C1137" s="2"/>
    </row>
    <row r="1138" spans="1:3" ht="19.2">
      <c r="A1138" s="2"/>
      <c r="B1138" s="2"/>
      <c r="C1138" s="2"/>
    </row>
    <row r="1139" spans="1:3" ht="19.2">
      <c r="A1139" s="2"/>
      <c r="B1139" s="2"/>
      <c r="C1139" s="2"/>
    </row>
    <row r="1140" spans="1:3" ht="19.2">
      <c r="A1140" s="2"/>
      <c r="B1140" s="2"/>
      <c r="C1140" s="2"/>
    </row>
    <row r="1141" spans="1:3" ht="19.2">
      <c r="A1141" s="2"/>
      <c r="B1141" s="2"/>
      <c r="C1141" s="2"/>
    </row>
    <row r="1142" spans="1:3" ht="19.2">
      <c r="A1142" s="2"/>
      <c r="B1142" s="2"/>
      <c r="C1142" s="2"/>
    </row>
    <row r="1143" spans="1:3" ht="19.2">
      <c r="A1143" s="2"/>
      <c r="B1143" s="2"/>
      <c r="C1143" s="2"/>
    </row>
    <row r="1144" spans="1:3" ht="19.2">
      <c r="A1144" s="2"/>
      <c r="B1144" s="2"/>
      <c r="C1144" s="2"/>
    </row>
    <row r="1145" spans="1:3" ht="19.2">
      <c r="A1145" s="2"/>
      <c r="B1145" s="2"/>
      <c r="C1145" s="2"/>
    </row>
    <row r="1146" spans="1:3" ht="19.2">
      <c r="A1146" s="2"/>
      <c r="B1146" s="2"/>
      <c r="C1146" s="2"/>
    </row>
    <row r="1147" spans="1:3" ht="19.2">
      <c r="A1147" s="2"/>
      <c r="B1147" s="2"/>
      <c r="C1147" s="2"/>
    </row>
    <row r="1148" spans="1:3" ht="19.2">
      <c r="A1148" s="2"/>
      <c r="B1148" s="2"/>
      <c r="C1148" s="2"/>
    </row>
    <row r="1149" spans="1:3" ht="19.2">
      <c r="A1149" s="2"/>
      <c r="B1149" s="2"/>
      <c r="C1149" s="2"/>
    </row>
    <row r="1150" spans="1:3" ht="19.2">
      <c r="A1150" s="2"/>
      <c r="B1150" s="2"/>
      <c r="C1150" s="2"/>
    </row>
    <row r="1151" spans="1:3" ht="19.2">
      <c r="A1151" s="2"/>
      <c r="B1151" s="2"/>
      <c r="C1151" s="2"/>
    </row>
    <row r="1152" spans="1:3" ht="19.2">
      <c r="A1152" s="2"/>
      <c r="B1152" s="2"/>
      <c r="C1152" s="2"/>
    </row>
    <row r="1153" spans="1:3" ht="19.2">
      <c r="A1153" s="2"/>
      <c r="B1153" s="2"/>
      <c r="C1153" s="2"/>
    </row>
    <row r="1154" spans="1:3" ht="19.2">
      <c r="A1154" s="2"/>
      <c r="B1154" s="2"/>
      <c r="C1154" s="2"/>
    </row>
    <row r="1155" spans="1:3" ht="19.2">
      <c r="A1155" s="2"/>
      <c r="B1155" s="2"/>
      <c r="C1155" s="2"/>
    </row>
    <row r="1156" spans="1:3" ht="19.2">
      <c r="A1156" s="2"/>
      <c r="B1156" s="2"/>
      <c r="C1156" s="2"/>
    </row>
    <row r="1157" spans="1:3" ht="19.2">
      <c r="A1157" s="2"/>
      <c r="B1157" s="2"/>
      <c r="C1157" s="2"/>
    </row>
    <row r="1158" spans="1:3" ht="19.2">
      <c r="A1158" s="2"/>
      <c r="B1158" s="2"/>
      <c r="C1158" s="2"/>
    </row>
    <row r="1159" spans="1:3" ht="19.2">
      <c r="A1159" s="2"/>
      <c r="B1159" s="2"/>
      <c r="C1159" s="2"/>
    </row>
    <row r="1160" spans="1:3" ht="19.2">
      <c r="A1160" s="2"/>
      <c r="B1160" s="2"/>
      <c r="C1160" s="2"/>
    </row>
    <row r="1161" spans="1:3" ht="19.2">
      <c r="A1161" s="2"/>
      <c r="B1161" s="2"/>
      <c r="C1161" s="2"/>
    </row>
    <row r="1162" spans="1:3" ht="19.2">
      <c r="A1162" s="2"/>
      <c r="B1162" s="2"/>
      <c r="C1162" s="2"/>
    </row>
    <row r="1163" spans="1:3" ht="19.2">
      <c r="A1163" s="2"/>
      <c r="B1163" s="2"/>
      <c r="C1163" s="2"/>
    </row>
    <row r="1164" spans="1:3" ht="19.2">
      <c r="A1164" s="2"/>
      <c r="B1164" s="2"/>
      <c r="C1164" s="2"/>
    </row>
    <row r="1165" spans="1:3" ht="19.2">
      <c r="A1165" s="2"/>
      <c r="B1165" s="2"/>
      <c r="C1165" s="2"/>
    </row>
    <row r="1166" spans="1:3" ht="19.2">
      <c r="A1166" s="2"/>
      <c r="B1166" s="2"/>
      <c r="C1166" s="2"/>
    </row>
    <row r="1167" spans="1:3" ht="19.2">
      <c r="A1167" s="2"/>
      <c r="B1167" s="2"/>
      <c r="C1167" s="2"/>
    </row>
    <row r="1168" spans="1:3" ht="19.2">
      <c r="A1168" s="2"/>
      <c r="B1168" s="2"/>
      <c r="C1168" s="2"/>
    </row>
    <row r="1169" spans="1:3" ht="19.2">
      <c r="A1169" s="2"/>
      <c r="B1169" s="2"/>
      <c r="C1169" s="2"/>
    </row>
    <row r="1170" spans="1:3" ht="19.2">
      <c r="A1170" s="2"/>
      <c r="B1170" s="2"/>
      <c r="C1170" s="2"/>
    </row>
    <row r="1171" spans="1:3" ht="19.2">
      <c r="A1171" s="2"/>
      <c r="B1171" s="2"/>
      <c r="C1171" s="2"/>
    </row>
    <row r="1172" spans="1:3" ht="19.2">
      <c r="A1172" s="2"/>
      <c r="B1172" s="2"/>
      <c r="C1172" s="2"/>
    </row>
    <row r="1173" spans="1:3" ht="19.2">
      <c r="A1173" s="2"/>
      <c r="B1173" s="2"/>
      <c r="C1173" s="2"/>
    </row>
    <row r="1174" spans="1:3" ht="19.2">
      <c r="A1174" s="2"/>
      <c r="B1174" s="2"/>
      <c r="C1174" s="2"/>
    </row>
    <row r="1175" spans="1:3" ht="19.2">
      <c r="A1175" s="2"/>
      <c r="B1175" s="2"/>
      <c r="C1175" s="2"/>
    </row>
    <row r="1176" spans="1:3" ht="19.2">
      <c r="A1176" s="2"/>
      <c r="B1176" s="2"/>
      <c r="C1176" s="2"/>
    </row>
    <row r="1177" spans="1:3" ht="19.2">
      <c r="A1177" s="2"/>
      <c r="B1177" s="2"/>
      <c r="C1177" s="2"/>
    </row>
    <row r="1178" spans="1:3" ht="19.2">
      <c r="A1178" s="2"/>
      <c r="B1178" s="2"/>
      <c r="C1178" s="2"/>
    </row>
    <row r="1179" spans="1:3" ht="19.2">
      <c r="A1179" s="2"/>
      <c r="B1179" s="2"/>
      <c r="C1179" s="2"/>
    </row>
    <row r="1180" spans="1:3" ht="19.2">
      <c r="A1180" s="2"/>
      <c r="B1180" s="2"/>
      <c r="C1180" s="2"/>
    </row>
    <row r="1181" spans="1:3" ht="19.2">
      <c r="A1181" s="2"/>
      <c r="B1181" s="2"/>
      <c r="C1181" s="2"/>
    </row>
    <row r="1182" spans="1:3" ht="19.2">
      <c r="A1182" s="2"/>
      <c r="B1182" s="2"/>
      <c r="C1182" s="2"/>
    </row>
    <row r="1183" spans="1:3" ht="19.2">
      <c r="A1183" s="2"/>
      <c r="B1183" s="2"/>
      <c r="C1183" s="2"/>
    </row>
    <row r="1184" spans="1:3" ht="19.2">
      <c r="A1184" s="2"/>
      <c r="B1184" s="2"/>
      <c r="C1184" s="2"/>
    </row>
    <row r="1185" spans="1:3" ht="19.2">
      <c r="A1185" s="2"/>
      <c r="B1185" s="2"/>
      <c r="C1185" s="2"/>
    </row>
    <row r="1186" spans="1:3" ht="19.2">
      <c r="A1186" s="2"/>
      <c r="B1186" s="2"/>
      <c r="C1186" s="2"/>
    </row>
    <row r="1187" spans="1:3" ht="19.2">
      <c r="A1187" s="2"/>
      <c r="B1187" s="2"/>
      <c r="C1187" s="2"/>
    </row>
    <row r="1188" spans="1:3" ht="19.2">
      <c r="A1188" s="2"/>
      <c r="B1188" s="2"/>
      <c r="C1188" s="2"/>
    </row>
    <row r="1189" spans="1:3" ht="19.2">
      <c r="A1189" s="2"/>
      <c r="B1189" s="2"/>
      <c r="C1189" s="2"/>
    </row>
    <row r="1190" spans="1:3" ht="19.2">
      <c r="A1190" s="2"/>
      <c r="B1190" s="2"/>
      <c r="C1190" s="2"/>
    </row>
    <row r="1191" spans="1:3" ht="19.2">
      <c r="A1191" s="2"/>
      <c r="B1191" s="2"/>
      <c r="C1191" s="2"/>
    </row>
    <row r="1192" spans="1:3" ht="19.2">
      <c r="A1192" s="2"/>
      <c r="B1192" s="2"/>
      <c r="C1192" s="2"/>
    </row>
    <row r="1193" spans="1:3" ht="19.2">
      <c r="A1193" s="2"/>
      <c r="B1193" s="2"/>
      <c r="C1193" s="2"/>
    </row>
    <row r="1194" spans="1:3" ht="19.2">
      <c r="A1194" s="2"/>
      <c r="B1194" s="2"/>
      <c r="C1194" s="2"/>
    </row>
    <row r="1195" spans="1:3" ht="19.2">
      <c r="A1195" s="2"/>
      <c r="B1195" s="2"/>
      <c r="C1195" s="2"/>
    </row>
    <row r="1196" spans="1:3" ht="19.2">
      <c r="A1196" s="2"/>
      <c r="B1196" s="2"/>
      <c r="C1196" s="2"/>
    </row>
    <row r="1197" spans="1:3" ht="19.2">
      <c r="A1197" s="2"/>
      <c r="B1197" s="2"/>
      <c r="C1197" s="2"/>
    </row>
    <row r="1198" spans="1:3" ht="19.2">
      <c r="A1198" s="2"/>
      <c r="B1198" s="2"/>
      <c r="C1198" s="2"/>
    </row>
    <row r="1199" spans="1:3" ht="19.2">
      <c r="A1199" s="2"/>
      <c r="B1199" s="2"/>
      <c r="C1199" s="2"/>
    </row>
    <row r="1200" spans="1:3" ht="19.2">
      <c r="A1200" s="2"/>
      <c r="B1200" s="2"/>
      <c r="C1200" s="2"/>
    </row>
    <row r="1201" spans="1:3" ht="19.2">
      <c r="A1201" s="2"/>
      <c r="B1201" s="2"/>
      <c r="C1201" s="2"/>
    </row>
    <row r="1202" spans="1:3" ht="19.2">
      <c r="A1202" s="2"/>
      <c r="B1202" s="2"/>
      <c r="C1202" s="2"/>
    </row>
    <row r="1203" spans="1:3" ht="19.2">
      <c r="A1203" s="2"/>
      <c r="B1203" s="2"/>
      <c r="C1203" s="2"/>
    </row>
    <row r="1204" spans="1:3" ht="19.2">
      <c r="A1204" s="2"/>
      <c r="B1204" s="2"/>
      <c r="C1204" s="2"/>
    </row>
    <row r="1205" spans="1:3" ht="19.2">
      <c r="A1205" s="2"/>
      <c r="B1205" s="2"/>
      <c r="C1205" s="2"/>
    </row>
    <row r="1206" spans="1:3" ht="19.2">
      <c r="A1206" s="2"/>
      <c r="B1206" s="2"/>
      <c r="C1206" s="2"/>
    </row>
    <row r="1207" spans="1:3" ht="19.2">
      <c r="A1207" s="2"/>
      <c r="B1207" s="2"/>
      <c r="C1207" s="2"/>
    </row>
    <row r="1208" spans="1:3" ht="19.2">
      <c r="A1208" s="2"/>
      <c r="B1208" s="2"/>
      <c r="C1208" s="2"/>
    </row>
    <row r="1209" spans="1:3" ht="19.2">
      <c r="A1209" s="2"/>
      <c r="B1209" s="2"/>
      <c r="C1209" s="2"/>
    </row>
    <row r="1210" spans="1:3" ht="19.2">
      <c r="A1210" s="2"/>
      <c r="B1210" s="2"/>
      <c r="C1210" s="2"/>
    </row>
    <row r="1211" spans="1:3" ht="19.2">
      <c r="A1211" s="2"/>
      <c r="B1211" s="2"/>
      <c r="C1211" s="2"/>
    </row>
    <row r="1212" spans="1:3" ht="19.2">
      <c r="A1212" s="2"/>
      <c r="B1212" s="2"/>
      <c r="C1212" s="2"/>
    </row>
    <row r="1213" spans="1:3" ht="19.2">
      <c r="A1213" s="2"/>
      <c r="B1213" s="2"/>
      <c r="C1213" s="2"/>
    </row>
    <row r="1214" spans="1:3" ht="19.2">
      <c r="A1214" s="2"/>
      <c r="B1214" s="2"/>
      <c r="C1214" s="2"/>
    </row>
    <row r="1215" spans="1:3" ht="19.2">
      <c r="A1215" s="2"/>
      <c r="B1215" s="2"/>
      <c r="C1215" s="2"/>
    </row>
    <row r="1216" spans="1:3" ht="19.2">
      <c r="A1216" s="2"/>
      <c r="B1216" s="2"/>
      <c r="C1216" s="2"/>
    </row>
    <row r="1217" spans="1:3" ht="19.2">
      <c r="A1217" s="2"/>
      <c r="B1217" s="2"/>
      <c r="C1217" s="2"/>
    </row>
    <row r="1218" spans="1:3" ht="19.2">
      <c r="A1218" s="2"/>
      <c r="B1218" s="2"/>
      <c r="C1218" s="2"/>
    </row>
    <row r="1219" spans="1:3" ht="19.2">
      <c r="A1219" s="2"/>
      <c r="B1219" s="2"/>
      <c r="C1219" s="2"/>
    </row>
    <row r="1220" spans="1:3" ht="19.2">
      <c r="A1220" s="2"/>
      <c r="B1220" s="2"/>
      <c r="C1220" s="2"/>
    </row>
    <row r="1221" spans="1:3" ht="19.2">
      <c r="A1221" s="2"/>
      <c r="B1221" s="2"/>
      <c r="C1221" s="2"/>
    </row>
    <row r="1222" spans="1:3" ht="19.2">
      <c r="A1222" s="2"/>
      <c r="B1222" s="2"/>
      <c r="C1222" s="2"/>
    </row>
    <row r="1223" spans="1:3" ht="19.2">
      <c r="A1223" s="2"/>
      <c r="B1223" s="2"/>
      <c r="C1223" s="2"/>
    </row>
    <row r="1224" spans="1:3" ht="19.2">
      <c r="A1224" s="2"/>
      <c r="B1224" s="2"/>
      <c r="C1224" s="2"/>
    </row>
    <row r="1225" spans="1:3" ht="19.2">
      <c r="A1225" s="2"/>
      <c r="B1225" s="2"/>
      <c r="C1225" s="2"/>
    </row>
    <row r="1226" spans="1:3" ht="19.2">
      <c r="A1226" s="2"/>
      <c r="B1226" s="2"/>
      <c r="C1226" s="2"/>
    </row>
    <row r="1227" spans="1:3" ht="19.2">
      <c r="A1227" s="2"/>
      <c r="B1227" s="2"/>
      <c r="C1227" s="2"/>
    </row>
    <row r="1228" spans="1:3" ht="19.2">
      <c r="A1228" s="2"/>
      <c r="B1228" s="2"/>
      <c r="C1228" s="2"/>
    </row>
    <row r="1229" spans="1:3" ht="19.2">
      <c r="A1229" s="2"/>
      <c r="B1229" s="2"/>
      <c r="C1229" s="2"/>
    </row>
    <row r="1230" spans="1:3" ht="19.2">
      <c r="A1230" s="2"/>
      <c r="B1230" s="2"/>
      <c r="C1230" s="2"/>
    </row>
    <row r="1231" spans="1:3" ht="19.2">
      <c r="A1231" s="2"/>
      <c r="B1231" s="2"/>
      <c r="C1231" s="2"/>
    </row>
    <row r="1232" spans="1:3" ht="19.2">
      <c r="A1232" s="2"/>
      <c r="B1232" s="2"/>
      <c r="C1232" s="2"/>
    </row>
    <row r="1233" spans="1:3" ht="19.2">
      <c r="A1233" s="2"/>
      <c r="B1233" s="2"/>
      <c r="C1233" s="2"/>
    </row>
    <row r="1234" spans="1:3" ht="19.2">
      <c r="A1234" s="2"/>
      <c r="B1234" s="2"/>
      <c r="C1234" s="2"/>
    </row>
    <row r="1235" spans="1:3" ht="19.2">
      <c r="A1235" s="2"/>
      <c r="B1235" s="2"/>
      <c r="C1235" s="2"/>
    </row>
    <row r="1236" spans="1:3" ht="19.2">
      <c r="A1236" s="2"/>
      <c r="B1236" s="2"/>
      <c r="C1236" s="2"/>
    </row>
    <row r="1237" spans="1:3" ht="19.2">
      <c r="A1237" s="2"/>
      <c r="B1237" s="2"/>
      <c r="C1237" s="2"/>
    </row>
    <row r="1238" spans="1:3" ht="19.2">
      <c r="A1238" s="2"/>
      <c r="B1238" s="2"/>
      <c r="C1238" s="2"/>
    </row>
    <row r="1239" spans="1:3" ht="19.2">
      <c r="A1239" s="2"/>
      <c r="B1239" s="2"/>
      <c r="C1239" s="2"/>
    </row>
    <row r="1240" spans="1:3" ht="19.2">
      <c r="A1240" s="2"/>
      <c r="B1240" s="2"/>
      <c r="C1240" s="2"/>
    </row>
    <row r="1241" spans="1:3" ht="19.2">
      <c r="A1241" s="2"/>
      <c r="B1241" s="2"/>
      <c r="C1241" s="2"/>
    </row>
    <row r="1242" spans="1:3" ht="19.2">
      <c r="A1242" s="2"/>
      <c r="B1242" s="2"/>
      <c r="C1242" s="2"/>
    </row>
    <row r="1243" spans="1:3" ht="19.2">
      <c r="A1243" s="2"/>
      <c r="B1243" s="2"/>
      <c r="C1243" s="2"/>
    </row>
    <row r="1244" spans="1:3" ht="19.2">
      <c r="A1244" s="2"/>
      <c r="B1244" s="2"/>
      <c r="C1244" s="2"/>
    </row>
    <row r="1245" spans="1:3" ht="19.2">
      <c r="A1245" s="2"/>
      <c r="B1245" s="2"/>
      <c r="C1245" s="2"/>
    </row>
    <row r="1246" spans="1:3" ht="19.2">
      <c r="A1246" s="2"/>
      <c r="B1246" s="2"/>
      <c r="C1246" s="2"/>
    </row>
    <row r="1247" spans="1:3" ht="19.2">
      <c r="A1247" s="2"/>
      <c r="B1247" s="2"/>
      <c r="C1247" s="2"/>
    </row>
    <row r="1248" spans="1:3" ht="19.2">
      <c r="A1248" s="2"/>
      <c r="B1248" s="2"/>
      <c r="C1248" s="2"/>
    </row>
    <row r="1249" spans="1:3" ht="19.2">
      <c r="A1249" s="2"/>
      <c r="B1249" s="2"/>
      <c r="C1249" s="2"/>
    </row>
    <row r="1250" spans="1:3" ht="19.2">
      <c r="A1250" s="2"/>
      <c r="B1250" s="2"/>
      <c r="C1250" s="2"/>
    </row>
    <row r="1251" spans="1:3" ht="19.2">
      <c r="A1251" s="2"/>
      <c r="B1251" s="2"/>
      <c r="C1251" s="2"/>
    </row>
    <row r="1252" spans="1:3" ht="19.2">
      <c r="A1252" s="2"/>
      <c r="B1252" s="2"/>
      <c r="C1252" s="2"/>
    </row>
    <row r="1253" spans="1:3" ht="19.2">
      <c r="A1253" s="2"/>
      <c r="B1253" s="2"/>
      <c r="C1253" s="2"/>
    </row>
    <row r="1254" spans="1:3" ht="19.2">
      <c r="A1254" s="2"/>
      <c r="B1254" s="2"/>
      <c r="C1254" s="2"/>
    </row>
    <row r="1255" spans="1:3" ht="19.2">
      <c r="A1255" s="2"/>
      <c r="B1255" s="2"/>
      <c r="C1255" s="2"/>
    </row>
    <row r="1256" spans="1:3" ht="19.2">
      <c r="A1256" s="2"/>
      <c r="B1256" s="2"/>
      <c r="C1256" s="2"/>
    </row>
    <row r="1257" spans="1:3" ht="19.2">
      <c r="A1257" s="2"/>
      <c r="B1257" s="2"/>
      <c r="C1257" s="2"/>
    </row>
    <row r="1258" spans="1:3" ht="19.2">
      <c r="A1258" s="2"/>
      <c r="B1258" s="2"/>
      <c r="C1258" s="2"/>
    </row>
    <row r="1259" spans="1:3" ht="19.2">
      <c r="A1259" s="2"/>
      <c r="B1259" s="2"/>
      <c r="C1259" s="2"/>
    </row>
    <row r="1260" spans="1:3" ht="19.2">
      <c r="A1260" s="2"/>
      <c r="B1260" s="2"/>
      <c r="C1260" s="2"/>
    </row>
    <row r="1261" spans="1:3" ht="19.2">
      <c r="A1261" s="2"/>
      <c r="B1261" s="2"/>
      <c r="C1261" s="2"/>
    </row>
    <row r="1262" spans="1:3" ht="19.2">
      <c r="A1262" s="2"/>
      <c r="B1262" s="2"/>
      <c r="C1262" s="2"/>
    </row>
    <row r="1263" spans="1:3" ht="19.2">
      <c r="A1263" s="2"/>
      <c r="B1263" s="2"/>
      <c r="C1263" s="2"/>
    </row>
    <row r="1264" spans="1:3" ht="19.2">
      <c r="A1264" s="2"/>
      <c r="B1264" s="2"/>
      <c r="C1264" s="2"/>
    </row>
    <row r="1265" spans="1:3" ht="19.2">
      <c r="A1265" s="2"/>
      <c r="B1265" s="2"/>
      <c r="C1265" s="2"/>
    </row>
    <row r="1266" spans="1:3" ht="19.2">
      <c r="A1266" s="2"/>
      <c r="B1266" s="2"/>
      <c r="C1266" s="2"/>
    </row>
    <row r="1267" spans="1:3" ht="19.2">
      <c r="A1267" s="2"/>
      <c r="B1267" s="2"/>
      <c r="C1267" s="2"/>
    </row>
    <row r="1268" spans="1:3" ht="19.2">
      <c r="A1268" s="2"/>
      <c r="B1268" s="2"/>
      <c r="C1268" s="2"/>
    </row>
    <row r="1269" spans="1:3" ht="19.2">
      <c r="A1269" s="2"/>
      <c r="B1269" s="2"/>
      <c r="C1269" s="2"/>
    </row>
    <row r="1270" spans="1:3" ht="19.2">
      <c r="A1270" s="2"/>
      <c r="B1270" s="2"/>
      <c r="C1270" s="2"/>
    </row>
    <row r="1271" spans="1:3" ht="19.2">
      <c r="A1271" s="2"/>
      <c r="B1271" s="2"/>
      <c r="C1271" s="2"/>
    </row>
    <row r="1272" spans="1:3" ht="19.2">
      <c r="A1272" s="2"/>
      <c r="B1272" s="2"/>
      <c r="C1272" s="2"/>
    </row>
    <row r="1273" spans="1:3" ht="19.2">
      <c r="A1273" s="2"/>
      <c r="B1273" s="2"/>
      <c r="C1273" s="2"/>
    </row>
    <row r="1274" spans="1:3" ht="19.2">
      <c r="A1274" s="2"/>
      <c r="B1274" s="2"/>
      <c r="C1274" s="2"/>
    </row>
    <row r="1275" spans="1:3" ht="19.2">
      <c r="A1275" s="2"/>
      <c r="B1275" s="2"/>
      <c r="C1275" s="2"/>
    </row>
    <row r="1276" spans="1:3" ht="19.2">
      <c r="A1276" s="2"/>
      <c r="B1276" s="2"/>
      <c r="C1276" s="2"/>
    </row>
    <row r="1277" spans="1:3" ht="19.2">
      <c r="A1277" s="2"/>
      <c r="B1277" s="2"/>
      <c r="C1277" s="2"/>
    </row>
    <row r="1278" spans="1:3" ht="19.2">
      <c r="A1278" s="2"/>
      <c r="B1278" s="2"/>
      <c r="C1278" s="2"/>
    </row>
    <row r="1279" spans="1:3" ht="19.2">
      <c r="A1279" s="2"/>
      <c r="B1279" s="2"/>
      <c r="C1279" s="2"/>
    </row>
    <row r="1280" spans="1:3" ht="19.2">
      <c r="A1280" s="2"/>
      <c r="B1280" s="2"/>
      <c r="C1280" s="2"/>
    </row>
    <row r="1281" spans="1:3" ht="19.2">
      <c r="A1281" s="2"/>
      <c r="B1281" s="2"/>
      <c r="C1281" s="2"/>
    </row>
    <row r="1282" spans="1:3" ht="19.2">
      <c r="A1282" s="2"/>
      <c r="B1282" s="2"/>
      <c r="C1282" s="2"/>
    </row>
    <row r="1283" spans="1:3" ht="19.2">
      <c r="A1283" s="2"/>
      <c r="B1283" s="2"/>
      <c r="C1283" s="2"/>
    </row>
    <row r="1284" spans="1:3" ht="19.2">
      <c r="A1284" s="2"/>
      <c r="B1284" s="2"/>
      <c r="C1284" s="2"/>
    </row>
    <row r="1285" spans="1:3" ht="19.2">
      <c r="A1285" s="2"/>
      <c r="B1285" s="2"/>
      <c r="C1285" s="2"/>
    </row>
    <row r="1286" spans="1:3" ht="19.2">
      <c r="A1286" s="2"/>
      <c r="B1286" s="2"/>
      <c r="C1286" s="2"/>
    </row>
    <row r="1287" spans="1:3" ht="19.2">
      <c r="A1287" s="2"/>
      <c r="B1287" s="2"/>
      <c r="C1287" s="2"/>
    </row>
    <row r="1288" spans="1:3" ht="19.2">
      <c r="A1288" s="2"/>
      <c r="B1288" s="2"/>
      <c r="C1288" s="2"/>
    </row>
    <row r="1289" spans="1:3" ht="19.2">
      <c r="A1289" s="2"/>
      <c r="B1289" s="2"/>
      <c r="C1289" s="2"/>
    </row>
    <row r="1290" spans="1:3" ht="19.2">
      <c r="A1290" s="2"/>
      <c r="B1290" s="2"/>
      <c r="C1290" s="2"/>
    </row>
    <row r="1291" spans="1:3" ht="19.2">
      <c r="A1291" s="2"/>
      <c r="B1291" s="2"/>
      <c r="C1291" s="2"/>
    </row>
    <row r="1292" spans="1:3" ht="19.2">
      <c r="A1292" s="2"/>
      <c r="B1292" s="2"/>
      <c r="C1292" s="2"/>
    </row>
    <row r="1293" spans="1:3" ht="19.2">
      <c r="A1293" s="2"/>
      <c r="B1293" s="2"/>
      <c r="C1293" s="2"/>
    </row>
    <row r="1294" spans="1:3" ht="19.2">
      <c r="A1294" s="2"/>
      <c r="B1294" s="2"/>
      <c r="C1294" s="2"/>
    </row>
    <row r="1295" spans="1:3" ht="19.2">
      <c r="A1295" s="2"/>
      <c r="B1295" s="2"/>
      <c r="C1295" s="2"/>
    </row>
    <row r="1296" spans="1:3" ht="19.2">
      <c r="A1296" s="2"/>
      <c r="B1296" s="2"/>
      <c r="C1296" s="2"/>
    </row>
    <row r="1297" spans="1:3" ht="19.2">
      <c r="A1297" s="2"/>
      <c r="B1297" s="2"/>
      <c r="C1297" s="2"/>
    </row>
    <row r="1298" spans="1:3" ht="19.2">
      <c r="A1298" s="2"/>
      <c r="B1298" s="2"/>
      <c r="C1298" s="2"/>
    </row>
    <row r="1299" spans="1:3" ht="19.2">
      <c r="A1299" s="2"/>
      <c r="B1299" s="2"/>
      <c r="C1299" s="2"/>
    </row>
    <row r="1300" spans="1:3" ht="19.2">
      <c r="A1300" s="2"/>
      <c r="B1300" s="2"/>
      <c r="C1300" s="2"/>
    </row>
    <row r="1301" spans="1:3" ht="19.2">
      <c r="A1301" s="2"/>
      <c r="B1301" s="2"/>
      <c r="C1301" s="2"/>
    </row>
    <row r="1302" spans="1:3" ht="19.2">
      <c r="A1302" s="2"/>
      <c r="B1302" s="2"/>
      <c r="C1302" s="2"/>
    </row>
    <row r="1303" spans="1:3" ht="19.2">
      <c r="A1303" s="2"/>
      <c r="B1303" s="2"/>
      <c r="C1303" s="2"/>
    </row>
    <row r="1304" spans="1:3" ht="19.2">
      <c r="A1304" s="2"/>
      <c r="B1304" s="2"/>
      <c r="C1304" s="2"/>
    </row>
    <row r="1305" spans="1:3" ht="19.2">
      <c r="A1305" s="2"/>
      <c r="B1305" s="2"/>
      <c r="C1305" s="2"/>
    </row>
    <row r="1306" spans="1:3" ht="19.2">
      <c r="A1306" s="2"/>
      <c r="B1306" s="2"/>
      <c r="C1306" s="2"/>
    </row>
    <row r="1307" spans="1:3" ht="19.2">
      <c r="A1307" s="2"/>
      <c r="B1307" s="2"/>
      <c r="C1307" s="2"/>
    </row>
    <row r="1308" spans="1:3" ht="19.2">
      <c r="A1308" s="2"/>
      <c r="B1308" s="2"/>
      <c r="C1308" s="2"/>
    </row>
    <row r="1309" spans="1:3" ht="19.2">
      <c r="A1309" s="2"/>
      <c r="B1309" s="2"/>
      <c r="C1309" s="2"/>
    </row>
    <row r="1310" spans="1:3" ht="19.2">
      <c r="A1310" s="2"/>
      <c r="B1310" s="2"/>
      <c r="C1310" s="2"/>
    </row>
    <row r="1311" spans="1:3" ht="19.2">
      <c r="A1311" s="2"/>
      <c r="B1311" s="2"/>
      <c r="C1311" s="2"/>
    </row>
    <row r="1312" spans="1:3" ht="19.2">
      <c r="A1312" s="2"/>
      <c r="B1312" s="2"/>
      <c r="C1312" s="2"/>
    </row>
    <row r="1313" spans="1:3" ht="19.2">
      <c r="A1313" s="2"/>
      <c r="B1313" s="2"/>
      <c r="C1313" s="2"/>
    </row>
    <row r="1314" spans="1:3" ht="19.2">
      <c r="A1314" s="2"/>
      <c r="B1314" s="2"/>
      <c r="C1314" s="2"/>
    </row>
    <row r="1315" spans="1:3" ht="19.2">
      <c r="A1315" s="2"/>
      <c r="B1315" s="2"/>
      <c r="C1315" s="2"/>
    </row>
    <row r="1316" spans="1:3" ht="19.2">
      <c r="A1316" s="2"/>
      <c r="B1316" s="2"/>
      <c r="C1316" s="2"/>
    </row>
    <row r="1317" spans="1:3" ht="19.2">
      <c r="A1317" s="2"/>
      <c r="B1317" s="2"/>
      <c r="C1317" s="2"/>
    </row>
    <row r="1318" spans="1:3" ht="19.2">
      <c r="A1318" s="2"/>
      <c r="B1318" s="2"/>
      <c r="C1318" s="2"/>
    </row>
    <row r="1319" spans="1:3" ht="19.2">
      <c r="A1319" s="2"/>
      <c r="B1319" s="2"/>
      <c r="C1319" s="2"/>
    </row>
    <row r="1320" spans="1:3" ht="19.2">
      <c r="A1320" s="2"/>
      <c r="B1320" s="2"/>
      <c r="C1320" s="2"/>
    </row>
    <row r="1321" spans="1:3" ht="19.2">
      <c r="A1321" s="2"/>
      <c r="B1321" s="2"/>
      <c r="C1321" s="2"/>
    </row>
    <row r="1322" spans="1:3" ht="19.2">
      <c r="A1322" s="2"/>
      <c r="B1322" s="2"/>
      <c r="C1322" s="2"/>
    </row>
    <row r="1323" spans="1:3" ht="19.2">
      <c r="A1323" s="2"/>
      <c r="B1323" s="2"/>
      <c r="C1323" s="2"/>
    </row>
    <row r="1324" spans="1:3" ht="19.2">
      <c r="A1324" s="2"/>
      <c r="B1324" s="2"/>
      <c r="C1324" s="2"/>
    </row>
    <row r="1325" spans="1:3" ht="19.2">
      <c r="A1325" s="2"/>
      <c r="B1325" s="2"/>
      <c r="C1325" s="2"/>
    </row>
    <row r="1326" spans="1:3" ht="19.2">
      <c r="A1326" s="2"/>
      <c r="B1326" s="2"/>
      <c r="C1326" s="2"/>
    </row>
    <row r="1327" spans="1:3" ht="19.2">
      <c r="A1327" s="2"/>
      <c r="B1327" s="2"/>
      <c r="C1327" s="2"/>
    </row>
    <row r="1328" spans="1:3" ht="19.2">
      <c r="A1328" s="2"/>
      <c r="B1328" s="2"/>
      <c r="C1328" s="2"/>
    </row>
    <row r="1329" spans="1:3" ht="19.2">
      <c r="A1329" s="2"/>
      <c r="B1329" s="2"/>
      <c r="C1329" s="2"/>
    </row>
    <row r="1330" spans="1:3" ht="19.2">
      <c r="A1330" s="2"/>
      <c r="B1330" s="2"/>
      <c r="C1330" s="2"/>
    </row>
    <row r="1331" spans="1:3" ht="19.2">
      <c r="A1331" s="2"/>
      <c r="B1331" s="2"/>
      <c r="C1331" s="2"/>
    </row>
    <row r="1332" spans="1:3" ht="19.2">
      <c r="A1332" s="2"/>
      <c r="B1332" s="2"/>
      <c r="C1332" s="2"/>
    </row>
    <row r="1333" spans="1:3" ht="19.2">
      <c r="A1333" s="2"/>
      <c r="B1333" s="2"/>
      <c r="C1333" s="2"/>
    </row>
    <row r="1334" spans="1:3" ht="19.2">
      <c r="A1334" s="2"/>
      <c r="B1334" s="2"/>
      <c r="C1334" s="2"/>
    </row>
    <row r="1335" spans="1:3" ht="19.2">
      <c r="A1335" s="2"/>
      <c r="B1335" s="2"/>
      <c r="C1335" s="2"/>
    </row>
    <row r="1336" spans="1:3" ht="19.2">
      <c r="A1336" s="2"/>
      <c r="B1336" s="2"/>
      <c r="C1336" s="2"/>
    </row>
    <row r="1337" spans="1:3" ht="19.2">
      <c r="A1337" s="2"/>
      <c r="B1337" s="2"/>
      <c r="C1337" s="2"/>
    </row>
    <row r="1338" spans="1:3" ht="19.2">
      <c r="A1338" s="2"/>
      <c r="B1338" s="2"/>
      <c r="C1338" s="2"/>
    </row>
    <row r="1339" spans="1:3" ht="19.2">
      <c r="A1339" s="2"/>
      <c r="B1339" s="2"/>
      <c r="C1339" s="2"/>
    </row>
    <row r="1340" spans="1:3" ht="19.2">
      <c r="A1340" s="2"/>
      <c r="B1340" s="2"/>
      <c r="C1340" s="2"/>
    </row>
    <row r="1341" spans="1:3" ht="19.2">
      <c r="A1341" s="2"/>
      <c r="B1341" s="2"/>
      <c r="C1341" s="2"/>
    </row>
    <row r="1342" spans="1:3" ht="19.2">
      <c r="A1342" s="2"/>
      <c r="B1342" s="2"/>
      <c r="C1342" s="2"/>
    </row>
    <row r="1343" spans="1:3" ht="19.2">
      <c r="A1343" s="2"/>
      <c r="B1343" s="2"/>
      <c r="C1343" s="2"/>
    </row>
    <row r="1344" spans="1:3" ht="19.2">
      <c r="A1344" s="2"/>
      <c r="B1344" s="2"/>
      <c r="C1344" s="2"/>
    </row>
    <row r="1345" spans="1:3" ht="19.2">
      <c r="A1345" s="2"/>
      <c r="B1345" s="2"/>
      <c r="C1345" s="2"/>
    </row>
    <row r="1346" spans="1:3" ht="19.2">
      <c r="A1346" s="2"/>
      <c r="B1346" s="2"/>
      <c r="C1346" s="2"/>
    </row>
    <row r="1347" spans="1:3" ht="19.2">
      <c r="A1347" s="2"/>
      <c r="B1347" s="2"/>
      <c r="C1347" s="2"/>
    </row>
    <row r="1348" spans="1:3" ht="19.2">
      <c r="A1348" s="2"/>
      <c r="B1348" s="2"/>
      <c r="C1348" s="2"/>
    </row>
    <row r="1349" spans="1:3" ht="19.2">
      <c r="A1349" s="2"/>
      <c r="B1349" s="2"/>
      <c r="C1349" s="2"/>
    </row>
    <row r="1350" spans="1:3" ht="19.2">
      <c r="A1350" s="2"/>
      <c r="B1350" s="2"/>
      <c r="C1350" s="2"/>
    </row>
    <row r="1351" spans="1:3" ht="19.2">
      <c r="A1351" s="2"/>
      <c r="B1351" s="2"/>
      <c r="C1351" s="2"/>
    </row>
    <row r="1352" spans="1:3" ht="19.2">
      <c r="A1352" s="2"/>
      <c r="B1352" s="2"/>
      <c r="C1352" s="2"/>
    </row>
    <row r="1353" spans="1:3" ht="19.2">
      <c r="A1353" s="2"/>
      <c r="B1353" s="2"/>
      <c r="C1353" s="2"/>
    </row>
    <row r="1354" spans="1:3" ht="19.2">
      <c r="A1354" s="2"/>
      <c r="B1354" s="2"/>
      <c r="C1354" s="2"/>
    </row>
    <row r="1355" spans="1:3" ht="19.2">
      <c r="A1355" s="2"/>
      <c r="B1355" s="2"/>
      <c r="C1355" s="2"/>
    </row>
    <row r="1356" spans="1:3" ht="19.2">
      <c r="A1356" s="2"/>
      <c r="B1356" s="2"/>
      <c r="C1356" s="2"/>
    </row>
    <row r="1357" spans="1:3" ht="19.2">
      <c r="A1357" s="2"/>
      <c r="B1357" s="2"/>
      <c r="C1357" s="2"/>
    </row>
    <row r="1358" spans="1:3" ht="19.2">
      <c r="A1358" s="2"/>
      <c r="B1358" s="2"/>
      <c r="C1358" s="2"/>
    </row>
    <row r="1359" spans="1:3" ht="19.2">
      <c r="A1359" s="2"/>
      <c r="B1359" s="2"/>
      <c r="C1359" s="2"/>
    </row>
    <row r="1360" spans="1:3" ht="19.2">
      <c r="A1360" s="2"/>
      <c r="B1360" s="2"/>
      <c r="C1360" s="2"/>
    </row>
    <row r="1361" spans="1:3" ht="19.2">
      <c r="A1361" s="2"/>
      <c r="B1361" s="2"/>
      <c r="C1361" s="2"/>
    </row>
    <row r="1362" spans="1:3" ht="19.2">
      <c r="A1362" s="2"/>
      <c r="B1362" s="2"/>
      <c r="C1362" s="2"/>
    </row>
    <row r="1363" spans="1:3" ht="19.2">
      <c r="A1363" s="2"/>
      <c r="B1363" s="2"/>
      <c r="C1363" s="2"/>
    </row>
    <row r="1364" spans="1:3" ht="19.2">
      <c r="A1364" s="2"/>
      <c r="B1364" s="2"/>
      <c r="C1364" s="2"/>
    </row>
    <row r="1365" spans="1:3" ht="19.2">
      <c r="A1365" s="2"/>
      <c r="B1365" s="2"/>
      <c r="C1365" s="2"/>
    </row>
    <row r="1366" spans="1:3" ht="19.2">
      <c r="A1366" s="2"/>
      <c r="B1366" s="2"/>
      <c r="C1366" s="2"/>
    </row>
    <row r="1367" spans="1:3" ht="19.2">
      <c r="A1367" s="2"/>
      <c r="B1367" s="2"/>
      <c r="C1367" s="2"/>
    </row>
    <row r="1368" spans="1:3" ht="19.2">
      <c r="A1368" s="2"/>
      <c r="B1368" s="2"/>
      <c r="C1368" s="2"/>
    </row>
    <row r="1369" spans="1:3" ht="19.2">
      <c r="A1369" s="2"/>
      <c r="B1369" s="2"/>
      <c r="C1369" s="2"/>
    </row>
    <row r="1370" spans="1:3" ht="19.2">
      <c r="A1370" s="2"/>
      <c r="B1370" s="2"/>
      <c r="C1370" s="2"/>
    </row>
    <row r="1371" spans="1:3" ht="19.2">
      <c r="A1371" s="2"/>
      <c r="B1371" s="2"/>
      <c r="C1371" s="2"/>
    </row>
    <row r="1372" spans="1:3" ht="19.2">
      <c r="A1372" s="2"/>
      <c r="B1372" s="2"/>
      <c r="C1372" s="2"/>
    </row>
    <row r="1373" spans="1:3" ht="19.2">
      <c r="A1373" s="2"/>
      <c r="B1373" s="2"/>
      <c r="C1373" s="2"/>
    </row>
    <row r="1374" spans="1:3" ht="19.2">
      <c r="A1374" s="2"/>
      <c r="B1374" s="2"/>
      <c r="C1374" s="2"/>
    </row>
    <row r="1375" spans="1:3" ht="19.2">
      <c r="A1375" s="2"/>
      <c r="B1375" s="2"/>
      <c r="C1375" s="2"/>
    </row>
    <row r="1376" spans="1:3" ht="19.2">
      <c r="A1376" s="2"/>
      <c r="B1376" s="2"/>
      <c r="C1376" s="2"/>
    </row>
    <row r="1377" spans="1:3" ht="19.2">
      <c r="A1377" s="2"/>
      <c r="B1377" s="2"/>
      <c r="C1377" s="2"/>
    </row>
    <row r="1378" spans="1:3" ht="19.2">
      <c r="A1378" s="2"/>
      <c r="B1378" s="2"/>
      <c r="C1378" s="2"/>
    </row>
    <row r="1379" spans="1:3" ht="19.2">
      <c r="A1379" s="2"/>
      <c r="B1379" s="2"/>
      <c r="C1379" s="2"/>
    </row>
    <row r="1380" spans="1:3" ht="19.2">
      <c r="A1380" s="2"/>
      <c r="B1380" s="2"/>
      <c r="C1380" s="2"/>
    </row>
    <row r="1381" spans="1:3" ht="19.2">
      <c r="A1381" s="2"/>
      <c r="B1381" s="2"/>
      <c r="C1381" s="2"/>
    </row>
    <row r="1382" spans="1:3" ht="19.2">
      <c r="A1382" s="2"/>
      <c r="B1382" s="2"/>
      <c r="C1382" s="2"/>
    </row>
    <row r="1383" spans="1:3" ht="19.2">
      <c r="A1383" s="2"/>
      <c r="B1383" s="2"/>
      <c r="C1383" s="2"/>
    </row>
    <row r="1384" spans="1:3" ht="19.2">
      <c r="A1384" s="2"/>
      <c r="B1384" s="2"/>
      <c r="C1384" s="2"/>
    </row>
    <row r="1385" spans="1:3" ht="19.2">
      <c r="A1385" s="2"/>
      <c r="B1385" s="2"/>
      <c r="C1385" s="2"/>
    </row>
    <row r="1386" spans="1:3" ht="19.2">
      <c r="A1386" s="2"/>
      <c r="B1386" s="2"/>
      <c r="C1386" s="2"/>
    </row>
    <row r="1387" spans="1:3" ht="19.2">
      <c r="A1387" s="2"/>
      <c r="B1387" s="2"/>
      <c r="C1387" s="2"/>
    </row>
    <row r="1388" spans="1:3" ht="19.2">
      <c r="A1388" s="2"/>
      <c r="B1388" s="2"/>
      <c r="C1388" s="2"/>
    </row>
    <row r="1389" spans="1:3" ht="19.2">
      <c r="A1389" s="2"/>
      <c r="B1389" s="2"/>
      <c r="C1389" s="2"/>
    </row>
    <row r="1390" spans="1:3" ht="19.2">
      <c r="A1390" s="2"/>
      <c r="B1390" s="2"/>
      <c r="C1390" s="2"/>
    </row>
    <row r="1391" spans="1:3" ht="19.2">
      <c r="A1391" s="2"/>
      <c r="B1391" s="2"/>
      <c r="C1391" s="2"/>
    </row>
    <row r="1392" spans="1:3" ht="19.2">
      <c r="A1392" s="2"/>
      <c r="B1392" s="2"/>
      <c r="C1392" s="2"/>
    </row>
    <row r="1393" spans="1:3" ht="19.2">
      <c r="A1393" s="2"/>
      <c r="B1393" s="2"/>
      <c r="C1393" s="2"/>
    </row>
    <row r="1394" spans="1:3" ht="19.2">
      <c r="A1394" s="2"/>
      <c r="B1394" s="2"/>
      <c r="C1394" s="2"/>
    </row>
    <row r="1395" spans="1:3" ht="19.2">
      <c r="A1395" s="2"/>
      <c r="B1395" s="2"/>
      <c r="C1395" s="2"/>
    </row>
    <row r="1396" spans="1:3" ht="19.2">
      <c r="A1396" s="2"/>
      <c r="B1396" s="2"/>
      <c r="C1396" s="2"/>
    </row>
    <row r="1397" spans="1:3" ht="19.2">
      <c r="A1397" s="2"/>
      <c r="B1397" s="2"/>
      <c r="C1397" s="2"/>
    </row>
    <row r="1398" spans="1:3" ht="19.2">
      <c r="A1398" s="2"/>
      <c r="B1398" s="2"/>
      <c r="C1398" s="2"/>
    </row>
    <row r="1399" spans="1:3" ht="19.2">
      <c r="A1399" s="2"/>
      <c r="B1399" s="2"/>
      <c r="C1399" s="2"/>
    </row>
    <row r="1400" spans="1:3" ht="19.2">
      <c r="A1400" s="2"/>
      <c r="B1400" s="2"/>
      <c r="C1400" s="2"/>
    </row>
    <row r="1401" spans="1:3" ht="19.2">
      <c r="A1401" s="2"/>
      <c r="B1401" s="2"/>
      <c r="C1401" s="2"/>
    </row>
    <row r="1402" spans="1:3" ht="19.2">
      <c r="A1402" s="2"/>
      <c r="B1402" s="2"/>
      <c r="C1402" s="2"/>
    </row>
    <row r="1403" spans="1:3" ht="19.2">
      <c r="A1403" s="2"/>
      <c r="B1403" s="2"/>
      <c r="C1403" s="2"/>
    </row>
    <row r="1404" spans="1:3" ht="19.2">
      <c r="A1404" s="2"/>
      <c r="B1404" s="2"/>
      <c r="C1404" s="2"/>
    </row>
    <row r="1405" spans="1:3" ht="19.2">
      <c r="A1405" s="2"/>
      <c r="B1405" s="2"/>
      <c r="C1405" s="2"/>
    </row>
    <row r="1406" spans="1:3" ht="19.2">
      <c r="A1406" s="2"/>
      <c r="B1406" s="2"/>
      <c r="C1406" s="2"/>
    </row>
    <row r="1407" spans="1:3" ht="19.2">
      <c r="A1407" s="2"/>
      <c r="B1407" s="2"/>
      <c r="C1407" s="2"/>
    </row>
    <row r="1408" spans="1:3" ht="19.2">
      <c r="A1408" s="2"/>
      <c r="B1408" s="2"/>
      <c r="C1408" s="2"/>
    </row>
    <row r="1409" spans="1:3" ht="19.2">
      <c r="A1409" s="2"/>
      <c r="B1409" s="2"/>
      <c r="C1409" s="2"/>
    </row>
    <row r="1410" spans="1:3" ht="19.2">
      <c r="A1410" s="2"/>
      <c r="B1410" s="2"/>
      <c r="C1410" s="2"/>
    </row>
    <row r="1411" spans="1:3" ht="19.2">
      <c r="A1411" s="2"/>
      <c r="B1411" s="2"/>
      <c r="C1411" s="2"/>
    </row>
    <row r="1412" spans="1:3" ht="19.2">
      <c r="A1412" s="2"/>
      <c r="B1412" s="2"/>
      <c r="C1412" s="2"/>
    </row>
    <row r="1413" spans="1:3" ht="19.2">
      <c r="A1413" s="2"/>
      <c r="B1413" s="2"/>
      <c r="C1413" s="2"/>
    </row>
    <row r="1414" spans="1:3" ht="19.2">
      <c r="A1414" s="2"/>
      <c r="B1414" s="2"/>
      <c r="C1414" s="2"/>
    </row>
    <row r="1415" spans="1:3" ht="19.2">
      <c r="A1415" s="2"/>
      <c r="B1415" s="2"/>
      <c r="C1415" s="2"/>
    </row>
    <row r="1416" spans="1:3" ht="19.2">
      <c r="A1416" s="2"/>
      <c r="B1416" s="2"/>
      <c r="C1416" s="2"/>
    </row>
    <row r="1417" spans="1:3" ht="19.2">
      <c r="A1417" s="2"/>
      <c r="B1417" s="2"/>
      <c r="C1417" s="2"/>
    </row>
    <row r="1418" spans="1:3" ht="19.2">
      <c r="A1418" s="2"/>
      <c r="B1418" s="2"/>
      <c r="C1418" s="2"/>
    </row>
    <row r="1419" spans="1:3" ht="19.2">
      <c r="A1419" s="2"/>
      <c r="B1419" s="2"/>
      <c r="C1419" s="2"/>
    </row>
    <row r="1420" spans="1:3" ht="19.2">
      <c r="A1420" s="2"/>
      <c r="B1420" s="2"/>
      <c r="C1420" s="2"/>
    </row>
    <row r="1421" spans="1:3" ht="19.2">
      <c r="A1421" s="2"/>
      <c r="B1421" s="2"/>
      <c r="C1421" s="2"/>
    </row>
    <row r="1422" spans="1:3" ht="19.2">
      <c r="A1422" s="2"/>
      <c r="B1422" s="2"/>
      <c r="C1422" s="2"/>
    </row>
    <row r="1423" spans="1:3" ht="19.2">
      <c r="A1423" s="2"/>
      <c r="B1423" s="2"/>
      <c r="C1423" s="2"/>
    </row>
    <row r="1424" spans="1:3" ht="19.2">
      <c r="A1424" s="2"/>
      <c r="B1424" s="2"/>
      <c r="C1424" s="2"/>
    </row>
    <row r="1425" spans="1:3" ht="19.2">
      <c r="A1425" s="2"/>
      <c r="B1425" s="2"/>
      <c r="C1425" s="2"/>
    </row>
    <row r="1426" spans="1:3" ht="19.2">
      <c r="A1426" s="2"/>
      <c r="B1426" s="2"/>
      <c r="C1426" s="2"/>
    </row>
    <row r="1427" spans="1:3" ht="19.2">
      <c r="A1427" s="2"/>
      <c r="B1427" s="2"/>
      <c r="C1427" s="2"/>
    </row>
    <row r="1428" spans="1:3" ht="19.2">
      <c r="A1428" s="2"/>
      <c r="B1428" s="2"/>
      <c r="C1428" s="2"/>
    </row>
    <row r="1429" spans="1:3" ht="19.2">
      <c r="A1429" s="2"/>
      <c r="B1429" s="2"/>
      <c r="C1429" s="2"/>
    </row>
    <row r="1430" spans="1:3" ht="19.2">
      <c r="A1430" s="2"/>
      <c r="B1430" s="2"/>
      <c r="C1430" s="2"/>
    </row>
    <row r="1431" spans="1:3" ht="19.2">
      <c r="A1431" s="2"/>
      <c r="B1431" s="2"/>
      <c r="C1431" s="2"/>
    </row>
    <row r="1432" spans="1:3" ht="19.2">
      <c r="A1432" s="2"/>
      <c r="B1432" s="2"/>
      <c r="C1432" s="2"/>
    </row>
    <row r="1433" spans="1:3" ht="19.2">
      <c r="A1433" s="2"/>
      <c r="B1433" s="2"/>
      <c r="C1433" s="2"/>
    </row>
    <row r="1434" spans="1:3" ht="19.2">
      <c r="A1434" s="2"/>
      <c r="B1434" s="2"/>
      <c r="C1434" s="2"/>
    </row>
    <row r="1435" spans="1:3" ht="19.2">
      <c r="A1435" s="2"/>
      <c r="B1435" s="2"/>
      <c r="C1435" s="2"/>
    </row>
    <row r="1436" spans="1:3" ht="19.2">
      <c r="A1436" s="2"/>
      <c r="B1436" s="2"/>
      <c r="C1436" s="2"/>
    </row>
    <row r="1437" spans="1:3" ht="19.2">
      <c r="A1437" s="2"/>
      <c r="B1437" s="2"/>
      <c r="C1437" s="2"/>
    </row>
    <row r="1438" spans="1:3" ht="19.2">
      <c r="A1438" s="2"/>
      <c r="B1438" s="2"/>
      <c r="C1438" s="2"/>
    </row>
    <row r="1439" spans="1:3" ht="19.2">
      <c r="A1439" s="2"/>
      <c r="B1439" s="2"/>
      <c r="C1439" s="2"/>
    </row>
    <row r="1440" spans="1:3" ht="19.2">
      <c r="A1440" s="2"/>
      <c r="B1440" s="2"/>
      <c r="C1440" s="2"/>
    </row>
    <row r="1441" spans="1:3" ht="19.2">
      <c r="A1441" s="2"/>
      <c r="B1441" s="2"/>
      <c r="C1441" s="2"/>
    </row>
    <row r="1442" spans="1:3" ht="19.2">
      <c r="A1442" s="2"/>
      <c r="B1442" s="2"/>
      <c r="C1442" s="2"/>
    </row>
    <row r="1443" spans="1:3" ht="19.2">
      <c r="A1443" s="2"/>
      <c r="B1443" s="2"/>
      <c r="C1443" s="2"/>
    </row>
    <row r="1444" spans="1:3" ht="19.2">
      <c r="A1444" s="2"/>
      <c r="B1444" s="2"/>
      <c r="C1444" s="2"/>
    </row>
    <row r="1445" spans="1:3" ht="19.2">
      <c r="A1445" s="2"/>
      <c r="B1445" s="2"/>
      <c r="C1445" s="2"/>
    </row>
    <row r="1446" spans="1:3" ht="19.2">
      <c r="A1446" s="2"/>
      <c r="B1446" s="2"/>
      <c r="C1446" s="2"/>
    </row>
    <row r="1447" spans="1:3" ht="19.2">
      <c r="A1447" s="2"/>
      <c r="B1447" s="2"/>
      <c r="C1447" s="2"/>
    </row>
    <row r="1448" spans="1:3" ht="19.2">
      <c r="A1448" s="2"/>
      <c r="B1448" s="2"/>
      <c r="C1448" s="2"/>
    </row>
    <row r="1449" spans="1:3" ht="19.2">
      <c r="A1449" s="2"/>
      <c r="B1449" s="2"/>
      <c r="C1449" s="2"/>
    </row>
    <row r="1450" spans="1:3" ht="19.2">
      <c r="A1450" s="2"/>
      <c r="B1450" s="2"/>
      <c r="C1450" s="2"/>
    </row>
    <row r="1451" spans="1:3" ht="19.2">
      <c r="A1451" s="2"/>
      <c r="B1451" s="2"/>
      <c r="C1451" s="2"/>
    </row>
    <row r="1452" spans="1:3" ht="19.2">
      <c r="A1452" s="2"/>
      <c r="B1452" s="2"/>
      <c r="C1452" s="2"/>
    </row>
    <row r="1453" spans="1:3" ht="19.2">
      <c r="A1453" s="2"/>
      <c r="B1453" s="2"/>
      <c r="C1453" s="2"/>
    </row>
    <row r="1454" spans="1:3" ht="19.2">
      <c r="A1454" s="2"/>
      <c r="B1454" s="2"/>
      <c r="C1454" s="2"/>
    </row>
    <row r="1455" spans="1:3" ht="19.2">
      <c r="A1455" s="2"/>
      <c r="B1455" s="2"/>
      <c r="C1455" s="2"/>
    </row>
    <row r="1456" spans="1:3" ht="19.2">
      <c r="A1456" s="2"/>
      <c r="B1456" s="2"/>
      <c r="C1456" s="2"/>
    </row>
    <row r="1457" spans="1:3" ht="19.2">
      <c r="A1457" s="2"/>
      <c r="B1457" s="2"/>
      <c r="C1457" s="2"/>
    </row>
    <row r="1458" spans="1:3" ht="19.2">
      <c r="A1458" s="2"/>
      <c r="B1458" s="2"/>
      <c r="C1458" s="2"/>
    </row>
    <row r="1459" spans="1:3" ht="19.2">
      <c r="A1459" s="2"/>
      <c r="B1459" s="2"/>
      <c r="C1459" s="2"/>
    </row>
    <row r="1460" spans="1:3" ht="19.2">
      <c r="A1460" s="2"/>
      <c r="B1460" s="2"/>
      <c r="C1460" s="2"/>
    </row>
    <row r="1461" spans="1:3" ht="19.2">
      <c r="A1461" s="2"/>
      <c r="B1461" s="2"/>
      <c r="C1461" s="2"/>
    </row>
    <row r="1462" spans="1:3" ht="19.2">
      <c r="A1462" s="2"/>
      <c r="B1462" s="2"/>
      <c r="C1462" s="2"/>
    </row>
    <row r="1463" spans="1:3" ht="19.2">
      <c r="A1463" s="2"/>
      <c r="B1463" s="2"/>
      <c r="C1463" s="2"/>
    </row>
    <row r="1464" spans="1:3" ht="19.2">
      <c r="A1464" s="2"/>
      <c r="B1464" s="2"/>
      <c r="C1464" s="2"/>
    </row>
    <row r="1465" spans="1:3" ht="19.2">
      <c r="A1465" s="2"/>
      <c r="B1465" s="2"/>
      <c r="C1465" s="2"/>
    </row>
    <row r="1466" spans="1:3" ht="19.2">
      <c r="A1466" s="2"/>
      <c r="B1466" s="2"/>
      <c r="C1466" s="2"/>
    </row>
    <row r="1467" spans="1:3" ht="19.2">
      <c r="A1467" s="2"/>
      <c r="B1467" s="2"/>
      <c r="C1467" s="2"/>
    </row>
    <row r="1468" spans="1:3" ht="19.2">
      <c r="A1468" s="2"/>
      <c r="B1468" s="2"/>
      <c r="C1468" s="2"/>
    </row>
    <row r="1469" spans="1:3" ht="19.2">
      <c r="A1469" s="2"/>
      <c r="B1469" s="2"/>
      <c r="C1469" s="2"/>
    </row>
    <row r="1470" spans="1:3" ht="19.2">
      <c r="A1470" s="2"/>
      <c r="B1470" s="2"/>
      <c r="C1470" s="2"/>
    </row>
    <row r="1471" spans="1:3" ht="19.2">
      <c r="A1471" s="2"/>
      <c r="B1471" s="2"/>
      <c r="C1471" s="2"/>
    </row>
    <row r="1472" spans="1:3" ht="19.2">
      <c r="A1472" s="2"/>
      <c r="B1472" s="2"/>
      <c r="C1472" s="2"/>
    </row>
    <row r="1473" spans="1:3" ht="19.2">
      <c r="A1473" s="2"/>
      <c r="B1473" s="2"/>
      <c r="C1473" s="2"/>
    </row>
    <row r="1474" spans="1:3" ht="19.2">
      <c r="A1474" s="2"/>
      <c r="B1474" s="2"/>
      <c r="C1474" s="2"/>
    </row>
    <row r="1475" spans="1:3" ht="19.2">
      <c r="A1475" s="2"/>
      <c r="B1475" s="2"/>
      <c r="C1475" s="2"/>
    </row>
    <row r="1476" spans="1:3" ht="19.2">
      <c r="A1476" s="2"/>
      <c r="B1476" s="2"/>
      <c r="C1476" s="2"/>
    </row>
    <row r="1477" spans="1:3" ht="19.2">
      <c r="A1477" s="2"/>
      <c r="B1477" s="2"/>
      <c r="C1477" s="2"/>
    </row>
    <row r="1478" spans="1:3" ht="19.2">
      <c r="A1478" s="2"/>
      <c r="B1478" s="2"/>
      <c r="C1478" s="2"/>
    </row>
    <row r="1479" spans="1:3" ht="19.2">
      <c r="A1479" s="2"/>
      <c r="B1479" s="2"/>
      <c r="C1479" s="2"/>
    </row>
    <row r="1480" spans="1:3" ht="19.2">
      <c r="A1480" s="2"/>
      <c r="B1480" s="2"/>
      <c r="C1480" s="2"/>
    </row>
    <row r="1481" spans="1:3" ht="19.2">
      <c r="A1481" s="2"/>
      <c r="B1481" s="2"/>
      <c r="C1481" s="2"/>
    </row>
    <row r="1482" spans="1:3" ht="19.2">
      <c r="A1482" s="2"/>
      <c r="B1482" s="2"/>
      <c r="C1482" s="2"/>
    </row>
    <row r="1483" spans="1:3" ht="19.2">
      <c r="A1483" s="2"/>
      <c r="B1483" s="2"/>
      <c r="C1483" s="2"/>
    </row>
    <row r="1484" spans="1:3" ht="19.2">
      <c r="A1484" s="2"/>
      <c r="B1484" s="2"/>
      <c r="C1484" s="2"/>
    </row>
    <row r="1485" spans="1:3" ht="19.2">
      <c r="A1485" s="2"/>
      <c r="B1485" s="2"/>
      <c r="C1485" s="2"/>
    </row>
    <row r="1486" spans="1:3" ht="19.2">
      <c r="A1486" s="2"/>
      <c r="B1486" s="2"/>
      <c r="C1486" s="2"/>
    </row>
    <row r="1487" spans="1:3" ht="19.2">
      <c r="A1487" s="2"/>
      <c r="B1487" s="2"/>
      <c r="C1487" s="2"/>
    </row>
    <row r="1488" spans="1:3" ht="19.2">
      <c r="A1488" s="2"/>
      <c r="B1488" s="2"/>
      <c r="C1488" s="2"/>
    </row>
    <row r="1489" spans="1:3" ht="19.2">
      <c r="A1489" s="2"/>
      <c r="B1489" s="2"/>
      <c r="C1489" s="2"/>
    </row>
    <row r="1490" spans="1:3" ht="19.2">
      <c r="A1490" s="2"/>
      <c r="B1490" s="2"/>
      <c r="C1490" s="2"/>
    </row>
    <row r="1491" spans="1:3" ht="19.2">
      <c r="A1491" s="2"/>
      <c r="B1491" s="2"/>
      <c r="C1491" s="2"/>
    </row>
    <row r="1492" spans="1:3" ht="19.2">
      <c r="A1492" s="2"/>
      <c r="B1492" s="2"/>
      <c r="C1492" s="2"/>
    </row>
    <row r="1493" spans="1:3" ht="19.2">
      <c r="A1493" s="2"/>
      <c r="B1493" s="2"/>
      <c r="C1493" s="2"/>
    </row>
    <row r="1494" spans="1:3" ht="19.2">
      <c r="A1494" s="2"/>
      <c r="B1494" s="2"/>
      <c r="C1494" s="2"/>
    </row>
    <row r="1495" spans="1:3" ht="19.2">
      <c r="A1495" s="2"/>
      <c r="B1495" s="2"/>
      <c r="C1495" s="2"/>
    </row>
    <row r="1496" spans="1:3" ht="19.2">
      <c r="A1496" s="2"/>
      <c r="B1496" s="2"/>
      <c r="C1496" s="2"/>
    </row>
    <row r="1497" spans="1:3" ht="19.2">
      <c r="A1497" s="2"/>
      <c r="B1497" s="2"/>
      <c r="C1497" s="2"/>
    </row>
    <row r="1498" spans="1:3" ht="19.2">
      <c r="A1498" s="2"/>
      <c r="B1498" s="2"/>
      <c r="C1498" s="2"/>
    </row>
    <row r="1499" spans="1:3" ht="19.2">
      <c r="A1499" s="2"/>
      <c r="B1499" s="2"/>
      <c r="C1499" s="2"/>
    </row>
    <row r="1500" spans="1:3" ht="19.2">
      <c r="A1500" s="2"/>
      <c r="B1500" s="2"/>
      <c r="C1500" s="2"/>
    </row>
    <row r="1501" spans="1:3" ht="19.2">
      <c r="A1501" s="2"/>
      <c r="B1501" s="2"/>
      <c r="C1501" s="2"/>
    </row>
    <row r="1502" spans="1:3" ht="19.2">
      <c r="A1502" s="2"/>
      <c r="B1502" s="2"/>
      <c r="C1502" s="2"/>
    </row>
    <row r="1503" spans="1:3" ht="19.2">
      <c r="A1503" s="2"/>
      <c r="B1503" s="2"/>
      <c r="C1503" s="2"/>
    </row>
    <row r="1504" spans="1:3" ht="19.2">
      <c r="A1504" s="2"/>
      <c r="B1504" s="2"/>
      <c r="C1504" s="2"/>
    </row>
    <row r="1505" spans="1:3" ht="19.2">
      <c r="A1505" s="2"/>
      <c r="B1505" s="2"/>
      <c r="C1505" s="2"/>
    </row>
    <row r="1506" spans="1:3" ht="19.2">
      <c r="A1506" s="2"/>
      <c r="B1506" s="2"/>
      <c r="C1506" s="2"/>
    </row>
    <row r="1507" spans="1:3" ht="19.2">
      <c r="A1507" s="2"/>
      <c r="B1507" s="2"/>
      <c r="C1507" s="2"/>
    </row>
    <row r="1508" spans="1:3" ht="19.2">
      <c r="A1508" s="2"/>
      <c r="B1508" s="2"/>
      <c r="C1508" s="2"/>
    </row>
    <row r="1509" spans="1:3" ht="19.2">
      <c r="A1509" s="2"/>
      <c r="B1509" s="2"/>
      <c r="C1509" s="2"/>
    </row>
    <row r="1510" spans="1:3" ht="19.2">
      <c r="A1510" s="2"/>
      <c r="B1510" s="2"/>
      <c r="C1510" s="2"/>
    </row>
    <row r="1511" spans="1:3" ht="19.2">
      <c r="A1511" s="2"/>
      <c r="B1511" s="2"/>
      <c r="C1511" s="2"/>
    </row>
    <row r="1512" spans="1:3" ht="19.2">
      <c r="A1512" s="2"/>
      <c r="B1512" s="2"/>
      <c r="C1512" s="2"/>
    </row>
    <row r="1513" spans="1:3" ht="19.2">
      <c r="A1513" s="2"/>
      <c r="B1513" s="2"/>
      <c r="C1513" s="2"/>
    </row>
    <row r="1514" spans="1:3" ht="19.2">
      <c r="A1514" s="2"/>
      <c r="B1514" s="2"/>
      <c r="C1514" s="2"/>
    </row>
    <row r="1515" spans="1:3" ht="19.2">
      <c r="A1515" s="2"/>
      <c r="B1515" s="2"/>
      <c r="C1515" s="2"/>
    </row>
    <row r="1516" spans="1:3" ht="19.2">
      <c r="A1516" s="2"/>
      <c r="B1516" s="2"/>
      <c r="C1516" s="2"/>
    </row>
    <row r="1517" spans="1:3" ht="19.2">
      <c r="A1517" s="2"/>
      <c r="B1517" s="2"/>
      <c r="C1517" s="2"/>
    </row>
    <row r="1518" spans="1:3" ht="19.2">
      <c r="A1518" s="2"/>
      <c r="B1518" s="2"/>
      <c r="C1518" s="2"/>
    </row>
    <row r="1519" spans="1:3" ht="19.2">
      <c r="A1519" s="2"/>
      <c r="B1519" s="2"/>
      <c r="C1519" s="2"/>
    </row>
    <row r="1520" spans="1:3" ht="19.2">
      <c r="A1520" s="2"/>
      <c r="B1520" s="2"/>
      <c r="C1520" s="2"/>
    </row>
    <row r="1521" spans="1:3" ht="19.2">
      <c r="A1521" s="2"/>
      <c r="B1521" s="2"/>
      <c r="C1521" s="2"/>
    </row>
    <row r="1522" spans="1:3" ht="19.2">
      <c r="A1522" s="2"/>
      <c r="B1522" s="2"/>
      <c r="C1522" s="2"/>
    </row>
    <row r="1523" spans="1:3" ht="19.2">
      <c r="A1523" s="2"/>
      <c r="B1523" s="2"/>
      <c r="C1523" s="2"/>
    </row>
    <row r="1524" spans="1:3" ht="19.2">
      <c r="A1524" s="2"/>
      <c r="B1524" s="2"/>
      <c r="C1524" s="2"/>
    </row>
    <row r="1525" spans="1:3" ht="19.2">
      <c r="A1525" s="2"/>
      <c r="B1525" s="2"/>
      <c r="C1525" s="2"/>
    </row>
    <row r="1526" spans="1:3" ht="19.2">
      <c r="A1526" s="2"/>
      <c r="B1526" s="2"/>
      <c r="C1526" s="2"/>
    </row>
    <row r="1527" spans="1:3" ht="19.2">
      <c r="A1527" s="2"/>
      <c r="B1527" s="2"/>
      <c r="C1527" s="2"/>
    </row>
    <row r="1528" spans="1:3" ht="19.2">
      <c r="A1528" s="2"/>
      <c r="B1528" s="2"/>
      <c r="C1528" s="2"/>
    </row>
    <row r="1529" spans="1:3" ht="19.2">
      <c r="A1529" s="2"/>
      <c r="B1529" s="2"/>
      <c r="C1529" s="2"/>
    </row>
    <row r="1530" spans="1:3" ht="19.2">
      <c r="A1530" s="2"/>
      <c r="B1530" s="2"/>
      <c r="C1530" s="2"/>
    </row>
    <row r="1531" spans="1:3" ht="19.2">
      <c r="A1531" s="2"/>
      <c r="B1531" s="2"/>
      <c r="C1531" s="2"/>
    </row>
    <row r="1532" spans="1:3" ht="19.2">
      <c r="A1532" s="2"/>
      <c r="B1532" s="2"/>
      <c r="C1532" s="2"/>
    </row>
    <row r="1533" spans="1:3" ht="19.2">
      <c r="A1533" s="2"/>
      <c r="B1533" s="2"/>
      <c r="C1533" s="2"/>
    </row>
    <row r="1534" spans="1:3" ht="19.2">
      <c r="A1534" s="2"/>
      <c r="B1534" s="2"/>
      <c r="C1534" s="2"/>
    </row>
    <row r="1535" spans="1:3" ht="19.2">
      <c r="A1535" s="2"/>
      <c r="B1535" s="2"/>
      <c r="C1535" s="2"/>
    </row>
    <row r="1536" spans="1:3" ht="19.2">
      <c r="A1536" s="2"/>
      <c r="B1536" s="2"/>
      <c r="C1536" s="2"/>
    </row>
    <row r="1537" spans="1:3" ht="19.2">
      <c r="A1537" s="2"/>
      <c r="B1537" s="2"/>
      <c r="C1537" s="2"/>
    </row>
    <row r="1538" spans="1:3" ht="19.2">
      <c r="A1538" s="2"/>
      <c r="B1538" s="2"/>
      <c r="C1538" s="2"/>
    </row>
    <row r="1539" spans="1:3" ht="19.2">
      <c r="A1539" s="2"/>
      <c r="B1539" s="2"/>
      <c r="C1539" s="2"/>
    </row>
    <row r="1540" spans="1:3" ht="19.2">
      <c r="A1540" s="2"/>
      <c r="B1540" s="2"/>
      <c r="C1540" s="2"/>
    </row>
    <row r="1541" spans="1:3" ht="19.2">
      <c r="A1541" s="2"/>
      <c r="B1541" s="2"/>
      <c r="C1541" s="2"/>
    </row>
    <row r="1542" spans="1:3" ht="19.2">
      <c r="A1542" s="2"/>
      <c r="B1542" s="2"/>
      <c r="C1542" s="2"/>
    </row>
    <row r="1543" spans="1:3" ht="19.2">
      <c r="A1543" s="2"/>
      <c r="B1543" s="2"/>
      <c r="C1543" s="2"/>
    </row>
    <row r="1544" spans="1:3" ht="19.2">
      <c r="A1544" s="2"/>
      <c r="B1544" s="2"/>
      <c r="C1544" s="2"/>
    </row>
    <row r="1545" spans="1:3" ht="19.2">
      <c r="A1545" s="2"/>
      <c r="B1545" s="2"/>
      <c r="C1545" s="2"/>
    </row>
    <row r="1546" spans="1:3" ht="19.2">
      <c r="A1546" s="2"/>
      <c r="B1546" s="2"/>
      <c r="C1546" s="2"/>
    </row>
    <row r="1547" spans="1:3" ht="19.2">
      <c r="A1547" s="2"/>
      <c r="B1547" s="2"/>
      <c r="C1547" s="2"/>
    </row>
    <row r="1548" spans="1:3" ht="19.2">
      <c r="A1548" s="2"/>
      <c r="B1548" s="2"/>
      <c r="C1548" s="2"/>
    </row>
    <row r="1549" spans="1:3" ht="19.2">
      <c r="A1549" s="2"/>
      <c r="B1549" s="2"/>
      <c r="C1549" s="2"/>
    </row>
    <row r="1550" spans="1:3" ht="19.2">
      <c r="A1550" s="2"/>
      <c r="B1550" s="2"/>
      <c r="C1550" s="2"/>
    </row>
    <row r="1551" spans="1:3" ht="19.2">
      <c r="A1551" s="2"/>
      <c r="B1551" s="2"/>
      <c r="C1551" s="2"/>
    </row>
    <row r="1552" spans="1:3" ht="19.2">
      <c r="A1552" s="2"/>
      <c r="B1552" s="2"/>
      <c r="C1552" s="2"/>
    </row>
    <row r="1553" spans="1:3" ht="19.2">
      <c r="A1553" s="2"/>
      <c r="B1553" s="2"/>
      <c r="C1553" s="2"/>
    </row>
    <row r="1554" spans="1:3" ht="19.2">
      <c r="A1554" s="2"/>
      <c r="B1554" s="2"/>
      <c r="C1554" s="2"/>
    </row>
    <row r="1555" spans="1:3" ht="19.2">
      <c r="A1555" s="2"/>
      <c r="B1555" s="2"/>
      <c r="C1555" s="2"/>
    </row>
    <row r="1556" spans="1:3" ht="19.2">
      <c r="A1556" s="2"/>
      <c r="B1556" s="2"/>
      <c r="C1556" s="2"/>
    </row>
    <row r="1557" spans="1:3" ht="19.2">
      <c r="A1557" s="2"/>
      <c r="B1557" s="2"/>
      <c r="C1557" s="2"/>
    </row>
    <row r="1558" spans="1:3" ht="19.2">
      <c r="A1558" s="2"/>
      <c r="B1558" s="2"/>
      <c r="C1558" s="2"/>
    </row>
    <row r="1559" spans="1:3" ht="19.2">
      <c r="A1559" s="2"/>
      <c r="B1559" s="2"/>
      <c r="C1559" s="2"/>
    </row>
    <row r="1560" spans="1:3" ht="19.2">
      <c r="A1560" s="2"/>
      <c r="B1560" s="2"/>
      <c r="C1560" s="2"/>
    </row>
    <row r="1561" spans="1:3" ht="19.2">
      <c r="A1561" s="2"/>
      <c r="B1561" s="2"/>
      <c r="C1561" s="2"/>
    </row>
    <row r="1562" spans="1:3" ht="19.2">
      <c r="A1562" s="2"/>
      <c r="B1562" s="2"/>
      <c r="C1562" s="2"/>
    </row>
    <row r="1563" spans="1:3" ht="19.2">
      <c r="A1563" s="2"/>
      <c r="B1563" s="2"/>
      <c r="C1563" s="2"/>
    </row>
    <row r="1564" spans="1:3" ht="19.2">
      <c r="A1564" s="2"/>
      <c r="B1564" s="2"/>
      <c r="C1564" s="2"/>
    </row>
    <row r="1565" spans="1:3" ht="19.2">
      <c r="A1565" s="2"/>
      <c r="B1565" s="2"/>
      <c r="C1565" s="2"/>
    </row>
    <row r="1566" spans="1:3" ht="19.2">
      <c r="A1566" s="2"/>
      <c r="B1566" s="2"/>
      <c r="C1566" s="2"/>
    </row>
    <row r="1567" spans="1:3" ht="19.2">
      <c r="A1567" s="2"/>
      <c r="B1567" s="2"/>
      <c r="C1567" s="2"/>
    </row>
    <row r="1568" spans="1:3" ht="19.2">
      <c r="A1568" s="2"/>
      <c r="B1568" s="2"/>
      <c r="C1568" s="2"/>
    </row>
    <row r="1569" spans="1:3" ht="19.2">
      <c r="A1569" s="2"/>
      <c r="B1569" s="2"/>
      <c r="C1569" s="2"/>
    </row>
    <row r="1570" spans="1:3" ht="19.2">
      <c r="A1570" s="2"/>
      <c r="B1570" s="2"/>
      <c r="C1570" s="2"/>
    </row>
    <row r="1571" spans="1:3" ht="19.2">
      <c r="A1571" s="2"/>
      <c r="B1571" s="2"/>
      <c r="C1571" s="2"/>
    </row>
    <row r="1572" spans="1:3" ht="19.2">
      <c r="A1572" s="2"/>
      <c r="B1572" s="2"/>
      <c r="C1572" s="2"/>
    </row>
    <row r="1573" spans="1:3" ht="19.2">
      <c r="A1573" s="2"/>
      <c r="B1573" s="2"/>
      <c r="C1573" s="2"/>
    </row>
    <row r="1574" spans="1:3" ht="19.2">
      <c r="A1574" s="2"/>
      <c r="B1574" s="2"/>
      <c r="C1574" s="2"/>
    </row>
    <row r="1575" spans="1:3" ht="19.2">
      <c r="A1575" s="2"/>
      <c r="B1575" s="2"/>
      <c r="C1575" s="2"/>
    </row>
    <row r="1576" spans="1:3" ht="19.2">
      <c r="A1576" s="2"/>
      <c r="B1576" s="2"/>
      <c r="C1576" s="2"/>
    </row>
    <row r="1577" spans="1:3" ht="19.2">
      <c r="A1577" s="2"/>
      <c r="B1577" s="2"/>
      <c r="C1577" s="2"/>
    </row>
    <row r="1578" spans="1:3" ht="19.2">
      <c r="A1578" s="2"/>
      <c r="B1578" s="2"/>
      <c r="C1578" s="2"/>
    </row>
    <row r="1579" spans="1:3" ht="19.2">
      <c r="A1579" s="2"/>
      <c r="B1579" s="2"/>
      <c r="C1579" s="2"/>
    </row>
    <row r="1580" spans="1:3" ht="19.2">
      <c r="A1580" s="2"/>
      <c r="B1580" s="2"/>
      <c r="C1580" s="2"/>
    </row>
    <row r="1581" spans="1:3" ht="19.2">
      <c r="A1581" s="2"/>
      <c r="B1581" s="2"/>
      <c r="C1581" s="2"/>
    </row>
    <row r="1582" spans="1:3" ht="19.2">
      <c r="A1582" s="2"/>
      <c r="B1582" s="2"/>
      <c r="C1582" s="2"/>
    </row>
    <row r="1583" spans="1:3" ht="19.2">
      <c r="A1583" s="2"/>
      <c r="B1583" s="2"/>
      <c r="C1583" s="2"/>
    </row>
    <row r="1584" spans="1:3" ht="19.2">
      <c r="A1584" s="2"/>
      <c r="B1584" s="2"/>
      <c r="C1584" s="2"/>
    </row>
    <row r="1585" spans="1:3" ht="19.2">
      <c r="A1585" s="2"/>
      <c r="B1585" s="2"/>
      <c r="C1585" s="2"/>
    </row>
    <row r="1586" spans="1:3" ht="19.2">
      <c r="A1586" s="2"/>
      <c r="B1586" s="2"/>
      <c r="C1586" s="2"/>
    </row>
    <row r="1587" spans="1:3" ht="19.2">
      <c r="A1587" s="2"/>
      <c r="B1587" s="2"/>
      <c r="C1587" s="2"/>
    </row>
    <row r="1588" spans="1:3" ht="19.2">
      <c r="A1588" s="2"/>
      <c r="B1588" s="2"/>
      <c r="C1588" s="2"/>
    </row>
    <row r="1589" spans="1:3" ht="19.2">
      <c r="A1589" s="2"/>
      <c r="B1589" s="2"/>
      <c r="C1589" s="2"/>
    </row>
    <row r="1590" spans="1:3" ht="19.2">
      <c r="A1590" s="2"/>
      <c r="B1590" s="2"/>
      <c r="C1590" s="2"/>
    </row>
    <row r="1591" spans="1:3" ht="19.2">
      <c r="A1591" s="2"/>
      <c r="B1591" s="2"/>
      <c r="C1591" s="2"/>
    </row>
    <row r="1592" spans="1:3" ht="19.2">
      <c r="A1592" s="2"/>
      <c r="B1592" s="2"/>
      <c r="C1592" s="2"/>
    </row>
    <row r="1593" spans="1:3" ht="19.2">
      <c r="A1593" s="2"/>
      <c r="B1593" s="2"/>
      <c r="C1593" s="2"/>
    </row>
    <row r="1594" spans="1:3" ht="19.2">
      <c r="A1594" s="2"/>
      <c r="B1594" s="2"/>
      <c r="C1594" s="2"/>
    </row>
    <row r="1595" spans="1:3" ht="19.2">
      <c r="A1595" s="2"/>
      <c r="B1595" s="2"/>
      <c r="C1595" s="2"/>
    </row>
    <row r="1596" spans="1:3" ht="19.2">
      <c r="A1596" s="2"/>
      <c r="B1596" s="2"/>
      <c r="C1596" s="2"/>
    </row>
    <row r="1597" spans="1:3" ht="19.2">
      <c r="A1597" s="2"/>
      <c r="B1597" s="2"/>
      <c r="C1597" s="2"/>
    </row>
    <row r="1598" spans="1:3" ht="19.2">
      <c r="A1598" s="2"/>
      <c r="B1598" s="2"/>
      <c r="C1598" s="2"/>
    </row>
    <row r="1599" spans="1:3" ht="19.2">
      <c r="A1599" s="2"/>
      <c r="B1599" s="2"/>
      <c r="C1599" s="2"/>
    </row>
    <row r="1600" spans="1:3" ht="19.2">
      <c r="A1600" s="2"/>
      <c r="B1600" s="2"/>
      <c r="C1600" s="2"/>
    </row>
    <row r="1601" spans="1:3" ht="19.2">
      <c r="A1601" s="2"/>
      <c r="B1601" s="2"/>
      <c r="C1601" s="2"/>
    </row>
    <row r="1602" spans="1:3" ht="19.2">
      <c r="A1602" s="2"/>
      <c r="B1602" s="2"/>
      <c r="C1602" s="2"/>
    </row>
    <row r="1603" spans="1:3" ht="19.2">
      <c r="A1603" s="2"/>
      <c r="B1603" s="2"/>
      <c r="C1603" s="2"/>
    </row>
    <row r="1604" spans="1:3" ht="19.2">
      <c r="A1604" s="2"/>
      <c r="B1604" s="2"/>
      <c r="C1604" s="2"/>
    </row>
    <row r="1605" spans="1:3" ht="19.2">
      <c r="A1605" s="2"/>
      <c r="B1605" s="2"/>
      <c r="C1605" s="2"/>
    </row>
    <row r="1606" spans="1:3" ht="19.2">
      <c r="A1606" s="2"/>
      <c r="B1606" s="2"/>
      <c r="C1606" s="2"/>
    </row>
    <row r="1607" spans="1:3" ht="19.2">
      <c r="A1607" s="2"/>
      <c r="B1607" s="2"/>
      <c r="C1607" s="2"/>
    </row>
    <row r="1608" spans="1:3" ht="19.2">
      <c r="A1608" s="2"/>
      <c r="B1608" s="2"/>
      <c r="C1608" s="2"/>
    </row>
    <row r="1609" spans="1:3" ht="19.2">
      <c r="A1609" s="2"/>
      <c r="B1609" s="2"/>
      <c r="C1609" s="2"/>
    </row>
    <row r="1610" spans="1:3" ht="19.2">
      <c r="A1610" s="2"/>
      <c r="B1610" s="2"/>
      <c r="C1610" s="2"/>
    </row>
    <row r="1611" spans="1:3" ht="19.2">
      <c r="A1611" s="2"/>
      <c r="B1611" s="2"/>
      <c r="C1611" s="2"/>
    </row>
    <row r="1612" spans="1:3" ht="19.2">
      <c r="A1612" s="2"/>
      <c r="B1612" s="2"/>
      <c r="C1612" s="2"/>
    </row>
    <row r="1613" spans="1:3" ht="19.2">
      <c r="A1613" s="2"/>
      <c r="B1613" s="2"/>
      <c r="C1613" s="2"/>
    </row>
    <row r="1614" spans="1:3" ht="19.2">
      <c r="A1614" s="2"/>
      <c r="B1614" s="2"/>
      <c r="C1614" s="2"/>
    </row>
    <row r="1615" spans="1:3" ht="19.2">
      <c r="A1615" s="2"/>
      <c r="B1615" s="2"/>
      <c r="C1615" s="2"/>
    </row>
    <row r="1616" spans="1:3" ht="19.2">
      <c r="A1616" s="2"/>
      <c r="B1616" s="2"/>
      <c r="C1616" s="2"/>
    </row>
    <row r="1617" spans="1:3" ht="19.2">
      <c r="A1617" s="2"/>
      <c r="B1617" s="2"/>
      <c r="C1617" s="2"/>
    </row>
    <row r="1618" spans="1:3" ht="19.2">
      <c r="A1618" s="2"/>
      <c r="B1618" s="2"/>
      <c r="C1618" s="2"/>
    </row>
    <row r="1619" spans="1:3" ht="19.2">
      <c r="A1619" s="2"/>
      <c r="B1619" s="2"/>
      <c r="C1619" s="2"/>
    </row>
    <row r="1620" spans="1:3" ht="19.2">
      <c r="A1620" s="2"/>
      <c r="B1620" s="2"/>
      <c r="C1620" s="2"/>
    </row>
    <row r="1621" spans="1:3" ht="19.2">
      <c r="A1621" s="2"/>
      <c r="B1621" s="2"/>
      <c r="C1621" s="2"/>
    </row>
    <row r="1622" spans="1:3" ht="19.2">
      <c r="A1622" s="2"/>
      <c r="B1622" s="2"/>
      <c r="C1622" s="2"/>
    </row>
    <row r="1623" spans="1:3" ht="19.2">
      <c r="A1623" s="2"/>
      <c r="B1623" s="2"/>
      <c r="C1623" s="2"/>
    </row>
    <row r="1624" spans="1:3" ht="19.2">
      <c r="A1624" s="2"/>
      <c r="B1624" s="2"/>
      <c r="C1624" s="2"/>
    </row>
    <row r="1625" spans="1:3" ht="19.2">
      <c r="A1625" s="2"/>
      <c r="B1625" s="2"/>
      <c r="C1625" s="2"/>
    </row>
    <row r="1626" spans="1:3" ht="19.2">
      <c r="A1626" s="2"/>
      <c r="B1626" s="2"/>
      <c r="C1626" s="2"/>
    </row>
    <row r="1627" spans="1:3" ht="19.2">
      <c r="A1627" s="2"/>
      <c r="B1627" s="2"/>
      <c r="C1627" s="2"/>
    </row>
    <row r="1628" spans="1:3" ht="19.2">
      <c r="A1628" s="2"/>
      <c r="B1628" s="2"/>
      <c r="C1628" s="2"/>
    </row>
    <row r="1629" spans="1:3" ht="19.2">
      <c r="A1629" s="2"/>
      <c r="B1629" s="2"/>
      <c r="C1629" s="2"/>
    </row>
    <row r="1630" spans="1:3" ht="19.2">
      <c r="A1630" s="2"/>
      <c r="B1630" s="2"/>
      <c r="C1630" s="2"/>
    </row>
    <row r="1631" spans="1:3" ht="19.2">
      <c r="A1631" s="2"/>
      <c r="B1631" s="2"/>
      <c r="C1631" s="2"/>
    </row>
    <row r="1632" spans="1:3" ht="19.2">
      <c r="A1632" s="2"/>
      <c r="B1632" s="2"/>
      <c r="C1632" s="2"/>
    </row>
    <row r="1633" spans="1:3" ht="19.2">
      <c r="A1633" s="2"/>
      <c r="B1633" s="2"/>
      <c r="C1633" s="2"/>
    </row>
    <row r="1634" spans="1:3" ht="19.2">
      <c r="A1634" s="2"/>
      <c r="B1634" s="2"/>
      <c r="C1634" s="2"/>
    </row>
    <row r="1635" spans="1:3" ht="19.2">
      <c r="A1635" s="2"/>
      <c r="B1635" s="2"/>
      <c r="C1635" s="2"/>
    </row>
    <row r="1636" spans="1:3" ht="19.2">
      <c r="A1636" s="2"/>
      <c r="B1636" s="2"/>
      <c r="C1636" s="2"/>
    </row>
    <row r="1637" spans="1:3" ht="19.2">
      <c r="A1637" s="2"/>
      <c r="B1637" s="2"/>
      <c r="C1637" s="2"/>
    </row>
    <row r="1638" spans="1:3" ht="19.2">
      <c r="A1638" s="2"/>
      <c r="B1638" s="2"/>
      <c r="C1638" s="2"/>
    </row>
    <row r="1639" spans="1:3" ht="19.2">
      <c r="A1639" s="2"/>
      <c r="B1639" s="2"/>
      <c r="C1639" s="2"/>
    </row>
    <row r="1640" spans="1:3" ht="19.2">
      <c r="A1640" s="2"/>
      <c r="B1640" s="2"/>
      <c r="C1640" s="2"/>
    </row>
    <row r="1641" spans="1:3" ht="19.2">
      <c r="A1641" s="2"/>
      <c r="B1641" s="2"/>
      <c r="C1641" s="2"/>
    </row>
    <row r="1642" spans="1:3" ht="19.2">
      <c r="A1642" s="2"/>
      <c r="B1642" s="2"/>
      <c r="C1642" s="2"/>
    </row>
    <row r="1643" spans="1:3" ht="19.2">
      <c r="A1643" s="2"/>
      <c r="B1643" s="2"/>
      <c r="C1643" s="2"/>
    </row>
    <row r="1644" spans="1:3" ht="19.2">
      <c r="A1644" s="2"/>
      <c r="B1644" s="2"/>
      <c r="C1644" s="2"/>
    </row>
    <row r="1645" spans="1:3" ht="19.2">
      <c r="A1645" s="2"/>
      <c r="B1645" s="2"/>
      <c r="C1645" s="2"/>
    </row>
    <row r="1646" spans="1:3" ht="19.2">
      <c r="A1646" s="2"/>
      <c r="B1646" s="2"/>
      <c r="C1646" s="2"/>
    </row>
    <row r="1647" spans="1:3" ht="19.2">
      <c r="A1647" s="2"/>
      <c r="B1647" s="2"/>
      <c r="C1647" s="2"/>
    </row>
    <row r="1648" spans="1:3" ht="19.2">
      <c r="A1648" s="2"/>
      <c r="B1648" s="2"/>
      <c r="C1648" s="2"/>
    </row>
    <row r="1649" spans="1:3" ht="19.2">
      <c r="A1649" s="2"/>
      <c r="B1649" s="2"/>
      <c r="C1649" s="2"/>
    </row>
    <row r="1650" spans="1:3" ht="19.2">
      <c r="A1650" s="2"/>
      <c r="B1650" s="2"/>
      <c r="C1650" s="2"/>
    </row>
    <row r="1651" spans="1:3" ht="19.2">
      <c r="A1651" s="2"/>
      <c r="B1651" s="2"/>
      <c r="C1651" s="2"/>
    </row>
    <row r="1652" spans="1:3" ht="19.2">
      <c r="A1652" s="2"/>
      <c r="B1652" s="2"/>
      <c r="C1652" s="2"/>
    </row>
    <row r="1653" spans="1:3" ht="19.2">
      <c r="A1653" s="2"/>
      <c r="B1653" s="2"/>
      <c r="C1653" s="2"/>
    </row>
    <row r="1654" spans="1:3" ht="19.2">
      <c r="A1654" s="2"/>
      <c r="B1654" s="2"/>
      <c r="C1654" s="2"/>
    </row>
    <row r="1655" spans="1:3" ht="19.2">
      <c r="A1655" s="2"/>
      <c r="B1655" s="2"/>
      <c r="C1655" s="2"/>
    </row>
    <row r="1656" spans="1:3" ht="19.2">
      <c r="A1656" s="2"/>
      <c r="B1656" s="2"/>
      <c r="C1656" s="2"/>
    </row>
    <row r="1657" spans="1:3" ht="19.2">
      <c r="A1657" s="2"/>
      <c r="B1657" s="2"/>
      <c r="C1657" s="2"/>
    </row>
    <row r="1658" spans="1:3" ht="19.2">
      <c r="A1658" s="2"/>
      <c r="B1658" s="2"/>
      <c r="C1658" s="2"/>
    </row>
    <row r="1659" spans="1:3" ht="19.2">
      <c r="A1659" s="2"/>
      <c r="B1659" s="2"/>
      <c r="C1659" s="2"/>
    </row>
    <row r="1660" spans="1:3" ht="19.2">
      <c r="A1660" s="2"/>
      <c r="B1660" s="2"/>
      <c r="C1660" s="2"/>
    </row>
    <row r="1661" spans="1:3" ht="19.2">
      <c r="A1661" s="2"/>
      <c r="B1661" s="2"/>
      <c r="C1661" s="2"/>
    </row>
    <row r="1662" spans="1:3" ht="19.2">
      <c r="A1662" s="2"/>
      <c r="B1662" s="2"/>
      <c r="C1662" s="2"/>
    </row>
    <row r="1663" spans="1:3" ht="19.2">
      <c r="A1663" s="2"/>
      <c r="B1663" s="2"/>
      <c r="C1663" s="2"/>
    </row>
    <row r="1664" spans="1:3" ht="19.2">
      <c r="A1664" s="2"/>
      <c r="B1664" s="2"/>
      <c r="C1664" s="2"/>
    </row>
    <row r="1665" spans="1:3" ht="19.2">
      <c r="A1665" s="2"/>
      <c r="B1665" s="2"/>
      <c r="C1665" s="2"/>
    </row>
    <row r="1666" spans="1:3" ht="19.2">
      <c r="A1666" s="2"/>
      <c r="B1666" s="2"/>
      <c r="C1666" s="2"/>
    </row>
    <row r="1667" spans="1:3" ht="19.2">
      <c r="A1667" s="2"/>
      <c r="B1667" s="2"/>
      <c r="C1667" s="2"/>
    </row>
    <row r="1668" spans="1:3" ht="19.2">
      <c r="A1668" s="2"/>
      <c r="B1668" s="2"/>
      <c r="C1668" s="2"/>
    </row>
    <row r="1669" spans="1:3" ht="19.2">
      <c r="A1669" s="2"/>
      <c r="B1669" s="2"/>
      <c r="C1669" s="2"/>
    </row>
    <row r="1670" spans="1:3" ht="19.2">
      <c r="A1670" s="2"/>
      <c r="B1670" s="2"/>
      <c r="C1670" s="2"/>
    </row>
    <row r="1671" spans="1:3" ht="19.2">
      <c r="A1671" s="2"/>
      <c r="B1671" s="2"/>
      <c r="C1671" s="2"/>
    </row>
    <row r="1672" spans="1:3" ht="19.2">
      <c r="A1672" s="2"/>
      <c r="B1672" s="2"/>
      <c r="C1672" s="2"/>
    </row>
    <row r="1673" spans="1:3" ht="19.2">
      <c r="A1673" s="2"/>
      <c r="B1673" s="2"/>
      <c r="C1673" s="2"/>
    </row>
    <row r="1674" spans="1:3" ht="19.2">
      <c r="A1674" s="2"/>
      <c r="B1674" s="2"/>
      <c r="C1674" s="2"/>
    </row>
    <row r="1675" spans="1:3" ht="19.2">
      <c r="A1675" s="2"/>
      <c r="B1675" s="2"/>
      <c r="C1675" s="2"/>
    </row>
    <row r="1676" spans="1:3" ht="19.2">
      <c r="A1676" s="2"/>
      <c r="B1676" s="2"/>
      <c r="C1676" s="2"/>
    </row>
    <row r="1677" spans="1:3" ht="19.2">
      <c r="A1677" s="2"/>
      <c r="B1677" s="2"/>
      <c r="C1677" s="2"/>
    </row>
    <row r="1678" spans="1:3" ht="19.2">
      <c r="A1678" s="2"/>
      <c r="B1678" s="2"/>
      <c r="C1678" s="2"/>
    </row>
    <row r="1679" spans="1:3" ht="19.2">
      <c r="A1679" s="2"/>
      <c r="B1679" s="2"/>
      <c r="C1679" s="2"/>
    </row>
    <row r="1680" spans="1:3" ht="19.2">
      <c r="A1680" s="2"/>
      <c r="B1680" s="2"/>
      <c r="C1680" s="2"/>
    </row>
    <row r="1681" spans="1:3" ht="19.2">
      <c r="A1681" s="2"/>
      <c r="B1681" s="2"/>
      <c r="C1681" s="2"/>
    </row>
    <row r="1682" spans="1:3" ht="19.2">
      <c r="A1682" s="2"/>
      <c r="B1682" s="2"/>
      <c r="C1682" s="2"/>
    </row>
    <row r="1683" spans="1:3" ht="19.2">
      <c r="A1683" s="2"/>
      <c r="B1683" s="2"/>
      <c r="C1683" s="2"/>
    </row>
    <row r="1684" spans="1:3" ht="19.2">
      <c r="A1684" s="2"/>
      <c r="B1684" s="2"/>
      <c r="C1684" s="2"/>
    </row>
    <row r="1685" spans="1:3" ht="19.2">
      <c r="A1685" s="2"/>
      <c r="B1685" s="2"/>
      <c r="C1685" s="2"/>
    </row>
    <row r="1686" spans="1:3" ht="19.2">
      <c r="A1686" s="2"/>
      <c r="B1686" s="2"/>
      <c r="C1686" s="2"/>
    </row>
    <row r="1687" spans="1:3" ht="19.2">
      <c r="A1687" s="2"/>
      <c r="B1687" s="2"/>
      <c r="C1687" s="2"/>
    </row>
    <row r="1688" spans="1:3" ht="19.2">
      <c r="A1688" s="2"/>
      <c r="B1688" s="2"/>
      <c r="C1688" s="2"/>
    </row>
    <row r="1689" spans="1:3" ht="19.2">
      <c r="A1689" s="2"/>
      <c r="B1689" s="2"/>
      <c r="C1689" s="2"/>
    </row>
    <row r="1690" spans="1:3" ht="19.2">
      <c r="A1690" s="2"/>
      <c r="B1690" s="2"/>
      <c r="C1690" s="2"/>
    </row>
    <row r="1691" spans="1:3" ht="19.2">
      <c r="A1691" s="2"/>
      <c r="B1691" s="2"/>
      <c r="C1691" s="2"/>
    </row>
    <row r="1692" spans="1:3" ht="19.2">
      <c r="A1692" s="2"/>
      <c r="B1692" s="2"/>
      <c r="C1692" s="2"/>
    </row>
    <row r="1693" spans="1:3" ht="19.2">
      <c r="A1693" s="2"/>
      <c r="B1693" s="2"/>
      <c r="C1693" s="2"/>
    </row>
    <row r="1694" spans="1:3" ht="19.2">
      <c r="A1694" s="2"/>
      <c r="B1694" s="2"/>
      <c r="C1694" s="2"/>
    </row>
    <row r="1695" spans="1:3" ht="19.2">
      <c r="A1695" s="2"/>
      <c r="B1695" s="2"/>
      <c r="C1695" s="2"/>
    </row>
    <row r="1696" spans="1:3" ht="19.2">
      <c r="A1696" s="2"/>
      <c r="B1696" s="2"/>
      <c r="C1696" s="2"/>
    </row>
    <row r="1697" spans="1:3" ht="19.2">
      <c r="A1697" s="2"/>
      <c r="B1697" s="2"/>
      <c r="C1697" s="2"/>
    </row>
    <row r="1698" spans="1:3" ht="19.2">
      <c r="A1698" s="2"/>
      <c r="B1698" s="2"/>
      <c r="C1698" s="2"/>
    </row>
    <row r="1699" spans="1:3" ht="19.2">
      <c r="A1699" s="2"/>
      <c r="B1699" s="2"/>
      <c r="C1699" s="2"/>
    </row>
    <row r="1700" spans="1:3" ht="19.2">
      <c r="A1700" s="2"/>
      <c r="B1700" s="2"/>
      <c r="C1700" s="2"/>
    </row>
    <row r="1701" spans="1:3" ht="19.2">
      <c r="A1701" s="2"/>
      <c r="B1701" s="2"/>
      <c r="C1701" s="2"/>
    </row>
    <row r="1702" spans="1:3" ht="19.2">
      <c r="A1702" s="2"/>
      <c r="B1702" s="2"/>
      <c r="C1702" s="2"/>
    </row>
    <row r="1703" spans="1:3" ht="19.2">
      <c r="A1703" s="2"/>
      <c r="B1703" s="2"/>
      <c r="C1703" s="2"/>
    </row>
    <row r="1704" spans="1:3" ht="19.2">
      <c r="A1704" s="2"/>
      <c r="B1704" s="2"/>
      <c r="C1704" s="2"/>
    </row>
    <row r="1705" spans="1:3" ht="19.2">
      <c r="A1705" s="2"/>
      <c r="B1705" s="2"/>
      <c r="C1705" s="2"/>
    </row>
    <row r="1706" spans="1:3" ht="19.2">
      <c r="A1706" s="2"/>
      <c r="B1706" s="2"/>
      <c r="C1706" s="2"/>
    </row>
    <row r="1707" spans="1:3" ht="19.2">
      <c r="A1707" s="2"/>
      <c r="B1707" s="2"/>
      <c r="C1707" s="2"/>
    </row>
    <row r="1708" spans="1:3" ht="19.2">
      <c r="A1708" s="2"/>
      <c r="B1708" s="2"/>
      <c r="C1708" s="2"/>
    </row>
    <row r="1709" spans="1:3" ht="19.2">
      <c r="A1709" s="2"/>
      <c r="B1709" s="2"/>
      <c r="C1709" s="2"/>
    </row>
    <row r="1710" spans="1:3" ht="19.2">
      <c r="A1710" s="2"/>
      <c r="B1710" s="2"/>
      <c r="C1710" s="2"/>
    </row>
    <row r="1711" spans="1:3" ht="19.2">
      <c r="A1711" s="2"/>
      <c r="B1711" s="2"/>
      <c r="C1711" s="2"/>
    </row>
    <row r="1712" spans="1:3" ht="19.2">
      <c r="A1712" s="2"/>
      <c r="B1712" s="2"/>
      <c r="C1712" s="2"/>
    </row>
    <row r="1713" spans="1:3" ht="19.2">
      <c r="A1713" s="2"/>
      <c r="B1713" s="2"/>
      <c r="C1713" s="2"/>
    </row>
    <row r="1714" spans="1:3" ht="19.2">
      <c r="A1714" s="2"/>
      <c r="B1714" s="2"/>
      <c r="C1714" s="2"/>
    </row>
    <row r="1715" spans="1:3" ht="19.2">
      <c r="A1715" s="2"/>
      <c r="B1715" s="2"/>
      <c r="C1715" s="2"/>
    </row>
    <row r="1716" spans="1:3" ht="19.2">
      <c r="A1716" s="2"/>
      <c r="B1716" s="2"/>
      <c r="C1716" s="2"/>
    </row>
    <row r="1717" spans="1:3" ht="19.2">
      <c r="A1717" s="2"/>
      <c r="B1717" s="2"/>
      <c r="C1717" s="2"/>
    </row>
    <row r="1718" spans="1:3" ht="19.2">
      <c r="A1718" s="2"/>
      <c r="B1718" s="2"/>
      <c r="C1718" s="2"/>
    </row>
    <row r="1719" spans="1:3" ht="19.2">
      <c r="A1719" s="2"/>
      <c r="B1719" s="2"/>
      <c r="C1719" s="2"/>
    </row>
    <row r="1720" spans="1:3" ht="19.2">
      <c r="A1720" s="2"/>
      <c r="B1720" s="2"/>
      <c r="C1720" s="2"/>
    </row>
    <row r="1721" spans="1:3" ht="19.2">
      <c r="A1721" s="2"/>
      <c r="B1721" s="2"/>
      <c r="C1721" s="2"/>
    </row>
    <row r="1722" spans="1:3" ht="19.2">
      <c r="A1722" s="2"/>
      <c r="B1722" s="2"/>
      <c r="C1722" s="2"/>
    </row>
    <row r="1723" spans="1:3" ht="19.2">
      <c r="A1723" s="2"/>
      <c r="B1723" s="2"/>
      <c r="C1723" s="2"/>
    </row>
    <row r="1724" spans="1:3" ht="19.2">
      <c r="A1724" s="2"/>
      <c r="B1724" s="2"/>
      <c r="C1724" s="2"/>
    </row>
    <row r="1725" spans="1:3" ht="19.2">
      <c r="A1725" s="2"/>
      <c r="B1725" s="2"/>
      <c r="C1725" s="2"/>
    </row>
    <row r="1726" spans="1:3" ht="19.2">
      <c r="A1726" s="2"/>
      <c r="B1726" s="2"/>
      <c r="C1726" s="2"/>
    </row>
    <row r="1727" spans="1:3" ht="19.2">
      <c r="A1727" s="2"/>
      <c r="B1727" s="2"/>
      <c r="C1727" s="2"/>
    </row>
    <row r="1728" spans="1:3" ht="19.2">
      <c r="A1728" s="2"/>
      <c r="B1728" s="2"/>
      <c r="C1728" s="2"/>
    </row>
    <row r="1729" spans="1:3" ht="19.2">
      <c r="A1729" s="2"/>
      <c r="B1729" s="2"/>
      <c r="C1729" s="2"/>
    </row>
    <row r="1730" spans="1:3" ht="19.2">
      <c r="A1730" s="2"/>
      <c r="B1730" s="2"/>
      <c r="C1730" s="2"/>
    </row>
    <row r="1731" spans="1:3" ht="19.2">
      <c r="A1731" s="2"/>
      <c r="B1731" s="2"/>
      <c r="C1731" s="2"/>
    </row>
    <row r="1732" spans="1:3" ht="19.2">
      <c r="A1732" s="2"/>
      <c r="B1732" s="2"/>
      <c r="C1732" s="2"/>
    </row>
    <row r="1733" spans="1:3" ht="19.2">
      <c r="A1733" s="2"/>
      <c r="B1733" s="2"/>
      <c r="C1733" s="2"/>
    </row>
    <row r="1734" spans="1:3" ht="19.2">
      <c r="A1734" s="2"/>
      <c r="B1734" s="2"/>
      <c r="C1734" s="2"/>
    </row>
    <row r="1735" spans="1:3" ht="19.2">
      <c r="A1735" s="2"/>
      <c r="B1735" s="2"/>
      <c r="C1735" s="2"/>
    </row>
    <row r="1736" spans="1:3" ht="19.2">
      <c r="A1736" s="2"/>
      <c r="B1736" s="2"/>
      <c r="C1736" s="2"/>
    </row>
    <row r="1737" spans="1:3" ht="19.2">
      <c r="A1737" s="2"/>
      <c r="B1737" s="2"/>
      <c r="C1737" s="2"/>
    </row>
    <row r="1738" spans="1:3" ht="19.2">
      <c r="A1738" s="2"/>
      <c r="B1738" s="2"/>
      <c r="C1738" s="2"/>
    </row>
    <row r="1739" spans="1:3" ht="19.2">
      <c r="A1739" s="2"/>
      <c r="B1739" s="2"/>
      <c r="C1739" s="2"/>
    </row>
    <row r="1740" spans="1:3" ht="19.2">
      <c r="A1740" s="2"/>
      <c r="B1740" s="2"/>
      <c r="C1740" s="2"/>
    </row>
    <row r="1741" spans="1:3" ht="19.2">
      <c r="A1741" s="2"/>
      <c r="B1741" s="2"/>
      <c r="C1741" s="2"/>
    </row>
    <row r="1742" spans="1:3" ht="19.2">
      <c r="A1742" s="2"/>
      <c r="B1742" s="2"/>
      <c r="C1742" s="2"/>
    </row>
    <row r="1743" spans="1:3" ht="19.2">
      <c r="A1743" s="2"/>
      <c r="B1743" s="2"/>
      <c r="C1743" s="2"/>
    </row>
    <row r="1744" spans="1:3" ht="19.2">
      <c r="A1744" s="2"/>
      <c r="B1744" s="2"/>
      <c r="C1744" s="2"/>
    </row>
    <row r="1745" spans="1:3" ht="19.2">
      <c r="A1745" s="2"/>
      <c r="B1745" s="2"/>
      <c r="C1745" s="2"/>
    </row>
    <row r="1746" spans="1:3" ht="19.2">
      <c r="A1746" s="2"/>
      <c r="B1746" s="2"/>
      <c r="C1746" s="2"/>
    </row>
    <row r="1747" spans="1:3" ht="19.2">
      <c r="A1747" s="2"/>
      <c r="B1747" s="2"/>
      <c r="C1747" s="2"/>
    </row>
    <row r="1748" spans="1:3" ht="19.2">
      <c r="A1748" s="2"/>
      <c r="B1748" s="2"/>
      <c r="C1748" s="2"/>
    </row>
    <row r="1749" spans="1:3" ht="19.2">
      <c r="A1749" s="2"/>
      <c r="B1749" s="2"/>
      <c r="C1749" s="2"/>
    </row>
    <row r="1750" spans="1:3" ht="19.2">
      <c r="A1750" s="2"/>
      <c r="B1750" s="2"/>
      <c r="C1750" s="2"/>
    </row>
    <row r="1751" spans="1:3" ht="19.2">
      <c r="A1751" s="2"/>
      <c r="B1751" s="2"/>
      <c r="C1751" s="2"/>
    </row>
    <row r="1752" spans="1:3" ht="19.2">
      <c r="A1752" s="2"/>
      <c r="B1752" s="2"/>
      <c r="C1752" s="2"/>
    </row>
    <row r="1753" spans="1:3" ht="19.2">
      <c r="A1753" s="2"/>
      <c r="B1753" s="2"/>
      <c r="C1753" s="2"/>
    </row>
    <row r="1754" spans="1:3" ht="19.2">
      <c r="A1754" s="2"/>
      <c r="B1754" s="2"/>
      <c r="C1754" s="2"/>
    </row>
    <row r="1755" spans="1:3" ht="19.2">
      <c r="A1755" s="2"/>
      <c r="B1755" s="2"/>
      <c r="C1755" s="2"/>
    </row>
    <row r="1756" spans="1:3" ht="19.2">
      <c r="A1756" s="2"/>
      <c r="B1756" s="2"/>
      <c r="C1756" s="2"/>
    </row>
    <row r="1757" spans="1:3" ht="19.2">
      <c r="A1757" s="2"/>
      <c r="B1757" s="2"/>
      <c r="C1757" s="2"/>
    </row>
    <row r="1758" spans="1:3" ht="19.2">
      <c r="A1758" s="2"/>
      <c r="B1758" s="2"/>
      <c r="C1758" s="2"/>
    </row>
    <row r="1759" spans="1:3" ht="19.2">
      <c r="A1759" s="2"/>
      <c r="B1759" s="2"/>
      <c r="C1759" s="2"/>
    </row>
    <row r="1760" spans="1:3" ht="19.2">
      <c r="A1760" s="2"/>
      <c r="B1760" s="2"/>
      <c r="C1760" s="2"/>
    </row>
    <row r="1761" spans="1:3" ht="19.2">
      <c r="A1761" s="2"/>
      <c r="B1761" s="2"/>
      <c r="C1761" s="2"/>
    </row>
    <row r="1762" spans="1:3" ht="19.2">
      <c r="A1762" s="2"/>
      <c r="B1762" s="2"/>
      <c r="C1762" s="2"/>
    </row>
    <row r="1763" spans="1:3" ht="19.2">
      <c r="A1763" s="2"/>
      <c r="B1763" s="2"/>
      <c r="C1763" s="2"/>
    </row>
    <row r="1764" spans="1:3" ht="19.2">
      <c r="A1764" s="2"/>
      <c r="B1764" s="2"/>
      <c r="C1764" s="2"/>
    </row>
    <row r="1765" spans="1:3" ht="19.2">
      <c r="A1765" s="2"/>
      <c r="B1765" s="2"/>
      <c r="C1765" s="2"/>
    </row>
    <row r="1766" spans="1:3" ht="19.2">
      <c r="A1766" s="2"/>
      <c r="B1766" s="2"/>
      <c r="C1766" s="2"/>
    </row>
    <row r="1767" spans="1:3" ht="19.2">
      <c r="A1767" s="2"/>
      <c r="B1767" s="2"/>
      <c r="C1767" s="2"/>
    </row>
    <row r="1768" spans="1:3" ht="19.2">
      <c r="A1768" s="2"/>
      <c r="B1768" s="2"/>
      <c r="C1768" s="2"/>
    </row>
    <row r="1769" spans="1:3" ht="19.2">
      <c r="A1769" s="2"/>
      <c r="B1769" s="2"/>
      <c r="C1769" s="2"/>
    </row>
    <row r="1770" spans="1:3" ht="19.2">
      <c r="A1770" s="2"/>
      <c r="B1770" s="2"/>
      <c r="C1770" s="2"/>
    </row>
    <row r="1771" spans="1:3" ht="19.2">
      <c r="A1771" s="2"/>
      <c r="B1771" s="2"/>
      <c r="C1771" s="2"/>
    </row>
    <row r="1772" spans="1:3" ht="19.2">
      <c r="A1772" s="2"/>
      <c r="B1772" s="2"/>
      <c r="C1772" s="2"/>
    </row>
    <row r="1773" spans="1:3" ht="19.2">
      <c r="A1773" s="2"/>
      <c r="B1773" s="2"/>
      <c r="C1773" s="2"/>
    </row>
    <row r="1774" spans="1:3" ht="19.2">
      <c r="A1774" s="2"/>
      <c r="B1774" s="2"/>
      <c r="C1774" s="2"/>
    </row>
    <row r="1775" spans="1:3" ht="19.2">
      <c r="A1775" s="2"/>
      <c r="B1775" s="2"/>
      <c r="C1775" s="2"/>
    </row>
    <row r="1776" spans="1:3" ht="19.2">
      <c r="A1776" s="2"/>
      <c r="B1776" s="2"/>
      <c r="C1776" s="2"/>
    </row>
    <row r="1777" spans="1:3" ht="19.2">
      <c r="A1777" s="2"/>
      <c r="B1777" s="2"/>
      <c r="C1777" s="2"/>
    </row>
    <row r="1778" spans="1:3" ht="19.2">
      <c r="A1778" s="2"/>
      <c r="B1778" s="2"/>
      <c r="C1778" s="2"/>
    </row>
    <row r="1779" spans="1:3" ht="19.2">
      <c r="A1779" s="2"/>
      <c r="B1779" s="2"/>
      <c r="C1779" s="2"/>
    </row>
    <row r="1780" spans="1:3" ht="19.2">
      <c r="A1780" s="2"/>
      <c r="B1780" s="2"/>
      <c r="C1780" s="2"/>
    </row>
    <row r="1781" spans="1:3" ht="19.2">
      <c r="A1781" s="2"/>
      <c r="B1781" s="2"/>
      <c r="C1781" s="2"/>
    </row>
    <row r="1782" spans="1:3" ht="19.2">
      <c r="A1782" s="2"/>
      <c r="B1782" s="2"/>
      <c r="C1782" s="2"/>
    </row>
    <row r="1783" spans="1:3" ht="19.2">
      <c r="A1783" s="2"/>
      <c r="B1783" s="2"/>
      <c r="C1783" s="2"/>
    </row>
    <row r="1784" spans="1:3" ht="19.2">
      <c r="A1784" s="2"/>
      <c r="B1784" s="2"/>
      <c r="C1784" s="2"/>
    </row>
    <row r="1785" spans="1:3" ht="19.2">
      <c r="A1785" s="2"/>
      <c r="B1785" s="2"/>
      <c r="C1785" s="2"/>
    </row>
    <row r="1786" spans="1:3" ht="19.2">
      <c r="A1786" s="2"/>
      <c r="B1786" s="2"/>
      <c r="C1786" s="2"/>
    </row>
    <row r="1787" spans="1:3" ht="19.2">
      <c r="A1787" s="2"/>
      <c r="B1787" s="2"/>
      <c r="C1787" s="2"/>
    </row>
    <row r="1788" spans="1:3" ht="19.2">
      <c r="A1788" s="2"/>
      <c r="B1788" s="2"/>
      <c r="C1788" s="2"/>
    </row>
    <row r="1789" spans="1:3" ht="19.2">
      <c r="A1789" s="2"/>
      <c r="B1789" s="2"/>
      <c r="C1789" s="2"/>
    </row>
    <row r="1790" spans="1:3" ht="19.2">
      <c r="A1790" s="2"/>
      <c r="B1790" s="2"/>
      <c r="C1790" s="2"/>
    </row>
    <row r="1791" spans="1:3" ht="19.2">
      <c r="A1791" s="2"/>
      <c r="B1791" s="2"/>
      <c r="C1791" s="2"/>
    </row>
    <row r="1792" spans="1:3" ht="19.2">
      <c r="A1792" s="2"/>
      <c r="B1792" s="2"/>
      <c r="C1792" s="2"/>
    </row>
    <row r="1793" spans="1:3" ht="19.2">
      <c r="A1793" s="2"/>
      <c r="B1793" s="2"/>
      <c r="C1793" s="2"/>
    </row>
    <row r="1794" spans="1:3" ht="19.2">
      <c r="A1794" s="2"/>
      <c r="B1794" s="2"/>
      <c r="C1794" s="2"/>
    </row>
    <row r="1795" spans="1:3" ht="19.2">
      <c r="A1795" s="2"/>
      <c r="B1795" s="2"/>
      <c r="C1795" s="2"/>
    </row>
    <row r="1796" spans="1:3" ht="19.2">
      <c r="A1796" s="2"/>
      <c r="B1796" s="2"/>
      <c r="C1796" s="2"/>
    </row>
    <row r="1797" spans="1:3" ht="19.2">
      <c r="A1797" s="2"/>
      <c r="B1797" s="2"/>
      <c r="C1797" s="2"/>
    </row>
    <row r="1798" spans="1:3" ht="19.2">
      <c r="A1798" s="2"/>
      <c r="B1798" s="2"/>
      <c r="C1798" s="2"/>
    </row>
    <row r="1799" spans="1:3" ht="19.2">
      <c r="A1799" s="2"/>
      <c r="B1799" s="2"/>
      <c r="C1799" s="2"/>
    </row>
    <row r="1800" spans="1:3" ht="19.2">
      <c r="A1800" s="2"/>
      <c r="B1800" s="2"/>
      <c r="C1800" s="2"/>
    </row>
    <row r="1801" spans="1:3" ht="19.2">
      <c r="A1801" s="2"/>
      <c r="B1801" s="2"/>
      <c r="C1801" s="2"/>
    </row>
    <row r="1802" spans="1:3" ht="19.2">
      <c r="A1802" s="2"/>
      <c r="B1802" s="2"/>
      <c r="C1802" s="2"/>
    </row>
    <row r="1803" spans="1:3" ht="19.2">
      <c r="A1803" s="2"/>
      <c r="B1803" s="2"/>
      <c r="C1803" s="2"/>
    </row>
    <row r="1804" spans="1:3" ht="19.2">
      <c r="A1804" s="2"/>
      <c r="B1804" s="2"/>
      <c r="C1804" s="2"/>
    </row>
    <row r="1805" spans="1:3" ht="19.2">
      <c r="A1805" s="2"/>
      <c r="B1805" s="2"/>
      <c r="C1805" s="2"/>
    </row>
    <row r="1806" spans="1:3" ht="19.2">
      <c r="A1806" s="2"/>
      <c r="B1806" s="2"/>
      <c r="C1806" s="2"/>
    </row>
    <row r="1807" spans="1:3" ht="19.2">
      <c r="A1807" s="2"/>
      <c r="B1807" s="2"/>
      <c r="C1807" s="2"/>
    </row>
    <row r="1808" spans="1:3" ht="19.2">
      <c r="A1808" s="2"/>
      <c r="B1808" s="2"/>
      <c r="C1808" s="2"/>
    </row>
    <row r="1809" spans="1:3" ht="19.2">
      <c r="A1809" s="2"/>
      <c r="B1809" s="2"/>
      <c r="C1809" s="2"/>
    </row>
    <row r="1810" spans="1:3" ht="19.2">
      <c r="A1810" s="2"/>
      <c r="B1810" s="2"/>
      <c r="C1810" s="2"/>
    </row>
    <row r="1811" spans="1:3" ht="19.2">
      <c r="A1811" s="2"/>
      <c r="B1811" s="2"/>
      <c r="C1811" s="2"/>
    </row>
    <row r="1812" spans="1:3" ht="19.2">
      <c r="A1812" s="2"/>
      <c r="B1812" s="2"/>
      <c r="C1812" s="2"/>
    </row>
    <row r="1813" spans="1:3" ht="19.2">
      <c r="A1813" s="2"/>
      <c r="B1813" s="2"/>
      <c r="C1813" s="2"/>
    </row>
    <row r="1814" spans="1:3" ht="19.2">
      <c r="A1814" s="2"/>
      <c r="B1814" s="2"/>
      <c r="C1814" s="2"/>
    </row>
    <row r="1815" spans="1:3" ht="19.2">
      <c r="A1815" s="2"/>
      <c r="B1815" s="2"/>
      <c r="C1815" s="2"/>
    </row>
    <row r="1816" spans="1:3" ht="19.2">
      <c r="A1816" s="2"/>
      <c r="B1816" s="2"/>
      <c r="C1816" s="2"/>
    </row>
    <row r="1817" spans="1:3" ht="19.2">
      <c r="A1817" s="2"/>
      <c r="B1817" s="2"/>
      <c r="C1817" s="2"/>
    </row>
    <row r="1818" spans="1:3" ht="19.2">
      <c r="A1818" s="2"/>
      <c r="B1818" s="2"/>
      <c r="C1818" s="2"/>
    </row>
    <row r="1819" spans="1:3" ht="19.2">
      <c r="A1819" s="2"/>
      <c r="B1819" s="2"/>
      <c r="C1819" s="2"/>
    </row>
    <row r="1820" spans="1:3" ht="19.2">
      <c r="A1820" s="2"/>
      <c r="B1820" s="2"/>
      <c r="C1820" s="2"/>
    </row>
    <row r="1821" spans="1:3" ht="19.2">
      <c r="A1821" s="2"/>
      <c r="B1821" s="2"/>
      <c r="C1821" s="2"/>
    </row>
    <row r="1822" spans="1:3" ht="19.2">
      <c r="A1822" s="2"/>
      <c r="B1822" s="2"/>
      <c r="C1822" s="2"/>
    </row>
    <row r="1823" spans="1:3" ht="19.2">
      <c r="A1823" s="2"/>
      <c r="B1823" s="2"/>
      <c r="C1823" s="2"/>
    </row>
    <row r="1824" spans="1:3" ht="19.2">
      <c r="A1824" s="2"/>
      <c r="B1824" s="2"/>
      <c r="C1824" s="2"/>
    </row>
    <row r="1825" spans="1:3" ht="19.2">
      <c r="A1825" s="2"/>
      <c r="B1825" s="2"/>
      <c r="C1825" s="2"/>
    </row>
    <row r="1826" spans="1:3" ht="19.2">
      <c r="A1826" s="2"/>
      <c r="B1826" s="2"/>
      <c r="C1826" s="2"/>
    </row>
    <row r="1827" spans="1:3" ht="19.2">
      <c r="A1827" s="2"/>
      <c r="B1827" s="2"/>
      <c r="C1827" s="2"/>
    </row>
    <row r="1828" spans="1:3" ht="19.2">
      <c r="A1828" s="2"/>
      <c r="B1828" s="2"/>
      <c r="C1828" s="2"/>
    </row>
    <row r="1829" spans="1:3" ht="19.2">
      <c r="A1829" s="2"/>
      <c r="B1829" s="2"/>
      <c r="C1829" s="2"/>
    </row>
    <row r="1830" spans="1:3" ht="19.2">
      <c r="A1830" s="2"/>
      <c r="B1830" s="2"/>
      <c r="C1830" s="2"/>
    </row>
    <row r="1831" spans="1:3" ht="19.2">
      <c r="A1831" s="2"/>
      <c r="B1831" s="2"/>
      <c r="C1831" s="2"/>
    </row>
    <row r="1832" spans="1:3" ht="19.2">
      <c r="A1832" s="2"/>
      <c r="B1832" s="2"/>
      <c r="C1832" s="2"/>
    </row>
    <row r="1833" spans="1:3" ht="19.2">
      <c r="A1833" s="2"/>
      <c r="B1833" s="2"/>
      <c r="C1833" s="2"/>
    </row>
    <row r="1834" spans="1:3" ht="19.2">
      <c r="A1834" s="2"/>
      <c r="B1834" s="2"/>
      <c r="C1834" s="2"/>
    </row>
    <row r="1835" spans="1:3" ht="19.2">
      <c r="A1835" s="2"/>
      <c r="B1835" s="2"/>
      <c r="C1835" s="2"/>
    </row>
    <row r="1836" spans="1:3" ht="19.2">
      <c r="A1836" s="2"/>
      <c r="B1836" s="2"/>
      <c r="C1836" s="2"/>
    </row>
    <row r="1837" spans="1:3" ht="19.2">
      <c r="A1837" s="2"/>
      <c r="B1837" s="2"/>
      <c r="C1837" s="2"/>
    </row>
    <row r="1838" spans="1:3" ht="19.2">
      <c r="A1838" s="2"/>
      <c r="B1838" s="2"/>
      <c r="C1838" s="2"/>
    </row>
    <row r="1839" spans="1:3" ht="19.2">
      <c r="A1839" s="2"/>
      <c r="B1839" s="2"/>
      <c r="C1839" s="2"/>
    </row>
    <row r="1840" spans="1:3" ht="19.2">
      <c r="A1840" s="2"/>
      <c r="B1840" s="2"/>
      <c r="C1840" s="2"/>
    </row>
    <row r="1841" spans="1:3" ht="19.2">
      <c r="A1841" s="2"/>
      <c r="B1841" s="2"/>
      <c r="C1841" s="2"/>
    </row>
    <row r="1842" spans="1:3" ht="19.2">
      <c r="A1842" s="2"/>
      <c r="B1842" s="2"/>
      <c r="C1842" s="2"/>
    </row>
    <row r="1843" spans="1:3" ht="19.2">
      <c r="A1843" s="2"/>
      <c r="B1843" s="2"/>
      <c r="C1843" s="2"/>
    </row>
    <row r="1844" spans="1:3" ht="19.2">
      <c r="A1844" s="2"/>
      <c r="B1844" s="2"/>
      <c r="C1844" s="2"/>
    </row>
    <row r="1845" spans="1:3" ht="19.2">
      <c r="A1845" s="2"/>
      <c r="B1845" s="2"/>
      <c r="C1845" s="2"/>
    </row>
    <row r="1846" spans="1:3" ht="19.2">
      <c r="A1846" s="2"/>
      <c r="B1846" s="2"/>
      <c r="C1846" s="2"/>
    </row>
    <row r="1847" spans="1:3" ht="19.2">
      <c r="A1847" s="2"/>
      <c r="B1847" s="2"/>
      <c r="C1847" s="2"/>
    </row>
    <row r="1848" spans="1:3" ht="19.2">
      <c r="A1848" s="2"/>
      <c r="B1848" s="2"/>
      <c r="C1848" s="2"/>
    </row>
    <row r="1849" spans="1:3" ht="19.2">
      <c r="A1849" s="2"/>
      <c r="B1849" s="2"/>
      <c r="C1849" s="2"/>
    </row>
    <row r="1850" spans="1:3" ht="19.2">
      <c r="A1850" s="2"/>
      <c r="B1850" s="2"/>
      <c r="C1850" s="2"/>
    </row>
    <row r="1851" spans="1:3" ht="19.2">
      <c r="A1851" s="2"/>
      <c r="B1851" s="2"/>
      <c r="C1851" s="2"/>
    </row>
    <row r="1852" spans="1:3" ht="19.2">
      <c r="A1852" s="2"/>
      <c r="B1852" s="2"/>
      <c r="C1852" s="2"/>
    </row>
    <row r="1853" spans="1:3" ht="19.2">
      <c r="A1853" s="2"/>
      <c r="B1853" s="2"/>
      <c r="C1853" s="2"/>
    </row>
    <row r="1854" spans="1:3" ht="19.2">
      <c r="A1854" s="2"/>
      <c r="B1854" s="2"/>
      <c r="C1854" s="2"/>
    </row>
    <row r="1855" spans="1:3" ht="19.2">
      <c r="A1855" s="2"/>
      <c r="B1855" s="2"/>
      <c r="C1855" s="2"/>
    </row>
    <row r="1856" spans="1:3" ht="19.2">
      <c r="A1856" s="2"/>
      <c r="B1856" s="2"/>
      <c r="C1856" s="2"/>
    </row>
    <row r="1857" spans="1:3" ht="19.2">
      <c r="A1857" s="2"/>
      <c r="B1857" s="2"/>
      <c r="C1857" s="2"/>
    </row>
    <row r="1858" spans="1:3" ht="19.2">
      <c r="A1858" s="2"/>
      <c r="B1858" s="2"/>
      <c r="C1858" s="2"/>
    </row>
    <row r="1859" spans="1:3" ht="19.2">
      <c r="A1859" s="2"/>
      <c r="B1859" s="2"/>
      <c r="C1859" s="2"/>
    </row>
    <row r="1860" spans="1:3" ht="19.2">
      <c r="A1860" s="2"/>
      <c r="B1860" s="2"/>
      <c r="C1860" s="2"/>
    </row>
    <row r="1861" spans="1:3" ht="19.2">
      <c r="A1861" s="2"/>
      <c r="B1861" s="2"/>
      <c r="C1861" s="2"/>
    </row>
    <row r="1862" spans="1:3" ht="19.2">
      <c r="A1862" s="2"/>
      <c r="B1862" s="2"/>
      <c r="C1862" s="2"/>
    </row>
    <row r="1863" spans="1:3" ht="19.2">
      <c r="A1863" s="2"/>
      <c r="B1863" s="2"/>
      <c r="C1863" s="2"/>
    </row>
    <row r="1864" spans="1:3" ht="19.2">
      <c r="A1864" s="2"/>
      <c r="B1864" s="2"/>
      <c r="C1864" s="2"/>
    </row>
    <row r="1865" spans="1:3" ht="19.2">
      <c r="A1865" s="2"/>
      <c r="B1865" s="2"/>
      <c r="C1865" s="2"/>
    </row>
    <row r="1866" spans="1:3" ht="19.2">
      <c r="A1866" s="2"/>
      <c r="B1866" s="2"/>
      <c r="C1866" s="2"/>
    </row>
    <row r="1867" spans="1:3" ht="19.2">
      <c r="A1867" s="2"/>
      <c r="B1867" s="2"/>
      <c r="C1867" s="2"/>
    </row>
    <row r="1868" spans="1:3" ht="19.2">
      <c r="A1868" s="2"/>
      <c r="B1868" s="2"/>
      <c r="C1868" s="2"/>
    </row>
    <row r="1869" spans="1:3" ht="19.2">
      <c r="A1869" s="2"/>
      <c r="B1869" s="2"/>
      <c r="C1869" s="2"/>
    </row>
    <row r="1870" spans="1:3" ht="19.2">
      <c r="A1870" s="2"/>
      <c r="B1870" s="2"/>
      <c r="C1870" s="2"/>
    </row>
    <row r="1871" spans="1:3" ht="19.2">
      <c r="A1871" s="2"/>
      <c r="B1871" s="2"/>
      <c r="C1871" s="2"/>
    </row>
    <row r="1872" spans="1:3" ht="19.2">
      <c r="A1872" s="2"/>
      <c r="B1872" s="2"/>
      <c r="C1872" s="2"/>
    </row>
    <row r="1873" spans="1:3" ht="19.2">
      <c r="A1873" s="2"/>
      <c r="B1873" s="2"/>
      <c r="C1873" s="2"/>
    </row>
    <row r="1874" spans="1:3" ht="19.2">
      <c r="A1874" s="2"/>
      <c r="B1874" s="2"/>
      <c r="C1874" s="2"/>
    </row>
    <row r="1875" spans="1:3" ht="19.2">
      <c r="A1875" s="2"/>
      <c r="B1875" s="2"/>
      <c r="C1875" s="2"/>
    </row>
    <row r="1876" spans="1:3" ht="19.2">
      <c r="A1876" s="2"/>
      <c r="B1876" s="2"/>
      <c r="C1876" s="2"/>
    </row>
    <row r="1877" spans="1:3" ht="19.2">
      <c r="A1877" s="2"/>
      <c r="B1877" s="2"/>
      <c r="C1877" s="2"/>
    </row>
    <row r="1878" spans="1:3" ht="19.2">
      <c r="A1878" s="2"/>
      <c r="B1878" s="2"/>
      <c r="C1878" s="2"/>
    </row>
    <row r="1879" spans="1:3" ht="19.2">
      <c r="A1879" s="2"/>
      <c r="B1879" s="2"/>
      <c r="C1879" s="2"/>
    </row>
    <row r="1880" spans="1:3" ht="19.2">
      <c r="A1880" s="2"/>
      <c r="B1880" s="2"/>
      <c r="C1880" s="2"/>
    </row>
    <row r="1881" spans="1:3" ht="19.2">
      <c r="A1881" s="2"/>
      <c r="B1881" s="2"/>
      <c r="C1881" s="2"/>
    </row>
    <row r="1882" spans="1:3" ht="19.2">
      <c r="A1882" s="2"/>
      <c r="B1882" s="2"/>
      <c r="C1882" s="2"/>
    </row>
    <row r="1883" spans="1:3" ht="19.2">
      <c r="A1883" s="2"/>
      <c r="B1883" s="2"/>
      <c r="C1883" s="2"/>
    </row>
    <row r="1884" spans="1:3" ht="19.2">
      <c r="A1884" s="2"/>
      <c r="B1884" s="2"/>
      <c r="C1884" s="2"/>
    </row>
    <row r="1885" spans="1:3" ht="19.2">
      <c r="A1885" s="2"/>
      <c r="B1885" s="2"/>
      <c r="C1885" s="2"/>
    </row>
    <row r="1886" spans="1:3" ht="19.2">
      <c r="A1886" s="2"/>
      <c r="B1886" s="2"/>
      <c r="C1886" s="2"/>
    </row>
    <row r="1887" spans="1:3" ht="19.2">
      <c r="A1887" s="2"/>
      <c r="B1887" s="2"/>
      <c r="C1887" s="2"/>
    </row>
    <row r="1888" spans="1:3" ht="19.2">
      <c r="A1888" s="2"/>
      <c r="B1888" s="2"/>
      <c r="C1888" s="2"/>
    </row>
    <row r="1889" spans="1:3" ht="19.2">
      <c r="A1889" s="2"/>
      <c r="B1889" s="2"/>
      <c r="C1889" s="2"/>
    </row>
    <row r="1890" spans="1:3" ht="19.2">
      <c r="A1890" s="2"/>
      <c r="B1890" s="2"/>
      <c r="C1890" s="2"/>
    </row>
    <row r="1891" spans="1:3" ht="19.2">
      <c r="A1891" s="2"/>
      <c r="B1891" s="2"/>
      <c r="C1891" s="2"/>
    </row>
    <row r="1892" spans="1:3" ht="19.2">
      <c r="A1892" s="2"/>
      <c r="B1892" s="2"/>
      <c r="C1892" s="2"/>
    </row>
    <row r="1893" spans="1:3" ht="19.2">
      <c r="A1893" s="2"/>
      <c r="B1893" s="2"/>
      <c r="C1893" s="2"/>
    </row>
    <row r="1894" spans="1:3" ht="19.2">
      <c r="A1894" s="2"/>
      <c r="B1894" s="2"/>
      <c r="C1894" s="2"/>
    </row>
    <row r="1895" spans="1:3" ht="19.2">
      <c r="A1895" s="2"/>
      <c r="B1895" s="2"/>
      <c r="C1895" s="2"/>
    </row>
    <row r="1896" spans="1:3" ht="19.2">
      <c r="A1896" s="2"/>
      <c r="B1896" s="2"/>
      <c r="C1896" s="2"/>
    </row>
    <row r="1897" spans="1:3" ht="19.2">
      <c r="A1897" s="2"/>
      <c r="B1897" s="2"/>
      <c r="C1897" s="2"/>
    </row>
    <row r="1898" spans="1:3" ht="19.2">
      <c r="A1898" s="2"/>
      <c r="B1898" s="2"/>
      <c r="C1898" s="2"/>
    </row>
    <row r="1899" spans="1:3" ht="19.2">
      <c r="A1899" s="2"/>
      <c r="B1899" s="2"/>
      <c r="C1899" s="2"/>
    </row>
    <row r="1900" spans="1:3" ht="19.2">
      <c r="A1900" s="2"/>
      <c r="B1900" s="2"/>
      <c r="C1900" s="2"/>
    </row>
    <row r="1901" spans="1:3" ht="19.2">
      <c r="A1901" s="2"/>
      <c r="B1901" s="2"/>
      <c r="C1901" s="2"/>
    </row>
    <row r="1902" spans="1:3" ht="19.2">
      <c r="A1902" s="2"/>
      <c r="B1902" s="2"/>
      <c r="C1902" s="2"/>
    </row>
    <row r="1903" spans="1:3" ht="19.2">
      <c r="A1903" s="2"/>
      <c r="B1903" s="2"/>
      <c r="C1903" s="2"/>
    </row>
    <row r="1904" spans="1:3" ht="19.2">
      <c r="A1904" s="2"/>
      <c r="B1904" s="2"/>
      <c r="C1904" s="2"/>
    </row>
    <row r="1905" spans="1:3" ht="19.2">
      <c r="A1905" s="2"/>
      <c r="B1905" s="2"/>
      <c r="C1905" s="2"/>
    </row>
    <row r="1906" spans="1:3" ht="19.2">
      <c r="A1906" s="2"/>
      <c r="B1906" s="2"/>
      <c r="C1906" s="2"/>
    </row>
    <row r="1907" spans="1:3" ht="19.2">
      <c r="A1907" s="2"/>
      <c r="B1907" s="2"/>
      <c r="C1907" s="2"/>
    </row>
    <row r="1908" spans="1:3" ht="19.2">
      <c r="A1908" s="2"/>
      <c r="B1908" s="2"/>
      <c r="C1908" s="2"/>
    </row>
    <row r="1909" spans="1:3" ht="19.2">
      <c r="A1909" s="2"/>
      <c r="B1909" s="2"/>
      <c r="C1909" s="2"/>
    </row>
    <row r="1910" spans="1:3" ht="19.2">
      <c r="A1910" s="2"/>
      <c r="B1910" s="2"/>
      <c r="C1910" s="2"/>
    </row>
    <row r="1911" spans="1:3" ht="19.2">
      <c r="A1911" s="2"/>
      <c r="B1911" s="2"/>
      <c r="C1911" s="2"/>
    </row>
    <row r="1912" spans="1:3" ht="19.2">
      <c r="A1912" s="2"/>
      <c r="B1912" s="2"/>
      <c r="C1912" s="2"/>
    </row>
    <row r="1913" spans="1:3" ht="19.2">
      <c r="A1913" s="2"/>
      <c r="B1913" s="2"/>
      <c r="C1913" s="2"/>
    </row>
    <row r="1914" spans="1:3" ht="19.2">
      <c r="A1914" s="2"/>
      <c r="B1914" s="2"/>
      <c r="C1914" s="2"/>
    </row>
    <row r="1915" spans="1:3" ht="19.2">
      <c r="A1915" s="2"/>
      <c r="B1915" s="2"/>
      <c r="C1915" s="2"/>
    </row>
    <row r="1916" spans="1:3" ht="19.2">
      <c r="A1916" s="2"/>
      <c r="B1916" s="2"/>
      <c r="C1916" s="2"/>
    </row>
    <row r="1917" spans="1:3" ht="19.2">
      <c r="A1917" s="2"/>
      <c r="B1917" s="2"/>
      <c r="C1917" s="2"/>
    </row>
    <row r="1918" spans="1:3" ht="19.2">
      <c r="A1918" s="2"/>
      <c r="B1918" s="2"/>
      <c r="C1918" s="2"/>
    </row>
    <row r="1919" spans="1:3" ht="19.2">
      <c r="A1919" s="2"/>
      <c r="B1919" s="2"/>
      <c r="C1919" s="2"/>
    </row>
    <row r="1920" spans="1:3" ht="19.2">
      <c r="A1920" s="2"/>
      <c r="B1920" s="2"/>
      <c r="C1920" s="2"/>
    </row>
    <row r="1921" spans="1:3" ht="19.2">
      <c r="A1921" s="2"/>
      <c r="B1921" s="2"/>
      <c r="C1921" s="2"/>
    </row>
    <row r="1922" spans="1:3" ht="19.2">
      <c r="A1922" s="2"/>
      <c r="B1922" s="2"/>
      <c r="C1922" s="2"/>
    </row>
    <row r="1923" spans="1:3" ht="19.2">
      <c r="A1923" s="2"/>
      <c r="B1923" s="2"/>
      <c r="C1923" s="2"/>
    </row>
    <row r="1924" spans="1:3" ht="19.2">
      <c r="A1924" s="2"/>
      <c r="B1924" s="2"/>
      <c r="C1924" s="2"/>
    </row>
    <row r="1925" spans="1:3" ht="19.2">
      <c r="A1925" s="2"/>
      <c r="B1925" s="2"/>
      <c r="C1925" s="2"/>
    </row>
    <row r="1926" spans="1:3" ht="19.2">
      <c r="A1926" s="2"/>
      <c r="B1926" s="2"/>
      <c r="C1926" s="2"/>
    </row>
    <row r="1927" spans="1:3" ht="19.2">
      <c r="A1927" s="2"/>
      <c r="B1927" s="2"/>
      <c r="C1927" s="2"/>
    </row>
    <row r="1928" spans="1:3" ht="19.2">
      <c r="A1928" s="2"/>
      <c r="B1928" s="2"/>
      <c r="C1928" s="2"/>
    </row>
    <row r="1929" spans="1:3" ht="19.2">
      <c r="A1929" s="2"/>
      <c r="B1929" s="2"/>
      <c r="C1929" s="2"/>
    </row>
    <row r="1930" spans="1:3" ht="19.2">
      <c r="A1930" s="2"/>
      <c r="B1930" s="2"/>
      <c r="C1930" s="2"/>
    </row>
    <row r="1931" spans="1:3" ht="19.2">
      <c r="A1931" s="2"/>
      <c r="B1931" s="2"/>
      <c r="C1931" s="2"/>
    </row>
    <row r="1932" spans="1:3" ht="19.2">
      <c r="A1932" s="2"/>
      <c r="B1932" s="2"/>
      <c r="C1932" s="2"/>
    </row>
    <row r="1933" spans="1:3" ht="19.2">
      <c r="A1933" s="2"/>
      <c r="B1933" s="2"/>
      <c r="C1933" s="2"/>
    </row>
    <row r="1934" spans="1:3" ht="19.2">
      <c r="A1934" s="2"/>
      <c r="B1934" s="2"/>
      <c r="C1934" s="2"/>
    </row>
    <row r="1935" spans="1:3" ht="19.2">
      <c r="A1935" s="2"/>
      <c r="B1935" s="2"/>
      <c r="C1935" s="2"/>
    </row>
    <row r="1936" spans="1:3" ht="19.2">
      <c r="A1936" s="2"/>
      <c r="B1936" s="2"/>
      <c r="C1936" s="2"/>
    </row>
    <row r="1937" spans="1:3" ht="19.2">
      <c r="A1937" s="2"/>
      <c r="B1937" s="2"/>
      <c r="C1937" s="2"/>
    </row>
    <row r="1938" spans="1:3" ht="19.2">
      <c r="A1938" s="2"/>
      <c r="B1938" s="2"/>
      <c r="C1938" s="2"/>
    </row>
    <row r="1939" spans="1:3" ht="19.2">
      <c r="A1939" s="2"/>
      <c r="B1939" s="2"/>
      <c r="C1939" s="2"/>
    </row>
    <row r="1940" spans="1:3" ht="19.2">
      <c r="A1940" s="2"/>
      <c r="B1940" s="2"/>
      <c r="C1940" s="2"/>
    </row>
    <row r="1941" spans="1:3" ht="19.2">
      <c r="A1941" s="2"/>
      <c r="B1941" s="2"/>
      <c r="C1941" s="2"/>
    </row>
    <row r="1942" spans="1:3" ht="19.2">
      <c r="A1942" s="2"/>
      <c r="B1942" s="2"/>
      <c r="C1942" s="2"/>
    </row>
    <row r="1943" spans="1:3" ht="19.2">
      <c r="A1943" s="2"/>
      <c r="B1943" s="2"/>
      <c r="C1943" s="2"/>
    </row>
    <row r="1944" spans="1:3" ht="19.2">
      <c r="A1944" s="2"/>
      <c r="B1944" s="2"/>
      <c r="C1944" s="2"/>
    </row>
    <row r="1945" spans="1:3" ht="19.2">
      <c r="A1945" s="2"/>
      <c r="B1945" s="2"/>
      <c r="C1945" s="2"/>
    </row>
    <row r="1946" spans="1:3" ht="19.2">
      <c r="A1946" s="2"/>
      <c r="B1946" s="2"/>
      <c r="C1946" s="2"/>
    </row>
    <row r="1947" spans="1:3" ht="19.2">
      <c r="A1947" s="2"/>
      <c r="B1947" s="2"/>
      <c r="C1947" s="2"/>
    </row>
    <row r="1948" spans="1:3" ht="19.2">
      <c r="A1948" s="2"/>
      <c r="B1948" s="2"/>
      <c r="C1948" s="2"/>
    </row>
    <row r="1949" spans="1:3" ht="19.2">
      <c r="A1949" s="2"/>
      <c r="B1949" s="2"/>
      <c r="C1949" s="2"/>
    </row>
    <row r="1950" spans="1:3" ht="19.2">
      <c r="A1950" s="2"/>
      <c r="B1950" s="2"/>
      <c r="C1950" s="2"/>
    </row>
    <row r="1951" spans="1:3" ht="19.2">
      <c r="A1951" s="2"/>
      <c r="B1951" s="2"/>
      <c r="C1951" s="2"/>
    </row>
    <row r="1952" spans="1:3" ht="19.2">
      <c r="A1952" s="2"/>
      <c r="B1952" s="2"/>
      <c r="C1952" s="2"/>
    </row>
    <row r="1953" spans="1:3" ht="19.2">
      <c r="A1953" s="2"/>
      <c r="B1953" s="2"/>
      <c r="C1953" s="2"/>
    </row>
    <row r="1954" spans="1:3" ht="19.2">
      <c r="A1954" s="2"/>
      <c r="B1954" s="2"/>
      <c r="C1954" s="2"/>
    </row>
    <row r="1955" spans="1:3" ht="19.2">
      <c r="A1955" s="2"/>
      <c r="B1955" s="2"/>
      <c r="C1955" s="2"/>
    </row>
    <row r="1956" spans="1:3" ht="19.2">
      <c r="A1956" s="2"/>
      <c r="B1956" s="2"/>
      <c r="C1956" s="2"/>
    </row>
    <row r="1957" spans="1:3" ht="19.2">
      <c r="A1957" s="2"/>
      <c r="B1957" s="2"/>
      <c r="C1957" s="2"/>
    </row>
    <row r="1958" spans="1:3" ht="19.2">
      <c r="A1958" s="2"/>
      <c r="B1958" s="2"/>
      <c r="C1958" s="2"/>
    </row>
    <row r="1959" spans="1:3" ht="19.2">
      <c r="A1959" s="2"/>
      <c r="B1959" s="2"/>
      <c r="C1959" s="2"/>
    </row>
    <row r="1960" spans="1:3" ht="19.2">
      <c r="A1960" s="2"/>
      <c r="B1960" s="2"/>
      <c r="C1960" s="2"/>
    </row>
    <row r="1961" spans="1:3" ht="19.2">
      <c r="A1961" s="2"/>
      <c r="B1961" s="2"/>
      <c r="C1961" s="2"/>
    </row>
    <row r="1962" spans="1:3" ht="19.2">
      <c r="A1962" s="2"/>
      <c r="B1962" s="2"/>
      <c r="C1962" s="2"/>
    </row>
    <row r="1963" spans="1:3" ht="19.2">
      <c r="A1963" s="2"/>
      <c r="B1963" s="2"/>
      <c r="C1963" s="2"/>
    </row>
    <row r="1964" spans="1:3" ht="19.2">
      <c r="A1964" s="2"/>
      <c r="B1964" s="2"/>
      <c r="C1964" s="2"/>
    </row>
    <row r="1965" spans="1:3" ht="19.2">
      <c r="A1965" s="2"/>
      <c r="B1965" s="2"/>
      <c r="C1965" s="2"/>
    </row>
    <row r="1966" spans="1:3" ht="19.2">
      <c r="A1966" s="2"/>
      <c r="B1966" s="2"/>
      <c r="C1966" s="2"/>
    </row>
    <row r="1967" spans="1:3" ht="19.2">
      <c r="A1967" s="2"/>
      <c r="B1967" s="2"/>
      <c r="C1967" s="2"/>
    </row>
    <row r="1968" spans="1:3" ht="19.2">
      <c r="A1968" s="2"/>
      <c r="B1968" s="2"/>
      <c r="C1968" s="2"/>
    </row>
    <row r="1969" spans="1:3" ht="19.2">
      <c r="A1969" s="2"/>
      <c r="B1969" s="2"/>
      <c r="C1969" s="2"/>
    </row>
    <row r="1970" spans="1:3" ht="19.2">
      <c r="A1970" s="2"/>
      <c r="B1970" s="2"/>
      <c r="C1970" s="2"/>
    </row>
    <row r="1971" spans="1:3" ht="19.2">
      <c r="A1971" s="2"/>
      <c r="B1971" s="2"/>
      <c r="C1971" s="2"/>
    </row>
    <row r="1972" spans="1:3" ht="19.2">
      <c r="A1972" s="2"/>
      <c r="B1972" s="2"/>
      <c r="C1972" s="2"/>
    </row>
    <row r="1973" spans="1:3" ht="19.2">
      <c r="A1973" s="2"/>
      <c r="B1973" s="2"/>
      <c r="C1973" s="2"/>
    </row>
    <row r="1974" spans="1:3" ht="19.2">
      <c r="A1974" s="2"/>
      <c r="B1974" s="2"/>
      <c r="C1974" s="2"/>
    </row>
    <row r="1975" spans="1:3" ht="19.2">
      <c r="A1975" s="2"/>
      <c r="B1975" s="2"/>
      <c r="C1975" s="2"/>
    </row>
    <row r="1976" spans="1:3" ht="19.2">
      <c r="A1976" s="2"/>
      <c r="B1976" s="2"/>
      <c r="C1976" s="2"/>
    </row>
    <row r="1977" spans="1:3" ht="19.2">
      <c r="A1977" s="2"/>
      <c r="B1977" s="2"/>
      <c r="C1977" s="2"/>
    </row>
    <row r="1978" spans="1:3" ht="19.2">
      <c r="A1978" s="2"/>
      <c r="B1978" s="2"/>
      <c r="C1978" s="2"/>
    </row>
    <row r="1979" spans="1:3" ht="19.2">
      <c r="A1979" s="2"/>
      <c r="B1979" s="2"/>
      <c r="C1979" s="2"/>
    </row>
    <row r="1980" spans="1:3" ht="19.2">
      <c r="A1980" s="2"/>
      <c r="B1980" s="2"/>
      <c r="C1980" s="2"/>
    </row>
    <row r="1981" spans="1:3" ht="19.2">
      <c r="A1981" s="2"/>
      <c r="B1981" s="2"/>
      <c r="C1981" s="2"/>
    </row>
    <row r="1982" spans="1:3" ht="19.2">
      <c r="A1982" s="2"/>
      <c r="B1982" s="2"/>
      <c r="C1982" s="2"/>
    </row>
    <row r="1983" spans="1:3" ht="19.2">
      <c r="A1983" s="2"/>
      <c r="B1983" s="2"/>
      <c r="C1983" s="2"/>
    </row>
    <row r="1984" spans="1:3" ht="19.2">
      <c r="A1984" s="2"/>
      <c r="B1984" s="2"/>
      <c r="C1984" s="2"/>
    </row>
    <row r="1985" spans="1:3" ht="19.2">
      <c r="A1985" s="2"/>
      <c r="B1985" s="2"/>
      <c r="C1985" s="2"/>
    </row>
    <row r="1986" spans="1:3" ht="19.2">
      <c r="A1986" s="2"/>
      <c r="B1986" s="2"/>
      <c r="C1986" s="2"/>
    </row>
    <row r="1987" spans="1:3" ht="19.2">
      <c r="A1987" s="2"/>
      <c r="B1987" s="2"/>
      <c r="C1987" s="2"/>
    </row>
    <row r="1988" spans="1:3" ht="19.2">
      <c r="A1988" s="2"/>
      <c r="B1988" s="2"/>
      <c r="C1988" s="2"/>
    </row>
    <row r="1989" spans="1:3" ht="19.2">
      <c r="A1989" s="2"/>
      <c r="B1989" s="2"/>
      <c r="C1989" s="2"/>
    </row>
    <row r="1990" spans="1:3" ht="19.2">
      <c r="A1990" s="2"/>
      <c r="B1990" s="2"/>
      <c r="C1990" s="2"/>
    </row>
    <row r="1991" spans="1:3" ht="19.2">
      <c r="A1991" s="2"/>
      <c r="B1991" s="2"/>
      <c r="C1991" s="2"/>
    </row>
    <row r="1992" spans="1:3" ht="19.2">
      <c r="A1992" s="2"/>
      <c r="B1992" s="2"/>
      <c r="C1992" s="2"/>
    </row>
    <row r="1993" spans="1:3" ht="19.2">
      <c r="A1993" s="2"/>
      <c r="B1993" s="2"/>
      <c r="C1993" s="2"/>
    </row>
    <row r="1994" spans="1:3" ht="19.2">
      <c r="A1994" s="2"/>
      <c r="B1994" s="2"/>
      <c r="C1994" s="2"/>
    </row>
    <row r="1995" spans="1:3" ht="19.2">
      <c r="A1995" s="2"/>
      <c r="B1995" s="2"/>
      <c r="C1995" s="2"/>
    </row>
    <row r="1996" spans="1:3" ht="19.2">
      <c r="A1996" s="2"/>
      <c r="B1996" s="2"/>
      <c r="C1996" s="2"/>
    </row>
    <row r="1997" spans="1:3" ht="19.2">
      <c r="A1997" s="2"/>
      <c r="B1997" s="2"/>
      <c r="C1997" s="2"/>
    </row>
    <row r="1998" spans="1:3" ht="19.2">
      <c r="A1998" s="2"/>
      <c r="B1998" s="2"/>
      <c r="C1998" s="2"/>
    </row>
    <row r="1999" spans="1:3" ht="19.2">
      <c r="A1999" s="2"/>
      <c r="B1999" s="2"/>
      <c r="C1999" s="2"/>
    </row>
    <row r="2000" spans="1:3" ht="19.2">
      <c r="A2000" s="2"/>
      <c r="B2000" s="2"/>
      <c r="C2000" s="2"/>
    </row>
    <row r="2001" spans="1:3" ht="19.2">
      <c r="A2001" s="2"/>
      <c r="B2001" s="2"/>
      <c r="C2001" s="2"/>
    </row>
    <row r="2002" spans="1:3" ht="19.2">
      <c r="A2002" s="2"/>
      <c r="B2002" s="2"/>
      <c r="C2002" s="2"/>
    </row>
    <row r="2003" spans="1:3" ht="19.2">
      <c r="A2003" s="2"/>
      <c r="B2003" s="2"/>
      <c r="C2003" s="2"/>
    </row>
    <row r="2004" spans="1:3" ht="19.2">
      <c r="A2004" s="2"/>
      <c r="B2004" s="2"/>
      <c r="C2004" s="2"/>
    </row>
    <row r="2005" spans="1:3" ht="19.2">
      <c r="A2005" s="2"/>
      <c r="B2005" s="2"/>
      <c r="C2005" s="2"/>
    </row>
    <row r="2006" spans="1:3" ht="19.2">
      <c r="A2006" s="2"/>
      <c r="B2006" s="2"/>
      <c r="C2006" s="2"/>
    </row>
    <row r="2007" spans="1:3" ht="19.2">
      <c r="A2007" s="2"/>
      <c r="B2007" s="2"/>
      <c r="C2007" s="2"/>
    </row>
    <row r="2008" spans="1:3" ht="19.2">
      <c r="A2008" s="2"/>
      <c r="B2008" s="2"/>
      <c r="C2008" s="2"/>
    </row>
    <row r="2009" spans="1:3" ht="19.2">
      <c r="A2009" s="2"/>
      <c r="B2009" s="2"/>
      <c r="C2009" s="2"/>
    </row>
    <row r="2010" spans="1:3" ht="19.2">
      <c r="A2010" s="2"/>
      <c r="B2010" s="2"/>
      <c r="C2010" s="2"/>
    </row>
    <row r="2011" spans="1:3" ht="19.2">
      <c r="A2011" s="2"/>
      <c r="B2011" s="2"/>
      <c r="C2011" s="2"/>
    </row>
    <row r="2012" spans="1:3" ht="19.2">
      <c r="A2012" s="2"/>
      <c r="B2012" s="2"/>
      <c r="C2012" s="2"/>
    </row>
    <row r="2013" spans="1:3" ht="19.2">
      <c r="A2013" s="2"/>
      <c r="B2013" s="2"/>
      <c r="C2013" s="2"/>
    </row>
    <row r="2014" spans="1:3" ht="19.2">
      <c r="A2014" s="2"/>
      <c r="B2014" s="2"/>
      <c r="C2014" s="2"/>
    </row>
    <row r="2015" spans="1:3" ht="19.2">
      <c r="A2015" s="2"/>
      <c r="B2015" s="2"/>
      <c r="C2015" s="2"/>
    </row>
    <row r="2016" spans="1:3" ht="19.2">
      <c r="A2016" s="2"/>
      <c r="B2016" s="2"/>
      <c r="C2016" s="2"/>
    </row>
    <row r="2017" spans="1:3" ht="19.2">
      <c r="A2017" s="2"/>
      <c r="B2017" s="2"/>
      <c r="C2017" s="2"/>
    </row>
    <row r="2018" spans="1:3" ht="19.2">
      <c r="A2018" s="2"/>
      <c r="B2018" s="2"/>
      <c r="C2018" s="2"/>
    </row>
    <row r="2019" spans="1:3" ht="19.2">
      <c r="A2019" s="2"/>
      <c r="B2019" s="2"/>
      <c r="C2019" s="2"/>
    </row>
    <row r="2020" spans="1:3" ht="19.2">
      <c r="A2020" s="2"/>
      <c r="B2020" s="2"/>
      <c r="C2020" s="2"/>
    </row>
    <row r="2021" spans="1:3" ht="19.2">
      <c r="A2021" s="2"/>
      <c r="B2021" s="2"/>
      <c r="C2021" s="2"/>
    </row>
    <row r="2022" spans="1:3" ht="19.2">
      <c r="A2022" s="2"/>
      <c r="B2022" s="2"/>
      <c r="C2022" s="2"/>
    </row>
    <row r="2023" spans="1:3" ht="19.2">
      <c r="A2023" s="2"/>
      <c r="B2023" s="2"/>
      <c r="C2023" s="2"/>
    </row>
    <row r="2024" spans="1:3" ht="19.2">
      <c r="A2024" s="2"/>
      <c r="B2024" s="2"/>
      <c r="C2024" s="2"/>
    </row>
    <row r="2025" spans="1:3" ht="19.2">
      <c r="A2025" s="2"/>
      <c r="B2025" s="2"/>
      <c r="C2025" s="2"/>
    </row>
    <row r="2026" spans="1:3" ht="19.2">
      <c r="A2026" s="2"/>
      <c r="B2026" s="2"/>
      <c r="C2026" s="2"/>
    </row>
    <row r="2027" spans="1:3" ht="19.2">
      <c r="A2027" s="2"/>
      <c r="B2027" s="2"/>
      <c r="C2027" s="2"/>
    </row>
    <row r="2028" spans="1:3" ht="19.2">
      <c r="A2028" s="2"/>
      <c r="B2028" s="2"/>
      <c r="C2028" s="2"/>
    </row>
    <row r="2029" spans="1:3" ht="19.2">
      <c r="A2029" s="2"/>
      <c r="B2029" s="2"/>
      <c r="C2029" s="2"/>
    </row>
    <row r="2030" spans="1:3" ht="19.2">
      <c r="A2030" s="2"/>
      <c r="B2030" s="2"/>
      <c r="C2030" s="2"/>
    </row>
    <row r="2031" spans="1:3" ht="19.2">
      <c r="A2031" s="2"/>
      <c r="B2031" s="2"/>
      <c r="C2031" s="2"/>
    </row>
    <row r="2032" spans="1:3" ht="19.2">
      <c r="A2032" s="2"/>
      <c r="B2032" s="2"/>
      <c r="C2032" s="2"/>
    </row>
    <row r="2033" spans="1:3" ht="19.2">
      <c r="A2033" s="2"/>
      <c r="B2033" s="2"/>
      <c r="C2033" s="2"/>
    </row>
    <row r="2034" spans="1:3" ht="19.2">
      <c r="A2034" s="2"/>
      <c r="B2034" s="2"/>
      <c r="C2034" s="2"/>
    </row>
    <row r="2035" spans="1:3" ht="19.2">
      <c r="A2035" s="2"/>
      <c r="B2035" s="2"/>
      <c r="C2035" s="2"/>
    </row>
    <row r="2036" spans="1:3" ht="19.2">
      <c r="A2036" s="2"/>
      <c r="B2036" s="2"/>
      <c r="C2036" s="2"/>
    </row>
    <row r="2037" spans="1:3" ht="19.2">
      <c r="A2037" s="2"/>
      <c r="B2037" s="2"/>
      <c r="C2037" s="2"/>
    </row>
    <row r="2038" spans="1:3" ht="19.2">
      <c r="A2038" s="2"/>
      <c r="B2038" s="2"/>
      <c r="C2038" s="2"/>
    </row>
    <row r="2039" spans="1:3" ht="19.2">
      <c r="A2039" s="2"/>
      <c r="B2039" s="2"/>
      <c r="C2039" s="2"/>
    </row>
    <row r="2040" spans="1:3" ht="19.2">
      <c r="A2040" s="2"/>
      <c r="B2040" s="2"/>
      <c r="C2040" s="2"/>
    </row>
    <row r="2041" spans="1:3" ht="19.2">
      <c r="A2041" s="2"/>
      <c r="B2041" s="2"/>
      <c r="C2041" s="2"/>
    </row>
    <row r="2042" spans="1:3" ht="19.2">
      <c r="A2042" s="2"/>
      <c r="B2042" s="2"/>
      <c r="C2042" s="2"/>
    </row>
    <row r="2043" spans="1:3" ht="19.2">
      <c r="A2043" s="2"/>
      <c r="B2043" s="2"/>
      <c r="C2043" s="2"/>
    </row>
    <row r="2044" spans="1:3" ht="19.2">
      <c r="A2044" s="2"/>
      <c r="B2044" s="2"/>
      <c r="C2044" s="2"/>
    </row>
    <row r="2045" spans="1:3" ht="19.2">
      <c r="A2045" s="2"/>
      <c r="B2045" s="2"/>
      <c r="C2045" s="2"/>
    </row>
    <row r="2046" spans="1:3" ht="19.2">
      <c r="A2046" s="2"/>
      <c r="B2046" s="2"/>
      <c r="C2046" s="2"/>
    </row>
    <row r="2047" spans="1:3" ht="19.2">
      <c r="A2047" s="2"/>
      <c r="B2047" s="2"/>
      <c r="C2047" s="2"/>
    </row>
    <row r="2048" spans="1:3" ht="19.2">
      <c r="A2048" s="2"/>
      <c r="B2048" s="2"/>
      <c r="C2048" s="2"/>
    </row>
    <row r="2049" spans="1:3" ht="19.2">
      <c r="A2049" s="2"/>
      <c r="B2049" s="2"/>
      <c r="C2049" s="2"/>
    </row>
    <row r="2050" spans="1:3" ht="19.2">
      <c r="A2050" s="2"/>
      <c r="B2050" s="2"/>
      <c r="C2050" s="2"/>
    </row>
    <row r="2051" spans="1:3" ht="19.2">
      <c r="A2051" s="2"/>
      <c r="B2051" s="2"/>
      <c r="C2051" s="2"/>
    </row>
    <row r="2052" spans="1:3" ht="19.2">
      <c r="A2052" s="2"/>
      <c r="B2052" s="2"/>
      <c r="C2052" s="2"/>
    </row>
    <row r="2053" spans="1:3" ht="19.2">
      <c r="A2053" s="2"/>
      <c r="B2053" s="2"/>
      <c r="C2053" s="2"/>
    </row>
    <row r="2054" spans="1:3" ht="19.2">
      <c r="A2054" s="2"/>
      <c r="B2054" s="2"/>
      <c r="C2054" s="2"/>
    </row>
    <row r="2055" spans="1:3" ht="19.2">
      <c r="A2055" s="2"/>
      <c r="B2055" s="2"/>
      <c r="C2055" s="2"/>
    </row>
    <row r="2056" spans="1:3" ht="19.2">
      <c r="A2056" s="2"/>
      <c r="B2056" s="2"/>
      <c r="C2056" s="2"/>
    </row>
    <row r="2057" spans="1:3" ht="19.2">
      <c r="A2057" s="2"/>
      <c r="B2057" s="2"/>
      <c r="C2057" s="2"/>
    </row>
    <row r="2058" spans="1:3" ht="19.2">
      <c r="A2058" s="2"/>
      <c r="B2058" s="2"/>
      <c r="C2058" s="2"/>
    </row>
    <row r="2059" spans="1:3" ht="19.2">
      <c r="A2059" s="2"/>
      <c r="B2059" s="2"/>
      <c r="C2059" s="2"/>
    </row>
    <row r="2060" spans="1:3" ht="19.2">
      <c r="A2060" s="2"/>
      <c r="B2060" s="2"/>
      <c r="C2060" s="2"/>
    </row>
    <row r="2061" spans="1:3" ht="19.2">
      <c r="A2061" s="2"/>
      <c r="B2061" s="2"/>
      <c r="C2061" s="2"/>
    </row>
    <row r="2062" spans="1:3" ht="19.2">
      <c r="A2062" s="2"/>
      <c r="B2062" s="2"/>
      <c r="C2062" s="2"/>
    </row>
    <row r="2063" spans="1:3" ht="19.2">
      <c r="A2063" s="2"/>
      <c r="B2063" s="2"/>
      <c r="C2063" s="2"/>
    </row>
    <row r="2064" spans="1:3" ht="19.2">
      <c r="A2064" s="2"/>
      <c r="B2064" s="2"/>
      <c r="C2064" s="2"/>
    </row>
    <row r="2065" spans="1:3" ht="19.2">
      <c r="A2065" s="2"/>
      <c r="B2065" s="2"/>
      <c r="C2065" s="2"/>
    </row>
    <row r="2066" spans="1:3" ht="19.2">
      <c r="A2066" s="2"/>
      <c r="B2066" s="2"/>
      <c r="C2066" s="2"/>
    </row>
    <row r="2067" spans="1:3" ht="19.2">
      <c r="A2067" s="2"/>
      <c r="B2067" s="2"/>
      <c r="C2067" s="2"/>
    </row>
    <row r="2068" spans="1:3" ht="19.2">
      <c r="A2068" s="2"/>
      <c r="B2068" s="2"/>
      <c r="C2068" s="2"/>
    </row>
    <row r="2069" spans="1:3" ht="19.2">
      <c r="A2069" s="2"/>
      <c r="B2069" s="2"/>
      <c r="C2069" s="2"/>
    </row>
    <row r="2070" spans="1:3" ht="19.2">
      <c r="A2070" s="2"/>
      <c r="B2070" s="2"/>
      <c r="C2070" s="2"/>
    </row>
    <row r="2071" spans="1:3" ht="19.2">
      <c r="A2071" s="2"/>
      <c r="B2071" s="2"/>
      <c r="C2071" s="2"/>
    </row>
    <row r="2072" spans="1:3" ht="19.2">
      <c r="A2072" s="2"/>
      <c r="B2072" s="2"/>
      <c r="C2072" s="2"/>
    </row>
    <row r="2073" spans="1:3" ht="19.2">
      <c r="A2073" s="2"/>
      <c r="B2073" s="2"/>
      <c r="C2073" s="2"/>
    </row>
    <row r="2074" spans="1:3" ht="19.2">
      <c r="A2074" s="2"/>
      <c r="B2074" s="2"/>
      <c r="C2074" s="2"/>
    </row>
    <row r="2075" spans="1:3" ht="19.2">
      <c r="A2075" s="2"/>
      <c r="B2075" s="2"/>
      <c r="C2075" s="2"/>
    </row>
    <row r="2076" spans="1:3" ht="19.2">
      <c r="A2076" s="2"/>
      <c r="B2076" s="2"/>
      <c r="C2076" s="2"/>
    </row>
    <row r="2077" spans="1:3" ht="19.2">
      <c r="A2077" s="2"/>
      <c r="B2077" s="2"/>
      <c r="C2077" s="2"/>
    </row>
    <row r="2078" spans="1:3" ht="19.2">
      <c r="A2078" s="2"/>
      <c r="B2078" s="2"/>
      <c r="C2078" s="2"/>
    </row>
    <row r="2079" spans="1:3" ht="19.2">
      <c r="A2079" s="2"/>
      <c r="B2079" s="2"/>
      <c r="C2079" s="2"/>
    </row>
    <row r="2080" spans="1:3" ht="19.2">
      <c r="A2080" s="2"/>
      <c r="B2080" s="2"/>
      <c r="C2080" s="2"/>
    </row>
    <row r="2081" spans="1:3" ht="19.2">
      <c r="A2081" s="2"/>
      <c r="B2081" s="2"/>
      <c r="C2081" s="2"/>
    </row>
    <row r="2082" spans="1:3" ht="19.2">
      <c r="A2082" s="2"/>
      <c r="B2082" s="2"/>
      <c r="C2082" s="2"/>
    </row>
    <row r="2083" spans="1:3" ht="19.2">
      <c r="A2083" s="2"/>
      <c r="B2083" s="2"/>
      <c r="C2083" s="2"/>
    </row>
    <row r="2084" spans="1:3" ht="19.2">
      <c r="A2084" s="2"/>
      <c r="B2084" s="2"/>
      <c r="C2084" s="2"/>
    </row>
    <row r="2085" spans="1:3" ht="19.2">
      <c r="A2085" s="2"/>
      <c r="B2085" s="2"/>
      <c r="C2085" s="2"/>
    </row>
    <row r="2086" spans="1:3" ht="19.2">
      <c r="A2086" s="2"/>
      <c r="B2086" s="2"/>
      <c r="C2086" s="2"/>
    </row>
    <row r="2087" spans="1:3" ht="19.2">
      <c r="A2087" s="2"/>
      <c r="B2087" s="2"/>
      <c r="C2087" s="2"/>
    </row>
    <row r="2088" spans="1:3" ht="19.2">
      <c r="A2088" s="2"/>
      <c r="B2088" s="2"/>
      <c r="C2088" s="2"/>
    </row>
    <row r="2089" spans="1:3" ht="19.2">
      <c r="A2089" s="2"/>
      <c r="B2089" s="2"/>
      <c r="C2089" s="2"/>
    </row>
    <row r="2090" spans="1:3" ht="19.2">
      <c r="A2090" s="2"/>
      <c r="B2090" s="2"/>
      <c r="C2090" s="2"/>
    </row>
    <row r="2091" spans="1:3" ht="19.2">
      <c r="A2091" s="2"/>
      <c r="B2091" s="2"/>
      <c r="C2091" s="2"/>
    </row>
    <row r="2092" spans="1:3" ht="19.2">
      <c r="A2092" s="2"/>
      <c r="B2092" s="2"/>
      <c r="C2092" s="2"/>
    </row>
    <row r="2093" spans="1:3" ht="19.2">
      <c r="A2093" s="2"/>
      <c r="B2093" s="2"/>
      <c r="C2093" s="2"/>
    </row>
    <row r="2094" spans="1:3" ht="19.2">
      <c r="A2094" s="2"/>
      <c r="B2094" s="2"/>
      <c r="C2094" s="2"/>
    </row>
    <row r="2095" spans="1:3" ht="19.2">
      <c r="A2095" s="2"/>
      <c r="B2095" s="2"/>
      <c r="C2095" s="2"/>
    </row>
    <row r="2096" spans="1:3" ht="19.2">
      <c r="A2096" s="2"/>
      <c r="B2096" s="2"/>
      <c r="C2096" s="2"/>
    </row>
    <row r="2097" spans="1:3" ht="19.2">
      <c r="A2097" s="2"/>
      <c r="B2097" s="2"/>
      <c r="C2097" s="2"/>
    </row>
    <row r="2098" spans="1:3" ht="19.2">
      <c r="A2098" s="2"/>
      <c r="B2098" s="2"/>
      <c r="C2098" s="2"/>
    </row>
    <row r="2099" spans="1:3" ht="19.2">
      <c r="A2099" s="2"/>
      <c r="B2099" s="2"/>
      <c r="C2099" s="2"/>
    </row>
    <row r="2100" spans="1:3" ht="19.2">
      <c r="A2100" s="2"/>
      <c r="B2100" s="2"/>
      <c r="C2100" s="2"/>
    </row>
    <row r="2101" spans="1:3" ht="19.2">
      <c r="A2101" s="2"/>
      <c r="B2101" s="2"/>
      <c r="C2101" s="2"/>
    </row>
    <row r="2102" spans="1:3" ht="19.2">
      <c r="A2102" s="2"/>
      <c r="B2102" s="2"/>
      <c r="C2102" s="2"/>
    </row>
    <row r="2103" spans="1:3" ht="19.2">
      <c r="A2103" s="2"/>
      <c r="B2103" s="2"/>
      <c r="C2103" s="2"/>
    </row>
    <row r="2104" spans="1:3" ht="19.2">
      <c r="A2104" s="2"/>
      <c r="B2104" s="2"/>
      <c r="C2104" s="2"/>
    </row>
    <row r="2105" spans="1:3" ht="19.2">
      <c r="A2105" s="2"/>
      <c r="B2105" s="2"/>
      <c r="C2105" s="2"/>
    </row>
    <row r="2106" spans="1:3" ht="19.2">
      <c r="A2106" s="2"/>
      <c r="B2106" s="2"/>
      <c r="C2106" s="2"/>
    </row>
    <row r="2107" spans="1:3" ht="19.2">
      <c r="A2107" s="2"/>
      <c r="B2107" s="2"/>
      <c r="C2107" s="2"/>
    </row>
    <row r="2108" spans="1:3" ht="19.2">
      <c r="A2108" s="2"/>
      <c r="B2108" s="2"/>
      <c r="C2108" s="2"/>
    </row>
    <row r="2109" spans="1:3" ht="19.2">
      <c r="A2109" s="2"/>
      <c r="B2109" s="2"/>
      <c r="C2109" s="2"/>
    </row>
    <row r="2110" spans="1:3" ht="19.2">
      <c r="A2110" s="2"/>
      <c r="B2110" s="2"/>
      <c r="C2110" s="2"/>
    </row>
    <row r="2111" spans="1:3" ht="19.2">
      <c r="A2111" s="2"/>
      <c r="B2111" s="2"/>
      <c r="C2111" s="2"/>
    </row>
    <row r="2112" spans="1:3" ht="19.2">
      <c r="A2112" s="2"/>
      <c r="B2112" s="2"/>
      <c r="C2112" s="2"/>
    </row>
    <row r="2113" spans="1:3" ht="19.2">
      <c r="A2113" s="2"/>
      <c r="B2113" s="2"/>
      <c r="C2113" s="2"/>
    </row>
    <row r="2114" spans="1:3" ht="19.2">
      <c r="A2114" s="2"/>
      <c r="B2114" s="2"/>
      <c r="C2114" s="2"/>
    </row>
    <row r="2115" spans="1:3" ht="19.2">
      <c r="A2115" s="2"/>
      <c r="B2115" s="2"/>
      <c r="C2115" s="2"/>
    </row>
    <row r="2116" spans="1:3" ht="19.2">
      <c r="A2116" s="2"/>
      <c r="B2116" s="2"/>
      <c r="C2116" s="2"/>
    </row>
    <row r="2117" spans="1:3" ht="19.2">
      <c r="A2117" s="2"/>
      <c r="B2117" s="2"/>
      <c r="C2117" s="2"/>
    </row>
    <row r="2118" spans="1:3" ht="19.2">
      <c r="A2118" s="2"/>
      <c r="B2118" s="2"/>
      <c r="C2118" s="2"/>
    </row>
    <row r="2119" spans="1:3" ht="19.2">
      <c r="A2119" s="2"/>
      <c r="B2119" s="2"/>
      <c r="C2119" s="2"/>
    </row>
    <row r="2120" spans="1:3" ht="19.2">
      <c r="A2120" s="2"/>
      <c r="B2120" s="2"/>
      <c r="C2120" s="2"/>
    </row>
    <row r="2121" spans="1:3" ht="19.2">
      <c r="A2121" s="2"/>
      <c r="B2121" s="2"/>
      <c r="C2121" s="2"/>
    </row>
    <row r="2122" spans="1:3" ht="19.2">
      <c r="A2122" s="2"/>
      <c r="B2122" s="2"/>
      <c r="C2122" s="2"/>
    </row>
    <row r="2123" spans="1:3" ht="19.2">
      <c r="A2123" s="2"/>
      <c r="B2123" s="2"/>
      <c r="C2123" s="2"/>
    </row>
    <row r="2124" spans="1:3" ht="19.2">
      <c r="A2124" s="2"/>
      <c r="B2124" s="2"/>
      <c r="C2124" s="2"/>
    </row>
    <row r="2125" spans="1:3" ht="19.2">
      <c r="A2125" s="2"/>
      <c r="B2125" s="2"/>
      <c r="C2125" s="2"/>
    </row>
    <row r="2126" spans="1:3" ht="19.2">
      <c r="A2126" s="2"/>
      <c r="B2126" s="2"/>
      <c r="C2126" s="2"/>
    </row>
    <row r="2127" spans="1:3" ht="19.2">
      <c r="A2127" s="2"/>
      <c r="B2127" s="2"/>
      <c r="C2127" s="2"/>
    </row>
    <row r="2128" spans="1:3" ht="19.2">
      <c r="A2128" s="2"/>
      <c r="B2128" s="2"/>
      <c r="C2128" s="2"/>
    </row>
    <row r="2129" spans="1:3" ht="19.2">
      <c r="A2129" s="2"/>
      <c r="B2129" s="2"/>
      <c r="C2129" s="2"/>
    </row>
    <row r="2130" spans="1:3" ht="19.2">
      <c r="A2130" s="2"/>
      <c r="B2130" s="2"/>
      <c r="C2130" s="2"/>
    </row>
    <row r="2131" spans="1:3" ht="19.2">
      <c r="A2131" s="2"/>
      <c r="B2131" s="2"/>
      <c r="C2131" s="2"/>
    </row>
    <row r="2132" spans="1:3" ht="19.2">
      <c r="A2132" s="2"/>
      <c r="B2132" s="2"/>
      <c r="C2132" s="2"/>
    </row>
    <row r="2133" spans="1:3" ht="19.2">
      <c r="A2133" s="2"/>
      <c r="B2133" s="2"/>
      <c r="C2133" s="2"/>
    </row>
    <row r="2134" spans="1:3" ht="19.2">
      <c r="A2134" s="2"/>
      <c r="B2134" s="2"/>
      <c r="C2134" s="2"/>
    </row>
    <row r="2135" spans="1:3" ht="19.2">
      <c r="A2135" s="2"/>
      <c r="B2135" s="2"/>
      <c r="C2135" s="2"/>
    </row>
    <row r="2136" spans="1:3" ht="19.2">
      <c r="A2136" s="2"/>
      <c r="B2136" s="2"/>
      <c r="C2136" s="2"/>
    </row>
    <row r="2137" spans="1:3" ht="19.2">
      <c r="A2137" s="2"/>
      <c r="B2137" s="2"/>
      <c r="C2137" s="2"/>
    </row>
    <row r="2138" spans="1:3" ht="19.2">
      <c r="A2138" s="2"/>
      <c r="B2138" s="2"/>
      <c r="C2138" s="2"/>
    </row>
    <row r="2139" spans="1:3" ht="19.2">
      <c r="A2139" s="2"/>
      <c r="B2139" s="2"/>
      <c r="C2139" s="2"/>
    </row>
    <row r="2140" spans="1:3" ht="19.2">
      <c r="A2140" s="2"/>
      <c r="B2140" s="2"/>
      <c r="C2140" s="2"/>
    </row>
    <row r="2141" spans="1:3" ht="19.2">
      <c r="A2141" s="2"/>
      <c r="B2141" s="2"/>
      <c r="C2141" s="2"/>
    </row>
    <row r="2142" spans="1:3" ht="19.2">
      <c r="A2142" s="2"/>
      <c r="B2142" s="2"/>
      <c r="C2142" s="2"/>
    </row>
    <row r="2143" spans="1:3" ht="19.2">
      <c r="A2143" s="2"/>
      <c r="B2143" s="2"/>
      <c r="C2143" s="2"/>
    </row>
    <row r="2144" spans="1:3" ht="19.2">
      <c r="A2144" s="2"/>
      <c r="B2144" s="2"/>
      <c r="C2144" s="2"/>
    </row>
    <row r="2145" spans="1:3" ht="19.2">
      <c r="A2145" s="2"/>
      <c r="B2145" s="2"/>
      <c r="C2145" s="2"/>
    </row>
    <row r="2146" spans="1:3" ht="19.2">
      <c r="A2146" s="2"/>
      <c r="B2146" s="2"/>
      <c r="C2146" s="2"/>
    </row>
    <row r="2147" spans="1:3" ht="19.2">
      <c r="A2147" s="2"/>
      <c r="B2147" s="2"/>
      <c r="C2147" s="2"/>
    </row>
    <row r="2148" spans="1:3" ht="19.2">
      <c r="A2148" s="2"/>
      <c r="B2148" s="2"/>
      <c r="C2148" s="2"/>
    </row>
    <row r="2149" spans="1:3" ht="19.2">
      <c r="A2149" s="2"/>
      <c r="B2149" s="2"/>
      <c r="C2149" s="2"/>
    </row>
    <row r="2150" spans="1:3" ht="19.2">
      <c r="A2150" s="2"/>
      <c r="B2150" s="2"/>
      <c r="C2150" s="2"/>
    </row>
    <row r="2151" spans="1:3" ht="19.2">
      <c r="A2151" s="2"/>
      <c r="B2151" s="2"/>
      <c r="C2151" s="2"/>
    </row>
    <row r="2152" spans="1:3" ht="19.2">
      <c r="A2152" s="2"/>
      <c r="B2152" s="2"/>
      <c r="C2152" s="2"/>
    </row>
    <row r="2153" spans="1:3" ht="19.2">
      <c r="A2153" s="2"/>
      <c r="B2153" s="2"/>
      <c r="C2153" s="2"/>
    </row>
    <row r="2154" spans="1:3" ht="19.2">
      <c r="A2154" s="2"/>
      <c r="B2154" s="2"/>
      <c r="C2154" s="2"/>
    </row>
    <row r="2155" spans="1:3" ht="19.2">
      <c r="A2155" s="2"/>
      <c r="B2155" s="2"/>
      <c r="C2155" s="2"/>
    </row>
    <row r="2156" spans="1:3" ht="19.2">
      <c r="A2156" s="2"/>
      <c r="B2156" s="2"/>
      <c r="C2156" s="2"/>
    </row>
    <row r="2157" spans="1:3" ht="19.2">
      <c r="A2157" s="2"/>
      <c r="B2157" s="2"/>
      <c r="C2157" s="2"/>
    </row>
    <row r="2158" spans="1:3" ht="19.2">
      <c r="A2158" s="2"/>
      <c r="B2158" s="2"/>
      <c r="C2158" s="2"/>
    </row>
    <row r="2159" spans="1:3" ht="19.2">
      <c r="A2159" s="2"/>
      <c r="B2159" s="2"/>
      <c r="C2159" s="2"/>
    </row>
    <row r="2160" spans="1:3" ht="19.2">
      <c r="A2160" s="2"/>
      <c r="B2160" s="2"/>
      <c r="C2160" s="2"/>
    </row>
    <row r="2161" spans="1:3" ht="19.2">
      <c r="A2161" s="2"/>
      <c r="B2161" s="2"/>
      <c r="C2161" s="2"/>
    </row>
    <row r="2162" spans="1:3" ht="19.2">
      <c r="A2162" s="2"/>
      <c r="B2162" s="2"/>
      <c r="C2162" s="2"/>
    </row>
    <row r="2163" spans="1:3" ht="19.2">
      <c r="A2163" s="2"/>
      <c r="B2163" s="2"/>
      <c r="C2163" s="2"/>
    </row>
    <row r="2164" spans="1:3" ht="19.2">
      <c r="A2164" s="2"/>
      <c r="B2164" s="2"/>
      <c r="C2164" s="2"/>
    </row>
    <row r="2165" spans="1:3" ht="19.2">
      <c r="A2165" s="2"/>
      <c r="B2165" s="2"/>
      <c r="C2165" s="2"/>
    </row>
    <row r="2166" spans="1:3" ht="19.2">
      <c r="A2166" s="2"/>
      <c r="B2166" s="2"/>
      <c r="C2166" s="2"/>
    </row>
    <row r="2167" spans="1:3" ht="19.2">
      <c r="A2167" s="2"/>
      <c r="B2167" s="2"/>
      <c r="C2167" s="2"/>
    </row>
    <row r="2168" spans="1:3" ht="19.2">
      <c r="A2168" s="2"/>
      <c r="B2168" s="2"/>
      <c r="C2168" s="2"/>
    </row>
    <row r="2169" spans="1:3" ht="19.2">
      <c r="A2169" s="2"/>
      <c r="B2169" s="2"/>
      <c r="C2169" s="2"/>
    </row>
    <row r="2170" spans="1:3" ht="19.2">
      <c r="A2170" s="2"/>
      <c r="B2170" s="2"/>
      <c r="C2170" s="2"/>
    </row>
    <row r="2171" spans="1:3" ht="19.2">
      <c r="A2171" s="2"/>
      <c r="B2171" s="2"/>
      <c r="C2171" s="2"/>
    </row>
    <row r="2172" spans="1:3" ht="19.2">
      <c r="A2172" s="2"/>
      <c r="B2172" s="2"/>
      <c r="C2172" s="2"/>
    </row>
    <row r="2173" spans="1:3" ht="19.2">
      <c r="A2173" s="2"/>
      <c r="B2173" s="2"/>
      <c r="C2173" s="2"/>
    </row>
    <row r="2174" spans="1:3" ht="19.2">
      <c r="A2174" s="2"/>
      <c r="B2174" s="2"/>
      <c r="C2174" s="2"/>
    </row>
    <row r="2175" spans="1:3" ht="19.2">
      <c r="A2175" s="2"/>
      <c r="B2175" s="2"/>
      <c r="C2175" s="2"/>
    </row>
    <row r="2176" spans="1:3" ht="19.2">
      <c r="A2176" s="2"/>
      <c r="B2176" s="2"/>
      <c r="C2176" s="2"/>
    </row>
    <row r="2177" spans="1:3" ht="19.2">
      <c r="A2177" s="2"/>
      <c r="B2177" s="2"/>
      <c r="C2177" s="2"/>
    </row>
    <row r="2178" spans="1:3" ht="19.2">
      <c r="A2178" s="2"/>
      <c r="B2178" s="2"/>
      <c r="C2178" s="2"/>
    </row>
    <row r="2179" spans="1:3" ht="19.2">
      <c r="A2179" s="2"/>
      <c r="B2179" s="2"/>
      <c r="C2179" s="2"/>
    </row>
    <row r="2180" spans="1:3" ht="19.2">
      <c r="A2180" s="2"/>
      <c r="B2180" s="2"/>
      <c r="C2180" s="2"/>
    </row>
    <row r="2181" spans="1:3" ht="19.2">
      <c r="A2181" s="2"/>
      <c r="B2181" s="2"/>
      <c r="C2181" s="2"/>
    </row>
    <row r="2182" spans="1:3" ht="19.2">
      <c r="A2182" s="2"/>
      <c r="B2182" s="2"/>
      <c r="C2182" s="2"/>
    </row>
    <row r="2183" spans="1:3" ht="19.2">
      <c r="A2183" s="2"/>
      <c r="B2183" s="2"/>
      <c r="C2183" s="2"/>
    </row>
    <row r="2184" spans="1:3" ht="19.2">
      <c r="A2184" s="2"/>
      <c r="B2184" s="2"/>
      <c r="C2184" s="2"/>
    </row>
    <row r="2185" spans="1:3" ht="19.2">
      <c r="A2185" s="2"/>
      <c r="B2185" s="2"/>
      <c r="C2185" s="2"/>
    </row>
    <row r="2186" spans="1:3" ht="19.2">
      <c r="A2186" s="2"/>
      <c r="B2186" s="2"/>
      <c r="C2186" s="2"/>
    </row>
    <row r="2187" spans="1:3" ht="19.2">
      <c r="A2187" s="2"/>
      <c r="B2187" s="2"/>
      <c r="C2187" s="2"/>
    </row>
    <row r="2188" spans="1:3" ht="19.2">
      <c r="A2188" s="2"/>
      <c r="B2188" s="2"/>
      <c r="C2188" s="2"/>
    </row>
    <row r="2189" spans="1:3" ht="19.2">
      <c r="A2189" s="2"/>
      <c r="B2189" s="2"/>
      <c r="C2189" s="2"/>
    </row>
    <row r="2190" spans="1:3" ht="19.2">
      <c r="A2190" s="2"/>
      <c r="B2190" s="2"/>
      <c r="C2190" s="2"/>
    </row>
    <row r="2191" spans="1:3" ht="19.2">
      <c r="A2191" s="2"/>
      <c r="B2191" s="2"/>
      <c r="C2191" s="2"/>
    </row>
    <row r="2192" spans="1:3" ht="19.2">
      <c r="A2192" s="2"/>
      <c r="B2192" s="2"/>
      <c r="C2192" s="2"/>
    </row>
    <row r="2193" spans="1:3" ht="19.2">
      <c r="A2193" s="2"/>
      <c r="B2193" s="2"/>
      <c r="C2193" s="2"/>
    </row>
    <row r="2194" spans="1:3" ht="19.2">
      <c r="A2194" s="2"/>
      <c r="B2194" s="2"/>
      <c r="C2194" s="2"/>
    </row>
    <row r="2195" spans="1:3" ht="19.2">
      <c r="A2195" s="2"/>
      <c r="B2195" s="2"/>
      <c r="C2195" s="2"/>
    </row>
    <row r="2196" spans="1:3" ht="19.2">
      <c r="A2196" s="2"/>
      <c r="B2196" s="2"/>
      <c r="C2196" s="2"/>
    </row>
    <row r="2197" spans="1:3" ht="19.2">
      <c r="A2197" s="2"/>
      <c r="B2197" s="2"/>
      <c r="C2197" s="2"/>
    </row>
    <row r="2198" spans="1:3" ht="19.2">
      <c r="A2198" s="2"/>
      <c r="B2198" s="2"/>
      <c r="C2198" s="2"/>
    </row>
    <row r="2199" spans="1:3" ht="19.2">
      <c r="A2199" s="2"/>
      <c r="B2199" s="2"/>
      <c r="C2199" s="2"/>
    </row>
    <row r="2200" spans="1:3" ht="19.2">
      <c r="A2200" s="2"/>
      <c r="B2200" s="2"/>
      <c r="C2200" s="2"/>
    </row>
    <row r="2201" spans="1:3" ht="19.2">
      <c r="A2201" s="2"/>
      <c r="B2201" s="2"/>
      <c r="C2201" s="2"/>
    </row>
    <row r="2202" spans="1:3" ht="19.2">
      <c r="A2202" s="2"/>
      <c r="B2202" s="2"/>
      <c r="C2202" s="2"/>
    </row>
    <row r="2203" spans="1:3" ht="19.2">
      <c r="A2203" s="2"/>
      <c r="B2203" s="2"/>
      <c r="C2203" s="2"/>
    </row>
    <row r="2204" spans="1:3" ht="19.2">
      <c r="A2204" s="2"/>
      <c r="B2204" s="2"/>
      <c r="C2204" s="2"/>
    </row>
    <row r="2205" spans="1:3" ht="19.2">
      <c r="A2205" s="2"/>
      <c r="B2205" s="2"/>
      <c r="C2205" s="2"/>
    </row>
    <row r="2206" spans="1:3" ht="19.2">
      <c r="A2206" s="2"/>
      <c r="B2206" s="2"/>
      <c r="C2206" s="2"/>
    </row>
    <row r="2207" spans="1:3" ht="19.2">
      <c r="A2207" s="2"/>
      <c r="B2207" s="2"/>
      <c r="C2207" s="2"/>
    </row>
    <row r="2208" spans="1:3" ht="19.2">
      <c r="A2208" s="2"/>
      <c r="B2208" s="2"/>
      <c r="C2208" s="2"/>
    </row>
    <row r="2209" spans="1:3" ht="19.2">
      <c r="A2209" s="2"/>
      <c r="B2209" s="2"/>
      <c r="C2209" s="2"/>
    </row>
    <row r="2210" spans="1:3" ht="19.2">
      <c r="A2210" s="2"/>
      <c r="B2210" s="2"/>
      <c r="C2210" s="2"/>
    </row>
    <row r="2211" spans="1:3" ht="19.2">
      <c r="A2211" s="2"/>
      <c r="B2211" s="2"/>
      <c r="C2211" s="2"/>
    </row>
    <row r="2212" spans="1:3" ht="19.2">
      <c r="A2212" s="2"/>
      <c r="B2212" s="2"/>
      <c r="C2212" s="2"/>
    </row>
    <row r="2213" spans="1:3" ht="19.2">
      <c r="A2213" s="2"/>
      <c r="B2213" s="2"/>
      <c r="C2213" s="2"/>
    </row>
    <row r="2214" spans="1:3" ht="19.2">
      <c r="A2214" s="2"/>
      <c r="B2214" s="2"/>
      <c r="C2214" s="2"/>
    </row>
    <row r="2215" spans="1:3" ht="19.2">
      <c r="A2215" s="2"/>
      <c r="B2215" s="2"/>
      <c r="C2215" s="2"/>
    </row>
    <row r="2216" spans="1:3" ht="19.2">
      <c r="A2216" s="2"/>
      <c r="B2216" s="2"/>
      <c r="C2216" s="2"/>
    </row>
    <row r="2217" spans="1:3" ht="19.2">
      <c r="A2217" s="2"/>
      <c r="B2217" s="2"/>
      <c r="C2217" s="2"/>
    </row>
    <row r="2218" spans="1:3" ht="19.2">
      <c r="A2218" s="2"/>
      <c r="B2218" s="2"/>
      <c r="C2218" s="2"/>
    </row>
    <row r="2219" spans="1:3" ht="19.2">
      <c r="A2219" s="2"/>
      <c r="B2219" s="2"/>
      <c r="C2219" s="2"/>
    </row>
    <row r="2220" spans="1:3" ht="19.2">
      <c r="A2220" s="2"/>
      <c r="B2220" s="2"/>
      <c r="C2220" s="2"/>
    </row>
    <row r="2221" spans="1:3" ht="19.2">
      <c r="A2221" s="2"/>
      <c r="B2221" s="2"/>
      <c r="C2221" s="2"/>
    </row>
    <row r="2222" spans="1:3" ht="19.2">
      <c r="A2222" s="2"/>
      <c r="B2222" s="2"/>
      <c r="C2222" s="2"/>
    </row>
    <row r="2223" spans="1:3" ht="19.2">
      <c r="A2223" s="2"/>
      <c r="B2223" s="2"/>
      <c r="C2223" s="2"/>
    </row>
    <row r="2224" spans="1:3" ht="19.2">
      <c r="A2224" s="2"/>
      <c r="B2224" s="2"/>
      <c r="C2224" s="2"/>
    </row>
    <row r="2225" spans="1:3" ht="19.2">
      <c r="A2225" s="2"/>
      <c r="B2225" s="2"/>
      <c r="C2225" s="2"/>
    </row>
    <row r="2226" spans="1:3" ht="19.2">
      <c r="A2226" s="2"/>
      <c r="B2226" s="2"/>
      <c r="C2226" s="2"/>
    </row>
    <row r="2227" spans="1:3" ht="19.2">
      <c r="A2227" s="2"/>
      <c r="B2227" s="2"/>
      <c r="C2227" s="2"/>
    </row>
    <row r="2228" spans="1:3" ht="19.2">
      <c r="A2228" s="2"/>
      <c r="B2228" s="2"/>
      <c r="C2228" s="2"/>
    </row>
    <row r="2229" spans="1:3" ht="19.2">
      <c r="A2229" s="2"/>
      <c r="B2229" s="2"/>
      <c r="C2229" s="2"/>
    </row>
    <row r="2230" spans="1:3" ht="19.2">
      <c r="A2230" s="2"/>
      <c r="B2230" s="2"/>
      <c r="C2230" s="2"/>
    </row>
    <row r="2231" spans="1:3" ht="19.2">
      <c r="A2231" s="2"/>
      <c r="B2231" s="2"/>
      <c r="C2231" s="2"/>
    </row>
    <row r="2232" spans="1:3" ht="19.2">
      <c r="A2232" s="2"/>
      <c r="B2232" s="2"/>
      <c r="C2232" s="2"/>
    </row>
    <row r="2233" spans="1:3" ht="19.2">
      <c r="A2233" s="2"/>
      <c r="B2233" s="2"/>
      <c r="C2233" s="2"/>
    </row>
    <row r="2234" spans="1:3" ht="19.2">
      <c r="A2234" s="2"/>
      <c r="B2234" s="2"/>
      <c r="C2234" s="2"/>
    </row>
    <row r="2235" spans="1:3" ht="19.2">
      <c r="A2235" s="2"/>
      <c r="B2235" s="2"/>
      <c r="C2235" s="2"/>
    </row>
    <row r="2236" spans="1:3" ht="19.2">
      <c r="A2236" s="2"/>
      <c r="B2236" s="2"/>
      <c r="C2236" s="2"/>
    </row>
    <row r="2237" spans="1:3" ht="19.2">
      <c r="A2237" s="2"/>
      <c r="B2237" s="2"/>
      <c r="C2237" s="2"/>
    </row>
    <row r="2238" spans="1:3" ht="19.2">
      <c r="A2238" s="2"/>
      <c r="B2238" s="2"/>
      <c r="C2238" s="2"/>
    </row>
    <row r="2239" spans="1:3" ht="19.2">
      <c r="A2239" s="2"/>
      <c r="B2239" s="2"/>
      <c r="C2239" s="2"/>
    </row>
    <row r="2240" spans="1:3" ht="19.2">
      <c r="A2240" s="2"/>
      <c r="B2240" s="2"/>
      <c r="C2240" s="2"/>
    </row>
    <row r="2241" spans="1:3" ht="19.2">
      <c r="A2241" s="2"/>
      <c r="B2241" s="2"/>
      <c r="C2241" s="2"/>
    </row>
    <row r="2242" spans="1:3" ht="19.2">
      <c r="A2242" s="2"/>
      <c r="B2242" s="2"/>
      <c r="C2242" s="2"/>
    </row>
    <row r="2243" spans="1:3" ht="19.2">
      <c r="A2243" s="2"/>
      <c r="B2243" s="2"/>
      <c r="C2243" s="2"/>
    </row>
    <row r="2244" spans="1:3" ht="19.2">
      <c r="A2244" s="2"/>
      <c r="B2244" s="2"/>
      <c r="C2244" s="2"/>
    </row>
    <row r="2245" spans="1:3" ht="19.2">
      <c r="A2245" s="2"/>
      <c r="B2245" s="2"/>
      <c r="C2245" s="2"/>
    </row>
    <row r="2246" spans="1:3" ht="19.2">
      <c r="A2246" s="2"/>
      <c r="B2246" s="2"/>
      <c r="C2246" s="2"/>
    </row>
    <row r="2247" spans="1:3" ht="19.2">
      <c r="A2247" s="2"/>
      <c r="B2247" s="2"/>
      <c r="C2247" s="2"/>
    </row>
    <row r="2248" spans="1:3" ht="19.2">
      <c r="A2248" s="2"/>
      <c r="B2248" s="2"/>
      <c r="C2248" s="2"/>
    </row>
    <row r="2249" spans="1:3" ht="19.2">
      <c r="A2249" s="2"/>
      <c r="B2249" s="2"/>
      <c r="C2249" s="2"/>
    </row>
    <row r="2250" spans="1:3" ht="19.2">
      <c r="A2250" s="2"/>
      <c r="B2250" s="2"/>
      <c r="C2250" s="2"/>
    </row>
    <row r="2251" spans="1:3" ht="19.2">
      <c r="A2251" s="2"/>
      <c r="B2251" s="2"/>
      <c r="C2251" s="2"/>
    </row>
    <row r="2252" spans="1:3" ht="19.2">
      <c r="A2252" s="2"/>
      <c r="B2252" s="2"/>
      <c r="C2252" s="2"/>
    </row>
    <row r="2253" spans="1:3" ht="19.2">
      <c r="A2253" s="2"/>
      <c r="B2253" s="2"/>
      <c r="C2253" s="2"/>
    </row>
    <row r="2254" spans="1:3" ht="19.2">
      <c r="A2254" s="2"/>
      <c r="B2254" s="2"/>
      <c r="C2254" s="2"/>
    </row>
    <row r="2255" spans="1:3" ht="19.2">
      <c r="A2255" s="2"/>
      <c r="B2255" s="2"/>
      <c r="C2255" s="2"/>
    </row>
    <row r="2256" spans="1:3" ht="19.2">
      <c r="A2256" s="2"/>
      <c r="B2256" s="2"/>
      <c r="C2256" s="2"/>
    </row>
    <row r="2257" spans="1:3" ht="19.2">
      <c r="A2257" s="2"/>
      <c r="B2257" s="2"/>
      <c r="C2257" s="2"/>
    </row>
    <row r="2258" spans="1:3" ht="19.2">
      <c r="A2258" s="2"/>
      <c r="B2258" s="2"/>
      <c r="C2258" s="2"/>
    </row>
    <row r="2259" spans="1:3" ht="19.2">
      <c r="A2259" s="2"/>
      <c r="B2259" s="2"/>
      <c r="C2259" s="2"/>
    </row>
    <row r="2260" spans="1:3" ht="19.2">
      <c r="A2260" s="2"/>
      <c r="B2260" s="2"/>
      <c r="C2260" s="2"/>
    </row>
    <row r="2261" spans="1:3" ht="19.2">
      <c r="A2261" s="2"/>
      <c r="B2261" s="2"/>
      <c r="C2261" s="2"/>
    </row>
    <row r="2262" spans="1:3" ht="19.2">
      <c r="A2262" s="2"/>
      <c r="B2262" s="2"/>
      <c r="C2262" s="2"/>
    </row>
    <row r="2263" spans="1:3" ht="19.2">
      <c r="A2263" s="2"/>
      <c r="B2263" s="2"/>
      <c r="C2263" s="2"/>
    </row>
    <row r="2264" spans="1:3" ht="19.2">
      <c r="A2264" s="2"/>
      <c r="B2264" s="2"/>
      <c r="C2264" s="2"/>
    </row>
    <row r="2265" spans="1:3" ht="19.2">
      <c r="A2265" s="2"/>
      <c r="B2265" s="2"/>
      <c r="C2265" s="2"/>
    </row>
    <row r="2266" spans="1:3" ht="19.2">
      <c r="A2266" s="2"/>
      <c r="B2266" s="2"/>
      <c r="C2266" s="2"/>
    </row>
    <row r="2267" spans="1:3" ht="19.2">
      <c r="A2267" s="2"/>
      <c r="B2267" s="2"/>
      <c r="C2267" s="2"/>
    </row>
    <row r="2268" spans="1:3" ht="19.2">
      <c r="A2268" s="2"/>
      <c r="B2268" s="2"/>
      <c r="C2268" s="2"/>
    </row>
    <row r="2269" spans="1:3" ht="19.2">
      <c r="A2269" s="2"/>
      <c r="B2269" s="2"/>
      <c r="C2269" s="2"/>
    </row>
    <row r="2270" spans="1:3" ht="19.2">
      <c r="A2270" s="2"/>
      <c r="B2270" s="2"/>
      <c r="C2270" s="2"/>
    </row>
    <row r="2271" spans="1:3" ht="19.2">
      <c r="A2271" s="2"/>
      <c r="B2271" s="2"/>
      <c r="C2271" s="2"/>
    </row>
    <row r="2272" spans="1:3" ht="19.2">
      <c r="A2272" s="2"/>
      <c r="B2272" s="2"/>
      <c r="C2272" s="2"/>
    </row>
    <row r="2273" spans="1:3" ht="19.2">
      <c r="A2273" s="2"/>
      <c r="B2273" s="2"/>
      <c r="C2273" s="2"/>
    </row>
    <row r="2274" spans="1:3" ht="19.2">
      <c r="A2274" s="2"/>
      <c r="B2274" s="2"/>
      <c r="C2274" s="2"/>
    </row>
    <row r="2275" spans="1:3" ht="19.2">
      <c r="A2275" s="2"/>
      <c r="B2275" s="2"/>
      <c r="C2275" s="2"/>
    </row>
    <row r="2276" spans="1:3" ht="19.2">
      <c r="A2276" s="2"/>
      <c r="B2276" s="2"/>
      <c r="C2276" s="2"/>
    </row>
    <row r="2277" spans="1:3" ht="19.2">
      <c r="A2277" s="2"/>
      <c r="B2277" s="2"/>
      <c r="C2277" s="2"/>
    </row>
    <row r="2278" spans="1:3" ht="19.2">
      <c r="A2278" s="2"/>
      <c r="B2278" s="2"/>
      <c r="C2278" s="2"/>
    </row>
    <row r="2279" spans="1:3" ht="19.2">
      <c r="A2279" s="2"/>
      <c r="B2279" s="2"/>
      <c r="C2279" s="2"/>
    </row>
    <row r="2280" spans="1:3" ht="19.2">
      <c r="A2280" s="2"/>
      <c r="B2280" s="2"/>
      <c r="C2280" s="2"/>
    </row>
    <row r="2281" spans="1:3" ht="19.2">
      <c r="A2281" s="2"/>
      <c r="B2281" s="2"/>
      <c r="C2281" s="2"/>
    </row>
    <row r="2282" spans="1:3" ht="19.2">
      <c r="A2282" s="2"/>
      <c r="B2282" s="2"/>
      <c r="C2282" s="2"/>
    </row>
    <row r="2283" spans="1:3" ht="19.2">
      <c r="A2283" s="2"/>
      <c r="B2283" s="2"/>
      <c r="C2283" s="2"/>
    </row>
    <row r="2284" spans="1:3" ht="19.2">
      <c r="A2284" s="2"/>
      <c r="B2284" s="2"/>
      <c r="C2284" s="2"/>
    </row>
    <row r="2285" spans="1:3" ht="19.2">
      <c r="A2285" s="2"/>
      <c r="B2285" s="2"/>
      <c r="C2285" s="2"/>
    </row>
    <row r="2286" spans="1:3" ht="19.2">
      <c r="A2286" s="2"/>
      <c r="B2286" s="2"/>
      <c r="C2286" s="2"/>
    </row>
    <row r="2287" spans="1:3" ht="19.2">
      <c r="A2287" s="2"/>
      <c r="B2287" s="2"/>
      <c r="C2287" s="2"/>
    </row>
    <row r="2288" spans="1:3" ht="19.2">
      <c r="A2288" s="2"/>
      <c r="B2288" s="2"/>
      <c r="C2288" s="2"/>
    </row>
    <row r="2289" spans="1:3" ht="19.2">
      <c r="A2289" s="2"/>
      <c r="B2289" s="2"/>
      <c r="C2289" s="2"/>
    </row>
    <row r="2290" spans="1:3" ht="19.2">
      <c r="A2290" s="2"/>
      <c r="B2290" s="2"/>
      <c r="C2290" s="2"/>
    </row>
    <row r="2291" spans="1:3" ht="19.2">
      <c r="A2291" s="2"/>
      <c r="B2291" s="2"/>
      <c r="C2291" s="2"/>
    </row>
    <row r="2292" spans="1:3" ht="19.2">
      <c r="A2292" s="2"/>
      <c r="B2292" s="2"/>
      <c r="C2292" s="2"/>
    </row>
    <row r="2293" spans="1:3" ht="19.2">
      <c r="A2293" s="2"/>
      <c r="B2293" s="2"/>
      <c r="C2293" s="2"/>
    </row>
    <row r="2294" spans="1:3" ht="19.2">
      <c r="A2294" s="2"/>
      <c r="B2294" s="2"/>
      <c r="C2294" s="2"/>
    </row>
    <row r="2295" spans="1:3" ht="19.2">
      <c r="A2295" s="2"/>
      <c r="B2295" s="2"/>
      <c r="C2295" s="2"/>
    </row>
    <row r="2296" spans="1:3" ht="19.2">
      <c r="A2296" s="2"/>
      <c r="B2296" s="2"/>
      <c r="C2296" s="2"/>
    </row>
    <row r="2297" spans="1:3" ht="19.2">
      <c r="A2297" s="2"/>
      <c r="B2297" s="2"/>
      <c r="C2297" s="2"/>
    </row>
    <row r="2298" spans="1:3" ht="19.2">
      <c r="A2298" s="2"/>
      <c r="B2298" s="2"/>
      <c r="C2298" s="2"/>
    </row>
    <row r="2299" spans="1:3" ht="19.2">
      <c r="A2299" s="2"/>
      <c r="B2299" s="2"/>
      <c r="C2299" s="2"/>
    </row>
    <row r="2300" spans="1:3" ht="19.2">
      <c r="A2300" s="2"/>
      <c r="B2300" s="2"/>
      <c r="C2300" s="2"/>
    </row>
    <row r="2301" spans="1:3" ht="19.2">
      <c r="A2301" s="2"/>
      <c r="B2301" s="2"/>
      <c r="C2301" s="2"/>
    </row>
    <row r="2302" spans="1:3" ht="19.2">
      <c r="A2302" s="2"/>
      <c r="B2302" s="2"/>
      <c r="C2302" s="2"/>
    </row>
    <row r="2303" spans="1:3" ht="19.2">
      <c r="A2303" s="2"/>
      <c r="B2303" s="2"/>
      <c r="C2303" s="2"/>
    </row>
    <row r="2304" spans="1:3" ht="19.2">
      <c r="A2304" s="2"/>
      <c r="B2304" s="2"/>
      <c r="C2304" s="2"/>
    </row>
    <row r="2305" spans="1:3" ht="19.2">
      <c r="A2305" s="2"/>
      <c r="B2305" s="2"/>
      <c r="C2305" s="2"/>
    </row>
    <row r="2306" spans="1:3" ht="19.2">
      <c r="A2306" s="2"/>
      <c r="B2306" s="2"/>
      <c r="C2306" s="2"/>
    </row>
    <row r="2307" spans="1:3" ht="19.2">
      <c r="A2307" s="2"/>
      <c r="B2307" s="2"/>
      <c r="C2307" s="2"/>
    </row>
    <row r="2308" spans="1:3" ht="19.2">
      <c r="A2308" s="2"/>
      <c r="B2308" s="2"/>
      <c r="C2308" s="2"/>
    </row>
    <row r="2309" spans="1:3" ht="19.2">
      <c r="A2309" s="2"/>
      <c r="B2309" s="2"/>
      <c r="C2309" s="2"/>
    </row>
    <row r="2310" spans="1:3" ht="19.2">
      <c r="A2310" s="2"/>
      <c r="B2310" s="2"/>
      <c r="C2310" s="2"/>
    </row>
    <row r="2311" spans="1:3" ht="19.2">
      <c r="A2311" s="2"/>
      <c r="B2311" s="2"/>
      <c r="C2311" s="2"/>
    </row>
    <row r="2312" spans="1:3" ht="19.2">
      <c r="A2312" s="2"/>
      <c r="B2312" s="2"/>
      <c r="C2312" s="2"/>
    </row>
    <row r="2313" spans="1:3" ht="19.2">
      <c r="A2313" s="2"/>
      <c r="B2313" s="2"/>
      <c r="C2313" s="2"/>
    </row>
    <row r="2314" spans="1:3" ht="19.2">
      <c r="A2314" s="2"/>
      <c r="B2314" s="2"/>
      <c r="C2314" s="2"/>
    </row>
    <row r="2315" spans="1:3" ht="19.2">
      <c r="A2315" s="2"/>
      <c r="B2315" s="2"/>
      <c r="C2315" s="2"/>
    </row>
    <row r="2316" spans="1:3" ht="19.2">
      <c r="A2316" s="2"/>
      <c r="B2316" s="2"/>
      <c r="C2316" s="2"/>
    </row>
    <row r="2317" spans="1:3" ht="19.2">
      <c r="A2317" s="2"/>
      <c r="B2317" s="2"/>
      <c r="C2317" s="2"/>
    </row>
    <row r="2318" spans="1:3" ht="19.2">
      <c r="A2318" s="2"/>
      <c r="B2318" s="2"/>
      <c r="C2318" s="2"/>
    </row>
    <row r="2319" spans="1:3" ht="19.2">
      <c r="A2319" s="2"/>
      <c r="B2319" s="2"/>
      <c r="C2319" s="2"/>
    </row>
    <row r="2320" spans="1:3" ht="19.2">
      <c r="A2320" s="2"/>
      <c r="B2320" s="2"/>
      <c r="C2320" s="2"/>
    </row>
    <row r="2321" spans="1:3" ht="19.2">
      <c r="A2321" s="2"/>
      <c r="B2321" s="2"/>
      <c r="C2321" s="2"/>
    </row>
    <row r="2322" spans="1:3" ht="19.2">
      <c r="A2322" s="2"/>
      <c r="B2322" s="2"/>
      <c r="C2322" s="2"/>
    </row>
    <row r="2323" spans="1:3" ht="19.2">
      <c r="A2323" s="2"/>
      <c r="B2323" s="2"/>
      <c r="C2323" s="2"/>
    </row>
    <row r="2324" spans="1:3" ht="19.2">
      <c r="A2324" s="2"/>
      <c r="B2324" s="2"/>
      <c r="C2324" s="2"/>
    </row>
    <row r="2325" spans="1:3" ht="19.2">
      <c r="A2325" s="2"/>
      <c r="B2325" s="2"/>
      <c r="C2325" s="2"/>
    </row>
    <row r="2326" spans="1:3" ht="19.2">
      <c r="A2326" s="2"/>
      <c r="B2326" s="2"/>
      <c r="C2326" s="2"/>
    </row>
    <row r="2327" spans="1:3" ht="19.2">
      <c r="A2327" s="2"/>
      <c r="B2327" s="2"/>
      <c r="C2327" s="2"/>
    </row>
    <row r="2328" spans="1:3" ht="19.2">
      <c r="A2328" s="2"/>
      <c r="B2328" s="2"/>
      <c r="C2328" s="2"/>
    </row>
    <row r="2329" spans="1:3" ht="19.2">
      <c r="A2329" s="2"/>
      <c r="B2329" s="2"/>
      <c r="C2329" s="2"/>
    </row>
    <row r="2330" spans="1:3" ht="19.2">
      <c r="A2330" s="2"/>
      <c r="B2330" s="2"/>
      <c r="C2330" s="2"/>
    </row>
    <row r="2331" spans="1:3" ht="19.2">
      <c r="A2331" s="2"/>
      <c r="B2331" s="2"/>
      <c r="C2331" s="2"/>
    </row>
    <row r="2332" spans="1:3" ht="19.2">
      <c r="A2332" s="2"/>
      <c r="B2332" s="2"/>
      <c r="C2332" s="2"/>
    </row>
    <row r="2333" spans="1:3" ht="19.2">
      <c r="A2333" s="2"/>
      <c r="B2333" s="2"/>
      <c r="C2333" s="2"/>
    </row>
    <row r="2334" spans="1:3" ht="19.2">
      <c r="A2334" s="2"/>
      <c r="B2334" s="2"/>
      <c r="C2334" s="2"/>
    </row>
    <row r="2335" spans="1:3" ht="19.2">
      <c r="A2335" s="2"/>
      <c r="B2335" s="2"/>
      <c r="C2335" s="2"/>
    </row>
    <row r="2336" spans="1:3" ht="19.2">
      <c r="A2336" s="2"/>
      <c r="B2336" s="2"/>
      <c r="C2336" s="2"/>
    </row>
    <row r="2337" spans="1:3" ht="19.2">
      <c r="A2337" s="2"/>
      <c r="B2337" s="2"/>
      <c r="C2337" s="2"/>
    </row>
    <row r="2338" spans="1:3" ht="19.2">
      <c r="A2338" s="2"/>
      <c r="B2338" s="2"/>
      <c r="C2338" s="2"/>
    </row>
    <row r="2339" spans="1:3" ht="19.2">
      <c r="A2339" s="2"/>
      <c r="B2339" s="2"/>
      <c r="C2339" s="2"/>
    </row>
    <row r="2340" spans="1:3" ht="19.2">
      <c r="A2340" s="2"/>
      <c r="B2340" s="2"/>
      <c r="C2340" s="2"/>
    </row>
    <row r="2341" spans="1:3" ht="19.2">
      <c r="A2341" s="2"/>
      <c r="B2341" s="2"/>
      <c r="C2341" s="2"/>
    </row>
    <row r="2342" spans="1:3" ht="19.2">
      <c r="A2342" s="2"/>
      <c r="B2342" s="2"/>
      <c r="C2342" s="2"/>
    </row>
    <row r="2343" spans="1:3" ht="19.2">
      <c r="A2343" s="2"/>
      <c r="B2343" s="2"/>
      <c r="C2343" s="2"/>
    </row>
    <row r="2344" spans="1:3" ht="19.2">
      <c r="A2344" s="2"/>
      <c r="B2344" s="2"/>
      <c r="C2344" s="2"/>
    </row>
    <row r="2345" spans="1:3" ht="19.2">
      <c r="A2345" s="2"/>
      <c r="B2345" s="2"/>
      <c r="C2345" s="2"/>
    </row>
    <row r="2346" spans="1:3" ht="19.2">
      <c r="A2346" s="2"/>
      <c r="B2346" s="2"/>
      <c r="C2346" s="2"/>
    </row>
    <row r="2347" spans="1:3" ht="19.2">
      <c r="A2347" s="2"/>
      <c r="B2347" s="2"/>
      <c r="C2347" s="2"/>
    </row>
    <row r="2348" spans="1:3" ht="19.2">
      <c r="A2348" s="2"/>
      <c r="B2348" s="2"/>
      <c r="C2348" s="2"/>
    </row>
    <row r="2349" spans="1:3" ht="19.2">
      <c r="A2349" s="2"/>
      <c r="B2349" s="2"/>
      <c r="C2349" s="2"/>
    </row>
    <row r="2350" spans="1:3" ht="19.2">
      <c r="A2350" s="2"/>
      <c r="B2350" s="2"/>
      <c r="C2350" s="2"/>
    </row>
    <row r="2351" spans="1:3" ht="19.2">
      <c r="A2351" s="2"/>
      <c r="B2351" s="2"/>
      <c r="C2351" s="2"/>
    </row>
    <row r="2352" spans="1:3" ht="19.2">
      <c r="A2352" s="2"/>
      <c r="B2352" s="2"/>
      <c r="C2352" s="2"/>
    </row>
    <row r="2353" spans="1:3" ht="19.2">
      <c r="A2353" s="2"/>
      <c r="B2353" s="2"/>
      <c r="C2353" s="2"/>
    </row>
    <row r="2354" spans="1:3" ht="19.2">
      <c r="A2354" s="2"/>
      <c r="B2354" s="2"/>
      <c r="C2354" s="2"/>
    </row>
    <row r="2355" spans="1:3" ht="19.2">
      <c r="A2355" s="2"/>
      <c r="B2355" s="2"/>
      <c r="C2355" s="2"/>
    </row>
    <row r="2356" spans="1:3" ht="19.2">
      <c r="A2356" s="2"/>
      <c r="B2356" s="2"/>
      <c r="C2356" s="2"/>
    </row>
    <row r="2357" spans="1:3" ht="19.2">
      <c r="A2357" s="2"/>
      <c r="B2357" s="2"/>
      <c r="C2357" s="2"/>
    </row>
    <row r="2358" spans="1:3" ht="19.2">
      <c r="A2358" s="2"/>
      <c r="B2358" s="2"/>
      <c r="C2358" s="2"/>
    </row>
    <row r="2359" spans="1:3" ht="19.2">
      <c r="A2359" s="2"/>
      <c r="B2359" s="2"/>
      <c r="C2359" s="2"/>
    </row>
    <row r="2360" spans="1:3" ht="19.2">
      <c r="A2360" s="2"/>
      <c r="B2360" s="2"/>
      <c r="C2360" s="2"/>
    </row>
    <row r="2361" spans="1:3" ht="19.2">
      <c r="A2361" s="2"/>
      <c r="B2361" s="2"/>
      <c r="C2361" s="2"/>
    </row>
    <row r="2362" spans="1:3" ht="19.2">
      <c r="A2362" s="2"/>
      <c r="B2362" s="2"/>
      <c r="C2362" s="2"/>
    </row>
    <row r="2363" spans="1:3" ht="19.2">
      <c r="A2363" s="2"/>
      <c r="B2363" s="2"/>
      <c r="C2363" s="2"/>
    </row>
    <row r="2364" spans="1:3" ht="19.2">
      <c r="A2364" s="2"/>
      <c r="B2364" s="2"/>
      <c r="C2364" s="2"/>
    </row>
    <row r="2365" spans="1:3" ht="19.2">
      <c r="A2365" s="2"/>
      <c r="B2365" s="2"/>
      <c r="C2365" s="2"/>
    </row>
    <row r="2366" spans="1:3" ht="19.2">
      <c r="A2366" s="2"/>
      <c r="B2366" s="2"/>
      <c r="C2366" s="2"/>
    </row>
    <row r="2367" spans="1:3" ht="19.2">
      <c r="A2367" s="2"/>
      <c r="B2367" s="2"/>
      <c r="C2367" s="2"/>
    </row>
    <row r="2368" spans="1:3" ht="19.2">
      <c r="A2368" s="2"/>
      <c r="B2368" s="2"/>
      <c r="C2368" s="2"/>
    </row>
    <row r="2369" spans="1:3" ht="19.2">
      <c r="A2369" s="2"/>
      <c r="B2369" s="2"/>
      <c r="C2369" s="2"/>
    </row>
    <row r="2370" spans="1:3" ht="19.2">
      <c r="A2370" s="2"/>
      <c r="B2370" s="2"/>
      <c r="C2370" s="2"/>
    </row>
    <row r="2371" spans="1:3" ht="19.2">
      <c r="A2371" s="2"/>
      <c r="B2371" s="2"/>
      <c r="C2371" s="2"/>
    </row>
    <row r="2372" spans="1:3" ht="19.2">
      <c r="A2372" s="2"/>
      <c r="B2372" s="2"/>
      <c r="C2372" s="2"/>
    </row>
    <row r="2373" spans="1:3" ht="19.2">
      <c r="A2373" s="2"/>
      <c r="B2373" s="2"/>
      <c r="C2373" s="2"/>
    </row>
    <row r="2374" spans="1:3" ht="19.2">
      <c r="A2374" s="2"/>
      <c r="B2374" s="2"/>
      <c r="C2374" s="2"/>
    </row>
    <row r="2375" spans="1:3" ht="19.2">
      <c r="A2375" s="2"/>
      <c r="B2375" s="2"/>
      <c r="C2375" s="2"/>
    </row>
    <row r="2376" spans="1:3" ht="19.2">
      <c r="A2376" s="2"/>
      <c r="B2376" s="2"/>
      <c r="C2376" s="2"/>
    </row>
    <row r="2377" spans="1:3" ht="19.2">
      <c r="A2377" s="2"/>
      <c r="B2377" s="2"/>
      <c r="C2377" s="2"/>
    </row>
    <row r="2378" spans="1:3" ht="19.2">
      <c r="A2378" s="2"/>
      <c r="B2378" s="2"/>
      <c r="C2378" s="2"/>
    </row>
    <row r="2379" spans="1:3" ht="19.2">
      <c r="A2379" s="2"/>
      <c r="B2379" s="2"/>
      <c r="C2379" s="2"/>
    </row>
    <row r="2380" spans="1:3" ht="19.2">
      <c r="A2380" s="2"/>
      <c r="B2380" s="2"/>
      <c r="C2380" s="2"/>
    </row>
    <row r="2381" spans="1:3" ht="19.2">
      <c r="A2381" s="2"/>
      <c r="B2381" s="2"/>
      <c r="C2381" s="2"/>
    </row>
    <row r="2382" spans="1:3" ht="19.2">
      <c r="A2382" s="2"/>
      <c r="B2382" s="2"/>
      <c r="C2382" s="2"/>
    </row>
    <row r="2383" spans="1:3" ht="19.2">
      <c r="A2383" s="2"/>
      <c r="B2383" s="2"/>
      <c r="C2383" s="2"/>
    </row>
    <row r="2384" spans="1:3" ht="19.2">
      <c r="A2384" s="2"/>
      <c r="B2384" s="2"/>
      <c r="C2384" s="2"/>
    </row>
    <row r="2385" spans="1:3" ht="19.2">
      <c r="A2385" s="2"/>
      <c r="B2385" s="2"/>
      <c r="C2385" s="2"/>
    </row>
    <row r="2386" spans="1:3" ht="19.2">
      <c r="A2386" s="2"/>
      <c r="B2386" s="2"/>
      <c r="C2386" s="2"/>
    </row>
    <row r="2387" spans="1:3" ht="19.2">
      <c r="A2387" s="2"/>
      <c r="B2387" s="2"/>
      <c r="C2387" s="2"/>
    </row>
    <row r="2388" spans="1:3" ht="19.2">
      <c r="A2388" s="2"/>
      <c r="B2388" s="2"/>
      <c r="C2388" s="2"/>
    </row>
    <row r="2389" spans="1:3" ht="19.2">
      <c r="A2389" s="2"/>
      <c r="B2389" s="2"/>
      <c r="C2389" s="2"/>
    </row>
    <row r="2390" spans="1:3" ht="19.2">
      <c r="A2390" s="2"/>
      <c r="B2390" s="2"/>
      <c r="C2390" s="2"/>
    </row>
    <row r="2391" spans="1:3" ht="19.2">
      <c r="A2391" s="2"/>
      <c r="B2391" s="2"/>
      <c r="C2391" s="2"/>
    </row>
    <row r="2392" spans="1:3" ht="19.2">
      <c r="A2392" s="2"/>
      <c r="B2392" s="2"/>
      <c r="C2392" s="2"/>
    </row>
    <row r="2393" spans="1:3" ht="19.2">
      <c r="A2393" s="2"/>
      <c r="B2393" s="2"/>
      <c r="C2393" s="2"/>
    </row>
    <row r="2394" spans="1:3" ht="19.2">
      <c r="A2394" s="2"/>
      <c r="B2394" s="2"/>
      <c r="C2394" s="2"/>
    </row>
    <row r="2395" spans="1:3" ht="19.2">
      <c r="A2395" s="2"/>
      <c r="B2395" s="2"/>
      <c r="C2395" s="2"/>
    </row>
    <row r="2396" spans="1:3" ht="19.2">
      <c r="A2396" s="2"/>
      <c r="B2396" s="2"/>
      <c r="C2396" s="2"/>
    </row>
    <row r="2397" spans="1:3" ht="19.2">
      <c r="A2397" s="2"/>
      <c r="B2397" s="2"/>
      <c r="C2397" s="2"/>
    </row>
    <row r="2398" spans="1:3" ht="19.2">
      <c r="A2398" s="2"/>
      <c r="B2398" s="2"/>
      <c r="C2398" s="2"/>
    </row>
    <row r="2399" spans="1:3" ht="19.2">
      <c r="A2399" s="2"/>
      <c r="B2399" s="2"/>
      <c r="C2399" s="2"/>
    </row>
    <row r="2400" spans="1:3" ht="19.2">
      <c r="A2400" s="2"/>
      <c r="B2400" s="2"/>
      <c r="C2400" s="2"/>
    </row>
    <row r="2401" spans="1:3" ht="19.2">
      <c r="A2401" s="2"/>
      <c r="B2401" s="2"/>
      <c r="C2401" s="2"/>
    </row>
    <row r="2402" spans="1:3" ht="19.2">
      <c r="A2402" s="2"/>
      <c r="B2402" s="2"/>
      <c r="C2402" s="2"/>
    </row>
    <row r="2403" spans="1:3" ht="19.2">
      <c r="A2403" s="2"/>
      <c r="B2403" s="2"/>
      <c r="C2403" s="2"/>
    </row>
    <row r="2404" spans="1:3" ht="19.2">
      <c r="A2404" s="2"/>
      <c r="B2404" s="2"/>
      <c r="C2404" s="2"/>
    </row>
    <row r="2405" spans="1:3" ht="19.2">
      <c r="A2405" s="2"/>
      <c r="B2405" s="2"/>
      <c r="C2405" s="2"/>
    </row>
    <row r="2406" spans="1:3" ht="19.2">
      <c r="A2406" s="2"/>
      <c r="B2406" s="2"/>
      <c r="C2406" s="2"/>
    </row>
    <row r="2407" spans="1:3" ht="19.2">
      <c r="A2407" s="2"/>
      <c r="B2407" s="2"/>
      <c r="C2407" s="2"/>
    </row>
    <row r="2408" spans="1:3" ht="19.2">
      <c r="A2408" s="2"/>
      <c r="B2408" s="2"/>
      <c r="C2408" s="2"/>
    </row>
    <row r="2409" spans="1:3" ht="19.2">
      <c r="A2409" s="2"/>
      <c r="B2409" s="2"/>
      <c r="C2409" s="2"/>
    </row>
    <row r="2410" spans="1:3" ht="19.2">
      <c r="A2410" s="2"/>
      <c r="B2410" s="2"/>
      <c r="C2410" s="2"/>
    </row>
    <row r="2411" spans="1:3" ht="19.2">
      <c r="A2411" s="2"/>
      <c r="B2411" s="2"/>
      <c r="C2411" s="2"/>
    </row>
    <row r="2412" spans="1:3" ht="19.2">
      <c r="A2412" s="2"/>
      <c r="B2412" s="2"/>
      <c r="C2412" s="2"/>
    </row>
    <row r="2413" spans="1:3" ht="19.2">
      <c r="A2413" s="2"/>
      <c r="B2413" s="2"/>
      <c r="C2413" s="2"/>
    </row>
    <row r="2414" spans="1:3" ht="19.2">
      <c r="A2414" s="2"/>
      <c r="B2414" s="2"/>
      <c r="C2414" s="2"/>
    </row>
    <row r="2415" spans="1:3" ht="19.2">
      <c r="A2415" s="2"/>
      <c r="B2415" s="2"/>
      <c r="C2415" s="2"/>
    </row>
    <row r="2416" spans="1:3" ht="19.2">
      <c r="A2416" s="2"/>
      <c r="B2416" s="2"/>
      <c r="C2416" s="2"/>
    </row>
    <row r="2417" spans="1:3" ht="19.2">
      <c r="A2417" s="2"/>
      <c r="B2417" s="2"/>
      <c r="C2417" s="2"/>
    </row>
    <row r="2418" spans="1:3" ht="19.2">
      <c r="A2418" s="2"/>
      <c r="B2418" s="2"/>
      <c r="C2418" s="2"/>
    </row>
    <row r="2419" spans="1:3" ht="19.2">
      <c r="A2419" s="2"/>
      <c r="B2419" s="2"/>
      <c r="C2419" s="2"/>
    </row>
    <row r="2420" spans="1:3" ht="19.2">
      <c r="A2420" s="2"/>
      <c r="B2420" s="2"/>
      <c r="C2420" s="2"/>
    </row>
    <row r="2421" spans="1:3" ht="19.2">
      <c r="A2421" s="2"/>
      <c r="B2421" s="2"/>
      <c r="C2421" s="2"/>
    </row>
    <row r="2422" spans="1:3" ht="19.2">
      <c r="A2422" s="2"/>
      <c r="B2422" s="2"/>
      <c r="C2422" s="2"/>
    </row>
    <row r="2423" spans="1:3" ht="19.2">
      <c r="A2423" s="2"/>
      <c r="B2423" s="2"/>
      <c r="C2423" s="2"/>
    </row>
    <row r="2424" spans="1:3" ht="19.2">
      <c r="A2424" s="2"/>
      <c r="B2424" s="2"/>
      <c r="C2424" s="2"/>
    </row>
    <row r="2425" spans="1:3" ht="19.2">
      <c r="A2425" s="2"/>
      <c r="B2425" s="2"/>
      <c r="C2425" s="2"/>
    </row>
    <row r="2426" spans="1:3" ht="19.2">
      <c r="A2426" s="2"/>
      <c r="B2426" s="2"/>
      <c r="C2426" s="2"/>
    </row>
    <row r="2427" spans="1:3" ht="19.2">
      <c r="A2427" s="2"/>
      <c r="B2427" s="2"/>
      <c r="C2427" s="2"/>
    </row>
    <row r="2428" spans="1:3" ht="19.2">
      <c r="A2428" s="2"/>
      <c r="B2428" s="2"/>
      <c r="C2428" s="2"/>
    </row>
    <row r="2429" spans="1:3" ht="19.2">
      <c r="A2429" s="2"/>
      <c r="B2429" s="2"/>
      <c r="C2429" s="2"/>
    </row>
    <row r="2430" spans="1:3" ht="19.2">
      <c r="A2430" s="2"/>
      <c r="B2430" s="2"/>
      <c r="C2430" s="2"/>
    </row>
    <row r="2431" spans="1:3" ht="19.2">
      <c r="A2431" s="2"/>
      <c r="B2431" s="2"/>
      <c r="C2431" s="2"/>
    </row>
    <row r="2432" spans="1:3" ht="19.2">
      <c r="A2432" s="2"/>
      <c r="B2432" s="2"/>
      <c r="C2432" s="2"/>
    </row>
    <row r="2433" spans="1:3" ht="19.2">
      <c r="A2433" s="2"/>
      <c r="B2433" s="2"/>
      <c r="C2433" s="2"/>
    </row>
    <row r="2434" spans="1:3" ht="19.2">
      <c r="A2434" s="2"/>
      <c r="B2434" s="2"/>
      <c r="C2434" s="2"/>
    </row>
    <row r="2435" spans="1:3" ht="19.2">
      <c r="A2435" s="2"/>
      <c r="B2435" s="2"/>
      <c r="C2435" s="2"/>
    </row>
    <row r="2436" spans="1:3" ht="19.2">
      <c r="A2436" s="2"/>
      <c r="B2436" s="2"/>
      <c r="C2436" s="2"/>
    </row>
    <row r="2437" spans="1:3" ht="19.2">
      <c r="A2437" s="2"/>
      <c r="B2437" s="2"/>
      <c r="C2437" s="2"/>
    </row>
    <row r="2438" spans="1:3" ht="19.2">
      <c r="A2438" s="2"/>
      <c r="B2438" s="2"/>
      <c r="C2438" s="2"/>
    </row>
    <row r="2439" spans="1:3" ht="19.2">
      <c r="A2439" s="2"/>
      <c r="B2439" s="2"/>
      <c r="C2439" s="2"/>
    </row>
    <row r="2440" spans="1:3" ht="19.2">
      <c r="A2440" s="2"/>
      <c r="B2440" s="2"/>
      <c r="C2440" s="2"/>
    </row>
    <row r="2441" spans="1:3" ht="19.2">
      <c r="A2441" s="2"/>
      <c r="B2441" s="2"/>
      <c r="C2441" s="2"/>
    </row>
    <row r="2442" spans="1:3" ht="19.2">
      <c r="A2442" s="2"/>
      <c r="B2442" s="2"/>
      <c r="C2442" s="2"/>
    </row>
    <row r="2443" spans="1:3" ht="19.2">
      <c r="A2443" s="2"/>
      <c r="B2443" s="2"/>
      <c r="C2443" s="2"/>
    </row>
    <row r="2444" spans="1:3" ht="19.2">
      <c r="A2444" s="2"/>
      <c r="B2444" s="2"/>
      <c r="C2444" s="2"/>
    </row>
    <row r="2445" spans="1:3" ht="19.2">
      <c r="A2445" s="2"/>
      <c r="B2445" s="2"/>
      <c r="C2445" s="2"/>
    </row>
    <row r="2446" spans="1:3" ht="19.2">
      <c r="A2446" s="2"/>
      <c r="B2446" s="2"/>
      <c r="C2446" s="2"/>
    </row>
    <row r="2447" spans="1:3" ht="19.2">
      <c r="A2447" s="2"/>
      <c r="B2447" s="2"/>
      <c r="C2447" s="2"/>
    </row>
    <row r="2448" spans="1:3" ht="19.2">
      <c r="A2448" s="2"/>
      <c r="B2448" s="2"/>
      <c r="C2448" s="2"/>
    </row>
    <row r="2449" spans="1:3" ht="19.2">
      <c r="A2449" s="2"/>
      <c r="B2449" s="2"/>
      <c r="C2449" s="2"/>
    </row>
    <row r="2450" spans="1:3" ht="19.2">
      <c r="A2450" s="2"/>
      <c r="B2450" s="2"/>
      <c r="C2450" s="2"/>
    </row>
    <row r="2451" spans="1:3" ht="19.2">
      <c r="A2451" s="2"/>
      <c r="B2451" s="2"/>
      <c r="C2451" s="2"/>
    </row>
    <row r="2452" spans="1:3" ht="19.2">
      <c r="A2452" s="2"/>
      <c r="B2452" s="2"/>
      <c r="C2452" s="2"/>
    </row>
    <row r="2453" spans="1:3" ht="19.2">
      <c r="A2453" s="2"/>
      <c r="B2453" s="2"/>
      <c r="C2453" s="2"/>
    </row>
    <row r="2454" spans="1:3" ht="19.2">
      <c r="A2454" s="2"/>
      <c r="B2454" s="2"/>
      <c r="C2454" s="2"/>
    </row>
    <row r="2455" spans="1:3" ht="19.2">
      <c r="A2455" s="2"/>
      <c r="B2455" s="2"/>
      <c r="C2455" s="2"/>
    </row>
    <row r="2456" spans="1:3" ht="19.2">
      <c r="A2456" s="2"/>
      <c r="B2456" s="2"/>
      <c r="C2456" s="2"/>
    </row>
    <row r="2457" spans="1:3" ht="19.2">
      <c r="A2457" s="2"/>
      <c r="B2457" s="2"/>
      <c r="C2457" s="2"/>
    </row>
    <row r="2458" spans="1:3" ht="19.2">
      <c r="A2458" s="2"/>
      <c r="B2458" s="2"/>
      <c r="C2458" s="2"/>
    </row>
    <row r="2459" spans="1:3" ht="19.2">
      <c r="A2459" s="2"/>
      <c r="B2459" s="2"/>
      <c r="C2459" s="2"/>
    </row>
    <row r="2460" spans="1:3" ht="19.2">
      <c r="A2460" s="2"/>
      <c r="B2460" s="2"/>
      <c r="C2460" s="2"/>
    </row>
    <row r="2461" spans="1:3" ht="19.2">
      <c r="A2461" s="2"/>
      <c r="B2461" s="2"/>
      <c r="C2461" s="2"/>
    </row>
    <row r="2462" spans="1:3" ht="19.2">
      <c r="A2462" s="2"/>
      <c r="B2462" s="2"/>
      <c r="C2462" s="2"/>
    </row>
    <row r="2463" spans="1:3" ht="19.2">
      <c r="A2463" s="2"/>
      <c r="B2463" s="2"/>
      <c r="C2463" s="2"/>
    </row>
    <row r="2464" spans="1:3" ht="19.2">
      <c r="A2464" s="2"/>
      <c r="B2464" s="2"/>
      <c r="C2464" s="2"/>
    </row>
    <row r="2465" spans="1:3" ht="19.2">
      <c r="A2465" s="2"/>
      <c r="B2465" s="2"/>
      <c r="C2465" s="2"/>
    </row>
    <row r="2466" spans="1:3" ht="19.2">
      <c r="A2466" s="2"/>
      <c r="B2466" s="2"/>
      <c r="C2466" s="2"/>
    </row>
    <row r="2467" spans="1:3" ht="19.2">
      <c r="A2467" s="2"/>
      <c r="B2467" s="2"/>
      <c r="C2467" s="2"/>
    </row>
    <row r="2468" spans="1:3" ht="19.2">
      <c r="A2468" s="2"/>
      <c r="B2468" s="2"/>
      <c r="C2468" s="2"/>
    </row>
    <row r="2469" spans="1:3" ht="19.2">
      <c r="A2469" s="2"/>
      <c r="B2469" s="2"/>
      <c r="C2469" s="2"/>
    </row>
    <row r="2470" spans="1:3" ht="19.2">
      <c r="A2470" s="2"/>
      <c r="B2470" s="2"/>
      <c r="C2470" s="2"/>
    </row>
    <row r="2471" spans="1:3" ht="19.2">
      <c r="A2471" s="2"/>
      <c r="B2471" s="2"/>
      <c r="C2471" s="2"/>
    </row>
    <row r="2472" spans="1:3" ht="19.2">
      <c r="A2472" s="2"/>
      <c r="B2472" s="2"/>
      <c r="C2472" s="2"/>
    </row>
    <row r="2473" spans="1:3" ht="19.2">
      <c r="A2473" s="2"/>
      <c r="B2473" s="2"/>
      <c r="C2473" s="2"/>
    </row>
    <row r="2474" spans="1:3" ht="19.2">
      <c r="A2474" s="2"/>
      <c r="B2474" s="2"/>
      <c r="C2474" s="2"/>
    </row>
    <row r="2475" spans="1:3" ht="19.2">
      <c r="A2475" s="2"/>
      <c r="B2475" s="2"/>
      <c r="C2475" s="2"/>
    </row>
    <row r="2476" spans="1:3" ht="19.2">
      <c r="A2476" s="2"/>
      <c r="B2476" s="2"/>
      <c r="C2476" s="2"/>
    </row>
    <row r="2477" spans="1:3" ht="19.2">
      <c r="A2477" s="2"/>
      <c r="B2477" s="2"/>
      <c r="C2477" s="2"/>
    </row>
    <row r="2478" spans="1:3" ht="19.2">
      <c r="A2478" s="2"/>
      <c r="B2478" s="2"/>
      <c r="C2478" s="2"/>
    </row>
    <row r="2479" spans="1:3" ht="19.2">
      <c r="A2479" s="2"/>
      <c r="B2479" s="2"/>
      <c r="C2479" s="2"/>
    </row>
    <row r="2480" spans="1:3" ht="19.2">
      <c r="A2480" s="2"/>
      <c r="B2480" s="2"/>
      <c r="C2480" s="2"/>
    </row>
    <row r="2481" spans="1:3" ht="19.2">
      <c r="A2481" s="2"/>
      <c r="B2481" s="2"/>
      <c r="C2481" s="2"/>
    </row>
    <row r="2482" spans="1:3" ht="19.2">
      <c r="A2482" s="2"/>
      <c r="B2482" s="2"/>
      <c r="C2482" s="2"/>
    </row>
    <row r="2483" spans="1:3" ht="19.2">
      <c r="A2483" s="2"/>
      <c r="B2483" s="2"/>
      <c r="C2483" s="2"/>
    </row>
    <row r="2484" spans="1:3" ht="19.2">
      <c r="A2484" s="2"/>
      <c r="B2484" s="2"/>
      <c r="C2484" s="2"/>
    </row>
    <row r="2485" spans="1:3" ht="19.2">
      <c r="A2485" s="2"/>
      <c r="B2485" s="2"/>
      <c r="C2485" s="2"/>
    </row>
    <row r="2486" spans="1:3" ht="19.2">
      <c r="A2486" s="2"/>
      <c r="B2486" s="2"/>
      <c r="C2486" s="2"/>
    </row>
    <row r="2487" spans="1:3" ht="19.2">
      <c r="A2487" s="2"/>
      <c r="B2487" s="2"/>
      <c r="C2487" s="2"/>
    </row>
    <row r="2488" spans="1:3" ht="19.2">
      <c r="A2488" s="2"/>
      <c r="B2488" s="2"/>
      <c r="C2488" s="2"/>
    </row>
    <row r="2489" spans="1:3" ht="19.2">
      <c r="A2489" s="2"/>
      <c r="B2489" s="2"/>
      <c r="C2489" s="2"/>
    </row>
    <row r="2490" spans="1:3" ht="19.2">
      <c r="A2490" s="2"/>
      <c r="B2490" s="2"/>
      <c r="C2490" s="2"/>
    </row>
    <row r="2491" spans="1:3" ht="19.2">
      <c r="A2491" s="2"/>
      <c r="B2491" s="2"/>
      <c r="C2491" s="2"/>
    </row>
    <row r="2492" spans="1:3" ht="19.2">
      <c r="A2492" s="2"/>
      <c r="B2492" s="2"/>
      <c r="C2492" s="2"/>
    </row>
    <row r="2493" spans="1:3" ht="19.2">
      <c r="A2493" s="2"/>
      <c r="B2493" s="2"/>
      <c r="C2493" s="2"/>
    </row>
    <row r="2494" spans="1:3" ht="19.2">
      <c r="A2494" s="2"/>
      <c r="B2494" s="2"/>
      <c r="C2494" s="2"/>
    </row>
    <row r="2495" spans="1:3" ht="19.2">
      <c r="A2495" s="2"/>
      <c r="B2495" s="2"/>
      <c r="C2495" s="2"/>
    </row>
    <row r="2496" spans="1:3" ht="19.2">
      <c r="A2496" s="2"/>
      <c r="B2496" s="2"/>
      <c r="C2496" s="2"/>
    </row>
    <row r="2497" spans="1:3" ht="19.2">
      <c r="A2497" s="2"/>
      <c r="B2497" s="2"/>
      <c r="C2497" s="2"/>
    </row>
    <row r="2498" spans="1:3" ht="19.2">
      <c r="A2498" s="2"/>
      <c r="B2498" s="2"/>
      <c r="C2498" s="2"/>
    </row>
    <row r="2499" spans="1:3" ht="19.2">
      <c r="A2499" s="2"/>
      <c r="B2499" s="2"/>
      <c r="C2499" s="2"/>
    </row>
    <row r="2500" spans="1:3" ht="19.2">
      <c r="A2500" s="2"/>
      <c r="B2500" s="2"/>
      <c r="C2500" s="2"/>
    </row>
    <row r="2501" spans="1:3" ht="19.2">
      <c r="A2501" s="2"/>
      <c r="B2501" s="2"/>
      <c r="C2501" s="2"/>
    </row>
    <row r="2502" spans="1:3" ht="19.2">
      <c r="A2502" s="2"/>
      <c r="B2502" s="2"/>
      <c r="C2502" s="2"/>
    </row>
    <row r="2503" spans="1:3" ht="19.2">
      <c r="A2503" s="2"/>
      <c r="B2503" s="2"/>
      <c r="C2503" s="2"/>
    </row>
    <row r="2504" spans="1:3" ht="19.2">
      <c r="A2504" s="2"/>
      <c r="B2504" s="2"/>
      <c r="C2504" s="2"/>
    </row>
    <row r="2505" spans="1:3" ht="19.2">
      <c r="A2505" s="2"/>
      <c r="B2505" s="2"/>
      <c r="C2505" s="2"/>
    </row>
    <row r="2506" spans="1:3" ht="19.2">
      <c r="A2506" s="2"/>
      <c r="B2506" s="2"/>
      <c r="C2506" s="2"/>
    </row>
    <row r="2507" spans="1:3" ht="19.2">
      <c r="A2507" s="2"/>
      <c r="B2507" s="2"/>
      <c r="C2507" s="2"/>
    </row>
    <row r="2508" spans="1:3" ht="19.2">
      <c r="A2508" s="2"/>
      <c r="B2508" s="2"/>
      <c r="C2508" s="2"/>
    </row>
    <row r="2509" spans="1:3" ht="19.2">
      <c r="A2509" s="2"/>
      <c r="B2509" s="2"/>
      <c r="C2509" s="2"/>
    </row>
    <row r="2510" spans="1:3" ht="19.2">
      <c r="A2510" s="2"/>
      <c r="B2510" s="2"/>
      <c r="C2510" s="2"/>
    </row>
    <row r="2511" spans="1:3" ht="19.2">
      <c r="A2511" s="2"/>
      <c r="B2511" s="2"/>
      <c r="C2511" s="2"/>
    </row>
    <row r="2512" spans="1:3" ht="19.2">
      <c r="A2512" s="2"/>
      <c r="B2512" s="2"/>
      <c r="C2512" s="2"/>
    </row>
    <row r="2513" spans="1:3" ht="19.2">
      <c r="A2513" s="2"/>
      <c r="B2513" s="2"/>
      <c r="C2513" s="2"/>
    </row>
    <row r="2514" spans="1:3" ht="19.2">
      <c r="A2514" s="2"/>
      <c r="B2514" s="2"/>
      <c r="C2514" s="2"/>
    </row>
    <row r="2515" spans="1:3" ht="19.2">
      <c r="A2515" s="2"/>
      <c r="B2515" s="2"/>
      <c r="C2515" s="2"/>
    </row>
    <row r="2516" spans="1:3" ht="19.2">
      <c r="A2516" s="2"/>
      <c r="B2516" s="2"/>
      <c r="C2516" s="2"/>
    </row>
    <row r="2517" spans="1:3" ht="19.2">
      <c r="A2517" s="2"/>
      <c r="B2517" s="2"/>
      <c r="C2517" s="2"/>
    </row>
    <row r="2518" spans="1:3" ht="19.2">
      <c r="A2518" s="2"/>
      <c r="B2518" s="2"/>
      <c r="C2518" s="2"/>
    </row>
    <row r="2519" spans="1:3" ht="19.2">
      <c r="A2519" s="2"/>
      <c r="B2519" s="2"/>
      <c r="C2519" s="2"/>
    </row>
    <row r="2520" spans="1:3" ht="19.2">
      <c r="A2520" s="2"/>
      <c r="B2520" s="2"/>
      <c r="C2520" s="2"/>
    </row>
    <row r="2521" spans="1:3" ht="19.2">
      <c r="A2521" s="2"/>
      <c r="B2521" s="2"/>
      <c r="C2521" s="2"/>
    </row>
    <row r="2522" spans="1:3" ht="19.2">
      <c r="A2522" s="2"/>
      <c r="B2522" s="2"/>
      <c r="C2522" s="2"/>
    </row>
    <row r="2523" spans="1:3" ht="19.2">
      <c r="A2523" s="2"/>
      <c r="B2523" s="2"/>
      <c r="C2523" s="2"/>
    </row>
    <row r="2524" spans="1:3" ht="19.2">
      <c r="A2524" s="2"/>
      <c r="B2524" s="2"/>
      <c r="C2524" s="2"/>
    </row>
    <row r="2525" spans="1:3" ht="19.2">
      <c r="A2525" s="2"/>
      <c r="B2525" s="2"/>
      <c r="C2525" s="2"/>
    </row>
    <row r="2526" spans="1:3" ht="19.2">
      <c r="A2526" s="2"/>
      <c r="B2526" s="2"/>
      <c r="C2526" s="2"/>
    </row>
    <row r="2527" spans="1:3" ht="19.2">
      <c r="A2527" s="2"/>
      <c r="B2527" s="2"/>
      <c r="C2527" s="2"/>
    </row>
    <row r="2528" spans="1:3" ht="19.2">
      <c r="A2528" s="2"/>
      <c r="B2528" s="2"/>
      <c r="C2528" s="2"/>
    </row>
    <row r="2529" spans="1:3" ht="19.2">
      <c r="A2529" s="2"/>
      <c r="B2529" s="2"/>
      <c r="C2529" s="2"/>
    </row>
    <row r="2530" spans="1:3" ht="19.2">
      <c r="A2530" s="2"/>
      <c r="B2530" s="2"/>
      <c r="C2530" s="2"/>
    </row>
    <row r="2531" spans="1:3" ht="19.2">
      <c r="A2531" s="2"/>
      <c r="B2531" s="2"/>
      <c r="C2531" s="2"/>
    </row>
    <row r="2532" spans="1:3" ht="19.2">
      <c r="A2532" s="2"/>
      <c r="B2532" s="2"/>
      <c r="C2532" s="2"/>
    </row>
    <row r="2533" spans="1:3" ht="19.2">
      <c r="A2533" s="2"/>
      <c r="B2533" s="2"/>
      <c r="C2533" s="2"/>
    </row>
    <row r="2534" spans="1:3" ht="19.2">
      <c r="A2534" s="2"/>
      <c r="B2534" s="2"/>
      <c r="C2534" s="2"/>
    </row>
    <row r="2535" spans="1:3" ht="19.2">
      <c r="A2535" s="2"/>
      <c r="B2535" s="2"/>
      <c r="C2535" s="2"/>
    </row>
    <row r="2536" spans="1:3" ht="19.2">
      <c r="A2536" s="2"/>
      <c r="B2536" s="2"/>
      <c r="C2536" s="2"/>
    </row>
    <row r="2537" spans="1:3" ht="19.2">
      <c r="A2537" s="2"/>
      <c r="B2537" s="2"/>
      <c r="C2537" s="2"/>
    </row>
    <row r="2538" spans="1:3" ht="19.2">
      <c r="A2538" s="2"/>
      <c r="B2538" s="2"/>
      <c r="C2538" s="2"/>
    </row>
    <row r="2539" spans="1:3" ht="19.2">
      <c r="A2539" s="2"/>
      <c r="B2539" s="2"/>
      <c r="C2539" s="2"/>
    </row>
    <row r="2540" spans="1:3" ht="19.2">
      <c r="A2540" s="2"/>
      <c r="B2540" s="2"/>
      <c r="C2540" s="2"/>
    </row>
    <row r="2541" spans="1:3" ht="19.2">
      <c r="A2541" s="2"/>
      <c r="B2541" s="2"/>
      <c r="C2541" s="2"/>
    </row>
    <row r="2542" spans="1:3" ht="19.2">
      <c r="A2542" s="2"/>
      <c r="B2542" s="2"/>
      <c r="C2542" s="2"/>
    </row>
    <row r="2543" spans="1:3" ht="19.2">
      <c r="A2543" s="2"/>
      <c r="B2543" s="2"/>
      <c r="C2543" s="2"/>
    </row>
    <row r="2544" spans="1:3" ht="19.2">
      <c r="A2544" s="2"/>
      <c r="B2544" s="2"/>
      <c r="C2544" s="2"/>
    </row>
    <row r="2545" spans="1:3" ht="19.2">
      <c r="A2545" s="2"/>
      <c r="B2545" s="2"/>
      <c r="C2545" s="2"/>
    </row>
    <row r="2546" spans="1:3" ht="19.2">
      <c r="A2546" s="2"/>
      <c r="B2546" s="2"/>
      <c r="C2546" s="2"/>
    </row>
    <row r="2547" spans="1:3" ht="19.2">
      <c r="A2547" s="2"/>
      <c r="B2547" s="2"/>
      <c r="C2547" s="2"/>
    </row>
    <row r="2548" spans="1:3" ht="19.2">
      <c r="A2548" s="2"/>
      <c r="B2548" s="2"/>
      <c r="C2548" s="2"/>
    </row>
    <row r="2549" spans="1:3" ht="19.2">
      <c r="A2549" s="2"/>
      <c r="B2549" s="2"/>
      <c r="C2549" s="2"/>
    </row>
    <row r="2550" spans="1:3" ht="19.2">
      <c r="A2550" s="2"/>
      <c r="B2550" s="2"/>
      <c r="C2550" s="2"/>
    </row>
    <row r="2551" spans="1:3" ht="19.2">
      <c r="A2551" s="2"/>
      <c r="B2551" s="2"/>
      <c r="C2551" s="2"/>
    </row>
    <row r="2552" spans="1:3" ht="19.2">
      <c r="A2552" s="2"/>
      <c r="B2552" s="2"/>
      <c r="C2552" s="2"/>
    </row>
    <row r="2553" spans="1:3" ht="19.2">
      <c r="A2553" s="2"/>
      <c r="B2553" s="2"/>
      <c r="C2553" s="2"/>
    </row>
    <row r="2554" spans="1:3" ht="19.2">
      <c r="A2554" s="2"/>
      <c r="B2554" s="2"/>
      <c r="C2554" s="2"/>
    </row>
    <row r="2555" spans="1:3" ht="19.2">
      <c r="A2555" s="2"/>
      <c r="B2555" s="2"/>
      <c r="C2555" s="2"/>
    </row>
    <row r="2556" spans="1:3" ht="19.2">
      <c r="A2556" s="2"/>
      <c r="B2556" s="2"/>
      <c r="C2556" s="2"/>
    </row>
    <row r="2557" spans="1:3" ht="19.2">
      <c r="A2557" s="2"/>
      <c r="B2557" s="2"/>
      <c r="C2557" s="2"/>
    </row>
    <row r="2558" spans="1:3" ht="19.2">
      <c r="A2558" s="2"/>
      <c r="B2558" s="2"/>
      <c r="C2558" s="2"/>
    </row>
    <row r="2559" spans="1:3" ht="19.2">
      <c r="A2559" s="2"/>
      <c r="B2559" s="2"/>
      <c r="C2559" s="2"/>
    </row>
    <row r="2560" spans="1:3" ht="19.2">
      <c r="A2560" s="2"/>
      <c r="B2560" s="2"/>
      <c r="C2560" s="2"/>
    </row>
    <row r="2561" spans="1:3" ht="19.2">
      <c r="A2561" s="2"/>
      <c r="B2561" s="2"/>
      <c r="C2561" s="2"/>
    </row>
    <row r="2562" spans="1:3" ht="19.2">
      <c r="A2562" s="2"/>
      <c r="B2562" s="2"/>
      <c r="C2562" s="2"/>
    </row>
    <row r="2563" spans="1:3" ht="19.2">
      <c r="A2563" s="2"/>
      <c r="B2563" s="2"/>
      <c r="C2563" s="2"/>
    </row>
    <row r="2564" spans="1:3" ht="19.2">
      <c r="A2564" s="2"/>
      <c r="B2564" s="2"/>
      <c r="C2564" s="2"/>
    </row>
    <row r="2565" spans="1:3" ht="19.2">
      <c r="A2565" s="2"/>
      <c r="B2565" s="2"/>
      <c r="C2565" s="2"/>
    </row>
    <row r="2566" spans="1:3" ht="19.2">
      <c r="A2566" s="2"/>
      <c r="B2566" s="2"/>
      <c r="C2566" s="2"/>
    </row>
    <row r="2567" spans="1:3" ht="19.2">
      <c r="A2567" s="2"/>
      <c r="B2567" s="2"/>
      <c r="C2567" s="2"/>
    </row>
    <row r="2568" spans="1:3" ht="19.2">
      <c r="A2568" s="2"/>
      <c r="B2568" s="2"/>
      <c r="C2568" s="2"/>
    </row>
    <row r="2569" spans="1:3" ht="19.2">
      <c r="A2569" s="2"/>
      <c r="B2569" s="2"/>
      <c r="C2569" s="2"/>
    </row>
    <row r="2570" spans="1:3" ht="19.2">
      <c r="A2570" s="2"/>
      <c r="B2570" s="2"/>
      <c r="C2570" s="2"/>
    </row>
    <row r="2571" spans="1:3" ht="19.2">
      <c r="A2571" s="2"/>
      <c r="B2571" s="2"/>
      <c r="C2571" s="2"/>
    </row>
    <row r="2572" spans="1:3" ht="19.2">
      <c r="A2572" s="2"/>
      <c r="B2572" s="2"/>
      <c r="C2572" s="2"/>
    </row>
    <row r="2573" spans="1:3" ht="19.2">
      <c r="A2573" s="2"/>
      <c r="B2573" s="2"/>
      <c r="C2573" s="2"/>
    </row>
    <row r="2574" spans="1:3" ht="19.2">
      <c r="A2574" s="2"/>
      <c r="B2574" s="2"/>
      <c r="C2574" s="2"/>
    </row>
    <row r="2575" spans="1:3" ht="19.2">
      <c r="A2575" s="2"/>
      <c r="B2575" s="2"/>
      <c r="C2575" s="2"/>
    </row>
    <row r="2576" spans="1:3" ht="19.2">
      <c r="A2576" s="2"/>
      <c r="B2576" s="2"/>
      <c r="C2576" s="2"/>
    </row>
    <row r="2577" spans="1:3" ht="19.2">
      <c r="A2577" s="2"/>
      <c r="B2577" s="2"/>
      <c r="C2577" s="2"/>
    </row>
    <row r="2578" spans="1:3" ht="19.2">
      <c r="A2578" s="2"/>
      <c r="B2578" s="2"/>
      <c r="C2578" s="2"/>
    </row>
    <row r="2579" spans="1:3" ht="19.2">
      <c r="A2579" s="2"/>
      <c r="B2579" s="2"/>
      <c r="C2579" s="2"/>
    </row>
    <row r="2580" spans="1:3" ht="19.2">
      <c r="A2580" s="2"/>
      <c r="B2580" s="2"/>
      <c r="C2580" s="2"/>
    </row>
    <row r="2581" spans="1:3" ht="19.2">
      <c r="A2581" s="2"/>
      <c r="B2581" s="2"/>
      <c r="C2581" s="2"/>
    </row>
    <row r="2582" spans="1:3" ht="19.2">
      <c r="A2582" s="2"/>
      <c r="B2582" s="2"/>
      <c r="C2582" s="2"/>
    </row>
    <row r="2583" spans="1:3" ht="19.2">
      <c r="A2583" s="2"/>
      <c r="B2583" s="2"/>
      <c r="C2583" s="2"/>
    </row>
    <row r="2584" spans="1:3" ht="19.2">
      <c r="A2584" s="2"/>
      <c r="B2584" s="2"/>
      <c r="C2584" s="2"/>
    </row>
    <row r="2585" spans="1:3" ht="19.2">
      <c r="A2585" s="2"/>
      <c r="B2585" s="2"/>
      <c r="C2585" s="2"/>
    </row>
    <row r="2586" spans="1:3" ht="19.2">
      <c r="A2586" s="2"/>
      <c r="B2586" s="2"/>
      <c r="C2586" s="2"/>
    </row>
    <row r="2587" spans="1:3" ht="19.2">
      <c r="A2587" s="2"/>
      <c r="B2587" s="2"/>
      <c r="C2587" s="2"/>
    </row>
    <row r="2588" spans="1:3" ht="19.2">
      <c r="A2588" s="2"/>
      <c r="B2588" s="2"/>
      <c r="C2588" s="2"/>
    </row>
    <row r="2589" spans="1:3" ht="19.2">
      <c r="A2589" s="2"/>
      <c r="B2589" s="2"/>
      <c r="C2589" s="2"/>
    </row>
    <row r="2590" spans="1:3" ht="19.2">
      <c r="A2590" s="2"/>
      <c r="B2590" s="2"/>
      <c r="C2590" s="2"/>
    </row>
    <row r="2591" spans="1:3" ht="19.2">
      <c r="A2591" s="2"/>
      <c r="B2591" s="2"/>
      <c r="C2591" s="2"/>
    </row>
    <row r="2592" spans="1:3" ht="19.2">
      <c r="A2592" s="2"/>
      <c r="B2592" s="2"/>
      <c r="C2592" s="2"/>
    </row>
    <row r="2593" spans="1:3" ht="19.2">
      <c r="A2593" s="2"/>
      <c r="B2593" s="2"/>
      <c r="C2593" s="2"/>
    </row>
    <row r="2594" spans="1:3" ht="19.2">
      <c r="A2594" s="2"/>
      <c r="B2594" s="2"/>
      <c r="C2594" s="2"/>
    </row>
    <row r="2595" spans="1:3" ht="19.2">
      <c r="A2595" s="2"/>
      <c r="B2595" s="2"/>
      <c r="C2595" s="2"/>
    </row>
    <row r="2596" spans="1:3" ht="19.2">
      <c r="A2596" s="2"/>
      <c r="B2596" s="2"/>
      <c r="C2596" s="2"/>
    </row>
    <row r="2597" spans="1:3" ht="19.2">
      <c r="A2597" s="2"/>
      <c r="B2597" s="2"/>
      <c r="C2597" s="2"/>
    </row>
    <row r="2598" spans="1:3" ht="19.2">
      <c r="A2598" s="2"/>
      <c r="B2598" s="2"/>
      <c r="C2598" s="2"/>
    </row>
    <row r="2599" spans="1:3" ht="19.2">
      <c r="A2599" s="2"/>
      <c r="B2599" s="2"/>
      <c r="C2599" s="2"/>
    </row>
    <row r="2600" spans="1:3" ht="19.2">
      <c r="A2600" s="2"/>
      <c r="B2600" s="2"/>
      <c r="C2600" s="2"/>
    </row>
    <row r="2601" spans="1:3" ht="19.2">
      <c r="A2601" s="2"/>
      <c r="B2601" s="2"/>
      <c r="C2601" s="2"/>
    </row>
    <row r="2602" spans="1:3" ht="19.2">
      <c r="A2602" s="2"/>
      <c r="B2602" s="2"/>
      <c r="C2602" s="2"/>
    </row>
    <row r="2603" spans="1:3" ht="19.2">
      <c r="A2603" s="2"/>
      <c r="B2603" s="2"/>
      <c r="C2603" s="2"/>
    </row>
    <row r="2604" spans="1:3" ht="19.2">
      <c r="A2604" s="2"/>
      <c r="B2604" s="2"/>
      <c r="C2604" s="2"/>
    </row>
    <row r="2605" spans="1:3" ht="19.2">
      <c r="A2605" s="2"/>
      <c r="B2605" s="2"/>
      <c r="C2605" s="2"/>
    </row>
    <row r="2606" spans="1:3" ht="19.2">
      <c r="A2606" s="2"/>
      <c r="B2606" s="2"/>
      <c r="C2606" s="2"/>
    </row>
    <row r="2607" spans="1:3" ht="19.2">
      <c r="A2607" s="2"/>
      <c r="B2607" s="2"/>
      <c r="C2607" s="2"/>
    </row>
    <row r="2608" spans="1:3" ht="19.2">
      <c r="A2608" s="2"/>
      <c r="B2608" s="2"/>
      <c r="C2608" s="2"/>
    </row>
    <row r="2609" spans="1:3" ht="19.2">
      <c r="A2609" s="2"/>
      <c r="B2609" s="2"/>
      <c r="C2609" s="2"/>
    </row>
    <row r="2610" spans="1:3" ht="19.2">
      <c r="A2610" s="2"/>
      <c r="B2610" s="2"/>
      <c r="C2610" s="2"/>
    </row>
    <row r="2611" spans="1:3" ht="19.2">
      <c r="A2611" s="2"/>
      <c r="B2611" s="2"/>
      <c r="C2611" s="2"/>
    </row>
    <row r="2612" spans="1:3" ht="19.2">
      <c r="A2612" s="2"/>
      <c r="B2612" s="2"/>
      <c r="C2612" s="2"/>
    </row>
    <row r="2613" spans="1:3" ht="19.2">
      <c r="A2613" s="2"/>
      <c r="B2613" s="2"/>
      <c r="C2613" s="2"/>
    </row>
    <row r="2614" spans="1:3" ht="19.2">
      <c r="A2614" s="2"/>
      <c r="B2614" s="2"/>
      <c r="C2614" s="2"/>
    </row>
    <row r="2615" spans="1:3" ht="19.2">
      <c r="A2615" s="2"/>
      <c r="B2615" s="2"/>
      <c r="C2615" s="2"/>
    </row>
    <row r="2616" spans="1:3" ht="19.2">
      <c r="A2616" s="2"/>
      <c r="B2616" s="2"/>
      <c r="C2616" s="2"/>
    </row>
    <row r="2617" spans="1:3" ht="19.2">
      <c r="A2617" s="2"/>
      <c r="B2617" s="2"/>
      <c r="C2617" s="2"/>
    </row>
    <row r="2618" spans="1:3" ht="19.2">
      <c r="A2618" s="2"/>
      <c r="B2618" s="2"/>
      <c r="C2618" s="2"/>
    </row>
    <row r="2619" spans="1:3" ht="19.2">
      <c r="A2619" s="2"/>
      <c r="B2619" s="2"/>
      <c r="C2619" s="2"/>
    </row>
    <row r="2620" spans="1:3" ht="19.2">
      <c r="A2620" s="2"/>
      <c r="B2620" s="2"/>
      <c r="C2620" s="2"/>
    </row>
    <row r="2621" spans="1:3" ht="19.2">
      <c r="A2621" s="2"/>
      <c r="B2621" s="2"/>
      <c r="C2621" s="2"/>
    </row>
    <row r="2622" spans="1:3" ht="19.2">
      <c r="A2622" s="2"/>
      <c r="B2622" s="2"/>
      <c r="C2622" s="2"/>
    </row>
    <row r="2623" spans="1:3" ht="19.2">
      <c r="A2623" s="2"/>
      <c r="B2623" s="2"/>
      <c r="C2623" s="2"/>
    </row>
    <row r="2624" spans="1:3" ht="19.2">
      <c r="A2624" s="2"/>
      <c r="B2624" s="2"/>
      <c r="C2624" s="2"/>
    </row>
    <row r="2625" spans="1:3" ht="19.2">
      <c r="A2625" s="2"/>
      <c r="B2625" s="2"/>
      <c r="C2625" s="2"/>
    </row>
    <row r="2626" spans="1:3" ht="19.2">
      <c r="A2626" s="2"/>
      <c r="B2626" s="2"/>
      <c r="C2626" s="2"/>
    </row>
    <row r="2627" spans="1:3" ht="19.2">
      <c r="A2627" s="2"/>
      <c r="B2627" s="2"/>
      <c r="C2627" s="2"/>
    </row>
    <row r="2628" spans="1:3" ht="19.2">
      <c r="A2628" s="2"/>
      <c r="B2628" s="2"/>
      <c r="C2628" s="2"/>
    </row>
    <row r="2629" spans="1:3" ht="19.2">
      <c r="A2629" s="2"/>
      <c r="B2629" s="2"/>
      <c r="C2629" s="2"/>
    </row>
    <row r="2630" spans="1:3" ht="19.2">
      <c r="A2630" s="2"/>
      <c r="B2630" s="2"/>
      <c r="C2630" s="2"/>
    </row>
    <row r="2631" spans="1:3" ht="19.2">
      <c r="A2631" s="2"/>
      <c r="B2631" s="2"/>
      <c r="C2631" s="2"/>
    </row>
    <row r="2632" spans="1:3" ht="19.2">
      <c r="A2632" s="2"/>
      <c r="B2632" s="2"/>
      <c r="C2632" s="2"/>
    </row>
    <row r="2633" spans="1:3" ht="19.2">
      <c r="A2633" s="2"/>
      <c r="B2633" s="2"/>
      <c r="C2633" s="2"/>
    </row>
    <row r="2634" spans="1:3" ht="19.2">
      <c r="A2634" s="2"/>
      <c r="B2634" s="2"/>
      <c r="C2634" s="2"/>
    </row>
    <row r="2635" spans="1:3" ht="19.2">
      <c r="A2635" s="2"/>
      <c r="B2635" s="2"/>
      <c r="C2635" s="2"/>
    </row>
    <row r="2636" spans="1:3" ht="19.2">
      <c r="A2636" s="2"/>
      <c r="B2636" s="2"/>
      <c r="C2636" s="2"/>
    </row>
    <row r="2637" spans="1:3" ht="19.2">
      <c r="A2637" s="2"/>
      <c r="B2637" s="2"/>
      <c r="C2637" s="2"/>
    </row>
    <row r="2638" spans="1:3" ht="19.2">
      <c r="A2638" s="2"/>
      <c r="B2638" s="2"/>
      <c r="C2638" s="2"/>
    </row>
    <row r="2639" spans="1:3" ht="19.2">
      <c r="A2639" s="2"/>
      <c r="B2639" s="2"/>
      <c r="C2639" s="2"/>
    </row>
    <row r="2640" spans="1:3" ht="19.2">
      <c r="A2640" s="2"/>
      <c r="B2640" s="2"/>
      <c r="C2640" s="2"/>
    </row>
    <row r="2641" spans="1:3" ht="19.2">
      <c r="A2641" s="2"/>
      <c r="B2641" s="2"/>
      <c r="C2641" s="2"/>
    </row>
    <row r="2642" spans="1:3" ht="19.2">
      <c r="A2642" s="2"/>
      <c r="B2642" s="2"/>
      <c r="C2642" s="2"/>
    </row>
    <row r="2643" spans="1:3" ht="19.2">
      <c r="A2643" s="2"/>
      <c r="B2643" s="2"/>
      <c r="C2643" s="2"/>
    </row>
    <row r="2644" spans="1:3" ht="19.2">
      <c r="A2644" s="2"/>
      <c r="B2644" s="2"/>
      <c r="C2644" s="2"/>
    </row>
    <row r="2645" spans="1:3" ht="19.2">
      <c r="A2645" s="2"/>
      <c r="B2645" s="2"/>
      <c r="C2645" s="2"/>
    </row>
    <row r="2646" spans="1:3" ht="19.2">
      <c r="A2646" s="2"/>
      <c r="B2646" s="2"/>
      <c r="C2646" s="2"/>
    </row>
    <row r="2647" spans="1:3" ht="19.2">
      <c r="A2647" s="2"/>
      <c r="B2647" s="2"/>
      <c r="C2647" s="2"/>
    </row>
    <row r="2648" spans="1:3" ht="19.2">
      <c r="A2648" s="2"/>
      <c r="B2648" s="2"/>
      <c r="C2648" s="2"/>
    </row>
    <row r="2649" spans="1:3" ht="19.2">
      <c r="A2649" s="2"/>
      <c r="B2649" s="2"/>
      <c r="C2649" s="2"/>
    </row>
    <row r="2650" spans="1:3" ht="19.2">
      <c r="A2650" s="2"/>
      <c r="B2650" s="2"/>
      <c r="C2650" s="2"/>
    </row>
    <row r="2651" spans="1:3" ht="19.2">
      <c r="A2651" s="2"/>
      <c r="B2651" s="2"/>
      <c r="C2651" s="2"/>
    </row>
    <row r="2652" spans="1:3" ht="19.2">
      <c r="A2652" s="2"/>
      <c r="B2652" s="2"/>
      <c r="C2652" s="2"/>
    </row>
    <row r="2653" spans="1:3" ht="19.2">
      <c r="A2653" s="2"/>
      <c r="B2653" s="2"/>
      <c r="C2653" s="2"/>
    </row>
    <row r="2654" spans="1:3" ht="19.2">
      <c r="A2654" s="2"/>
      <c r="B2654" s="2"/>
      <c r="C2654" s="2"/>
    </row>
    <row r="2655" spans="1:3" ht="19.2">
      <c r="A2655" s="2"/>
      <c r="B2655" s="2"/>
      <c r="C2655" s="2"/>
    </row>
    <row r="2656" spans="1:3" ht="19.2">
      <c r="A2656" s="2"/>
      <c r="B2656" s="2"/>
      <c r="C2656" s="2"/>
    </row>
    <row r="2657" spans="1:3" ht="19.2">
      <c r="A2657" s="2"/>
      <c r="B2657" s="2"/>
      <c r="C2657" s="2"/>
    </row>
    <row r="2658" spans="1:3" ht="19.2">
      <c r="A2658" s="2"/>
      <c r="B2658" s="2"/>
      <c r="C2658" s="2"/>
    </row>
    <row r="2659" spans="1:3" ht="19.2">
      <c r="A2659" s="2"/>
      <c r="B2659" s="2"/>
      <c r="C2659" s="2"/>
    </row>
    <row r="2660" spans="1:3" ht="19.2">
      <c r="A2660" s="2"/>
      <c r="B2660" s="2"/>
      <c r="C2660" s="2"/>
    </row>
    <row r="2661" spans="1:3" ht="19.2">
      <c r="A2661" s="2"/>
      <c r="B2661" s="2"/>
      <c r="C2661" s="2"/>
    </row>
    <row r="2662" spans="1:3" ht="19.2">
      <c r="A2662" s="2"/>
      <c r="B2662" s="2"/>
      <c r="C2662" s="2"/>
    </row>
    <row r="2663" spans="1:3" ht="19.2">
      <c r="A2663" s="2"/>
      <c r="B2663" s="2"/>
      <c r="C2663" s="2"/>
    </row>
    <row r="2664" spans="1:3" ht="19.2">
      <c r="A2664" s="2"/>
      <c r="B2664" s="2"/>
      <c r="C2664" s="2"/>
    </row>
    <row r="2665" spans="1:3" ht="19.2">
      <c r="A2665" s="2"/>
      <c r="B2665" s="2"/>
      <c r="C2665" s="2"/>
    </row>
    <row r="2666" spans="1:3" ht="19.2">
      <c r="A2666" s="2"/>
      <c r="B2666" s="2"/>
      <c r="C2666" s="2"/>
    </row>
    <row r="2667" spans="1:3" ht="19.2">
      <c r="A2667" s="2"/>
      <c r="B2667" s="2"/>
      <c r="C2667" s="2"/>
    </row>
    <row r="2668" spans="1:3" ht="19.2">
      <c r="A2668" s="2"/>
      <c r="B2668" s="2"/>
      <c r="C2668" s="2"/>
    </row>
    <row r="2669" spans="1:3" ht="19.2">
      <c r="A2669" s="2"/>
      <c r="B2669" s="2"/>
      <c r="C2669" s="2"/>
    </row>
    <row r="2670" spans="1:3" ht="19.2">
      <c r="A2670" s="2"/>
      <c r="B2670" s="2"/>
      <c r="C2670" s="2"/>
    </row>
    <row r="2671" spans="1:3" ht="19.2">
      <c r="A2671" s="2"/>
      <c r="B2671" s="2"/>
      <c r="C2671" s="2"/>
    </row>
    <row r="2672" spans="1:3" ht="19.2">
      <c r="A2672" s="2"/>
      <c r="B2672" s="2"/>
      <c r="C2672" s="2"/>
    </row>
    <row r="2673" spans="1:3" ht="19.2">
      <c r="A2673" s="2"/>
      <c r="B2673" s="2"/>
      <c r="C2673" s="2"/>
    </row>
    <row r="2674" spans="1:3" ht="19.2">
      <c r="A2674" s="2"/>
      <c r="B2674" s="2"/>
      <c r="C2674" s="2"/>
    </row>
    <row r="2675" spans="1:3" ht="19.2">
      <c r="A2675" s="2"/>
      <c r="B2675" s="2"/>
      <c r="C2675" s="2"/>
    </row>
    <row r="2676" spans="1:3" ht="19.2">
      <c r="A2676" s="2"/>
      <c r="B2676" s="2"/>
      <c r="C2676" s="2"/>
    </row>
    <row r="2677" spans="1:3" ht="19.2">
      <c r="A2677" s="2"/>
      <c r="B2677" s="2"/>
      <c r="C2677" s="2"/>
    </row>
    <row r="2678" spans="1:3" ht="19.2">
      <c r="A2678" s="2"/>
      <c r="B2678" s="2"/>
      <c r="C2678" s="2"/>
    </row>
    <row r="2679" spans="1:3" ht="19.2">
      <c r="A2679" s="2"/>
      <c r="B2679" s="2"/>
      <c r="C2679" s="2"/>
    </row>
    <row r="2680" spans="1:3" ht="19.2">
      <c r="A2680" s="2"/>
      <c r="B2680" s="2"/>
      <c r="C2680" s="2"/>
    </row>
    <row r="2681" spans="1:3" ht="19.2">
      <c r="A2681" s="2"/>
      <c r="B2681" s="2"/>
      <c r="C2681" s="2"/>
    </row>
    <row r="2682" spans="1:3" ht="19.2">
      <c r="A2682" s="2"/>
      <c r="B2682" s="2"/>
      <c r="C2682" s="2"/>
    </row>
    <row r="2683" spans="1:3" ht="19.2">
      <c r="A2683" s="2"/>
      <c r="B2683" s="2"/>
      <c r="C2683" s="2"/>
    </row>
    <row r="2684" spans="1:3" ht="19.2">
      <c r="A2684" s="2"/>
      <c r="B2684" s="2"/>
      <c r="C2684" s="2"/>
    </row>
    <row r="2685" spans="1:3" ht="19.2">
      <c r="A2685" s="2"/>
      <c r="B2685" s="2"/>
      <c r="C2685" s="2"/>
    </row>
    <row r="2686" spans="1:3" ht="19.2">
      <c r="A2686" s="2"/>
      <c r="B2686" s="2"/>
      <c r="C2686" s="2"/>
    </row>
    <row r="2687" spans="1:3" ht="19.2">
      <c r="A2687" s="2"/>
      <c r="B2687" s="2"/>
      <c r="C2687" s="2"/>
    </row>
    <row r="2688" spans="1:3" ht="19.2">
      <c r="A2688" s="2"/>
      <c r="B2688" s="2"/>
      <c r="C2688" s="2"/>
    </row>
    <row r="2689" spans="1:3" ht="19.2">
      <c r="A2689" s="2"/>
      <c r="B2689" s="2"/>
      <c r="C2689" s="2"/>
    </row>
    <row r="2690" spans="1:3" ht="19.2">
      <c r="A2690" s="2"/>
      <c r="B2690" s="2"/>
      <c r="C2690" s="2"/>
    </row>
    <row r="2691" spans="1:3" ht="19.2">
      <c r="A2691" s="2"/>
      <c r="B2691" s="2"/>
      <c r="C2691" s="2"/>
    </row>
    <row r="2692" spans="1:3" ht="19.2">
      <c r="A2692" s="2"/>
      <c r="B2692" s="2"/>
      <c r="C2692" s="2"/>
    </row>
    <row r="2693" spans="1:3" ht="19.2">
      <c r="A2693" s="2"/>
      <c r="B2693" s="2"/>
      <c r="C2693" s="2"/>
    </row>
    <row r="2694" spans="1:3" ht="19.2">
      <c r="A2694" s="2"/>
      <c r="B2694" s="2"/>
      <c r="C2694" s="2"/>
    </row>
    <row r="2695" spans="1:3" ht="19.2">
      <c r="A2695" s="2"/>
      <c r="B2695" s="2"/>
      <c r="C2695" s="2"/>
    </row>
    <row r="2696" spans="1:3" ht="19.2">
      <c r="A2696" s="2"/>
      <c r="B2696" s="2"/>
      <c r="C2696" s="2"/>
    </row>
    <row r="2697" spans="1:3" ht="19.2">
      <c r="A2697" s="2"/>
      <c r="B2697" s="2"/>
      <c r="C2697" s="2"/>
    </row>
    <row r="2698" spans="1:3" ht="19.2">
      <c r="A2698" s="2"/>
      <c r="B2698" s="2"/>
      <c r="C2698" s="2"/>
    </row>
    <row r="2699" spans="1:3" ht="19.2">
      <c r="A2699" s="2"/>
      <c r="B2699" s="2"/>
      <c r="C2699" s="2"/>
    </row>
    <row r="2700" spans="1:3" ht="19.2">
      <c r="A2700" s="2"/>
      <c r="B2700" s="2"/>
      <c r="C2700" s="2"/>
    </row>
    <row r="2701" spans="1:3" ht="19.2">
      <c r="A2701" s="2"/>
      <c r="B2701" s="2"/>
      <c r="C2701" s="2"/>
    </row>
    <row r="2702" spans="1:3" ht="19.2">
      <c r="A2702" s="2"/>
      <c r="B2702" s="2"/>
      <c r="C2702" s="2"/>
    </row>
    <row r="2703" spans="1:3" ht="19.2">
      <c r="A2703" s="2"/>
      <c r="B2703" s="2"/>
      <c r="C2703" s="2"/>
    </row>
    <row r="2704" spans="1:3" ht="19.2">
      <c r="A2704" s="2"/>
      <c r="B2704" s="2"/>
      <c r="C2704" s="2"/>
    </row>
    <row r="2705" spans="1:3" ht="19.2">
      <c r="A2705" s="2"/>
      <c r="B2705" s="2"/>
      <c r="C2705" s="2"/>
    </row>
    <row r="2706" spans="1:3" ht="19.2">
      <c r="A2706" s="2"/>
      <c r="B2706" s="2"/>
      <c r="C2706" s="2"/>
    </row>
    <row r="2707" spans="1:3" ht="19.2">
      <c r="A2707" s="2"/>
      <c r="B2707" s="2"/>
      <c r="C2707" s="2"/>
    </row>
    <row r="2708" spans="1:3" ht="19.2">
      <c r="A2708" s="2"/>
      <c r="B2708" s="2"/>
      <c r="C2708" s="2"/>
    </row>
    <row r="2709" spans="1:3" ht="19.2">
      <c r="A2709" s="2"/>
      <c r="B2709" s="2"/>
      <c r="C2709" s="2"/>
    </row>
    <row r="2710" spans="1:3" ht="19.2">
      <c r="A2710" s="2"/>
      <c r="B2710" s="2"/>
      <c r="C2710" s="2"/>
    </row>
    <row r="2711" spans="1:3" ht="19.2">
      <c r="A2711" s="2"/>
      <c r="B2711" s="2"/>
      <c r="C2711" s="2"/>
    </row>
    <row r="2712" spans="1:3" ht="19.2">
      <c r="A2712" s="2"/>
      <c r="B2712" s="2"/>
      <c r="C2712" s="2"/>
    </row>
    <row r="2713" spans="1:3" ht="19.2">
      <c r="A2713" s="2"/>
      <c r="B2713" s="2"/>
      <c r="C2713" s="2"/>
    </row>
    <row r="2714" spans="1:3" ht="19.2">
      <c r="A2714" s="2"/>
      <c r="B2714" s="2"/>
      <c r="C2714" s="2"/>
    </row>
    <row r="2715" spans="1:3" ht="19.2">
      <c r="A2715" s="2"/>
      <c r="B2715" s="2"/>
      <c r="C2715" s="2"/>
    </row>
    <row r="2716" spans="1:3" ht="19.2">
      <c r="A2716" s="2"/>
      <c r="B2716" s="2"/>
      <c r="C2716" s="2"/>
    </row>
    <row r="2717" spans="1:3" ht="19.2">
      <c r="A2717" s="2"/>
      <c r="B2717" s="2"/>
      <c r="C2717" s="2"/>
    </row>
    <row r="2718" spans="1:3" ht="19.2">
      <c r="A2718" s="2"/>
      <c r="B2718" s="2"/>
      <c r="C2718" s="2"/>
    </row>
    <row r="2719" spans="1:3" ht="19.2">
      <c r="A2719" s="2"/>
      <c r="B2719" s="2"/>
      <c r="C2719" s="2"/>
    </row>
    <row r="2720" spans="1:3" ht="19.2">
      <c r="A2720" s="2"/>
      <c r="B2720" s="2"/>
      <c r="C2720" s="2"/>
    </row>
    <row r="2721" spans="1:3" ht="19.2">
      <c r="A2721" s="2"/>
      <c r="B2721" s="2"/>
      <c r="C2721" s="2"/>
    </row>
    <row r="2722" spans="1:3" ht="19.2">
      <c r="A2722" s="2"/>
      <c r="B2722" s="2"/>
      <c r="C2722" s="2"/>
    </row>
    <row r="2723" spans="1:3" ht="19.2">
      <c r="A2723" s="2"/>
      <c r="B2723" s="2"/>
      <c r="C2723" s="2"/>
    </row>
    <row r="2724" spans="1:3" ht="19.2">
      <c r="A2724" s="2"/>
      <c r="B2724" s="2"/>
      <c r="C2724" s="2"/>
    </row>
    <row r="2725" spans="1:3" ht="19.2">
      <c r="A2725" s="2"/>
      <c r="B2725" s="2"/>
      <c r="C2725" s="2"/>
    </row>
    <row r="2726" spans="1:3" ht="19.2">
      <c r="A2726" s="2"/>
      <c r="B2726" s="2"/>
      <c r="C2726" s="2"/>
    </row>
    <row r="2727" spans="1:3" ht="19.2">
      <c r="A2727" s="2"/>
      <c r="B2727" s="2"/>
      <c r="C2727" s="2"/>
    </row>
    <row r="2728" spans="1:3" ht="19.2">
      <c r="A2728" s="2"/>
      <c r="B2728" s="2"/>
      <c r="C2728" s="2"/>
    </row>
    <row r="2729" spans="1:3" ht="19.2">
      <c r="A2729" s="2"/>
      <c r="B2729" s="2"/>
      <c r="C2729" s="2"/>
    </row>
    <row r="2730" spans="1:3" ht="19.2">
      <c r="A2730" s="2"/>
      <c r="B2730" s="2"/>
      <c r="C2730" s="2"/>
    </row>
    <row r="2731" spans="1:3" ht="19.2">
      <c r="A2731" s="2"/>
      <c r="B2731" s="2"/>
      <c r="C2731" s="2"/>
    </row>
    <row r="2732" spans="1:3" ht="19.2">
      <c r="A2732" s="2"/>
      <c r="B2732" s="2"/>
      <c r="C2732" s="2"/>
    </row>
    <row r="2733" spans="1:3" ht="19.2">
      <c r="A2733" s="2"/>
      <c r="B2733" s="2"/>
      <c r="C2733" s="2"/>
    </row>
    <row r="2734" spans="1:3" ht="19.2">
      <c r="A2734" s="2"/>
      <c r="B2734" s="2"/>
      <c r="C2734" s="2"/>
    </row>
    <row r="2735" spans="1:3" ht="19.2">
      <c r="A2735" s="2"/>
      <c r="B2735" s="2"/>
      <c r="C2735" s="2"/>
    </row>
    <row r="2736" spans="1:3" ht="19.2">
      <c r="A2736" s="2"/>
      <c r="B2736" s="2"/>
      <c r="C2736" s="2"/>
    </row>
    <row r="2737" spans="1:3" ht="19.2">
      <c r="A2737" s="2"/>
      <c r="B2737" s="2"/>
      <c r="C2737" s="2"/>
    </row>
    <row r="2738" spans="1:3" ht="19.2">
      <c r="A2738" s="2"/>
      <c r="B2738" s="2"/>
      <c r="C2738" s="2"/>
    </row>
    <row r="2739" spans="1:3" ht="19.2">
      <c r="A2739" s="2"/>
      <c r="B2739" s="2"/>
      <c r="C2739" s="2"/>
    </row>
    <row r="2740" spans="1:3" ht="19.2">
      <c r="A2740" s="2"/>
      <c r="B2740" s="2"/>
      <c r="C2740" s="2"/>
    </row>
    <row r="2741" spans="1:3" ht="19.2">
      <c r="A2741" s="2"/>
      <c r="B2741" s="2"/>
      <c r="C2741" s="2"/>
    </row>
    <row r="2742" spans="1:3" ht="19.2">
      <c r="A2742" s="2"/>
      <c r="B2742" s="2"/>
      <c r="C2742" s="2"/>
    </row>
    <row r="2743" spans="1:3" ht="19.2">
      <c r="A2743" s="2"/>
      <c r="B2743" s="2"/>
      <c r="C2743" s="2"/>
    </row>
    <row r="2744" spans="1:3" ht="19.2">
      <c r="A2744" s="2"/>
      <c r="B2744" s="2"/>
      <c r="C2744" s="2"/>
    </row>
    <row r="2745" spans="1:3" ht="19.2">
      <c r="A2745" s="2"/>
      <c r="B2745" s="2"/>
      <c r="C2745" s="2"/>
    </row>
    <row r="2746" spans="1:3" ht="19.2">
      <c r="A2746" s="2"/>
      <c r="B2746" s="2"/>
      <c r="C2746" s="2"/>
    </row>
    <row r="2747" spans="1:3" ht="19.2">
      <c r="A2747" s="2"/>
      <c r="B2747" s="2"/>
      <c r="C2747" s="2"/>
    </row>
    <row r="2748" spans="1:3" ht="19.2">
      <c r="A2748" s="2"/>
      <c r="B2748" s="2"/>
      <c r="C2748" s="2"/>
    </row>
    <row r="2749" spans="1:3" ht="19.2">
      <c r="A2749" s="2"/>
      <c r="B2749" s="2"/>
      <c r="C2749" s="2"/>
    </row>
    <row r="2750" spans="1:3" ht="19.2">
      <c r="A2750" s="2"/>
      <c r="B2750" s="2"/>
      <c r="C2750" s="2"/>
    </row>
    <row r="2751" spans="1:3" ht="19.2">
      <c r="A2751" s="2"/>
      <c r="B2751" s="2"/>
      <c r="C2751" s="2"/>
    </row>
    <row r="2752" spans="1:3" ht="19.2">
      <c r="A2752" s="2"/>
      <c r="B2752" s="2"/>
      <c r="C2752" s="2"/>
    </row>
    <row r="2753" spans="1:3" ht="19.2">
      <c r="A2753" s="2"/>
      <c r="B2753" s="2"/>
      <c r="C2753" s="2"/>
    </row>
    <row r="2754" spans="1:3" ht="19.2">
      <c r="A2754" s="2"/>
      <c r="B2754" s="2"/>
      <c r="C2754" s="2"/>
    </row>
    <row r="2755" spans="1:3" ht="19.2">
      <c r="A2755" s="2"/>
      <c r="B2755" s="2"/>
      <c r="C2755" s="2"/>
    </row>
    <row r="2756" spans="1:3" ht="19.2">
      <c r="A2756" s="2"/>
      <c r="B2756" s="2"/>
      <c r="C2756" s="2"/>
    </row>
    <row r="2757" spans="1:3" ht="19.2">
      <c r="A2757" s="2"/>
      <c r="B2757" s="2"/>
      <c r="C2757" s="2"/>
    </row>
    <row r="2758" spans="1:3" ht="19.2">
      <c r="A2758" s="2"/>
      <c r="B2758" s="2"/>
      <c r="C2758" s="2"/>
    </row>
    <row r="2759" spans="1:3" ht="19.2">
      <c r="A2759" s="2"/>
      <c r="B2759" s="2"/>
      <c r="C2759" s="2"/>
    </row>
    <row r="2760" spans="1:3" ht="19.2">
      <c r="A2760" s="2"/>
      <c r="B2760" s="2"/>
      <c r="C2760" s="2"/>
    </row>
    <row r="2761" spans="1:3" ht="19.2">
      <c r="A2761" s="2"/>
      <c r="B2761" s="2"/>
      <c r="C2761" s="2"/>
    </row>
    <row r="2762" spans="1:3" ht="19.2">
      <c r="A2762" s="2"/>
      <c r="B2762" s="2"/>
      <c r="C2762" s="2"/>
    </row>
    <row r="2763" spans="1:3" ht="19.2">
      <c r="A2763" s="2"/>
      <c r="B2763" s="2"/>
      <c r="C2763" s="2"/>
    </row>
    <row r="2764" spans="1:3" ht="19.2">
      <c r="A2764" s="2"/>
      <c r="B2764" s="2"/>
      <c r="C2764" s="2"/>
    </row>
    <row r="2765" spans="1:3" ht="19.2">
      <c r="A2765" s="2"/>
      <c r="B2765" s="2"/>
      <c r="C2765" s="2"/>
    </row>
    <row r="2766" spans="1:3" ht="19.2">
      <c r="A2766" s="2"/>
      <c r="B2766" s="2"/>
      <c r="C2766" s="2"/>
    </row>
    <row r="2767" spans="1:3" ht="19.2">
      <c r="A2767" s="2"/>
      <c r="B2767" s="2"/>
      <c r="C2767" s="2"/>
    </row>
    <row r="2768" spans="1:3" ht="19.2">
      <c r="A2768" s="2"/>
      <c r="B2768" s="2"/>
      <c r="C2768" s="2"/>
    </row>
    <row r="2769" spans="1:3" ht="19.2">
      <c r="A2769" s="2"/>
      <c r="B2769" s="2"/>
      <c r="C2769" s="2"/>
    </row>
    <row r="2770" spans="1:3" ht="19.2">
      <c r="A2770" s="2"/>
      <c r="B2770" s="2"/>
      <c r="C2770" s="2"/>
    </row>
    <row r="2771" spans="1:3" ht="19.2">
      <c r="A2771" s="2"/>
      <c r="B2771" s="2"/>
      <c r="C2771" s="2"/>
    </row>
    <row r="2772" spans="1:3" ht="19.2">
      <c r="A2772" s="2"/>
      <c r="B2772" s="2"/>
      <c r="C2772" s="2"/>
    </row>
    <row r="2773" spans="1:3" ht="19.2">
      <c r="A2773" s="2"/>
      <c r="B2773" s="2"/>
      <c r="C2773" s="2"/>
    </row>
    <row r="2774" spans="1:3" ht="19.2">
      <c r="A2774" s="2"/>
      <c r="B2774" s="2"/>
      <c r="C2774" s="2"/>
    </row>
    <row r="2775" spans="1:3" ht="19.2">
      <c r="A2775" s="2"/>
      <c r="B2775" s="2"/>
      <c r="C2775" s="2"/>
    </row>
    <row r="2776" spans="1:3" ht="19.2">
      <c r="A2776" s="2"/>
      <c r="B2776" s="2"/>
      <c r="C2776" s="2"/>
    </row>
    <row r="2777" spans="1:3" ht="19.2">
      <c r="A2777" s="2"/>
      <c r="B2777" s="2"/>
      <c r="C2777" s="2"/>
    </row>
    <row r="2778" spans="1:3" ht="19.2">
      <c r="A2778" s="2"/>
      <c r="B2778" s="2"/>
      <c r="C2778" s="2"/>
    </row>
    <row r="2779" spans="1:3" ht="19.2">
      <c r="A2779" s="2"/>
      <c r="B2779" s="2"/>
      <c r="C2779" s="2"/>
    </row>
    <row r="2780" spans="1:3" ht="19.2">
      <c r="A2780" s="2"/>
      <c r="B2780" s="2"/>
      <c r="C2780" s="2"/>
    </row>
    <row r="2781" spans="1:3" ht="19.2">
      <c r="A2781" s="2"/>
      <c r="B2781" s="2"/>
      <c r="C2781" s="2"/>
    </row>
    <row r="2782" spans="1:3" ht="19.2">
      <c r="A2782" s="2"/>
      <c r="B2782" s="2"/>
      <c r="C2782" s="2"/>
    </row>
    <row r="2783" spans="1:3" ht="19.2">
      <c r="A2783" s="2"/>
      <c r="B2783" s="2"/>
      <c r="C2783" s="2"/>
    </row>
    <row r="2784" spans="1:3" ht="19.2">
      <c r="A2784" s="2"/>
      <c r="B2784" s="2"/>
      <c r="C2784" s="2"/>
    </row>
    <row r="2785" spans="1:3" ht="19.2">
      <c r="A2785" s="2"/>
      <c r="B2785" s="2"/>
      <c r="C2785" s="2"/>
    </row>
    <row r="2786" spans="1:3" ht="19.2">
      <c r="A2786" s="2"/>
      <c r="B2786" s="2"/>
      <c r="C2786" s="2"/>
    </row>
    <row r="2787" spans="1:3" ht="19.2">
      <c r="A2787" s="2"/>
      <c r="B2787" s="2"/>
      <c r="C2787" s="2"/>
    </row>
    <row r="2788" spans="1:3" ht="19.2">
      <c r="A2788" s="2"/>
      <c r="B2788" s="2"/>
      <c r="C2788" s="2"/>
    </row>
    <row r="2789" spans="1:3" ht="19.2">
      <c r="A2789" s="2"/>
      <c r="B2789" s="2"/>
      <c r="C2789" s="2"/>
    </row>
    <row r="2790" spans="1:3" ht="19.2">
      <c r="A2790" s="2"/>
      <c r="B2790" s="2"/>
      <c r="C2790" s="2"/>
    </row>
    <row r="2791" spans="1:3" ht="19.2">
      <c r="A2791" s="2"/>
      <c r="B2791" s="2"/>
      <c r="C2791" s="2"/>
    </row>
    <row r="2792" spans="1:3" ht="19.2">
      <c r="A2792" s="2"/>
      <c r="B2792" s="2"/>
      <c r="C2792" s="2"/>
    </row>
    <row r="2793" spans="1:3" ht="19.2">
      <c r="A2793" s="2"/>
      <c r="B2793" s="2"/>
      <c r="C2793" s="2"/>
    </row>
    <row r="2794" spans="1:3" ht="19.2">
      <c r="A2794" s="2"/>
      <c r="B2794" s="2"/>
      <c r="C2794" s="2"/>
    </row>
    <row r="2795" spans="1:3" ht="19.2">
      <c r="A2795" s="2"/>
      <c r="B2795" s="2"/>
      <c r="C2795" s="2"/>
    </row>
    <row r="2796" spans="1:3" ht="19.2">
      <c r="A2796" s="2"/>
      <c r="B2796" s="2"/>
      <c r="C2796" s="2"/>
    </row>
    <row r="2797" spans="1:3" ht="19.2">
      <c r="A2797" s="2"/>
      <c r="B2797" s="2"/>
      <c r="C2797" s="2"/>
    </row>
    <row r="2798" spans="1:3" ht="19.2">
      <c r="A2798" s="2"/>
      <c r="B2798" s="2"/>
      <c r="C2798" s="2"/>
    </row>
    <row r="2799" spans="1:3" ht="19.2">
      <c r="A2799" s="2"/>
      <c r="B2799" s="2"/>
      <c r="C2799" s="2"/>
    </row>
    <row r="2800" spans="1:3" ht="19.2">
      <c r="A2800" s="2"/>
      <c r="B2800" s="2"/>
      <c r="C2800" s="2"/>
    </row>
    <row r="2801" spans="1:3" ht="19.2">
      <c r="A2801" s="2"/>
      <c r="B2801" s="2"/>
      <c r="C2801" s="2"/>
    </row>
    <row r="2802" spans="1:3" ht="19.2">
      <c r="A2802" s="2"/>
      <c r="B2802" s="2"/>
      <c r="C2802" s="2"/>
    </row>
    <row r="2803" spans="1:3" ht="19.2">
      <c r="A2803" s="2"/>
      <c r="B2803" s="2"/>
      <c r="C2803" s="2"/>
    </row>
    <row r="2804" spans="1:3" ht="19.2">
      <c r="A2804" s="2"/>
      <c r="B2804" s="2"/>
      <c r="C2804" s="2"/>
    </row>
    <row r="2805" spans="1:3" ht="19.2">
      <c r="A2805" s="2"/>
      <c r="B2805" s="2"/>
      <c r="C2805" s="2"/>
    </row>
    <row r="2806" spans="1:3" ht="19.2">
      <c r="A2806" s="2"/>
      <c r="B2806" s="2"/>
      <c r="C2806" s="2"/>
    </row>
    <row r="2807" spans="1:3" ht="19.2">
      <c r="A2807" s="2"/>
      <c r="B2807" s="2"/>
      <c r="C2807" s="2"/>
    </row>
    <row r="2808" spans="1:3" ht="19.2">
      <c r="A2808" s="2"/>
      <c r="B2808" s="2"/>
      <c r="C2808" s="2"/>
    </row>
    <row r="2809" spans="1:3" ht="19.2">
      <c r="A2809" s="2"/>
      <c r="B2809" s="2"/>
      <c r="C2809" s="2"/>
    </row>
    <row r="2810" spans="1:3" ht="19.2">
      <c r="A2810" s="2"/>
      <c r="B2810" s="2"/>
      <c r="C2810" s="2"/>
    </row>
    <row r="2811" spans="1:3" ht="19.2">
      <c r="A2811" s="2"/>
      <c r="B2811" s="2"/>
      <c r="C2811" s="2"/>
    </row>
    <row r="2812" spans="1:3" ht="19.2">
      <c r="A2812" s="2"/>
      <c r="B2812" s="2"/>
      <c r="C2812" s="2"/>
    </row>
    <row r="2813" spans="1:3" ht="19.2">
      <c r="A2813" s="2"/>
      <c r="B2813" s="2"/>
      <c r="C2813" s="2"/>
    </row>
    <row r="2814" spans="1:3" ht="19.2">
      <c r="A2814" s="2"/>
      <c r="B2814" s="2"/>
      <c r="C2814" s="2"/>
    </row>
    <row r="2815" spans="1:3" ht="19.2">
      <c r="A2815" s="2"/>
      <c r="B2815" s="2"/>
      <c r="C2815" s="2"/>
    </row>
    <row r="2816" spans="1:3" ht="19.2">
      <c r="A2816" s="2"/>
      <c r="B2816" s="2"/>
      <c r="C2816" s="2"/>
    </row>
    <row r="2817" spans="1:3" ht="19.2">
      <c r="A2817" s="2"/>
      <c r="B2817" s="2"/>
      <c r="C2817" s="2"/>
    </row>
    <row r="2818" spans="1:3" ht="19.2">
      <c r="A2818" s="2"/>
      <c r="B2818" s="2"/>
      <c r="C2818" s="2"/>
    </row>
    <row r="2819" spans="1:3" ht="19.2">
      <c r="A2819" s="2"/>
      <c r="B2819" s="2"/>
      <c r="C2819" s="2"/>
    </row>
    <row r="2820" spans="1:3" ht="19.2">
      <c r="A2820" s="2"/>
      <c r="B2820" s="2"/>
      <c r="C2820" s="2"/>
    </row>
    <row r="2821" spans="1:3" ht="19.2">
      <c r="A2821" s="2"/>
      <c r="B2821" s="2"/>
      <c r="C2821" s="2"/>
    </row>
    <row r="2822" spans="1:3" ht="19.2">
      <c r="A2822" s="2"/>
      <c r="B2822" s="2"/>
      <c r="C2822" s="2"/>
    </row>
    <row r="2823" spans="1:3" ht="19.2">
      <c r="A2823" s="2"/>
      <c r="B2823" s="2"/>
      <c r="C2823" s="2"/>
    </row>
    <row r="2824" spans="1:3" ht="19.2">
      <c r="A2824" s="2"/>
      <c r="B2824" s="2"/>
      <c r="C2824" s="2"/>
    </row>
    <row r="2825" spans="1:3" ht="19.2">
      <c r="A2825" s="2"/>
      <c r="B2825" s="2"/>
      <c r="C2825" s="2"/>
    </row>
    <row r="2826" spans="1:3" ht="19.2">
      <c r="A2826" s="2"/>
      <c r="B2826" s="2"/>
      <c r="C2826" s="2"/>
    </row>
    <row r="2827" spans="1:3" ht="19.2">
      <c r="A2827" s="2"/>
      <c r="B2827" s="2"/>
      <c r="C2827" s="2"/>
    </row>
    <row r="2828" spans="1:3" ht="19.2">
      <c r="A2828" s="2"/>
      <c r="B2828" s="2"/>
      <c r="C2828" s="2"/>
    </row>
    <row r="2829" spans="1:3" ht="19.2">
      <c r="A2829" s="2"/>
      <c r="B2829" s="2"/>
      <c r="C2829" s="2"/>
    </row>
    <row r="2830" spans="1:3" ht="19.2">
      <c r="A2830" s="2"/>
      <c r="B2830" s="2"/>
      <c r="C2830" s="2"/>
    </row>
    <row r="2831" spans="1:3" ht="19.2">
      <c r="A2831" s="2"/>
      <c r="B2831" s="2"/>
      <c r="C2831" s="2"/>
    </row>
    <row r="2832" spans="1:3" ht="19.2">
      <c r="A2832" s="2"/>
      <c r="B2832" s="2"/>
      <c r="C2832" s="2"/>
    </row>
    <row r="2833" spans="1:3" ht="19.2">
      <c r="A2833" s="2"/>
      <c r="B2833" s="2"/>
      <c r="C2833" s="2"/>
    </row>
    <row r="2834" spans="1:3" ht="19.2">
      <c r="A2834" s="2"/>
      <c r="B2834" s="2"/>
      <c r="C2834" s="2"/>
    </row>
    <row r="2835" spans="1:3" ht="19.2">
      <c r="A2835" s="2"/>
      <c r="B2835" s="2"/>
      <c r="C2835" s="2"/>
    </row>
    <row r="2836" spans="1:3" ht="19.2">
      <c r="A2836" s="2"/>
      <c r="B2836" s="2"/>
      <c r="C2836" s="2"/>
    </row>
    <row r="2837" spans="1:3" ht="19.2">
      <c r="A2837" s="2"/>
      <c r="B2837" s="2"/>
      <c r="C2837" s="2"/>
    </row>
    <row r="2838" spans="1:3" ht="19.2">
      <c r="A2838" s="2"/>
      <c r="B2838" s="2"/>
      <c r="C2838" s="2"/>
    </row>
    <row r="2839" spans="1:3" ht="19.2">
      <c r="A2839" s="2"/>
      <c r="B2839" s="2"/>
      <c r="C2839" s="2"/>
    </row>
    <row r="2840" spans="1:3" ht="19.2">
      <c r="A2840" s="2"/>
      <c r="B2840" s="2"/>
      <c r="C2840" s="2"/>
    </row>
    <row r="2841" spans="1:3" ht="19.2">
      <c r="A2841" s="2"/>
      <c r="B2841" s="2"/>
      <c r="C2841" s="2"/>
    </row>
    <row r="2842" spans="1:3" ht="19.2">
      <c r="A2842" s="2"/>
      <c r="B2842" s="2"/>
      <c r="C2842" s="2"/>
    </row>
    <row r="2843" spans="1:3" ht="19.2">
      <c r="A2843" s="2"/>
      <c r="B2843" s="2"/>
      <c r="C2843" s="2"/>
    </row>
    <row r="2844" spans="1:3" ht="19.2">
      <c r="A2844" s="2"/>
      <c r="B2844" s="2"/>
      <c r="C2844" s="2"/>
    </row>
    <row r="2845" spans="1:3" ht="19.2">
      <c r="A2845" s="2"/>
      <c r="B2845" s="2"/>
      <c r="C2845" s="2"/>
    </row>
    <row r="2846" spans="1:3" ht="19.2">
      <c r="A2846" s="2"/>
      <c r="B2846" s="2"/>
      <c r="C2846" s="2"/>
    </row>
    <row r="2847" spans="1:3" ht="19.2">
      <c r="A2847" s="2"/>
      <c r="B2847" s="2"/>
      <c r="C2847" s="2"/>
    </row>
    <row r="2848" spans="1:3" ht="19.2">
      <c r="A2848" s="2"/>
      <c r="B2848" s="2"/>
      <c r="C2848" s="2"/>
    </row>
    <row r="2849" spans="1:3" ht="19.2">
      <c r="A2849" s="2"/>
      <c r="B2849" s="2"/>
      <c r="C2849" s="2"/>
    </row>
    <row r="2850" spans="1:3" ht="19.2">
      <c r="A2850" s="2"/>
      <c r="B2850" s="2"/>
      <c r="C2850" s="2"/>
    </row>
    <row r="2851" spans="1:3" ht="19.2">
      <c r="A2851" s="2"/>
      <c r="B2851" s="2"/>
      <c r="C2851" s="2"/>
    </row>
    <row r="2852" spans="1:3" ht="19.2">
      <c r="A2852" s="2"/>
      <c r="B2852" s="2"/>
      <c r="C2852" s="2"/>
    </row>
    <row r="2853" spans="1:3" ht="19.2">
      <c r="A2853" s="2"/>
      <c r="B2853" s="2"/>
      <c r="C2853" s="2"/>
    </row>
    <row r="2854" spans="1:3" ht="19.2">
      <c r="A2854" s="2"/>
      <c r="B2854" s="2"/>
      <c r="C2854" s="2"/>
    </row>
    <row r="2855" spans="1:3" ht="19.2">
      <c r="A2855" s="2"/>
      <c r="B2855" s="2"/>
      <c r="C2855" s="2"/>
    </row>
    <row r="2856" spans="1:3" ht="19.2">
      <c r="A2856" s="2"/>
      <c r="B2856" s="2"/>
      <c r="C2856" s="2"/>
    </row>
    <row r="2857" spans="1:3" ht="19.2">
      <c r="A2857" s="2"/>
      <c r="B2857" s="2"/>
      <c r="C2857" s="2"/>
    </row>
    <row r="2858" spans="1:3" ht="19.2">
      <c r="A2858" s="2"/>
      <c r="B2858" s="2"/>
      <c r="C2858" s="2"/>
    </row>
    <row r="2859" spans="1:3" ht="19.2">
      <c r="A2859" s="2"/>
      <c r="B2859" s="2"/>
      <c r="C2859" s="2"/>
    </row>
    <row r="2860" spans="1:3" ht="19.2">
      <c r="A2860" s="2"/>
      <c r="B2860" s="2"/>
      <c r="C2860" s="2"/>
    </row>
    <row r="2861" spans="1:3" ht="19.2">
      <c r="A2861" s="2"/>
      <c r="B2861" s="2"/>
      <c r="C2861" s="2"/>
    </row>
    <row r="2862" spans="1:3" ht="19.2">
      <c r="A2862" s="2"/>
      <c r="B2862" s="2"/>
      <c r="C2862" s="2"/>
    </row>
    <row r="2863" spans="1:3" ht="19.2">
      <c r="A2863" s="2"/>
      <c r="B2863" s="2"/>
      <c r="C2863" s="2"/>
    </row>
    <row r="2864" spans="1:3" ht="19.2">
      <c r="A2864" s="2"/>
      <c r="B2864" s="2"/>
      <c r="C2864" s="2"/>
    </row>
    <row r="2865" spans="1:3" ht="19.2">
      <c r="A2865" s="2"/>
      <c r="B2865" s="2"/>
      <c r="C2865" s="2"/>
    </row>
    <row r="2866" spans="1:3" ht="19.2">
      <c r="A2866" s="2"/>
      <c r="B2866" s="2"/>
      <c r="C2866" s="2"/>
    </row>
    <row r="2867" spans="1:3" ht="19.2">
      <c r="A2867" s="2"/>
      <c r="B2867" s="2"/>
      <c r="C2867" s="2"/>
    </row>
    <row r="2868" spans="1:3" ht="19.2">
      <c r="A2868" s="2"/>
      <c r="B2868" s="2"/>
      <c r="C2868" s="2"/>
    </row>
    <row r="2869" spans="1:3" ht="19.2">
      <c r="A2869" s="2"/>
      <c r="B2869" s="2"/>
      <c r="C2869" s="2"/>
    </row>
    <row r="2870" spans="1:3" ht="19.2">
      <c r="A2870" s="2"/>
      <c r="B2870" s="2"/>
      <c r="C2870" s="2"/>
    </row>
    <row r="2871" spans="1:3" ht="19.2">
      <c r="A2871" s="2"/>
      <c r="B2871" s="2"/>
      <c r="C2871" s="2"/>
    </row>
    <row r="2872" spans="1:3" ht="19.2">
      <c r="A2872" s="2"/>
      <c r="B2872" s="2"/>
      <c r="C2872" s="2"/>
    </row>
    <row r="2873" spans="1:3" ht="19.2">
      <c r="A2873" s="2"/>
      <c r="B2873" s="2"/>
      <c r="C2873" s="2"/>
    </row>
    <row r="2874" spans="1:3" ht="19.2">
      <c r="A2874" s="2"/>
      <c r="B2874" s="2"/>
      <c r="C2874" s="2"/>
    </row>
    <row r="2875" spans="1:3" ht="19.2">
      <c r="A2875" s="2"/>
      <c r="B2875" s="2"/>
      <c r="C2875" s="2"/>
    </row>
    <row r="2876" spans="1:3" ht="19.2">
      <c r="A2876" s="2"/>
      <c r="B2876" s="2"/>
      <c r="C2876" s="2"/>
    </row>
    <row r="2877" spans="1:3" ht="19.2">
      <c r="A2877" s="2"/>
      <c r="B2877" s="2"/>
      <c r="C2877" s="2"/>
    </row>
    <row r="2878" spans="1:3" ht="19.2">
      <c r="A2878" s="2"/>
      <c r="B2878" s="2"/>
      <c r="C2878" s="2"/>
    </row>
    <row r="2879" spans="1:3" ht="19.2">
      <c r="A2879" s="2"/>
      <c r="B2879" s="2"/>
      <c r="C2879" s="2"/>
    </row>
    <row r="2880" spans="1:3" ht="19.2">
      <c r="A2880" s="2"/>
      <c r="B2880" s="2"/>
      <c r="C2880" s="2"/>
    </row>
    <row r="2881" spans="1:3" ht="19.2">
      <c r="A2881" s="2"/>
      <c r="B2881" s="2"/>
      <c r="C2881" s="2"/>
    </row>
    <row r="2882" spans="1:3" ht="19.2">
      <c r="A2882" s="2"/>
      <c r="B2882" s="2"/>
      <c r="C2882" s="2"/>
    </row>
    <row r="2883" spans="1:3" ht="19.2">
      <c r="A2883" s="2"/>
      <c r="B2883" s="2"/>
      <c r="C2883" s="2"/>
    </row>
    <row r="2884" spans="1:3" ht="19.2">
      <c r="A2884" s="2"/>
      <c r="B2884" s="2"/>
      <c r="C2884" s="2"/>
    </row>
    <row r="2885" spans="1:3" ht="19.2">
      <c r="A2885" s="2"/>
      <c r="B2885" s="2"/>
      <c r="C2885" s="2"/>
    </row>
    <row r="2886" spans="1:3" ht="19.2">
      <c r="A2886" s="2"/>
      <c r="B2886" s="2"/>
      <c r="C2886" s="2"/>
    </row>
    <row r="2887" spans="1:3" ht="19.2">
      <c r="A2887" s="2"/>
      <c r="B2887" s="2"/>
      <c r="C2887" s="2"/>
    </row>
    <row r="2888" spans="1:3" ht="19.2">
      <c r="A2888" s="2"/>
      <c r="B2888" s="2"/>
      <c r="C2888" s="2"/>
    </row>
    <row r="2889" spans="1:3" ht="19.2">
      <c r="A2889" s="2"/>
      <c r="B2889" s="2"/>
      <c r="C2889" s="2"/>
    </row>
    <row r="2890" spans="1:3" ht="19.2">
      <c r="A2890" s="2"/>
      <c r="B2890" s="2"/>
      <c r="C2890" s="2"/>
    </row>
    <row r="2891" spans="1:3" ht="19.2">
      <c r="A2891" s="2"/>
      <c r="B2891" s="2"/>
      <c r="C2891" s="2"/>
    </row>
    <row r="2892" spans="1:3" ht="19.2">
      <c r="A2892" s="2"/>
      <c r="B2892" s="2"/>
      <c r="C2892" s="2"/>
    </row>
    <row r="2893" spans="1:3" ht="19.2">
      <c r="A2893" s="2"/>
      <c r="B2893" s="2"/>
      <c r="C2893" s="2"/>
    </row>
    <row r="2894" spans="1:3" ht="19.2">
      <c r="A2894" s="2"/>
      <c r="B2894" s="2"/>
      <c r="C2894" s="2"/>
    </row>
    <row r="2895" spans="1:3" ht="19.2">
      <c r="A2895" s="2"/>
      <c r="B2895" s="2"/>
      <c r="C2895" s="2"/>
    </row>
    <row r="2896" spans="1:3" ht="19.2">
      <c r="A2896" s="2"/>
      <c r="B2896" s="2"/>
      <c r="C2896" s="2"/>
    </row>
    <row r="2897" spans="1:3" ht="19.2">
      <c r="A2897" s="2"/>
      <c r="B2897" s="2"/>
      <c r="C2897" s="2"/>
    </row>
    <row r="2898" spans="1:3" ht="19.2">
      <c r="A2898" s="2"/>
      <c r="B2898" s="2"/>
      <c r="C2898" s="2"/>
    </row>
    <row r="2899" spans="1:3" ht="19.2">
      <c r="A2899" s="2"/>
      <c r="B2899" s="2"/>
      <c r="C2899" s="2"/>
    </row>
    <row r="2900" spans="1:3" ht="19.2">
      <c r="A2900" s="2"/>
      <c r="B2900" s="2"/>
      <c r="C2900" s="2"/>
    </row>
    <row r="2901" spans="1:3" ht="19.2">
      <c r="A2901" s="2"/>
      <c r="B2901" s="2"/>
      <c r="C2901" s="2"/>
    </row>
    <row r="2902" spans="1:3" ht="19.2">
      <c r="A2902" s="2"/>
      <c r="B2902" s="2"/>
      <c r="C2902" s="2"/>
    </row>
    <row r="2903" spans="1:3" ht="19.2">
      <c r="A2903" s="2"/>
      <c r="B2903" s="2"/>
      <c r="C2903" s="2"/>
    </row>
    <row r="2904" spans="1:3" ht="19.2">
      <c r="A2904" s="2"/>
      <c r="B2904" s="2"/>
      <c r="C2904" s="2"/>
    </row>
    <row r="2905" spans="1:3" ht="19.2">
      <c r="A2905" s="2"/>
      <c r="B2905" s="2"/>
      <c r="C2905" s="2"/>
    </row>
    <row r="2906" spans="1:3" ht="19.2">
      <c r="A2906" s="2"/>
      <c r="B2906" s="2"/>
      <c r="C2906" s="2"/>
    </row>
    <row r="2907" spans="1:3" ht="19.2">
      <c r="A2907" s="2"/>
      <c r="B2907" s="2"/>
      <c r="C2907" s="2"/>
    </row>
    <row r="2908" spans="1:3" ht="19.2">
      <c r="A2908" s="2"/>
      <c r="B2908" s="2"/>
      <c r="C2908" s="2"/>
    </row>
    <row r="2909" spans="1:3" ht="19.2">
      <c r="A2909" s="2"/>
      <c r="B2909" s="2"/>
      <c r="C2909" s="2"/>
    </row>
    <row r="2910" spans="1:3" ht="19.2">
      <c r="A2910" s="2"/>
      <c r="B2910" s="2"/>
      <c r="C2910" s="2"/>
    </row>
    <row r="2911" spans="1:3" ht="19.2">
      <c r="A2911" s="2"/>
      <c r="B2911" s="2"/>
      <c r="C2911" s="2"/>
    </row>
    <row r="2912" spans="1:3" ht="19.2">
      <c r="A2912" s="2"/>
      <c r="B2912" s="2"/>
      <c r="C2912" s="2"/>
    </row>
    <row r="2913" spans="1:3" ht="19.2">
      <c r="A2913" s="2"/>
      <c r="B2913" s="2"/>
      <c r="C2913" s="2"/>
    </row>
    <row r="2914" spans="1:3" ht="19.2">
      <c r="A2914" s="2"/>
      <c r="B2914" s="2"/>
      <c r="C2914" s="2"/>
    </row>
    <row r="2915" spans="1:3" ht="19.2">
      <c r="A2915" s="2"/>
      <c r="B2915" s="2"/>
      <c r="C2915" s="2"/>
    </row>
    <row r="2916" spans="1:3" ht="19.2">
      <c r="A2916" s="2"/>
      <c r="B2916" s="2"/>
      <c r="C2916" s="2"/>
    </row>
    <row r="2917" spans="1:3" ht="19.2">
      <c r="A2917" s="2"/>
      <c r="B2917" s="2"/>
      <c r="C2917" s="2"/>
    </row>
    <row r="2918" spans="1:3" ht="19.2">
      <c r="A2918" s="2"/>
      <c r="B2918" s="2"/>
      <c r="C2918" s="2"/>
    </row>
    <row r="2919" spans="1:3" ht="19.2">
      <c r="A2919" s="2"/>
      <c r="B2919" s="2"/>
      <c r="C2919" s="2"/>
    </row>
    <row r="2920" spans="1:3" ht="19.2">
      <c r="A2920" s="2"/>
      <c r="B2920" s="2"/>
      <c r="C2920" s="2"/>
    </row>
    <row r="2921" spans="1:3" ht="19.2">
      <c r="A2921" s="2"/>
      <c r="B2921" s="2"/>
      <c r="C2921" s="2"/>
    </row>
    <row r="2922" spans="1:3" ht="19.2">
      <c r="A2922" s="2"/>
      <c r="B2922" s="2"/>
      <c r="C2922" s="2"/>
    </row>
    <row r="2923" spans="1:3" ht="19.2">
      <c r="A2923" s="2"/>
      <c r="B2923" s="2"/>
      <c r="C2923" s="2"/>
    </row>
    <row r="2924" spans="1:3" ht="19.2">
      <c r="A2924" s="2"/>
      <c r="B2924" s="2"/>
      <c r="C2924" s="2"/>
    </row>
    <row r="2925" spans="1:3" ht="19.2">
      <c r="A2925" s="2"/>
      <c r="B2925" s="2"/>
      <c r="C2925" s="2"/>
    </row>
    <row r="2926" spans="1:3" ht="19.2">
      <c r="A2926" s="2"/>
      <c r="B2926" s="2"/>
      <c r="C2926" s="2"/>
    </row>
    <row r="2927" spans="1:3" ht="19.2">
      <c r="A2927" s="2"/>
      <c r="B2927" s="2"/>
      <c r="C2927" s="2"/>
    </row>
    <row r="2928" spans="1:3" ht="19.2">
      <c r="A2928" s="2"/>
      <c r="B2928" s="2"/>
      <c r="C2928" s="2"/>
    </row>
    <row r="2929" spans="1:3" ht="19.2">
      <c r="A2929" s="2"/>
      <c r="B2929" s="2"/>
      <c r="C2929" s="2"/>
    </row>
    <row r="2930" spans="1:3" ht="19.2">
      <c r="A2930" s="2"/>
      <c r="B2930" s="2"/>
      <c r="C2930" s="2"/>
    </row>
    <row r="2931" spans="1:3" ht="19.2">
      <c r="A2931" s="2"/>
      <c r="B2931" s="2"/>
      <c r="C2931" s="2"/>
    </row>
    <row r="2932" spans="1:3" ht="19.2">
      <c r="A2932" s="2"/>
      <c r="B2932" s="2"/>
      <c r="C2932" s="2"/>
    </row>
    <row r="2933" spans="1:3" ht="19.2">
      <c r="A2933" s="2"/>
      <c r="B2933" s="2"/>
      <c r="C2933" s="2"/>
    </row>
    <row r="2934" spans="1:3" ht="19.2">
      <c r="A2934" s="2"/>
      <c r="B2934" s="2"/>
      <c r="C2934" s="2"/>
    </row>
    <row r="2935" spans="1:3" ht="19.2">
      <c r="A2935" s="2"/>
      <c r="B2935" s="2"/>
      <c r="C2935" s="2"/>
    </row>
    <row r="2936" spans="1:3" ht="19.2">
      <c r="A2936" s="2"/>
      <c r="B2936" s="2"/>
      <c r="C2936" s="2"/>
    </row>
    <row r="2937" spans="1:3" ht="19.2">
      <c r="A2937" s="2"/>
      <c r="B2937" s="2"/>
      <c r="C2937" s="2"/>
    </row>
    <row r="2938" spans="1:3" ht="19.2">
      <c r="A2938" s="2"/>
      <c r="B2938" s="2"/>
      <c r="C2938" s="2"/>
    </row>
    <row r="2939" spans="1:3" ht="19.2">
      <c r="A2939" s="2"/>
      <c r="B2939" s="2"/>
      <c r="C2939" s="2"/>
    </row>
    <row r="2940" spans="1:3" ht="19.2">
      <c r="A2940" s="2"/>
      <c r="B2940" s="2"/>
      <c r="C2940" s="2"/>
    </row>
    <row r="2941" spans="1:3" ht="19.2">
      <c r="A2941" s="2"/>
      <c r="B2941" s="2"/>
      <c r="C2941" s="2"/>
    </row>
    <row r="2942" spans="1:3" ht="19.2">
      <c r="A2942" s="2"/>
      <c r="B2942" s="2"/>
      <c r="C2942" s="2"/>
    </row>
    <row r="2943" spans="1:3" ht="19.2">
      <c r="A2943" s="2"/>
      <c r="B2943" s="2"/>
      <c r="C2943" s="2"/>
    </row>
    <row r="2944" spans="1:3" ht="19.2">
      <c r="A2944" s="2"/>
      <c r="B2944" s="2"/>
      <c r="C2944" s="2"/>
    </row>
    <row r="2945" spans="1:3" ht="19.2">
      <c r="A2945" s="2"/>
      <c r="B2945" s="2"/>
      <c r="C2945" s="2"/>
    </row>
    <row r="2946" spans="1:3" ht="19.2">
      <c r="A2946" s="2"/>
      <c r="B2946" s="2"/>
      <c r="C2946" s="2"/>
    </row>
    <row r="2947" spans="1:3" ht="19.2">
      <c r="A2947" s="2"/>
      <c r="B2947" s="2"/>
      <c r="C2947" s="2"/>
    </row>
    <row r="2948" spans="1:3" ht="19.2">
      <c r="A2948" s="2"/>
      <c r="B2948" s="2"/>
      <c r="C2948" s="2"/>
    </row>
    <row r="2949" spans="1:3" ht="19.2">
      <c r="A2949" s="2"/>
      <c r="B2949" s="2"/>
      <c r="C2949" s="2"/>
    </row>
    <row r="2950" spans="1:3" ht="19.2">
      <c r="A2950" s="2"/>
      <c r="B2950" s="2"/>
      <c r="C2950" s="2"/>
    </row>
    <row r="2951" spans="1:3" ht="19.2">
      <c r="A2951" s="2"/>
      <c r="B2951" s="2"/>
      <c r="C2951" s="2"/>
    </row>
    <row r="2952" spans="1:3" ht="19.2">
      <c r="A2952" s="2"/>
      <c r="B2952" s="2"/>
      <c r="C2952" s="2"/>
    </row>
    <row r="2953" spans="1:3" ht="19.2">
      <c r="A2953" s="2"/>
      <c r="B2953" s="2"/>
      <c r="C2953" s="2"/>
    </row>
    <row r="2954" spans="1:3" ht="19.2">
      <c r="A2954" s="2"/>
      <c r="B2954" s="2"/>
      <c r="C2954" s="2"/>
    </row>
    <row r="2955" spans="1:3" ht="19.2">
      <c r="A2955" s="2"/>
      <c r="B2955" s="2"/>
      <c r="C2955" s="2"/>
    </row>
    <row r="2956" spans="1:3" ht="19.2">
      <c r="A2956" s="2"/>
      <c r="B2956" s="2"/>
      <c r="C2956" s="2"/>
    </row>
    <row r="2957" spans="1:3" ht="19.2">
      <c r="A2957" s="2"/>
      <c r="B2957" s="2"/>
      <c r="C2957" s="2"/>
    </row>
    <row r="2958" spans="1:3" ht="19.2">
      <c r="A2958" s="2"/>
      <c r="B2958" s="2"/>
      <c r="C2958" s="2"/>
    </row>
    <row r="2959" spans="1:3" ht="19.2">
      <c r="A2959" s="2"/>
      <c r="B2959" s="2"/>
      <c r="C2959" s="2"/>
    </row>
    <row r="2960" spans="1:3" ht="19.2">
      <c r="A2960" s="2"/>
      <c r="B2960" s="2"/>
      <c r="C2960" s="2"/>
    </row>
    <row r="2961" spans="1:3" ht="19.2">
      <c r="A2961" s="2"/>
      <c r="B2961" s="2"/>
      <c r="C2961" s="2"/>
    </row>
    <row r="2962" spans="1:3" ht="19.2">
      <c r="A2962" s="2"/>
      <c r="B2962" s="2"/>
      <c r="C2962" s="2"/>
    </row>
    <row r="2963" spans="1:3" ht="19.2">
      <c r="A2963" s="2"/>
      <c r="B2963" s="2"/>
      <c r="C2963" s="2"/>
    </row>
    <row r="2964" spans="1:3" ht="19.2">
      <c r="A2964" s="2"/>
      <c r="B2964" s="2"/>
      <c r="C2964" s="2"/>
    </row>
    <row r="2965" spans="1:3" ht="19.2">
      <c r="A2965" s="2"/>
      <c r="B2965" s="2"/>
      <c r="C2965" s="2"/>
    </row>
    <row r="2966" spans="1:3" ht="19.2">
      <c r="A2966" s="2"/>
      <c r="B2966" s="2"/>
      <c r="C2966" s="2"/>
    </row>
    <row r="2967" spans="1:3" ht="19.2">
      <c r="A2967" s="2"/>
      <c r="B2967" s="2"/>
      <c r="C2967" s="2"/>
    </row>
    <row r="2968" spans="1:3" ht="19.2">
      <c r="A2968" s="2"/>
      <c r="B2968" s="2"/>
      <c r="C2968" s="2"/>
    </row>
    <row r="2969" spans="1:3" ht="19.2">
      <c r="A2969" s="2"/>
      <c r="B2969" s="2"/>
      <c r="C2969" s="2"/>
    </row>
    <row r="2970" spans="1:3" ht="19.2">
      <c r="A2970" s="2"/>
      <c r="B2970" s="2"/>
      <c r="C2970" s="2"/>
    </row>
    <row r="2971" spans="1:3" ht="19.2">
      <c r="A2971" s="2"/>
      <c r="B2971" s="2"/>
      <c r="C2971" s="2"/>
    </row>
    <row r="2972" spans="1:3" ht="19.2">
      <c r="A2972" s="2"/>
      <c r="B2972" s="2"/>
      <c r="C2972" s="2"/>
    </row>
    <row r="2973" spans="1:3" ht="19.2">
      <c r="A2973" s="2"/>
      <c r="B2973" s="2"/>
      <c r="C2973" s="2"/>
    </row>
    <row r="2974" spans="1:3" ht="19.2">
      <c r="A2974" s="2"/>
      <c r="B2974" s="2"/>
      <c r="C2974" s="2"/>
    </row>
    <row r="2975" spans="1:3" ht="19.2">
      <c r="A2975" s="2"/>
      <c r="B2975" s="2"/>
      <c r="C2975" s="2"/>
    </row>
    <row r="2976" spans="1:3" ht="19.2">
      <c r="A2976" s="2"/>
      <c r="B2976" s="2"/>
      <c r="C2976" s="2"/>
    </row>
    <row r="2977" spans="1:3" ht="19.2">
      <c r="A2977" s="2"/>
      <c r="B2977" s="2"/>
      <c r="C2977" s="2"/>
    </row>
    <row r="2978" spans="1:3" ht="19.2">
      <c r="A2978" s="2"/>
      <c r="B2978" s="2"/>
      <c r="C2978" s="2"/>
    </row>
    <row r="2979" spans="1:3" ht="19.2">
      <c r="A2979" s="2"/>
      <c r="B2979" s="2"/>
      <c r="C2979" s="2"/>
    </row>
    <row r="2980" spans="1:3" ht="19.2">
      <c r="A2980" s="2"/>
      <c r="B2980" s="2"/>
      <c r="C2980" s="2"/>
    </row>
    <row r="2981" spans="1:3" ht="19.2">
      <c r="A2981" s="2"/>
      <c r="B2981" s="2"/>
      <c r="C2981" s="2"/>
    </row>
    <row r="2982" spans="1:3" ht="19.2">
      <c r="A2982" s="2"/>
      <c r="B2982" s="2"/>
      <c r="C2982" s="2"/>
    </row>
    <row r="2983" spans="1:3" ht="19.2">
      <c r="A2983" s="2"/>
      <c r="B2983" s="2"/>
      <c r="C2983" s="2"/>
    </row>
    <row r="2984" spans="1:3" ht="19.2">
      <c r="A2984" s="2"/>
      <c r="B2984" s="2"/>
      <c r="C2984" s="2"/>
    </row>
    <row r="2985" spans="1:3" ht="19.2">
      <c r="A2985" s="2"/>
      <c r="B2985" s="2"/>
      <c r="C2985" s="2"/>
    </row>
    <row r="2986" spans="1:3" ht="19.2">
      <c r="A2986" s="2"/>
      <c r="B2986" s="2"/>
      <c r="C2986" s="2"/>
    </row>
    <row r="2987" spans="1:3" ht="19.2">
      <c r="A2987" s="2"/>
      <c r="B2987" s="2"/>
      <c r="C2987" s="2"/>
    </row>
    <row r="2988" spans="1:3" ht="19.2">
      <c r="A2988" s="2"/>
      <c r="B2988" s="2"/>
      <c r="C2988" s="2"/>
    </row>
    <row r="2989" spans="1:3" ht="19.2">
      <c r="A2989" s="2"/>
      <c r="B2989" s="2"/>
      <c r="C2989" s="2"/>
    </row>
    <row r="2990" spans="1:3" ht="19.2">
      <c r="A2990" s="2"/>
      <c r="B2990" s="2"/>
      <c r="C2990" s="2"/>
    </row>
    <row r="2991" spans="1:3" ht="19.2">
      <c r="A2991" s="2"/>
      <c r="B2991" s="2"/>
      <c r="C2991" s="2"/>
    </row>
    <row r="2992" spans="1:3" ht="19.2">
      <c r="A2992" s="2"/>
      <c r="B2992" s="2"/>
      <c r="C2992" s="2"/>
    </row>
    <row r="2993" spans="1:3" ht="19.2">
      <c r="A2993" s="2"/>
      <c r="B2993" s="2"/>
      <c r="C2993" s="2"/>
    </row>
    <row r="2994" spans="1:3" ht="19.2">
      <c r="A2994" s="2"/>
      <c r="B2994" s="2"/>
      <c r="C2994" s="2"/>
    </row>
    <row r="2995" spans="1:3" ht="19.2">
      <c r="A2995" s="2"/>
      <c r="B2995" s="2"/>
      <c r="C2995" s="2"/>
    </row>
    <row r="2996" spans="1:3" ht="19.2">
      <c r="A2996" s="2"/>
      <c r="B2996" s="2"/>
      <c r="C2996" s="2"/>
    </row>
    <row r="2997" spans="1:3" ht="19.2">
      <c r="A2997" s="2"/>
      <c r="B2997" s="2"/>
      <c r="C2997" s="2"/>
    </row>
    <row r="2998" spans="1:3" ht="19.2">
      <c r="A2998" s="2"/>
      <c r="B2998" s="2"/>
      <c r="C2998" s="2"/>
    </row>
    <row r="2999" spans="1:3" ht="19.2">
      <c r="A2999" s="2"/>
      <c r="B2999" s="2"/>
      <c r="C2999" s="2"/>
    </row>
    <row r="3000" spans="1:3" ht="19.2">
      <c r="A3000" s="2"/>
      <c r="B3000" s="2"/>
      <c r="C3000" s="2"/>
    </row>
    <row r="3001" spans="1:3" ht="19.2">
      <c r="A3001" s="2"/>
      <c r="B3001" s="2"/>
      <c r="C3001" s="2"/>
    </row>
    <row r="3002" spans="1:3" ht="19.2">
      <c r="A3002" s="2"/>
      <c r="B3002" s="2"/>
      <c r="C3002" s="2"/>
    </row>
    <row r="3003" spans="1:3" ht="19.2">
      <c r="A3003" s="2"/>
      <c r="B3003" s="2"/>
      <c r="C3003" s="2"/>
    </row>
    <row r="3004" spans="1:3" ht="19.2">
      <c r="A3004" s="2"/>
      <c r="B3004" s="2"/>
      <c r="C3004" s="2"/>
    </row>
    <row r="3005" spans="1:3" ht="19.2">
      <c r="A3005" s="2"/>
      <c r="B3005" s="2"/>
      <c r="C3005" s="2"/>
    </row>
    <row r="3006" spans="1:3" ht="19.2">
      <c r="A3006" s="2"/>
      <c r="B3006" s="2"/>
      <c r="C3006" s="2"/>
    </row>
    <row r="3007" spans="1:3" ht="19.2">
      <c r="A3007" s="2"/>
      <c r="B3007" s="2"/>
      <c r="C3007" s="2"/>
    </row>
    <row r="3008" spans="1:3" ht="19.2">
      <c r="A3008" s="2"/>
      <c r="B3008" s="2"/>
      <c r="C3008" s="2"/>
    </row>
    <row r="3009" spans="1:3" ht="19.2">
      <c r="A3009" s="2"/>
      <c r="B3009" s="2"/>
      <c r="C3009" s="2"/>
    </row>
    <row r="3010" spans="1:3" ht="19.2">
      <c r="A3010" s="2"/>
      <c r="B3010" s="2"/>
      <c r="C3010" s="2"/>
    </row>
    <row r="3011" spans="1:3" ht="19.2">
      <c r="A3011" s="2"/>
      <c r="B3011" s="2"/>
      <c r="C3011" s="2"/>
    </row>
    <row r="3012" spans="1:3" ht="19.2">
      <c r="A3012" s="2"/>
      <c r="B3012" s="2"/>
      <c r="C3012" s="2"/>
    </row>
    <row r="3013" spans="1:3" ht="19.2">
      <c r="A3013" s="2"/>
      <c r="B3013" s="2"/>
      <c r="C3013" s="2"/>
    </row>
    <row r="3014" spans="1:3" ht="19.2">
      <c r="A3014" s="2"/>
      <c r="B3014" s="2"/>
      <c r="C3014" s="2"/>
    </row>
    <row r="3015" spans="1:3" ht="19.2">
      <c r="A3015" s="2"/>
      <c r="B3015" s="2"/>
      <c r="C3015" s="2"/>
    </row>
    <row r="3016" spans="1:3" ht="19.2">
      <c r="A3016" s="2"/>
      <c r="B3016" s="2"/>
      <c r="C3016" s="2"/>
    </row>
    <row r="3017" spans="1:3" ht="19.2">
      <c r="A3017" s="2"/>
      <c r="B3017" s="2"/>
      <c r="C3017" s="2"/>
    </row>
    <row r="3018" spans="1:3" ht="19.2">
      <c r="A3018" s="2"/>
      <c r="B3018" s="2"/>
      <c r="C3018" s="2"/>
    </row>
    <row r="3019" spans="1:3" ht="19.2">
      <c r="A3019" s="2"/>
      <c r="B3019" s="2"/>
      <c r="C3019" s="2"/>
    </row>
    <row r="3020" spans="1:3" ht="19.2">
      <c r="A3020" s="2"/>
      <c r="B3020" s="2"/>
      <c r="C3020" s="2"/>
    </row>
    <row r="3021" spans="1:3" ht="19.2">
      <c r="A3021" s="2"/>
      <c r="B3021" s="2"/>
      <c r="C3021" s="2"/>
    </row>
    <row r="3022" spans="1:3" ht="19.2">
      <c r="A3022" s="2"/>
      <c r="B3022" s="2"/>
      <c r="C3022" s="2"/>
    </row>
    <row r="3023" spans="1:3" ht="19.2">
      <c r="A3023" s="2"/>
      <c r="B3023" s="2"/>
      <c r="C3023" s="2"/>
    </row>
    <row r="3024" spans="1:3" ht="19.2">
      <c r="A3024" s="2"/>
      <c r="B3024" s="2"/>
      <c r="C3024" s="2"/>
    </row>
    <row r="3025" spans="1:3" ht="19.2">
      <c r="A3025" s="2"/>
      <c r="B3025" s="2"/>
      <c r="C3025" s="2"/>
    </row>
    <row r="3026" spans="1:3" ht="19.2">
      <c r="A3026" s="2"/>
      <c r="B3026" s="2"/>
      <c r="C3026" s="2"/>
    </row>
    <row r="3027" spans="1:3" ht="19.2">
      <c r="A3027" s="2"/>
      <c r="B3027" s="2"/>
      <c r="C3027" s="2"/>
    </row>
    <row r="3028" spans="1:3" ht="19.2">
      <c r="A3028" s="2"/>
      <c r="B3028" s="2"/>
      <c r="C3028" s="2"/>
    </row>
    <row r="3029" spans="1:3" ht="19.2">
      <c r="A3029" s="2"/>
      <c r="B3029" s="2"/>
      <c r="C3029" s="2"/>
    </row>
    <row r="3030" spans="1:3" ht="19.2">
      <c r="A3030" s="2"/>
      <c r="B3030" s="2"/>
      <c r="C3030" s="2"/>
    </row>
    <row r="3031" spans="1:3" ht="19.2">
      <c r="A3031" s="2"/>
      <c r="B3031" s="2"/>
      <c r="C3031" s="2"/>
    </row>
    <row r="3032" spans="1:3" ht="19.2">
      <c r="A3032" s="2"/>
      <c r="B3032" s="2"/>
      <c r="C3032" s="2"/>
    </row>
    <row r="3033" spans="1:3" ht="19.2">
      <c r="A3033" s="2"/>
      <c r="B3033" s="2"/>
      <c r="C3033" s="2"/>
    </row>
    <row r="3034" spans="1:3" ht="19.2">
      <c r="A3034" s="2"/>
      <c r="B3034" s="2"/>
      <c r="C3034" s="2"/>
    </row>
    <row r="3035" spans="1:3" ht="19.2">
      <c r="A3035" s="2"/>
      <c r="B3035" s="2"/>
      <c r="C3035" s="2"/>
    </row>
    <row r="3036" spans="1:3" ht="19.2">
      <c r="A3036" s="2"/>
      <c r="B3036" s="2"/>
      <c r="C3036" s="2"/>
    </row>
    <row r="3037" spans="1:3" ht="19.2">
      <c r="A3037" s="2"/>
      <c r="B3037" s="2"/>
      <c r="C3037" s="2"/>
    </row>
    <row r="3038" spans="1:3" ht="19.2">
      <c r="A3038" s="2"/>
      <c r="B3038" s="2"/>
      <c r="C3038" s="2"/>
    </row>
    <row r="3039" spans="1:3" ht="19.2">
      <c r="A3039" s="2"/>
      <c r="B3039" s="2"/>
      <c r="C3039" s="2"/>
    </row>
    <row r="3040" spans="1:3" ht="19.2">
      <c r="A3040" s="2"/>
      <c r="B3040" s="2"/>
      <c r="C3040" s="2"/>
    </row>
    <row r="3041" spans="1:3" ht="19.2">
      <c r="A3041" s="2"/>
      <c r="B3041" s="2"/>
      <c r="C3041" s="2"/>
    </row>
    <row r="3042" spans="1:3" ht="19.2">
      <c r="A3042" s="2"/>
      <c r="B3042" s="2"/>
      <c r="C3042" s="2"/>
    </row>
    <row r="3043" spans="1:3" ht="19.2">
      <c r="A3043" s="2"/>
      <c r="B3043" s="2"/>
      <c r="C3043" s="2"/>
    </row>
    <row r="3044" spans="1:3" ht="19.2">
      <c r="A3044" s="2"/>
      <c r="B3044" s="2"/>
      <c r="C3044" s="2"/>
    </row>
    <row r="3045" spans="1:3" ht="19.2">
      <c r="A3045" s="2"/>
      <c r="B3045" s="2"/>
      <c r="C3045" s="2"/>
    </row>
    <row r="3046" spans="1:3" ht="19.2">
      <c r="A3046" s="2"/>
      <c r="B3046" s="2"/>
      <c r="C3046" s="2"/>
    </row>
    <row r="3047" spans="1:3" ht="19.2">
      <c r="A3047" s="2"/>
      <c r="B3047" s="2"/>
      <c r="C3047" s="2"/>
    </row>
    <row r="3048" spans="1:3" ht="19.2">
      <c r="A3048" s="2"/>
      <c r="B3048" s="2"/>
      <c r="C3048" s="2"/>
    </row>
    <row r="3049" spans="1:3" ht="19.2">
      <c r="A3049" s="2"/>
      <c r="B3049" s="2"/>
      <c r="C3049" s="2"/>
    </row>
    <row r="3050" spans="1:3" ht="19.2">
      <c r="A3050" s="2"/>
      <c r="B3050" s="2"/>
      <c r="C3050" s="2"/>
    </row>
    <row r="3051" spans="1:3" ht="19.2">
      <c r="A3051" s="2"/>
      <c r="B3051" s="2"/>
      <c r="C3051" s="2"/>
    </row>
    <row r="3052" spans="1:3" ht="19.2">
      <c r="A3052" s="2"/>
      <c r="B3052" s="2"/>
      <c r="C3052" s="2"/>
    </row>
    <row r="3053" spans="1:3" ht="19.2">
      <c r="A3053" s="2"/>
      <c r="B3053" s="2"/>
      <c r="C3053" s="2"/>
    </row>
    <row r="3054" spans="1:3" ht="19.2">
      <c r="A3054" s="2"/>
      <c r="B3054" s="2"/>
      <c r="C3054" s="2"/>
    </row>
    <row r="3055" spans="1:3" ht="19.2">
      <c r="A3055" s="2"/>
      <c r="B3055" s="2"/>
      <c r="C3055" s="2"/>
    </row>
    <row r="3056" spans="1:3" ht="19.2">
      <c r="A3056" s="2"/>
      <c r="B3056" s="2"/>
      <c r="C3056" s="2"/>
    </row>
    <row r="3057" spans="1:3" ht="19.2">
      <c r="A3057" s="2"/>
      <c r="B3057" s="2"/>
      <c r="C3057" s="2"/>
    </row>
    <row r="3058" spans="1:3" ht="19.2">
      <c r="A3058" s="2"/>
      <c r="B3058" s="2"/>
      <c r="C3058" s="2"/>
    </row>
    <row r="3059" spans="1:3" ht="19.2">
      <c r="A3059" s="2"/>
      <c r="B3059" s="2"/>
      <c r="C3059" s="2"/>
    </row>
    <row r="3060" spans="1:3" ht="19.2">
      <c r="A3060" s="2"/>
      <c r="B3060" s="2"/>
      <c r="C3060" s="2"/>
    </row>
    <row r="3061" spans="1:3" ht="19.2">
      <c r="A3061" s="2"/>
      <c r="B3061" s="2"/>
      <c r="C3061" s="2"/>
    </row>
    <row r="3062" spans="1:3" ht="19.2">
      <c r="A3062" s="2"/>
      <c r="B3062" s="2"/>
      <c r="C3062" s="2"/>
    </row>
    <row r="3063" spans="1:3" ht="19.2">
      <c r="A3063" s="2"/>
      <c r="B3063" s="2"/>
      <c r="C3063" s="2"/>
    </row>
    <row r="3064" spans="1:3" ht="19.2">
      <c r="A3064" s="2"/>
      <c r="B3064" s="2"/>
      <c r="C3064" s="2"/>
    </row>
    <row r="3065" spans="1:3" ht="19.2">
      <c r="A3065" s="2"/>
      <c r="B3065" s="2"/>
      <c r="C3065" s="2"/>
    </row>
    <row r="3066" spans="1:3" ht="19.2">
      <c r="A3066" s="2"/>
      <c r="B3066" s="2"/>
      <c r="C3066" s="2"/>
    </row>
    <row r="3067" spans="1:3" ht="19.2">
      <c r="A3067" s="2"/>
      <c r="B3067" s="2"/>
      <c r="C3067" s="2"/>
    </row>
    <row r="3068" spans="1:3" ht="19.2">
      <c r="A3068" s="2"/>
      <c r="B3068" s="2"/>
      <c r="C3068" s="2"/>
    </row>
    <row r="3069" spans="1:3" ht="19.2">
      <c r="A3069" s="2"/>
      <c r="B3069" s="2"/>
      <c r="C3069" s="2"/>
    </row>
    <row r="3070" spans="1:3" ht="19.2">
      <c r="A3070" s="2"/>
      <c r="B3070" s="2"/>
      <c r="C3070" s="2"/>
    </row>
    <row r="3071" spans="1:3" ht="19.2">
      <c r="A3071" s="2"/>
      <c r="B3071" s="2"/>
      <c r="C3071" s="2"/>
    </row>
    <row r="3072" spans="1:3" ht="19.2">
      <c r="A3072" s="2"/>
      <c r="B3072" s="2"/>
      <c r="C3072" s="2"/>
    </row>
    <row r="3073" spans="1:3" ht="19.2">
      <c r="A3073" s="2"/>
      <c r="B3073" s="2"/>
      <c r="C3073" s="2"/>
    </row>
    <row r="3074" spans="1:3" ht="19.2">
      <c r="A3074" s="2"/>
      <c r="B3074" s="2"/>
      <c r="C3074" s="2"/>
    </row>
    <row r="3075" spans="1:3" ht="19.2">
      <c r="A3075" s="2"/>
      <c r="B3075" s="2"/>
      <c r="C3075" s="2"/>
    </row>
    <row r="3076" spans="1:3" ht="19.2">
      <c r="A3076" s="2"/>
      <c r="B3076" s="2"/>
      <c r="C3076" s="2"/>
    </row>
    <row r="3077" spans="1:3" ht="19.2">
      <c r="A3077" s="2"/>
      <c r="B3077" s="2"/>
      <c r="C3077" s="2"/>
    </row>
    <row r="3078" spans="1:3" ht="19.2">
      <c r="A3078" s="2"/>
      <c r="B3078" s="2"/>
      <c r="C3078" s="2"/>
    </row>
    <row r="3079" spans="1:3" ht="19.2">
      <c r="A3079" s="2"/>
      <c r="B3079" s="2"/>
      <c r="C3079" s="2"/>
    </row>
    <row r="3080" spans="1:3" ht="19.2">
      <c r="A3080" s="2"/>
      <c r="B3080" s="2"/>
      <c r="C3080" s="2"/>
    </row>
    <row r="3081" spans="1:3" ht="19.2">
      <c r="A3081" s="2"/>
      <c r="B3081" s="2"/>
      <c r="C3081" s="2"/>
    </row>
    <row r="3082" spans="1:3" ht="19.2">
      <c r="A3082" s="2"/>
      <c r="B3082" s="2"/>
      <c r="C3082" s="2"/>
    </row>
    <row r="3083" spans="1:3" ht="19.2">
      <c r="A3083" s="2"/>
      <c r="B3083" s="2"/>
      <c r="C3083" s="2"/>
    </row>
    <row r="3084" spans="1:3" ht="19.2">
      <c r="A3084" s="2"/>
      <c r="B3084" s="2"/>
      <c r="C3084" s="2"/>
    </row>
    <row r="3085" spans="1:3" ht="19.2">
      <c r="A3085" s="2"/>
      <c r="B3085" s="2"/>
      <c r="C3085" s="2"/>
    </row>
    <row r="3086" spans="1:3" ht="19.2">
      <c r="A3086" s="2"/>
      <c r="B3086" s="2"/>
      <c r="C3086" s="2"/>
    </row>
    <row r="3087" spans="1:3" ht="19.2">
      <c r="A3087" s="2"/>
      <c r="B3087" s="2"/>
      <c r="C3087" s="2"/>
    </row>
    <row r="3088" spans="1:3" ht="19.2">
      <c r="A3088" s="2"/>
      <c r="B3088" s="2"/>
      <c r="C3088" s="2"/>
    </row>
    <row r="3089" spans="1:3" ht="19.2">
      <c r="A3089" s="2"/>
      <c r="B3089" s="2"/>
      <c r="C3089" s="2"/>
    </row>
    <row r="3090" spans="1:3" ht="19.2">
      <c r="A3090" s="2"/>
      <c r="B3090" s="2"/>
      <c r="C3090" s="2"/>
    </row>
    <row r="3091" spans="1:3" ht="19.2">
      <c r="A3091" s="2"/>
      <c r="B3091" s="2"/>
      <c r="C3091" s="2"/>
    </row>
    <row r="3092" spans="1:3" ht="19.2">
      <c r="A3092" s="2"/>
      <c r="B3092" s="2"/>
      <c r="C3092" s="2"/>
    </row>
    <row r="3093" spans="1:3" ht="19.2">
      <c r="A3093" s="2"/>
      <c r="B3093" s="2"/>
      <c r="C3093" s="2"/>
    </row>
    <row r="3094" spans="1:3" ht="19.2">
      <c r="A3094" s="2"/>
      <c r="B3094" s="2"/>
      <c r="C3094" s="2"/>
    </row>
    <row r="3095" spans="1:3" ht="19.2">
      <c r="A3095" s="2"/>
      <c r="B3095" s="2"/>
      <c r="C3095" s="2"/>
    </row>
    <row r="3096" spans="1:3" ht="19.2">
      <c r="A3096" s="2"/>
      <c r="B3096" s="2"/>
      <c r="C3096" s="2"/>
    </row>
    <row r="3097" spans="1:3" ht="19.2">
      <c r="A3097" s="2"/>
      <c r="B3097" s="2"/>
      <c r="C3097" s="2"/>
    </row>
    <row r="3098" spans="1:3" ht="19.2">
      <c r="A3098" s="2"/>
      <c r="B3098" s="2"/>
      <c r="C3098" s="2"/>
    </row>
    <row r="3099" spans="1:3" ht="19.2">
      <c r="A3099" s="2"/>
      <c r="B3099" s="2"/>
      <c r="C3099" s="2"/>
    </row>
    <row r="3100" spans="1:3" ht="19.2">
      <c r="A3100" s="2"/>
      <c r="B3100" s="2"/>
      <c r="C3100" s="2"/>
    </row>
    <row r="3101" spans="1:3" ht="19.2">
      <c r="A3101" s="2"/>
      <c r="B3101" s="2"/>
      <c r="C3101" s="2"/>
    </row>
    <row r="3102" spans="1:3" ht="19.2">
      <c r="A3102" s="2"/>
      <c r="B3102" s="2"/>
      <c r="C3102" s="2"/>
    </row>
    <row r="3103" spans="1:3" ht="19.2">
      <c r="A3103" s="2"/>
      <c r="B3103" s="2"/>
      <c r="C3103" s="2"/>
    </row>
    <row r="3104" spans="1:3" ht="19.2">
      <c r="A3104" s="2"/>
      <c r="B3104" s="2"/>
      <c r="C3104" s="2"/>
    </row>
    <row r="3105" spans="1:3" ht="19.2">
      <c r="A3105" s="2"/>
      <c r="B3105" s="2"/>
      <c r="C3105" s="2"/>
    </row>
    <row r="3106" spans="1:3" ht="19.2">
      <c r="A3106" s="2"/>
      <c r="B3106" s="2"/>
      <c r="C3106" s="2"/>
    </row>
    <row r="3107" spans="1:3" ht="19.2">
      <c r="A3107" s="2"/>
      <c r="B3107" s="2"/>
      <c r="C3107" s="2"/>
    </row>
    <row r="3108" spans="1:3" ht="19.2">
      <c r="A3108" s="2"/>
      <c r="B3108" s="2"/>
      <c r="C3108" s="2"/>
    </row>
    <row r="3109" spans="1:3" ht="19.2">
      <c r="A3109" s="2"/>
      <c r="B3109" s="2"/>
      <c r="C3109" s="2"/>
    </row>
    <row r="3110" spans="1:3" ht="19.2">
      <c r="A3110" s="2"/>
      <c r="B3110" s="2"/>
      <c r="C3110" s="2"/>
    </row>
    <row r="3111" spans="1:3" ht="19.2">
      <c r="A3111" s="2"/>
      <c r="B3111" s="2"/>
      <c r="C3111" s="2"/>
    </row>
    <row r="3112" spans="1:3" ht="19.2">
      <c r="A3112" s="2"/>
      <c r="B3112" s="2"/>
      <c r="C3112" s="2"/>
    </row>
    <row r="3113" spans="1:3" ht="19.2">
      <c r="A3113" s="2"/>
      <c r="B3113" s="2"/>
      <c r="C3113" s="2"/>
    </row>
    <row r="3114" spans="1:3" ht="19.2">
      <c r="A3114" s="2"/>
      <c r="B3114" s="2"/>
      <c r="C3114" s="2"/>
    </row>
    <row r="3115" spans="1:3" ht="19.2">
      <c r="A3115" s="2"/>
      <c r="B3115" s="2"/>
      <c r="C3115" s="2"/>
    </row>
    <row r="3116" spans="1:3" ht="19.2">
      <c r="A3116" s="2"/>
      <c r="B3116" s="2"/>
      <c r="C3116" s="2"/>
    </row>
    <row r="3117" spans="1:3" ht="19.2">
      <c r="A3117" s="2"/>
      <c r="B3117" s="2"/>
      <c r="C3117" s="2"/>
    </row>
    <row r="3118" spans="1:3" ht="19.2">
      <c r="A3118" s="2"/>
      <c r="B3118" s="2"/>
      <c r="C3118" s="2"/>
    </row>
    <row r="3119" spans="1:3" ht="19.2">
      <c r="A3119" s="2"/>
      <c r="B3119" s="2"/>
      <c r="C3119" s="2"/>
    </row>
    <row r="3120" spans="1:3" ht="19.2">
      <c r="A3120" s="2"/>
      <c r="B3120" s="2"/>
      <c r="C3120" s="2"/>
    </row>
    <row r="3121" spans="1:3" ht="19.2">
      <c r="A3121" s="2"/>
      <c r="B3121" s="2"/>
      <c r="C3121" s="2"/>
    </row>
    <row r="3122" spans="1:3" ht="19.2">
      <c r="A3122" s="2"/>
      <c r="B3122" s="2"/>
      <c r="C3122" s="2"/>
    </row>
    <row r="3123" spans="1:3" ht="19.2">
      <c r="A3123" s="2"/>
      <c r="B3123" s="2"/>
      <c r="C3123" s="2"/>
    </row>
    <row r="3124" spans="1:3" ht="19.2">
      <c r="A3124" s="2"/>
      <c r="B3124" s="2"/>
      <c r="C3124" s="2"/>
    </row>
    <row r="3125" spans="1:3" ht="19.2">
      <c r="A3125" s="2"/>
      <c r="B3125" s="2"/>
      <c r="C3125" s="2"/>
    </row>
    <row r="3126" spans="1:3" ht="19.2">
      <c r="A3126" s="2"/>
      <c r="B3126" s="2"/>
      <c r="C3126" s="2"/>
    </row>
    <row r="3127" spans="1:3" ht="19.2">
      <c r="A3127" s="2"/>
      <c r="B3127" s="2"/>
      <c r="C3127" s="2"/>
    </row>
    <row r="3128" spans="1:3" ht="19.2">
      <c r="A3128" s="2"/>
      <c r="B3128" s="2"/>
      <c r="C3128" s="2"/>
    </row>
    <row r="3129" spans="1:3" ht="19.2">
      <c r="A3129" s="2"/>
      <c r="B3129" s="2"/>
      <c r="C3129" s="2"/>
    </row>
    <row r="3130" spans="1:3" ht="19.2">
      <c r="A3130" s="2"/>
      <c r="B3130" s="2"/>
      <c r="C3130" s="2"/>
    </row>
    <row r="3131" spans="1:3" ht="19.2">
      <c r="A3131" s="2"/>
      <c r="B3131" s="2"/>
      <c r="C3131" s="2"/>
    </row>
    <row r="3132" spans="1:3" ht="19.2">
      <c r="A3132" s="2"/>
      <c r="B3132" s="2"/>
      <c r="C3132" s="2"/>
    </row>
    <row r="3133" spans="1:3" ht="19.2">
      <c r="A3133" s="2"/>
      <c r="B3133" s="2"/>
      <c r="C3133" s="2"/>
    </row>
    <row r="3134" spans="1:3" ht="19.2">
      <c r="A3134" s="2"/>
      <c r="B3134" s="2"/>
      <c r="C3134" s="2"/>
    </row>
    <row r="3135" spans="1:3" ht="19.2">
      <c r="A3135" s="2"/>
      <c r="B3135" s="2"/>
      <c r="C3135" s="2"/>
    </row>
    <row r="3136" spans="1:3" ht="19.2">
      <c r="A3136" s="2"/>
      <c r="B3136" s="2"/>
      <c r="C3136" s="2"/>
    </row>
    <row r="3137" spans="1:3" ht="19.2">
      <c r="A3137" s="2"/>
      <c r="B3137" s="2"/>
      <c r="C3137" s="2"/>
    </row>
    <row r="3138" spans="1:3" ht="19.2">
      <c r="A3138" s="2"/>
      <c r="B3138" s="2"/>
      <c r="C3138" s="2"/>
    </row>
    <row r="3139" spans="1:3" ht="19.2">
      <c r="A3139" s="2"/>
      <c r="B3139" s="2"/>
      <c r="C3139" s="2"/>
    </row>
    <row r="3140" spans="1:3" ht="19.2">
      <c r="A3140" s="2"/>
      <c r="B3140" s="2"/>
      <c r="C3140" s="2"/>
    </row>
    <row r="3141" spans="1:3" ht="19.2">
      <c r="A3141" s="2"/>
      <c r="B3141" s="2"/>
      <c r="C3141" s="2"/>
    </row>
    <row r="3142" spans="1:3" ht="19.2">
      <c r="A3142" s="2"/>
      <c r="B3142" s="2"/>
      <c r="C3142" s="2"/>
    </row>
    <row r="3143" spans="1:3" ht="19.2">
      <c r="A3143" s="2"/>
      <c r="B3143" s="2"/>
      <c r="C3143" s="2"/>
    </row>
    <row r="3144" spans="1:3" ht="19.2">
      <c r="A3144" s="2"/>
      <c r="B3144" s="2"/>
      <c r="C3144" s="2"/>
    </row>
    <row r="3145" spans="1:3" ht="19.2">
      <c r="A3145" s="2"/>
      <c r="B3145" s="2"/>
      <c r="C3145" s="2"/>
    </row>
    <row r="3146" spans="1:3" ht="19.2">
      <c r="A3146" s="2"/>
      <c r="B3146" s="2"/>
      <c r="C3146" s="2"/>
    </row>
    <row r="3147" spans="1:3" ht="19.2">
      <c r="A3147" s="2"/>
      <c r="B3147" s="2"/>
      <c r="C3147" s="2"/>
    </row>
    <row r="3148" spans="1:3" ht="19.2">
      <c r="A3148" s="2"/>
      <c r="B3148" s="2"/>
      <c r="C3148" s="2"/>
    </row>
    <row r="3149" spans="1:3" ht="19.2">
      <c r="A3149" s="2"/>
      <c r="B3149" s="2"/>
      <c r="C3149" s="2"/>
    </row>
    <row r="3150" spans="1:3" ht="19.2">
      <c r="A3150" s="2"/>
      <c r="B3150" s="2"/>
      <c r="C3150" s="2"/>
    </row>
    <row r="3151" spans="1:3" ht="19.2">
      <c r="A3151" s="2"/>
      <c r="B3151" s="2"/>
      <c r="C3151" s="2"/>
    </row>
    <row r="3152" spans="1:3" ht="19.2">
      <c r="A3152" s="2"/>
      <c r="B3152" s="2"/>
      <c r="C3152" s="2"/>
    </row>
    <row r="3153" spans="1:3" ht="19.2">
      <c r="A3153" s="2"/>
      <c r="B3153" s="2"/>
      <c r="C3153" s="2"/>
    </row>
    <row r="3154" spans="1:3" ht="19.2">
      <c r="A3154" s="2"/>
      <c r="B3154" s="2"/>
      <c r="C3154" s="2"/>
    </row>
    <row r="3155" spans="1:3" ht="19.2">
      <c r="A3155" s="2"/>
      <c r="B3155" s="2"/>
      <c r="C3155" s="2"/>
    </row>
    <row r="3156" spans="1:3" ht="19.2">
      <c r="A3156" s="2"/>
      <c r="B3156" s="2"/>
      <c r="C3156" s="2"/>
    </row>
    <row r="3157" spans="1:3" ht="19.2">
      <c r="A3157" s="2"/>
      <c r="B3157" s="2"/>
      <c r="C3157" s="2"/>
    </row>
    <row r="3158" spans="1:3" ht="19.2">
      <c r="A3158" s="2"/>
      <c r="B3158" s="2"/>
      <c r="C3158" s="2"/>
    </row>
    <row r="3159" spans="1:3" ht="19.2">
      <c r="A3159" s="2"/>
      <c r="B3159" s="2"/>
      <c r="C3159" s="2"/>
    </row>
    <row r="3160" spans="1:3" ht="19.2">
      <c r="A3160" s="2"/>
      <c r="B3160" s="2"/>
      <c r="C3160" s="2"/>
    </row>
    <row r="3161" spans="1:3" ht="19.2">
      <c r="A3161" s="2"/>
      <c r="B3161" s="2"/>
      <c r="C3161" s="2"/>
    </row>
    <row r="3162" spans="1:3" ht="19.2">
      <c r="A3162" s="2"/>
      <c r="B3162" s="2"/>
      <c r="C3162" s="2"/>
    </row>
    <row r="3163" spans="1:3" ht="19.2">
      <c r="A3163" s="2"/>
      <c r="B3163" s="2"/>
      <c r="C3163" s="2"/>
    </row>
    <row r="3164" spans="1:3" ht="19.2">
      <c r="A3164" s="2"/>
      <c r="B3164" s="2"/>
      <c r="C3164" s="2"/>
    </row>
    <row r="3165" spans="1:3" ht="19.2">
      <c r="A3165" s="2"/>
      <c r="B3165" s="2"/>
      <c r="C3165" s="2"/>
    </row>
    <row r="3166" spans="1:3" ht="19.2">
      <c r="A3166" s="2"/>
      <c r="B3166" s="2"/>
      <c r="C3166" s="2"/>
    </row>
    <row r="3167" spans="1:3" ht="19.2">
      <c r="A3167" s="2"/>
      <c r="B3167" s="2"/>
      <c r="C3167" s="2"/>
    </row>
    <row r="3168" spans="1:3" ht="19.2">
      <c r="A3168" s="2"/>
      <c r="B3168" s="2"/>
      <c r="C3168" s="2"/>
    </row>
    <row r="3169" spans="1:3" ht="19.2">
      <c r="A3169" s="2"/>
      <c r="B3169" s="2"/>
      <c r="C3169" s="2"/>
    </row>
    <row r="3170" spans="1:3" ht="19.2">
      <c r="A3170" s="2"/>
      <c r="B3170" s="2"/>
      <c r="C3170" s="2"/>
    </row>
    <row r="3171" spans="1:3" ht="19.2">
      <c r="A3171" s="2"/>
      <c r="B3171" s="2"/>
      <c r="C3171" s="2"/>
    </row>
    <row r="3172" spans="1:3" ht="19.2">
      <c r="A3172" s="2"/>
      <c r="B3172" s="2"/>
      <c r="C3172" s="2"/>
    </row>
    <row r="3173" spans="1:3" ht="19.2">
      <c r="A3173" s="2"/>
      <c r="B3173" s="2"/>
      <c r="C3173" s="2"/>
    </row>
    <row r="3174" spans="1:3" ht="19.2">
      <c r="A3174" s="2"/>
      <c r="B3174" s="2"/>
      <c r="C3174" s="2"/>
    </row>
    <row r="3175" spans="1:3" ht="19.2">
      <c r="A3175" s="2"/>
      <c r="B3175" s="2"/>
      <c r="C3175" s="2"/>
    </row>
    <row r="3176" spans="1:3" ht="19.2">
      <c r="A3176" s="2"/>
      <c r="B3176" s="2"/>
      <c r="C3176" s="2"/>
    </row>
    <row r="3177" spans="1:3" ht="19.2">
      <c r="A3177" s="2"/>
      <c r="B3177" s="2"/>
      <c r="C3177" s="2"/>
    </row>
    <row r="3178" spans="1:3" ht="19.2">
      <c r="A3178" s="2"/>
      <c r="B3178" s="2"/>
      <c r="C3178" s="2"/>
    </row>
    <row r="3179" spans="1:3" ht="19.2">
      <c r="A3179" s="2"/>
      <c r="B3179" s="2"/>
      <c r="C3179" s="2"/>
    </row>
    <row r="3180" spans="1:3" ht="19.2">
      <c r="A3180" s="2"/>
      <c r="B3180" s="2"/>
      <c r="C3180" s="2"/>
    </row>
    <row r="3181" spans="1:3" ht="19.2">
      <c r="A3181" s="2"/>
      <c r="B3181" s="2"/>
      <c r="C3181" s="2"/>
    </row>
    <row r="3182" spans="1:3" ht="19.2">
      <c r="A3182" s="2"/>
      <c r="B3182" s="2"/>
      <c r="C3182" s="2"/>
    </row>
    <row r="3183" spans="1:3" ht="19.2">
      <c r="A3183" s="2"/>
      <c r="B3183" s="2"/>
      <c r="C3183" s="2"/>
    </row>
    <row r="3184" spans="1:3" ht="19.2">
      <c r="A3184" s="2"/>
      <c r="B3184" s="2"/>
      <c r="C3184" s="2"/>
    </row>
    <row r="3185" spans="1:3" ht="19.2">
      <c r="A3185" s="2"/>
      <c r="B3185" s="2"/>
      <c r="C3185" s="2"/>
    </row>
    <row r="3186" spans="1:3" ht="19.2">
      <c r="A3186" s="2"/>
      <c r="B3186" s="2"/>
      <c r="C3186" s="2"/>
    </row>
    <row r="3187" spans="1:3" ht="19.2">
      <c r="A3187" s="2"/>
      <c r="B3187" s="2"/>
      <c r="C3187" s="2"/>
    </row>
    <row r="3188" spans="1:3" ht="19.2">
      <c r="A3188" s="2"/>
      <c r="B3188" s="2"/>
      <c r="C3188" s="2"/>
    </row>
    <row r="3189" spans="1:3" ht="19.2">
      <c r="A3189" s="2"/>
      <c r="B3189" s="2"/>
      <c r="C3189" s="2"/>
    </row>
    <row r="3190" spans="1:3" ht="19.2">
      <c r="A3190" s="2"/>
      <c r="B3190" s="2"/>
      <c r="C3190" s="2"/>
    </row>
    <row r="3191" spans="1:3" ht="19.2">
      <c r="A3191" s="2"/>
      <c r="B3191" s="2"/>
      <c r="C3191" s="2"/>
    </row>
    <row r="3192" spans="1:3" ht="19.2">
      <c r="A3192" s="2"/>
      <c r="B3192" s="2"/>
      <c r="C3192" s="2"/>
    </row>
    <row r="3193" spans="1:3" ht="19.2">
      <c r="A3193" s="2"/>
      <c r="B3193" s="2"/>
      <c r="C3193" s="2"/>
    </row>
    <row r="3194" spans="1:3" ht="19.2">
      <c r="A3194" s="2"/>
      <c r="B3194" s="2"/>
      <c r="C3194" s="2"/>
    </row>
    <row r="3195" spans="1:3" ht="19.2">
      <c r="A3195" s="2"/>
      <c r="B3195" s="2"/>
      <c r="C3195" s="2"/>
    </row>
    <row r="3196" spans="1:3" ht="19.2">
      <c r="A3196" s="2"/>
      <c r="B3196" s="2"/>
      <c r="C3196" s="2"/>
    </row>
    <row r="3197" spans="1:3" ht="19.2">
      <c r="A3197" s="2"/>
      <c r="B3197" s="2"/>
      <c r="C3197" s="2"/>
    </row>
    <row r="3198" spans="1:3" ht="19.2">
      <c r="A3198" s="2"/>
      <c r="B3198" s="2"/>
      <c r="C3198" s="2"/>
    </row>
    <row r="3199" spans="1:3" ht="19.2">
      <c r="A3199" s="2"/>
      <c r="B3199" s="2"/>
      <c r="C3199" s="2"/>
    </row>
    <row r="3200" spans="1:3" ht="19.2">
      <c r="A3200" s="2"/>
      <c r="B3200" s="2"/>
      <c r="C3200" s="2"/>
    </row>
    <row r="3201" spans="1:3" ht="19.2">
      <c r="A3201" s="2"/>
      <c r="B3201" s="2"/>
      <c r="C3201" s="2"/>
    </row>
    <row r="3202" spans="1:3" ht="19.2">
      <c r="A3202" s="2"/>
      <c r="B3202" s="2"/>
      <c r="C3202" s="2"/>
    </row>
    <row r="3203" spans="1:3" ht="19.2">
      <c r="A3203" s="2"/>
      <c r="B3203" s="2"/>
      <c r="C3203" s="2"/>
    </row>
    <row r="3204" spans="1:3" ht="19.2">
      <c r="A3204" s="2"/>
      <c r="B3204" s="2"/>
      <c r="C3204" s="2"/>
    </row>
    <row r="3205" spans="1:3" ht="19.2">
      <c r="A3205" s="2"/>
      <c r="B3205" s="2"/>
      <c r="C3205" s="2"/>
    </row>
    <row r="3206" spans="1:3" ht="19.2">
      <c r="A3206" s="2"/>
      <c r="B3206" s="2"/>
      <c r="C3206" s="2"/>
    </row>
    <row r="3207" spans="1:3" ht="19.2">
      <c r="A3207" s="2"/>
      <c r="B3207" s="2"/>
      <c r="C3207" s="2"/>
    </row>
    <row r="3208" spans="1:3" ht="19.2">
      <c r="A3208" s="2"/>
      <c r="B3208" s="2"/>
      <c r="C3208" s="2"/>
    </row>
    <row r="3209" spans="1:3" ht="19.2">
      <c r="A3209" s="2"/>
      <c r="B3209" s="2"/>
      <c r="C3209" s="2"/>
    </row>
    <row r="3210" spans="1:3" ht="19.2">
      <c r="A3210" s="2"/>
      <c r="B3210" s="2"/>
      <c r="C3210" s="2"/>
    </row>
    <row r="3211" spans="1:3" ht="19.2">
      <c r="A3211" s="2"/>
      <c r="B3211" s="2"/>
      <c r="C3211" s="2"/>
    </row>
    <row r="3212" spans="1:3" ht="19.2">
      <c r="A3212" s="2"/>
      <c r="B3212" s="2"/>
      <c r="C3212" s="2"/>
    </row>
    <row r="3213" spans="1:3" ht="19.2">
      <c r="A3213" s="2"/>
      <c r="B3213" s="2"/>
      <c r="C3213" s="2"/>
    </row>
    <row r="3214" spans="1:3" ht="19.2">
      <c r="A3214" s="2"/>
      <c r="B3214" s="2"/>
      <c r="C3214" s="2"/>
    </row>
    <row r="3215" spans="1:3" ht="19.2">
      <c r="A3215" s="2"/>
      <c r="B3215" s="2"/>
      <c r="C3215" s="2"/>
    </row>
    <row r="3216" spans="1:3" ht="19.2">
      <c r="A3216" s="2"/>
      <c r="B3216" s="2"/>
      <c r="C3216" s="2"/>
    </row>
    <row r="3217" spans="1:3" ht="19.2">
      <c r="A3217" s="2"/>
      <c r="B3217" s="2"/>
      <c r="C3217" s="2"/>
    </row>
    <row r="3218" spans="1:3" ht="19.2">
      <c r="A3218" s="2"/>
      <c r="B3218" s="2"/>
      <c r="C3218" s="2"/>
    </row>
    <row r="3219" spans="1:3" ht="19.2">
      <c r="A3219" s="2"/>
      <c r="B3219" s="2"/>
      <c r="C3219" s="2"/>
    </row>
    <row r="3220" spans="1:3" ht="19.2">
      <c r="A3220" s="2"/>
      <c r="B3220" s="2"/>
      <c r="C3220" s="2"/>
    </row>
    <row r="3221" spans="1:3" ht="19.2">
      <c r="A3221" s="2"/>
      <c r="B3221" s="2"/>
      <c r="C3221" s="2"/>
    </row>
    <row r="3222" spans="1:3" ht="19.2">
      <c r="A3222" s="2"/>
      <c r="B3222" s="2"/>
      <c r="C3222" s="2"/>
    </row>
    <row r="3223" spans="1:3" ht="19.2">
      <c r="A3223" s="2"/>
      <c r="B3223" s="2"/>
      <c r="C3223" s="2"/>
    </row>
    <row r="3224" spans="1:3" ht="19.2">
      <c r="A3224" s="2"/>
      <c r="B3224" s="2"/>
      <c r="C3224" s="2"/>
    </row>
    <row r="3225" spans="1:3" ht="19.2">
      <c r="A3225" s="2"/>
      <c r="B3225" s="2"/>
      <c r="C3225" s="2"/>
    </row>
    <row r="3226" spans="1:3" ht="19.2">
      <c r="A3226" s="2"/>
      <c r="B3226" s="2"/>
      <c r="C3226" s="2"/>
    </row>
    <row r="3227" spans="1:3" ht="19.2">
      <c r="A3227" s="2"/>
      <c r="B3227" s="2"/>
      <c r="C3227" s="2"/>
    </row>
    <row r="3228" spans="1:3" ht="19.2">
      <c r="A3228" s="2"/>
      <c r="B3228" s="2"/>
      <c r="C3228" s="2"/>
    </row>
    <row r="3229" spans="1:3" ht="19.2">
      <c r="A3229" s="2"/>
      <c r="B3229" s="2"/>
      <c r="C3229" s="2"/>
    </row>
    <row r="3230" spans="1:3" ht="19.2">
      <c r="A3230" s="2"/>
      <c r="B3230" s="2"/>
      <c r="C3230" s="2"/>
    </row>
    <row r="3231" spans="1:3" ht="19.2">
      <c r="A3231" s="2"/>
      <c r="B3231" s="2"/>
      <c r="C3231" s="2"/>
    </row>
    <row r="3232" spans="1:3" ht="19.2">
      <c r="A3232" s="2"/>
      <c r="B3232" s="2"/>
      <c r="C3232" s="2"/>
    </row>
    <row r="3233" spans="1:3" ht="19.2">
      <c r="A3233" s="2"/>
      <c r="B3233" s="2"/>
      <c r="C3233" s="2"/>
    </row>
    <row r="3234" spans="1:3" ht="19.2">
      <c r="A3234" s="2"/>
      <c r="B3234" s="2"/>
      <c r="C3234" s="2"/>
    </row>
    <row r="3235" spans="1:3" ht="19.2">
      <c r="A3235" s="2"/>
      <c r="B3235" s="2"/>
      <c r="C3235" s="2"/>
    </row>
    <row r="3236" spans="1:3" ht="19.2">
      <c r="A3236" s="2"/>
      <c r="B3236" s="2"/>
      <c r="C3236" s="2"/>
    </row>
    <row r="3237" spans="1:3" ht="19.2">
      <c r="A3237" s="2"/>
      <c r="B3237" s="2"/>
      <c r="C3237" s="2"/>
    </row>
    <row r="3238" spans="1:3" ht="19.2">
      <c r="A3238" s="2"/>
      <c r="B3238" s="2"/>
      <c r="C3238" s="2"/>
    </row>
    <row r="3239" spans="1:3" ht="19.2">
      <c r="A3239" s="2"/>
      <c r="B3239" s="2"/>
      <c r="C3239" s="2"/>
    </row>
    <row r="3240" spans="1:3" ht="19.2">
      <c r="A3240" s="2"/>
      <c r="B3240" s="2"/>
      <c r="C3240" s="2"/>
    </row>
    <row r="3241" spans="1:3" ht="19.2">
      <c r="A3241" s="2"/>
      <c r="B3241" s="2"/>
      <c r="C3241" s="2"/>
    </row>
    <row r="3242" spans="1:3" ht="19.2">
      <c r="A3242" s="2"/>
      <c r="B3242" s="2"/>
      <c r="C3242" s="2"/>
    </row>
    <row r="3243" spans="1:3" ht="19.2">
      <c r="A3243" s="2"/>
      <c r="B3243" s="2"/>
      <c r="C3243" s="2"/>
    </row>
    <row r="3244" spans="1:3" ht="19.2">
      <c r="A3244" s="2"/>
      <c r="B3244" s="2"/>
      <c r="C3244" s="2"/>
    </row>
    <row r="3245" spans="1:3" ht="19.2">
      <c r="A3245" s="2"/>
      <c r="B3245" s="2"/>
      <c r="C3245" s="2"/>
    </row>
    <row r="3246" spans="1:3" ht="19.2">
      <c r="A3246" s="2"/>
      <c r="B3246" s="2"/>
      <c r="C3246" s="2"/>
    </row>
    <row r="3247" spans="1:3" ht="19.2">
      <c r="A3247" s="2"/>
      <c r="B3247" s="2"/>
      <c r="C3247" s="2"/>
    </row>
    <row r="3248" spans="1:3" ht="19.2">
      <c r="A3248" s="2"/>
      <c r="B3248" s="2"/>
      <c r="C3248" s="2"/>
    </row>
    <row r="3249" spans="1:3" ht="19.2">
      <c r="A3249" s="2"/>
      <c r="B3249" s="2"/>
      <c r="C3249" s="2"/>
    </row>
    <row r="3250" spans="1:3" ht="19.2">
      <c r="A3250" s="2"/>
      <c r="B3250" s="2"/>
      <c r="C3250" s="2"/>
    </row>
    <row r="3251" spans="1:3" ht="19.2">
      <c r="A3251" s="2"/>
      <c r="B3251" s="2"/>
      <c r="C3251" s="2"/>
    </row>
    <row r="3252" spans="1:3" ht="19.2">
      <c r="A3252" s="2"/>
      <c r="B3252" s="2"/>
      <c r="C3252" s="2"/>
    </row>
    <row r="3253" spans="1:3" ht="19.2">
      <c r="A3253" s="2"/>
      <c r="B3253" s="2"/>
      <c r="C3253" s="2"/>
    </row>
    <row r="3254" spans="1:3" ht="19.2">
      <c r="A3254" s="2"/>
      <c r="B3254" s="2"/>
      <c r="C3254" s="2"/>
    </row>
    <row r="3255" spans="1:3" ht="19.2">
      <c r="A3255" s="2"/>
      <c r="B3255" s="2"/>
      <c r="C3255" s="2"/>
    </row>
    <row r="3256" spans="1:3" ht="19.2">
      <c r="A3256" s="2"/>
      <c r="B3256" s="2"/>
      <c r="C3256" s="2"/>
    </row>
    <row r="3257" spans="1:3" ht="19.2">
      <c r="A3257" s="2"/>
      <c r="B3257" s="2"/>
      <c r="C3257" s="2"/>
    </row>
    <row r="3258" spans="1:3" ht="19.2">
      <c r="A3258" s="2"/>
      <c r="B3258" s="2"/>
      <c r="C3258" s="2"/>
    </row>
    <row r="3259" spans="1:3" ht="19.2">
      <c r="A3259" s="2"/>
      <c r="B3259" s="2"/>
      <c r="C3259" s="2"/>
    </row>
    <row r="3260" spans="1:3" ht="19.2">
      <c r="A3260" s="2"/>
      <c r="B3260" s="2"/>
      <c r="C3260" s="2"/>
    </row>
    <row r="3261" spans="1:3" ht="19.2">
      <c r="A3261" s="2"/>
      <c r="B3261" s="2"/>
      <c r="C3261" s="2"/>
    </row>
    <row r="3262" spans="1:3" ht="19.2">
      <c r="A3262" s="2"/>
      <c r="B3262" s="2"/>
      <c r="C3262" s="2"/>
    </row>
    <row r="3263" spans="1:3" ht="19.2">
      <c r="A3263" s="2"/>
      <c r="B3263" s="2"/>
      <c r="C3263" s="2"/>
    </row>
    <row r="3264" spans="1:3" ht="19.2">
      <c r="A3264" s="2"/>
      <c r="B3264" s="2"/>
      <c r="C3264" s="2"/>
    </row>
    <row r="3265" spans="1:3" ht="19.2">
      <c r="A3265" s="2"/>
      <c r="B3265" s="2"/>
      <c r="C3265" s="2"/>
    </row>
    <row r="3266" spans="1:3" ht="19.2">
      <c r="A3266" s="2"/>
      <c r="B3266" s="2"/>
      <c r="C3266" s="2"/>
    </row>
    <row r="3267" spans="1:3" ht="19.2">
      <c r="A3267" s="2"/>
      <c r="B3267" s="2"/>
      <c r="C3267" s="2"/>
    </row>
    <row r="3268" spans="1:3" ht="19.2">
      <c r="A3268" s="2"/>
      <c r="B3268" s="2"/>
      <c r="C3268" s="2"/>
    </row>
    <row r="3269" spans="1:3" ht="19.2">
      <c r="A3269" s="2"/>
      <c r="B3269" s="2"/>
      <c r="C3269" s="2"/>
    </row>
    <row r="3270" spans="1:3" ht="19.2">
      <c r="A3270" s="2"/>
      <c r="B3270" s="2"/>
      <c r="C3270" s="2"/>
    </row>
    <row r="3271" spans="1:3" ht="19.2">
      <c r="A3271" s="2"/>
      <c r="B3271" s="2"/>
      <c r="C3271" s="2"/>
    </row>
    <row r="3272" spans="1:3" ht="19.2">
      <c r="A3272" s="2"/>
      <c r="B3272" s="2"/>
      <c r="C3272" s="2"/>
    </row>
    <row r="3273" spans="1:3" ht="19.2">
      <c r="A3273" s="2"/>
      <c r="B3273" s="2"/>
      <c r="C3273" s="2"/>
    </row>
    <row r="3274" spans="1:3" ht="19.2">
      <c r="A3274" s="2"/>
      <c r="B3274" s="2"/>
      <c r="C3274" s="2"/>
    </row>
    <row r="3275" spans="1:3" ht="19.2">
      <c r="A3275" s="2"/>
      <c r="B3275" s="2"/>
      <c r="C3275" s="2"/>
    </row>
    <row r="3276" spans="1:3" ht="19.2">
      <c r="A3276" s="2"/>
      <c r="B3276" s="2"/>
      <c r="C3276" s="2"/>
    </row>
    <row r="3277" spans="1:3" ht="19.2">
      <c r="A3277" s="2"/>
      <c r="B3277" s="2"/>
      <c r="C3277" s="2"/>
    </row>
    <row r="3278" spans="1:3" ht="19.2">
      <c r="A3278" s="2"/>
      <c r="B3278" s="2"/>
      <c r="C3278" s="2"/>
    </row>
    <row r="3279" spans="1:3" ht="19.2">
      <c r="A3279" s="2"/>
      <c r="B3279" s="2"/>
      <c r="C3279" s="2"/>
    </row>
    <row r="3280" spans="1:3" ht="19.2">
      <c r="A3280" s="2"/>
      <c r="B3280" s="2"/>
      <c r="C3280" s="2"/>
    </row>
    <row r="3281" spans="1:3" ht="19.2">
      <c r="A3281" s="2"/>
      <c r="B3281" s="2"/>
      <c r="C3281" s="2"/>
    </row>
    <row r="3282" spans="1:3" ht="19.2">
      <c r="A3282" s="2"/>
      <c r="B3282" s="2"/>
      <c r="C3282" s="2"/>
    </row>
    <row r="3283" spans="1:3" ht="19.2">
      <c r="A3283" s="2"/>
      <c r="B3283" s="2"/>
      <c r="C3283" s="2"/>
    </row>
    <row r="3284" spans="1:3" ht="19.2">
      <c r="A3284" s="2"/>
      <c r="B3284" s="2"/>
      <c r="C3284" s="2"/>
    </row>
    <row r="3285" spans="1:3" ht="19.2">
      <c r="A3285" s="2"/>
      <c r="B3285" s="2"/>
      <c r="C3285" s="2"/>
    </row>
    <row r="3286" spans="1:3" ht="19.2">
      <c r="A3286" s="2"/>
      <c r="B3286" s="2"/>
      <c r="C3286" s="2"/>
    </row>
    <row r="3287" spans="1:3" ht="19.2">
      <c r="A3287" s="2"/>
      <c r="B3287" s="2"/>
      <c r="C3287" s="2"/>
    </row>
    <row r="3288" spans="1:3" ht="19.2">
      <c r="A3288" s="2"/>
      <c r="B3288" s="2"/>
      <c r="C3288" s="2"/>
    </row>
    <row r="3289" spans="1:3" ht="19.2">
      <c r="A3289" s="2"/>
      <c r="B3289" s="2"/>
      <c r="C3289" s="2"/>
    </row>
    <row r="3290" spans="1:3" ht="19.2">
      <c r="A3290" s="2"/>
      <c r="B3290" s="2"/>
      <c r="C3290" s="2"/>
    </row>
    <row r="3291" spans="1:3" ht="19.2">
      <c r="A3291" s="2"/>
      <c r="B3291" s="2"/>
      <c r="C3291" s="2"/>
    </row>
    <row r="3292" spans="1:3" ht="19.2">
      <c r="A3292" s="2"/>
      <c r="B3292" s="2"/>
      <c r="C3292" s="2"/>
    </row>
    <row r="3293" spans="1:3" ht="19.2">
      <c r="A3293" s="2"/>
      <c r="B3293" s="2"/>
      <c r="C3293" s="2"/>
    </row>
    <row r="3294" spans="1:3" ht="19.2">
      <c r="A3294" s="2"/>
      <c r="B3294" s="2"/>
      <c r="C3294" s="2"/>
    </row>
    <row r="3295" spans="1:3" ht="19.2">
      <c r="A3295" s="2"/>
      <c r="B3295" s="2"/>
      <c r="C3295" s="2"/>
    </row>
    <row r="3296" spans="1:3" ht="19.2">
      <c r="A3296" s="2"/>
      <c r="B3296" s="2"/>
      <c r="C3296" s="2"/>
    </row>
    <row r="3297" spans="1:3" ht="19.2">
      <c r="A3297" s="2"/>
      <c r="B3297" s="2"/>
      <c r="C3297" s="2"/>
    </row>
    <row r="3298" spans="1:3" ht="19.2">
      <c r="A3298" s="2"/>
      <c r="B3298" s="2"/>
      <c r="C3298" s="2"/>
    </row>
    <row r="3299" spans="1:3" ht="19.2">
      <c r="A3299" s="2"/>
      <c r="B3299" s="2"/>
      <c r="C3299" s="2"/>
    </row>
    <row r="3300" spans="1:3" ht="19.2">
      <c r="A3300" s="2"/>
      <c r="B3300" s="2"/>
      <c r="C3300" s="2"/>
    </row>
    <row r="3301" spans="1:3" ht="19.2">
      <c r="A3301" s="2"/>
      <c r="B3301" s="2"/>
      <c r="C3301" s="2"/>
    </row>
    <row r="3302" spans="1:3" ht="19.2">
      <c r="A3302" s="2"/>
      <c r="B3302" s="2"/>
      <c r="C3302" s="2"/>
    </row>
    <row r="3303" spans="1:3" ht="19.2">
      <c r="A3303" s="2"/>
      <c r="B3303" s="2"/>
      <c r="C3303" s="2"/>
    </row>
    <row r="3304" spans="1:3" ht="19.2">
      <c r="A3304" s="2"/>
      <c r="B3304" s="2"/>
      <c r="C3304" s="2"/>
    </row>
    <row r="3305" spans="1:3" ht="19.2">
      <c r="A3305" s="2"/>
      <c r="B3305" s="2"/>
      <c r="C3305" s="2"/>
    </row>
    <row r="3306" spans="1:3" ht="19.2">
      <c r="A3306" s="2"/>
      <c r="B3306" s="2"/>
      <c r="C3306" s="2"/>
    </row>
    <row r="3307" spans="1:3" ht="19.2">
      <c r="A3307" s="2"/>
      <c r="B3307" s="2"/>
      <c r="C3307" s="2"/>
    </row>
    <row r="3308" spans="1:3" ht="19.2">
      <c r="A3308" s="2"/>
      <c r="B3308" s="2"/>
      <c r="C3308" s="2"/>
    </row>
    <row r="3309" spans="1:3" ht="19.2">
      <c r="A3309" s="2"/>
      <c r="B3309" s="2"/>
      <c r="C3309" s="2"/>
    </row>
    <row r="3310" spans="1:3" ht="19.2">
      <c r="A3310" s="2"/>
      <c r="B3310" s="2"/>
      <c r="C3310" s="2"/>
    </row>
    <row r="3311" spans="1:3" ht="19.2">
      <c r="A3311" s="2"/>
      <c r="B3311" s="2"/>
      <c r="C3311" s="2"/>
    </row>
    <row r="3312" spans="1:3" ht="19.2">
      <c r="A3312" s="2"/>
      <c r="B3312" s="2"/>
      <c r="C3312" s="2"/>
    </row>
    <row r="3313" spans="1:3" ht="19.2">
      <c r="A3313" s="2"/>
      <c r="B3313" s="2"/>
      <c r="C3313" s="2"/>
    </row>
    <row r="3314" spans="1:3" ht="19.2">
      <c r="A3314" s="2"/>
      <c r="B3314" s="2"/>
      <c r="C3314" s="2"/>
    </row>
    <row r="3315" spans="1:3" ht="19.2">
      <c r="A3315" s="2"/>
      <c r="B3315" s="2"/>
      <c r="C3315" s="2"/>
    </row>
    <row r="3316" spans="1:3" ht="19.2">
      <c r="A3316" s="2"/>
      <c r="B3316" s="2"/>
      <c r="C3316" s="2"/>
    </row>
    <row r="3317" spans="1:3" ht="19.2">
      <c r="A3317" s="2"/>
      <c r="B3317" s="2"/>
      <c r="C3317" s="2"/>
    </row>
    <row r="3318" spans="1:3" ht="19.2">
      <c r="A3318" s="2"/>
      <c r="B3318" s="2"/>
      <c r="C3318" s="2"/>
    </row>
    <row r="3319" spans="1:3" ht="19.2">
      <c r="A3319" s="2"/>
      <c r="B3319" s="2"/>
      <c r="C3319" s="2"/>
    </row>
    <row r="3320" spans="1:3" ht="19.2">
      <c r="A3320" s="2"/>
      <c r="B3320" s="2"/>
      <c r="C3320" s="2"/>
    </row>
    <row r="3321" spans="1:3" ht="19.2">
      <c r="A3321" s="2"/>
      <c r="B3321" s="2"/>
      <c r="C3321" s="2"/>
    </row>
    <row r="3322" spans="1:3" ht="19.2">
      <c r="A3322" s="2"/>
      <c r="B3322" s="2"/>
      <c r="C3322" s="2"/>
    </row>
    <row r="3323" spans="1:3" ht="19.2">
      <c r="A3323" s="2"/>
      <c r="B3323" s="2"/>
      <c r="C3323" s="2"/>
    </row>
    <row r="3324" spans="1:3" ht="19.2">
      <c r="A3324" s="2"/>
      <c r="B3324" s="2"/>
      <c r="C3324" s="2"/>
    </row>
    <row r="3325" spans="1:3" ht="19.2">
      <c r="A3325" s="2"/>
      <c r="B3325" s="2"/>
      <c r="C3325" s="2"/>
    </row>
    <row r="3326" spans="1:3" ht="19.2">
      <c r="A3326" s="2"/>
      <c r="B3326" s="2"/>
      <c r="C3326" s="2"/>
    </row>
    <row r="3327" spans="1:3" ht="19.2">
      <c r="A3327" s="2"/>
      <c r="B3327" s="2"/>
      <c r="C3327" s="2"/>
    </row>
    <row r="3328" spans="1:3" ht="19.2">
      <c r="A3328" s="2"/>
      <c r="B3328" s="2"/>
      <c r="C3328" s="2"/>
    </row>
    <row r="3329" spans="1:3" ht="19.2">
      <c r="A3329" s="2"/>
      <c r="B3329" s="2"/>
      <c r="C3329" s="2"/>
    </row>
    <row r="3330" spans="1:3" ht="19.2">
      <c r="A3330" s="2"/>
      <c r="B3330" s="2"/>
      <c r="C3330" s="2"/>
    </row>
    <row r="3331" spans="1:3" ht="19.2">
      <c r="A3331" s="2"/>
      <c r="B3331" s="2"/>
      <c r="C3331" s="2"/>
    </row>
    <row r="3332" spans="1:3" ht="19.2">
      <c r="A3332" s="2"/>
      <c r="B3332" s="2"/>
      <c r="C3332" s="2"/>
    </row>
    <row r="3333" spans="1:3" ht="19.2">
      <c r="A3333" s="2"/>
      <c r="B3333" s="2"/>
      <c r="C3333" s="2"/>
    </row>
    <row r="3334" spans="1:3" ht="19.2">
      <c r="A3334" s="2"/>
      <c r="B3334" s="2"/>
      <c r="C3334" s="2"/>
    </row>
    <row r="3335" spans="1:3" ht="19.2">
      <c r="A3335" s="2"/>
      <c r="B3335" s="2"/>
      <c r="C3335" s="2"/>
    </row>
    <row r="3336" spans="1:3" ht="19.2">
      <c r="A3336" s="2"/>
      <c r="B3336" s="2"/>
      <c r="C3336" s="2"/>
    </row>
    <row r="3337" spans="1:3" ht="19.2">
      <c r="A3337" s="2"/>
      <c r="B3337" s="2"/>
      <c r="C3337" s="2"/>
    </row>
    <row r="3338" spans="1:3" ht="19.2">
      <c r="A3338" s="2"/>
      <c r="B3338" s="2"/>
      <c r="C3338" s="2"/>
    </row>
    <row r="3339" spans="1:3" ht="19.2">
      <c r="A3339" s="2"/>
      <c r="B3339" s="2"/>
      <c r="C3339" s="2"/>
    </row>
    <row r="3340" spans="1:3" ht="19.2">
      <c r="A3340" s="2"/>
      <c r="B3340" s="2"/>
      <c r="C3340" s="2"/>
    </row>
    <row r="3341" spans="1:3" ht="19.2">
      <c r="A3341" s="2"/>
      <c r="B3341" s="2"/>
      <c r="C3341" s="2"/>
    </row>
    <row r="3342" spans="1:3" ht="19.2">
      <c r="A3342" s="2"/>
      <c r="B3342" s="2"/>
      <c r="C3342" s="2"/>
    </row>
    <row r="3343" spans="1:3" ht="19.2">
      <c r="A3343" s="2"/>
      <c r="B3343" s="2"/>
      <c r="C3343" s="2"/>
    </row>
    <row r="3344" spans="1:3" ht="19.2">
      <c r="A3344" s="2"/>
      <c r="B3344" s="2"/>
      <c r="C3344" s="2"/>
    </row>
    <row r="3345" spans="1:3" ht="19.2">
      <c r="A3345" s="2"/>
      <c r="B3345" s="2"/>
      <c r="C3345" s="2"/>
    </row>
    <row r="3346" spans="1:3" ht="19.2">
      <c r="A3346" s="2"/>
      <c r="B3346" s="2"/>
      <c r="C3346" s="2"/>
    </row>
    <row r="3347" spans="1:3" ht="19.2">
      <c r="A3347" s="2"/>
      <c r="B3347" s="2"/>
      <c r="C3347" s="2"/>
    </row>
    <row r="3348" spans="1:3" ht="19.2">
      <c r="A3348" s="2"/>
      <c r="B3348" s="2"/>
      <c r="C3348" s="2"/>
    </row>
    <row r="3349" spans="1:3" ht="19.2">
      <c r="A3349" s="2"/>
      <c r="B3349" s="2"/>
      <c r="C3349" s="2"/>
    </row>
    <row r="3350" spans="1:3" ht="19.2">
      <c r="A3350" s="2"/>
      <c r="B3350" s="2"/>
      <c r="C3350" s="2"/>
    </row>
    <row r="3351" spans="1:3" ht="19.2">
      <c r="A3351" s="2"/>
      <c r="B3351" s="2"/>
      <c r="C3351" s="2"/>
    </row>
    <row r="3352" spans="1:3" ht="19.2">
      <c r="A3352" s="2"/>
      <c r="B3352" s="2"/>
      <c r="C3352" s="2"/>
    </row>
    <row r="3353" spans="1:3" ht="19.2">
      <c r="A3353" s="2"/>
      <c r="B3353" s="2"/>
      <c r="C3353" s="2"/>
    </row>
    <row r="3354" spans="1:3" ht="19.2">
      <c r="A3354" s="2"/>
      <c r="B3354" s="2"/>
      <c r="C3354" s="2"/>
    </row>
    <row r="3355" spans="1:3" ht="19.2">
      <c r="A3355" s="2"/>
      <c r="B3355" s="2"/>
      <c r="C3355" s="2"/>
    </row>
    <row r="3356" spans="1:3" ht="19.2">
      <c r="A3356" s="2"/>
      <c r="B3356" s="2"/>
      <c r="C3356" s="2"/>
    </row>
    <row r="3357" spans="1:3" ht="19.2">
      <c r="A3357" s="2"/>
      <c r="B3357" s="2"/>
      <c r="C3357" s="2"/>
    </row>
    <row r="3358" spans="1:3" ht="19.2">
      <c r="A3358" s="2"/>
      <c r="B3358" s="2"/>
      <c r="C3358" s="2"/>
    </row>
    <row r="3359" spans="1:3" ht="19.2">
      <c r="A3359" s="2"/>
      <c r="B3359" s="2"/>
      <c r="C3359" s="2"/>
    </row>
    <row r="3360" spans="1:3" ht="19.2">
      <c r="A3360" s="2"/>
      <c r="B3360" s="2"/>
      <c r="C3360" s="2"/>
    </row>
    <row r="3361" spans="1:3" ht="19.2">
      <c r="A3361" s="2"/>
      <c r="B3361" s="2"/>
      <c r="C3361" s="2"/>
    </row>
    <row r="3362" spans="1:3" ht="19.2">
      <c r="A3362" s="2"/>
      <c r="B3362" s="2"/>
      <c r="C3362" s="2"/>
    </row>
    <row r="3363" spans="1:3" ht="19.2">
      <c r="A3363" s="2"/>
      <c r="B3363" s="2"/>
      <c r="C3363" s="2"/>
    </row>
    <row r="3364" spans="1:3" ht="19.2">
      <c r="A3364" s="2"/>
      <c r="B3364" s="2"/>
      <c r="C3364" s="2"/>
    </row>
    <row r="3365" spans="1:3" ht="19.2">
      <c r="A3365" s="2"/>
      <c r="B3365" s="2"/>
      <c r="C3365" s="2"/>
    </row>
    <row r="3366" spans="1:3" ht="19.2">
      <c r="A3366" s="2"/>
      <c r="B3366" s="2"/>
      <c r="C3366" s="2"/>
    </row>
    <row r="3367" spans="1:3" ht="19.2">
      <c r="A3367" s="2"/>
      <c r="B3367" s="2"/>
      <c r="C3367" s="2"/>
    </row>
    <row r="3368" spans="1:3" ht="19.2">
      <c r="A3368" s="2"/>
      <c r="B3368" s="2"/>
      <c r="C3368" s="2"/>
    </row>
    <row r="3369" spans="1:3" ht="19.2">
      <c r="A3369" s="2"/>
      <c r="B3369" s="2"/>
      <c r="C3369" s="2"/>
    </row>
    <row r="3370" spans="1:3" ht="19.2">
      <c r="A3370" s="2"/>
      <c r="B3370" s="2"/>
      <c r="C3370" s="2"/>
    </row>
    <row r="3371" spans="1:3" ht="19.2">
      <c r="A3371" s="2"/>
      <c r="B3371" s="2"/>
      <c r="C3371" s="2"/>
    </row>
    <row r="3372" spans="1:3" ht="19.2">
      <c r="A3372" s="2"/>
      <c r="B3372" s="2"/>
      <c r="C3372" s="2"/>
    </row>
    <row r="3373" spans="1:3" ht="19.2">
      <c r="A3373" s="2"/>
      <c r="B3373" s="2"/>
      <c r="C3373" s="2"/>
    </row>
    <row r="3374" spans="1:3" ht="19.2">
      <c r="A3374" s="2"/>
      <c r="B3374" s="2"/>
      <c r="C3374" s="2"/>
    </row>
    <row r="3375" spans="1:3" ht="19.2">
      <c r="A3375" s="2"/>
      <c r="B3375" s="2"/>
      <c r="C3375" s="2"/>
    </row>
    <row r="3376" spans="1:3" ht="19.2">
      <c r="A3376" s="2"/>
      <c r="B3376" s="2"/>
      <c r="C3376" s="2"/>
    </row>
    <row r="3377" spans="1:3" ht="19.2">
      <c r="A3377" s="2"/>
      <c r="B3377" s="2"/>
      <c r="C3377" s="2"/>
    </row>
    <row r="3378" spans="1:3" ht="19.2">
      <c r="A3378" s="2"/>
      <c r="B3378" s="2"/>
      <c r="C3378" s="2"/>
    </row>
    <row r="3379" spans="1:3" ht="19.2">
      <c r="A3379" s="2"/>
      <c r="B3379" s="2"/>
      <c r="C3379" s="2"/>
    </row>
    <row r="3380" spans="1:3" ht="19.2">
      <c r="A3380" s="2"/>
      <c r="B3380" s="2"/>
      <c r="C3380" s="2"/>
    </row>
    <row r="3381" spans="1:3" ht="19.2">
      <c r="A3381" s="2"/>
      <c r="B3381" s="2"/>
      <c r="C3381" s="2"/>
    </row>
    <row r="3382" spans="1:3" ht="19.2">
      <c r="A3382" s="2"/>
      <c r="B3382" s="2"/>
      <c r="C3382" s="2"/>
    </row>
    <row r="3383" spans="1:3" ht="19.2">
      <c r="A3383" s="2"/>
      <c r="B3383" s="2"/>
      <c r="C3383" s="2"/>
    </row>
    <row r="3384" spans="1:3" ht="19.2">
      <c r="A3384" s="2"/>
      <c r="B3384" s="2"/>
      <c r="C3384" s="2"/>
    </row>
    <row r="3385" spans="1:3" ht="19.2">
      <c r="A3385" s="2"/>
      <c r="B3385" s="2"/>
      <c r="C3385" s="2"/>
    </row>
    <row r="3386" spans="1:3" ht="19.2">
      <c r="A3386" s="2"/>
      <c r="B3386" s="2"/>
      <c r="C3386" s="2"/>
    </row>
    <row r="3387" spans="1:3" ht="19.2">
      <c r="A3387" s="2"/>
      <c r="B3387" s="2"/>
      <c r="C3387" s="2"/>
    </row>
    <row r="3388" spans="1:3" ht="19.2">
      <c r="A3388" s="2"/>
      <c r="B3388" s="2"/>
      <c r="C3388" s="2"/>
    </row>
    <row r="3389" spans="1:3" ht="19.2">
      <c r="A3389" s="2"/>
      <c r="B3389" s="2"/>
      <c r="C3389" s="2"/>
    </row>
    <row r="3390" spans="1:3" ht="19.2">
      <c r="A3390" s="2"/>
      <c r="B3390" s="2"/>
      <c r="C3390" s="2"/>
    </row>
    <row r="3391" spans="1:3" ht="19.2">
      <c r="A3391" s="2"/>
      <c r="B3391" s="2"/>
      <c r="C3391" s="2"/>
    </row>
    <row r="3392" spans="1:3" ht="19.2">
      <c r="A3392" s="2"/>
      <c r="B3392" s="2"/>
      <c r="C3392" s="2"/>
    </row>
    <row r="3393" spans="1:3" ht="19.2">
      <c r="A3393" s="2"/>
      <c r="B3393" s="2"/>
      <c r="C3393" s="2"/>
    </row>
    <row r="3394" spans="1:3" ht="19.2">
      <c r="A3394" s="2"/>
      <c r="B3394" s="2"/>
      <c r="C3394" s="2"/>
    </row>
    <row r="3395" spans="1:3" ht="19.2">
      <c r="A3395" s="2"/>
      <c r="B3395" s="2"/>
      <c r="C3395" s="2"/>
    </row>
    <row r="3396" spans="1:3" ht="19.2">
      <c r="A3396" s="2"/>
      <c r="B3396" s="2"/>
      <c r="C3396" s="2"/>
    </row>
    <row r="3397" spans="1:3" ht="19.2">
      <c r="A3397" s="2"/>
      <c r="B3397" s="2"/>
      <c r="C3397" s="2"/>
    </row>
    <row r="3398" spans="1:3" ht="19.2">
      <c r="A3398" s="2"/>
      <c r="B3398" s="2"/>
      <c r="C3398" s="2"/>
    </row>
    <row r="3399" spans="1:3" ht="19.2">
      <c r="A3399" s="2"/>
      <c r="B3399" s="2"/>
      <c r="C3399" s="2"/>
    </row>
    <row r="3400" spans="1:3" ht="19.2">
      <c r="A3400" s="2"/>
      <c r="B3400" s="2"/>
      <c r="C3400" s="2"/>
    </row>
    <row r="3401" spans="1:3" ht="19.2">
      <c r="A3401" s="2"/>
      <c r="B3401" s="2"/>
      <c r="C3401" s="2"/>
    </row>
    <row r="3402" spans="1:3" ht="19.2">
      <c r="A3402" s="2"/>
      <c r="B3402" s="2"/>
      <c r="C3402" s="2"/>
    </row>
    <row r="3403" spans="1:3" ht="19.2">
      <c r="A3403" s="2"/>
      <c r="B3403" s="2"/>
      <c r="C3403" s="2"/>
    </row>
    <row r="3404" spans="1:3" ht="19.2">
      <c r="A3404" s="2"/>
      <c r="B3404" s="2"/>
      <c r="C3404" s="2"/>
    </row>
    <row r="3405" spans="1:3" ht="19.2">
      <c r="A3405" s="2"/>
      <c r="B3405" s="2"/>
      <c r="C3405" s="2"/>
    </row>
    <row r="3406" spans="1:3" ht="19.2">
      <c r="A3406" s="2"/>
      <c r="B3406" s="2"/>
      <c r="C3406" s="2"/>
    </row>
    <row r="3407" spans="1:3" ht="19.2">
      <c r="A3407" s="2"/>
      <c r="B3407" s="2"/>
      <c r="C3407" s="2"/>
    </row>
    <row r="3408" spans="1:3" ht="19.2">
      <c r="A3408" s="2"/>
      <c r="B3408" s="2"/>
      <c r="C3408" s="2"/>
    </row>
    <row r="3409" spans="1:3" ht="19.2">
      <c r="A3409" s="2"/>
      <c r="B3409" s="2"/>
      <c r="C3409" s="2"/>
    </row>
    <row r="3410" spans="1:3" ht="19.2">
      <c r="A3410" s="2"/>
      <c r="B3410" s="2"/>
      <c r="C3410" s="2"/>
    </row>
    <row r="3411" spans="1:3" ht="19.2">
      <c r="A3411" s="2"/>
      <c r="B3411" s="2"/>
      <c r="C3411" s="2"/>
    </row>
    <row r="3412" spans="1:3" ht="19.2">
      <c r="A3412" s="2"/>
      <c r="B3412" s="2"/>
      <c r="C3412" s="2"/>
    </row>
    <row r="3413" spans="1:3" ht="19.2">
      <c r="A3413" s="2"/>
      <c r="B3413" s="2"/>
      <c r="C3413" s="2"/>
    </row>
    <row r="3414" spans="1:3" ht="19.2">
      <c r="A3414" s="2"/>
      <c r="B3414" s="2"/>
      <c r="C3414" s="2"/>
    </row>
    <row r="3415" spans="1:3" ht="19.2">
      <c r="A3415" s="2"/>
      <c r="B3415" s="2"/>
      <c r="C3415" s="2"/>
    </row>
    <row r="3416" spans="1:3" ht="19.2">
      <c r="A3416" s="2"/>
      <c r="B3416" s="2"/>
      <c r="C3416" s="2"/>
    </row>
    <row r="3417" spans="1:3" ht="19.2">
      <c r="A3417" s="2"/>
      <c r="B3417" s="2"/>
      <c r="C3417" s="2"/>
    </row>
    <row r="3418" spans="1:3" ht="19.2">
      <c r="A3418" s="2"/>
      <c r="B3418" s="2"/>
      <c r="C3418" s="2"/>
    </row>
    <row r="3419" spans="1:3" ht="19.2">
      <c r="A3419" s="2"/>
      <c r="B3419" s="2"/>
      <c r="C3419" s="2"/>
    </row>
    <row r="3420" spans="1:3" ht="19.2">
      <c r="A3420" s="2"/>
      <c r="B3420" s="2"/>
      <c r="C3420" s="2"/>
    </row>
    <row r="3421" spans="1:3" ht="19.2">
      <c r="A3421" s="2"/>
      <c r="B3421" s="2"/>
      <c r="C3421" s="2"/>
    </row>
    <row r="3422" spans="1:3" ht="19.2">
      <c r="A3422" s="2"/>
      <c r="B3422" s="2"/>
      <c r="C3422" s="2"/>
    </row>
    <row r="3423" spans="1:3" ht="19.2">
      <c r="A3423" s="2"/>
      <c r="B3423" s="2"/>
      <c r="C3423" s="2"/>
    </row>
    <row r="3424" spans="1:3" ht="19.2">
      <c r="A3424" s="2"/>
      <c r="B3424" s="2"/>
      <c r="C3424" s="2"/>
    </row>
    <row r="3425" spans="1:3" ht="19.2">
      <c r="A3425" s="2"/>
      <c r="B3425" s="2"/>
      <c r="C3425" s="2"/>
    </row>
    <row r="3426" spans="1:3" ht="19.2">
      <c r="A3426" s="2"/>
      <c r="B3426" s="2"/>
      <c r="C3426" s="2"/>
    </row>
    <row r="3427" spans="1:3" ht="19.2">
      <c r="A3427" s="2"/>
      <c r="B3427" s="2"/>
      <c r="C3427" s="2"/>
    </row>
    <row r="3428" spans="1:3" ht="19.2">
      <c r="A3428" s="2"/>
      <c r="B3428" s="2"/>
      <c r="C3428" s="2"/>
    </row>
    <row r="3429" spans="1:3" ht="19.2">
      <c r="A3429" s="2"/>
      <c r="B3429" s="2"/>
      <c r="C3429" s="2"/>
    </row>
    <row r="3430" spans="1:3" ht="19.2">
      <c r="A3430" s="2"/>
      <c r="B3430" s="2"/>
      <c r="C3430" s="2"/>
    </row>
    <row r="3431" spans="1:3" ht="19.2">
      <c r="A3431" s="2"/>
      <c r="B3431" s="2"/>
      <c r="C3431" s="2"/>
    </row>
    <row r="3432" spans="1:3" ht="19.2">
      <c r="A3432" s="2"/>
      <c r="B3432" s="2"/>
      <c r="C3432" s="2"/>
    </row>
    <row r="3433" spans="1:3" ht="19.2">
      <c r="A3433" s="2"/>
      <c r="B3433" s="2"/>
      <c r="C3433" s="2"/>
    </row>
    <row r="3434" spans="1:3" ht="19.2">
      <c r="A3434" s="2"/>
      <c r="B3434" s="2"/>
      <c r="C3434" s="2"/>
    </row>
    <row r="3435" spans="1:3" ht="19.2">
      <c r="A3435" s="2"/>
      <c r="B3435" s="2"/>
      <c r="C3435" s="2"/>
    </row>
    <row r="3436" spans="1:3" ht="19.2">
      <c r="A3436" s="2"/>
      <c r="B3436" s="2"/>
      <c r="C3436" s="2"/>
    </row>
    <row r="3437" spans="1:3" ht="19.2">
      <c r="A3437" s="2"/>
      <c r="B3437" s="2"/>
      <c r="C3437" s="2"/>
    </row>
    <row r="3438" spans="1:3" ht="19.2">
      <c r="A3438" s="2"/>
      <c r="B3438" s="2"/>
      <c r="C3438" s="2"/>
    </row>
    <row r="3439" spans="1:3" ht="19.2">
      <c r="A3439" s="2"/>
      <c r="B3439" s="2"/>
      <c r="C3439" s="2"/>
    </row>
    <row r="3440" spans="1:3" ht="19.2">
      <c r="A3440" s="2"/>
      <c r="B3440" s="2"/>
      <c r="C3440" s="2"/>
    </row>
    <row r="3441" spans="1:3" ht="19.2">
      <c r="A3441" s="2"/>
      <c r="B3441" s="2"/>
      <c r="C3441" s="2"/>
    </row>
    <row r="3442" spans="1:3" ht="19.2">
      <c r="A3442" s="2"/>
      <c r="B3442" s="2"/>
      <c r="C3442" s="2"/>
    </row>
    <row r="3443" spans="1:3" ht="19.2">
      <c r="A3443" s="2"/>
      <c r="B3443" s="2"/>
      <c r="C3443" s="2"/>
    </row>
    <row r="3444" spans="1:3" ht="19.2">
      <c r="A3444" s="2"/>
      <c r="B3444" s="2"/>
      <c r="C3444" s="2"/>
    </row>
    <row r="3445" spans="1:3" ht="19.2">
      <c r="A3445" s="2"/>
      <c r="B3445" s="2"/>
      <c r="C3445" s="2"/>
    </row>
    <row r="3446" spans="1:3" ht="19.2">
      <c r="A3446" s="2"/>
      <c r="B3446" s="2"/>
      <c r="C3446" s="2"/>
    </row>
    <row r="3447" spans="1:3" ht="19.2">
      <c r="A3447" s="2"/>
      <c r="B3447" s="2"/>
      <c r="C3447" s="2"/>
    </row>
    <row r="3448" spans="1:3" ht="19.2">
      <c r="A3448" s="2"/>
      <c r="B3448" s="2"/>
      <c r="C3448" s="2"/>
    </row>
    <row r="3449" spans="1:3" ht="19.2">
      <c r="A3449" s="2"/>
      <c r="B3449" s="2"/>
      <c r="C3449" s="2"/>
    </row>
    <row r="3450" spans="1:3" ht="19.2">
      <c r="A3450" s="2"/>
      <c r="B3450" s="2"/>
      <c r="C3450" s="2"/>
    </row>
    <row r="3451" spans="1:3" ht="19.2">
      <c r="A3451" s="2"/>
      <c r="B3451" s="2"/>
      <c r="C3451" s="2"/>
    </row>
    <row r="3452" spans="1:3" ht="19.2">
      <c r="A3452" s="2"/>
      <c r="B3452" s="2"/>
      <c r="C3452" s="2"/>
    </row>
    <row r="3453" spans="1:3" ht="19.2">
      <c r="A3453" s="2"/>
      <c r="B3453" s="2"/>
      <c r="C3453" s="2"/>
    </row>
    <row r="3454" spans="1:3" ht="19.2">
      <c r="A3454" s="2"/>
      <c r="B3454" s="2"/>
      <c r="C3454" s="2"/>
    </row>
    <row r="3455" spans="1:3" ht="19.2">
      <c r="A3455" s="2"/>
      <c r="B3455" s="2"/>
      <c r="C3455" s="2"/>
    </row>
    <row r="3456" spans="1:3" ht="19.2">
      <c r="A3456" s="2"/>
      <c r="B3456" s="2"/>
      <c r="C3456" s="2"/>
    </row>
    <row r="3457" spans="1:3" ht="19.2">
      <c r="A3457" s="2"/>
      <c r="B3457" s="2"/>
      <c r="C3457" s="2"/>
    </row>
    <row r="3458" spans="1:3" ht="19.2">
      <c r="A3458" s="2"/>
      <c r="B3458" s="2"/>
      <c r="C3458" s="2"/>
    </row>
    <row r="3459" spans="1:3" ht="19.2">
      <c r="A3459" s="2"/>
      <c r="B3459" s="2"/>
      <c r="C3459" s="2"/>
    </row>
    <row r="3460" spans="1:3" ht="19.2">
      <c r="A3460" s="2"/>
      <c r="B3460" s="2"/>
      <c r="C3460" s="2"/>
    </row>
    <row r="3461" spans="1:3" ht="19.2">
      <c r="A3461" s="2"/>
      <c r="B3461" s="2"/>
      <c r="C3461" s="2"/>
    </row>
    <row r="3462" spans="1:3" ht="19.2">
      <c r="A3462" s="2"/>
      <c r="B3462" s="2"/>
      <c r="C3462" s="2"/>
    </row>
    <row r="3463" spans="1:3" ht="19.2">
      <c r="A3463" s="2"/>
      <c r="B3463" s="2"/>
      <c r="C3463" s="2"/>
    </row>
    <row r="3464" spans="1:3" ht="19.2">
      <c r="A3464" s="2"/>
      <c r="B3464" s="2"/>
      <c r="C3464" s="2"/>
    </row>
    <row r="3465" spans="1:3" ht="19.2">
      <c r="A3465" s="2"/>
      <c r="B3465" s="2"/>
      <c r="C3465" s="2"/>
    </row>
    <row r="3466" spans="1:3" ht="19.2">
      <c r="A3466" s="2"/>
      <c r="B3466" s="2"/>
      <c r="C3466" s="2"/>
    </row>
    <row r="3467" spans="1:3" ht="19.2">
      <c r="A3467" s="2"/>
      <c r="B3467" s="2"/>
      <c r="C3467" s="2"/>
    </row>
    <row r="3468" spans="1:3" ht="19.2">
      <c r="A3468" s="2"/>
      <c r="B3468" s="2"/>
      <c r="C3468" s="2"/>
    </row>
    <row r="3469" spans="1:3" ht="19.2">
      <c r="A3469" s="2"/>
      <c r="B3469" s="2"/>
      <c r="C3469" s="2"/>
    </row>
    <row r="3470" spans="1:3" ht="19.2">
      <c r="A3470" s="2"/>
      <c r="B3470" s="2"/>
      <c r="C3470" s="2"/>
    </row>
    <row r="3471" spans="1:3" ht="19.2">
      <c r="A3471" s="2"/>
      <c r="B3471" s="2"/>
      <c r="C3471" s="2"/>
    </row>
    <row r="3472" spans="1:3" ht="19.2">
      <c r="A3472" s="2"/>
      <c r="B3472" s="2"/>
      <c r="C3472" s="2"/>
    </row>
    <row r="3473" spans="1:3" ht="19.2">
      <c r="A3473" s="2"/>
      <c r="B3473" s="2"/>
      <c r="C3473" s="2"/>
    </row>
    <row r="3474" spans="1:3" ht="19.2">
      <c r="A3474" s="2"/>
      <c r="B3474" s="2"/>
      <c r="C3474" s="2"/>
    </row>
    <row r="3475" spans="1:3" ht="19.2">
      <c r="A3475" s="2"/>
      <c r="B3475" s="2"/>
      <c r="C3475" s="2"/>
    </row>
    <row r="3476" spans="1:3" ht="19.2">
      <c r="A3476" s="2"/>
      <c r="B3476" s="2"/>
      <c r="C3476" s="2"/>
    </row>
    <row r="3477" spans="1:3" ht="19.2">
      <c r="A3477" s="2"/>
      <c r="B3477" s="2"/>
      <c r="C3477" s="2"/>
    </row>
    <row r="3478" spans="1:3" ht="19.2">
      <c r="A3478" s="2"/>
      <c r="B3478" s="2"/>
      <c r="C3478" s="2"/>
    </row>
    <row r="3479" spans="1:3" ht="19.2">
      <c r="A3479" s="2"/>
      <c r="B3479" s="2"/>
      <c r="C3479" s="2"/>
    </row>
    <row r="3480" spans="1:3" ht="19.2">
      <c r="A3480" s="2"/>
      <c r="B3480" s="2"/>
      <c r="C3480" s="2"/>
    </row>
    <row r="3481" spans="1:3" ht="19.2">
      <c r="A3481" s="2"/>
      <c r="B3481" s="2"/>
      <c r="C3481" s="2"/>
    </row>
    <row r="3482" spans="1:3" ht="19.2">
      <c r="A3482" s="2"/>
      <c r="B3482" s="2"/>
      <c r="C3482" s="2"/>
    </row>
    <row r="3483" spans="1:3" ht="19.2">
      <c r="A3483" s="2"/>
      <c r="B3483" s="2"/>
      <c r="C3483" s="2"/>
    </row>
    <row r="3484" spans="1:3" ht="19.2">
      <c r="A3484" s="2"/>
      <c r="B3484" s="2"/>
      <c r="C3484" s="2"/>
    </row>
    <row r="3485" spans="1:3" ht="19.2">
      <c r="A3485" s="2"/>
      <c r="B3485" s="2"/>
      <c r="C3485" s="2"/>
    </row>
    <row r="3486" spans="1:3" ht="19.2">
      <c r="A3486" s="2"/>
      <c r="B3486" s="2"/>
      <c r="C3486" s="2"/>
    </row>
    <row r="3487" spans="1:3" ht="19.2">
      <c r="A3487" s="2"/>
      <c r="B3487" s="2"/>
      <c r="C3487" s="2"/>
    </row>
    <row r="3488" spans="1:3" ht="19.2">
      <c r="A3488" s="2"/>
      <c r="B3488" s="2"/>
      <c r="C3488" s="2"/>
    </row>
    <row r="3489" spans="1:3" ht="19.2">
      <c r="A3489" s="2"/>
      <c r="B3489" s="2"/>
      <c r="C3489" s="2"/>
    </row>
    <row r="3490" spans="1:3" ht="19.2">
      <c r="A3490" s="2"/>
      <c r="B3490" s="2"/>
      <c r="C3490" s="2"/>
    </row>
    <row r="3491" spans="1:3" ht="19.2">
      <c r="A3491" s="2"/>
      <c r="B3491" s="2"/>
      <c r="C3491" s="2"/>
    </row>
    <row r="3492" spans="1:3" ht="19.2">
      <c r="A3492" s="2"/>
      <c r="B3492" s="2"/>
      <c r="C3492" s="2"/>
    </row>
    <row r="3493" spans="1:3" ht="19.2">
      <c r="A3493" s="2"/>
      <c r="B3493" s="2"/>
      <c r="C3493" s="2"/>
    </row>
    <row r="3494" spans="1:3" ht="19.2">
      <c r="A3494" s="2"/>
      <c r="B3494" s="2"/>
      <c r="C3494" s="2"/>
    </row>
    <row r="3495" spans="1:3" ht="19.2">
      <c r="A3495" s="2"/>
      <c r="B3495" s="2"/>
      <c r="C3495" s="2"/>
    </row>
    <row r="3496" spans="1:3" ht="19.2">
      <c r="A3496" s="2"/>
      <c r="B3496" s="2"/>
      <c r="C3496" s="2"/>
    </row>
    <row r="3497" spans="1:3" ht="19.2">
      <c r="A3497" s="2"/>
      <c r="B3497" s="2"/>
      <c r="C3497" s="2"/>
    </row>
    <row r="3498" spans="1:3" ht="19.2">
      <c r="A3498" s="2"/>
      <c r="B3498" s="2"/>
      <c r="C3498" s="2"/>
    </row>
    <row r="3499" spans="1:3" ht="19.2">
      <c r="A3499" s="2"/>
      <c r="B3499" s="2"/>
      <c r="C3499" s="2"/>
    </row>
    <row r="3500" spans="1:3" ht="19.2">
      <c r="A3500" s="2"/>
      <c r="B3500" s="2"/>
      <c r="C3500" s="2"/>
    </row>
    <row r="3501" spans="1:3" ht="19.2">
      <c r="A3501" s="2"/>
      <c r="B3501" s="2"/>
      <c r="C3501" s="2"/>
    </row>
    <row r="3502" spans="1:3" ht="19.2">
      <c r="A3502" s="2"/>
      <c r="B3502" s="2"/>
      <c r="C3502" s="2"/>
    </row>
    <row r="3503" spans="1:3" ht="19.2">
      <c r="A3503" s="2"/>
      <c r="B3503" s="2"/>
      <c r="C3503" s="2"/>
    </row>
    <row r="3504" spans="1:3" ht="19.2">
      <c r="A3504" s="2"/>
      <c r="B3504" s="2"/>
      <c r="C3504" s="2"/>
    </row>
    <row r="3505" spans="1:3" ht="19.2">
      <c r="A3505" s="2"/>
      <c r="B3505" s="2"/>
      <c r="C3505" s="2"/>
    </row>
    <row r="3506" spans="1:3" ht="19.2">
      <c r="A3506" s="2"/>
      <c r="B3506" s="2"/>
      <c r="C3506" s="2"/>
    </row>
    <row r="3507" spans="1:3" ht="19.2">
      <c r="A3507" s="2"/>
      <c r="B3507" s="2"/>
      <c r="C3507" s="2"/>
    </row>
    <row r="3508" spans="1:3" ht="19.2">
      <c r="A3508" s="2"/>
      <c r="B3508" s="2"/>
      <c r="C3508" s="2"/>
    </row>
    <row r="3509" spans="1:3" ht="19.2">
      <c r="A3509" s="2"/>
      <c r="B3509" s="2"/>
      <c r="C3509" s="2"/>
    </row>
    <row r="3510" spans="1:3" ht="19.2">
      <c r="A3510" s="2"/>
      <c r="B3510" s="2"/>
      <c r="C3510" s="2"/>
    </row>
    <row r="3511" spans="1:3" ht="19.2">
      <c r="A3511" s="2"/>
      <c r="B3511" s="2"/>
      <c r="C3511" s="2"/>
    </row>
    <row r="3512" spans="1:3" ht="19.2">
      <c r="A3512" s="2"/>
      <c r="B3512" s="2"/>
      <c r="C3512" s="2"/>
    </row>
    <row r="3513" spans="1:3" ht="19.2">
      <c r="A3513" s="2"/>
      <c r="B3513" s="2"/>
      <c r="C3513" s="2"/>
    </row>
    <row r="3514" spans="1:3" ht="19.2">
      <c r="A3514" s="2"/>
      <c r="B3514" s="2"/>
      <c r="C3514" s="2"/>
    </row>
    <row r="3515" spans="1:3" ht="19.2">
      <c r="A3515" s="2"/>
      <c r="B3515" s="2"/>
      <c r="C3515" s="2"/>
    </row>
    <row r="3516" spans="1:3" ht="19.2">
      <c r="A3516" s="2"/>
      <c r="B3516" s="2"/>
      <c r="C3516" s="2"/>
    </row>
    <row r="3517" spans="1:3" ht="19.2">
      <c r="A3517" s="2"/>
      <c r="B3517" s="2"/>
      <c r="C3517" s="2"/>
    </row>
    <row r="3518" spans="1:3" ht="19.2">
      <c r="A3518" s="2"/>
      <c r="B3518" s="2"/>
      <c r="C3518" s="2"/>
    </row>
    <row r="3519" spans="1:3" ht="19.2">
      <c r="A3519" s="2"/>
      <c r="B3519" s="2"/>
      <c r="C3519" s="2"/>
    </row>
    <row r="3520" spans="1:3" ht="19.2">
      <c r="A3520" s="2"/>
      <c r="B3520" s="2"/>
      <c r="C3520" s="2"/>
    </row>
    <row r="3521" spans="1:3" ht="19.2">
      <c r="A3521" s="2"/>
      <c r="B3521" s="2"/>
      <c r="C3521" s="2"/>
    </row>
    <row r="3522" spans="1:3" ht="19.2">
      <c r="A3522" s="2"/>
      <c r="B3522" s="2"/>
      <c r="C3522" s="2"/>
    </row>
    <row r="3523" spans="1:3" ht="19.2">
      <c r="A3523" s="2"/>
      <c r="B3523" s="2"/>
      <c r="C3523" s="2"/>
    </row>
    <row r="3524" spans="1:3" ht="19.2">
      <c r="A3524" s="2"/>
      <c r="B3524" s="2"/>
      <c r="C3524" s="2"/>
    </row>
    <row r="3525" spans="1:3" ht="19.2">
      <c r="A3525" s="2"/>
      <c r="B3525" s="2"/>
      <c r="C3525" s="2"/>
    </row>
    <row r="3526" spans="1:3" ht="19.2">
      <c r="A3526" s="2"/>
      <c r="B3526" s="2"/>
      <c r="C3526" s="2"/>
    </row>
    <row r="3527" spans="1:3" ht="19.2">
      <c r="A3527" s="2"/>
      <c r="B3527" s="2"/>
      <c r="C3527" s="2"/>
    </row>
    <row r="3528" spans="1:3" ht="19.2">
      <c r="A3528" s="2"/>
      <c r="B3528" s="2"/>
      <c r="C3528" s="2"/>
    </row>
    <row r="3529" spans="1:3" ht="19.2">
      <c r="A3529" s="2"/>
      <c r="B3529" s="2"/>
      <c r="C3529" s="2"/>
    </row>
    <row r="3530" spans="1:3" ht="19.2">
      <c r="A3530" s="2"/>
      <c r="B3530" s="2"/>
      <c r="C3530" s="2"/>
    </row>
    <row r="3531" spans="1:3" ht="19.2">
      <c r="A3531" s="2"/>
      <c r="B3531" s="2"/>
      <c r="C3531" s="2"/>
    </row>
    <row r="3532" spans="1:3" ht="19.2">
      <c r="A3532" s="2"/>
      <c r="B3532" s="2"/>
      <c r="C3532" s="2"/>
    </row>
    <row r="3533" spans="1:3" ht="19.2">
      <c r="A3533" s="2"/>
      <c r="B3533" s="2"/>
      <c r="C3533" s="2"/>
    </row>
    <row r="3534" spans="1:3" ht="19.2">
      <c r="A3534" s="2"/>
      <c r="B3534" s="2"/>
      <c r="C3534" s="2"/>
    </row>
    <row r="3535" spans="1:3" ht="19.2">
      <c r="A3535" s="2"/>
      <c r="B3535" s="2"/>
      <c r="C3535" s="2"/>
    </row>
    <row r="3536" spans="1:3" ht="19.2">
      <c r="A3536" s="2"/>
      <c r="B3536" s="2"/>
      <c r="C3536" s="2"/>
    </row>
    <row r="3537" spans="1:3" ht="19.2">
      <c r="A3537" s="2"/>
      <c r="B3537" s="2"/>
      <c r="C3537" s="2"/>
    </row>
    <row r="3538" spans="1:3" ht="19.2">
      <c r="A3538" s="2"/>
      <c r="B3538" s="2"/>
      <c r="C3538" s="2"/>
    </row>
    <row r="3539" spans="1:3" ht="19.2">
      <c r="A3539" s="2"/>
      <c r="B3539" s="2"/>
      <c r="C3539" s="2"/>
    </row>
    <row r="3540" spans="1:3" ht="19.2">
      <c r="A3540" s="2"/>
      <c r="B3540" s="2"/>
      <c r="C3540" s="2"/>
    </row>
    <row r="3541" spans="1:3" ht="19.2">
      <c r="A3541" s="2"/>
      <c r="B3541" s="2"/>
      <c r="C3541" s="2"/>
    </row>
    <row r="3542" spans="1:3" ht="19.2">
      <c r="A3542" s="2"/>
      <c r="B3542" s="2"/>
      <c r="C3542" s="2"/>
    </row>
    <row r="3543" spans="1:3" ht="19.2">
      <c r="A3543" s="2"/>
      <c r="B3543" s="2"/>
      <c r="C3543" s="2"/>
    </row>
    <row r="3544" spans="1:3" ht="19.2">
      <c r="A3544" s="2"/>
      <c r="B3544" s="2"/>
      <c r="C3544" s="2"/>
    </row>
    <row r="3545" spans="1:3" ht="19.2">
      <c r="A3545" s="2"/>
      <c r="B3545" s="2"/>
      <c r="C3545" s="2"/>
    </row>
    <row r="3546" spans="1:3" ht="19.2">
      <c r="A3546" s="2"/>
      <c r="B3546" s="2"/>
      <c r="C3546" s="2"/>
    </row>
    <row r="3547" spans="1:3" ht="19.2">
      <c r="A3547" s="2"/>
      <c r="B3547" s="2"/>
      <c r="C3547" s="2"/>
    </row>
    <row r="3548" spans="1:3" ht="19.2">
      <c r="A3548" s="2"/>
      <c r="B3548" s="2"/>
      <c r="C3548" s="2"/>
    </row>
    <row r="3549" spans="1:3" ht="19.2">
      <c r="A3549" s="2"/>
      <c r="B3549" s="2"/>
      <c r="C3549" s="2"/>
    </row>
    <row r="3550" spans="1:3" ht="19.2">
      <c r="A3550" s="2"/>
      <c r="B3550" s="2"/>
      <c r="C3550" s="2"/>
    </row>
    <row r="3551" spans="1:3" ht="19.2">
      <c r="A3551" s="2"/>
      <c r="B3551" s="2"/>
      <c r="C3551" s="2"/>
    </row>
    <row r="3552" spans="1:3" ht="19.2">
      <c r="A3552" s="2"/>
      <c r="B3552" s="2"/>
      <c r="C3552" s="2"/>
    </row>
    <row r="3553" spans="1:3" ht="19.2">
      <c r="A3553" s="2"/>
      <c r="B3553" s="2"/>
      <c r="C3553" s="2"/>
    </row>
    <row r="3554" spans="1:3" ht="19.2">
      <c r="A3554" s="2"/>
      <c r="B3554" s="2"/>
      <c r="C3554" s="2"/>
    </row>
    <row r="3555" spans="1:3" ht="19.2">
      <c r="A3555" s="2"/>
      <c r="B3555" s="2"/>
      <c r="C3555" s="2"/>
    </row>
    <row r="3556" spans="1:3" ht="19.2">
      <c r="A3556" s="2"/>
      <c r="B3556" s="2"/>
      <c r="C3556" s="2"/>
    </row>
    <row r="3557" spans="1:3" ht="19.2">
      <c r="A3557" s="2"/>
      <c r="B3557" s="2"/>
      <c r="C3557" s="2"/>
    </row>
    <row r="3558" spans="1:3" ht="19.2">
      <c r="A3558" s="2"/>
      <c r="B3558" s="2"/>
      <c r="C3558" s="2"/>
    </row>
    <row r="3559" spans="1:3" ht="19.2">
      <c r="A3559" s="2"/>
      <c r="B3559" s="2"/>
      <c r="C3559" s="2"/>
    </row>
    <row r="3560" spans="1:3" ht="19.2">
      <c r="A3560" s="2"/>
      <c r="B3560" s="2"/>
      <c r="C3560" s="2"/>
    </row>
    <row r="3561" spans="1:3" ht="19.2">
      <c r="A3561" s="2"/>
      <c r="B3561" s="2"/>
      <c r="C3561" s="2"/>
    </row>
    <row r="3562" spans="1:3" ht="19.2">
      <c r="A3562" s="2"/>
      <c r="B3562" s="2"/>
      <c r="C3562" s="2"/>
    </row>
    <row r="3563" spans="1:3" ht="19.2">
      <c r="A3563" s="2"/>
      <c r="B3563" s="2"/>
      <c r="C3563" s="2"/>
    </row>
    <row r="3564" spans="1:3" ht="19.2">
      <c r="A3564" s="2"/>
      <c r="B3564" s="2"/>
      <c r="C3564" s="2"/>
    </row>
    <row r="3565" spans="1:3" ht="19.2">
      <c r="A3565" s="2"/>
      <c r="B3565" s="2"/>
      <c r="C3565" s="2"/>
    </row>
    <row r="3566" spans="1:3" ht="19.2">
      <c r="A3566" s="2"/>
      <c r="B3566" s="2"/>
      <c r="C3566" s="2"/>
    </row>
    <row r="3567" spans="1:3" ht="19.2">
      <c r="A3567" s="2"/>
      <c r="B3567" s="2"/>
      <c r="C3567" s="2"/>
    </row>
    <row r="3568" spans="1:3" ht="19.2">
      <c r="A3568" s="2"/>
      <c r="B3568" s="2"/>
      <c r="C3568" s="2"/>
    </row>
    <row r="3569" spans="1:3" ht="19.2">
      <c r="A3569" s="2"/>
      <c r="B3569" s="2"/>
      <c r="C3569" s="2"/>
    </row>
    <row r="3570" spans="1:3" ht="19.2">
      <c r="A3570" s="2"/>
      <c r="B3570" s="2"/>
      <c r="C3570" s="2"/>
    </row>
    <row r="3571" spans="1:3" ht="19.2">
      <c r="A3571" s="2"/>
      <c r="B3571" s="2"/>
      <c r="C3571" s="2"/>
    </row>
    <row r="3572" spans="1:3" ht="19.2">
      <c r="A3572" s="2"/>
      <c r="B3572" s="2"/>
      <c r="C3572" s="2"/>
    </row>
    <row r="3573" spans="1:3" ht="19.2">
      <c r="A3573" s="2"/>
      <c r="B3573" s="2"/>
      <c r="C3573" s="2"/>
    </row>
    <row r="3574" spans="1:3" ht="19.2">
      <c r="A3574" s="2"/>
      <c r="B3574" s="2"/>
      <c r="C3574" s="2"/>
    </row>
    <row r="3575" spans="1:3" ht="19.2">
      <c r="A3575" s="2"/>
      <c r="B3575" s="2"/>
      <c r="C3575" s="2"/>
    </row>
    <row r="3576" spans="1:3" ht="19.2">
      <c r="A3576" s="2"/>
      <c r="B3576" s="2"/>
      <c r="C3576" s="2"/>
    </row>
    <row r="3577" spans="1:3" ht="19.2">
      <c r="A3577" s="2"/>
      <c r="B3577" s="2"/>
      <c r="C3577" s="2"/>
    </row>
    <row r="3578" spans="1:3" ht="19.2">
      <c r="A3578" s="2"/>
      <c r="B3578" s="2"/>
      <c r="C3578" s="2"/>
    </row>
    <row r="3579" spans="1:3" ht="19.2">
      <c r="A3579" s="2"/>
      <c r="B3579" s="2"/>
      <c r="C3579" s="2"/>
    </row>
    <row r="3580" spans="1:3" ht="19.2">
      <c r="A3580" s="2"/>
      <c r="B3580" s="2"/>
      <c r="C3580" s="2"/>
    </row>
    <row r="3581" spans="1:3" ht="19.2">
      <c r="A3581" s="2"/>
      <c r="B3581" s="2"/>
      <c r="C3581" s="2"/>
    </row>
    <row r="3582" spans="1:3" ht="19.2">
      <c r="A3582" s="2"/>
      <c r="B3582" s="2"/>
      <c r="C3582" s="2"/>
    </row>
    <row r="3583" spans="1:3" ht="19.2">
      <c r="A3583" s="2"/>
      <c r="B3583" s="2"/>
      <c r="C3583" s="2"/>
    </row>
    <row r="3584" spans="1:3" ht="19.2">
      <c r="A3584" s="2"/>
      <c r="B3584" s="2"/>
      <c r="C3584" s="2"/>
    </row>
    <row r="3585" spans="1:3" ht="19.2">
      <c r="A3585" s="2"/>
      <c r="B3585" s="2"/>
      <c r="C3585" s="2"/>
    </row>
    <row r="3586" spans="1:3" ht="19.2">
      <c r="A3586" s="2"/>
      <c r="B3586" s="2"/>
      <c r="C3586" s="2"/>
    </row>
    <row r="3587" spans="1:3" ht="19.2">
      <c r="A3587" s="2"/>
      <c r="B3587" s="2"/>
      <c r="C3587" s="2"/>
    </row>
    <row r="3588" spans="1:3" ht="19.2">
      <c r="A3588" s="2"/>
      <c r="B3588" s="2"/>
      <c r="C3588" s="2"/>
    </row>
    <row r="3589" spans="1:3" ht="19.2">
      <c r="A3589" s="2"/>
      <c r="B3589" s="2"/>
      <c r="C3589" s="2"/>
    </row>
    <row r="3590" spans="1:3" ht="19.2">
      <c r="A3590" s="2"/>
      <c r="B3590" s="2"/>
      <c r="C3590" s="2"/>
    </row>
    <row r="3591" spans="1:3" ht="19.2">
      <c r="A3591" s="2"/>
      <c r="B3591" s="2"/>
      <c r="C3591" s="2"/>
    </row>
    <row r="3592" spans="1:3" ht="19.2">
      <c r="A3592" s="2"/>
      <c r="B3592" s="2"/>
      <c r="C3592" s="2"/>
    </row>
    <row r="3593" spans="1:3" ht="19.2">
      <c r="A3593" s="2"/>
      <c r="B3593" s="2"/>
      <c r="C3593" s="2"/>
    </row>
    <row r="3594" spans="1:3" ht="19.2">
      <c r="A3594" s="2"/>
      <c r="B3594" s="2"/>
      <c r="C3594" s="2"/>
    </row>
    <row r="3595" spans="1:3" ht="19.2">
      <c r="A3595" s="2"/>
      <c r="B3595" s="2"/>
      <c r="C3595" s="2"/>
    </row>
    <row r="3596" spans="1:3" ht="19.2">
      <c r="A3596" s="2"/>
      <c r="B3596" s="2"/>
      <c r="C3596" s="2"/>
    </row>
    <row r="3597" spans="1:3" ht="19.2">
      <c r="A3597" s="2"/>
      <c r="B3597" s="2"/>
      <c r="C3597" s="2"/>
    </row>
    <row r="3598" spans="1:3" ht="19.2">
      <c r="A3598" s="2"/>
      <c r="B3598" s="2"/>
      <c r="C3598" s="2"/>
    </row>
    <row r="3599" spans="1:3" ht="19.2">
      <c r="A3599" s="2"/>
      <c r="B3599" s="2"/>
      <c r="C3599" s="2"/>
    </row>
    <row r="3600" spans="1:3" ht="19.2">
      <c r="A3600" s="2"/>
      <c r="B3600" s="2"/>
      <c r="C3600" s="2"/>
    </row>
    <row r="3601" spans="1:3" ht="19.2">
      <c r="A3601" s="2"/>
      <c r="B3601" s="2"/>
      <c r="C3601" s="2"/>
    </row>
    <row r="3602" spans="1:3" ht="19.2">
      <c r="A3602" s="2"/>
      <c r="B3602" s="2"/>
      <c r="C3602" s="2"/>
    </row>
    <row r="3603" spans="1:3" ht="19.2">
      <c r="A3603" s="2"/>
      <c r="B3603" s="2"/>
      <c r="C3603" s="2"/>
    </row>
    <row r="3604" spans="1:3" ht="19.2">
      <c r="A3604" s="2"/>
      <c r="B3604" s="2"/>
      <c r="C3604" s="2"/>
    </row>
    <row r="3605" spans="1:3" ht="19.2">
      <c r="A3605" s="2"/>
      <c r="B3605" s="2"/>
      <c r="C3605" s="2"/>
    </row>
    <row r="3606" spans="1:3" ht="19.2">
      <c r="A3606" s="2"/>
      <c r="B3606" s="2"/>
      <c r="C3606" s="2"/>
    </row>
    <row r="3607" spans="1:3" ht="19.2">
      <c r="A3607" s="2"/>
      <c r="B3607" s="2"/>
      <c r="C3607" s="2"/>
    </row>
    <row r="3608" spans="1:3" ht="19.2">
      <c r="A3608" s="2"/>
      <c r="B3608" s="2"/>
      <c r="C3608" s="2"/>
    </row>
    <row r="3609" spans="1:3" ht="19.2">
      <c r="A3609" s="2"/>
      <c r="B3609" s="2"/>
      <c r="C3609" s="2"/>
    </row>
    <row r="3610" spans="1:3" ht="19.2">
      <c r="A3610" s="2"/>
      <c r="B3610" s="2"/>
      <c r="C3610" s="2"/>
    </row>
    <row r="3611" spans="1:3" ht="19.2">
      <c r="A3611" s="2"/>
      <c r="B3611" s="2"/>
      <c r="C3611" s="2"/>
    </row>
    <row r="3612" spans="1:3" ht="19.2">
      <c r="A3612" s="2"/>
      <c r="B3612" s="2"/>
      <c r="C3612" s="2"/>
    </row>
    <row r="3613" spans="1:3" ht="19.2">
      <c r="A3613" s="2"/>
      <c r="B3613" s="2"/>
      <c r="C3613" s="2"/>
    </row>
    <row r="3614" spans="1:3" ht="19.2">
      <c r="A3614" s="2"/>
      <c r="B3614" s="2"/>
      <c r="C3614" s="2"/>
    </row>
    <row r="3615" spans="1:3" ht="19.2">
      <c r="A3615" s="2"/>
      <c r="B3615" s="2"/>
      <c r="C3615" s="2"/>
    </row>
    <row r="3616" spans="1:3" ht="19.2">
      <c r="A3616" s="2"/>
      <c r="B3616" s="2"/>
      <c r="C3616" s="2"/>
    </row>
    <row r="3617" spans="1:3" ht="19.2">
      <c r="A3617" s="2"/>
      <c r="B3617" s="2"/>
      <c r="C3617" s="2"/>
    </row>
    <row r="3618" spans="1:3" ht="19.2">
      <c r="A3618" s="2"/>
      <c r="B3618" s="2"/>
      <c r="C3618" s="2"/>
    </row>
    <row r="3619" spans="1:3" ht="19.2">
      <c r="A3619" s="2"/>
      <c r="B3619" s="2"/>
      <c r="C3619" s="2"/>
    </row>
    <row r="3620" spans="1:3" ht="19.2">
      <c r="A3620" s="2"/>
      <c r="B3620" s="2"/>
      <c r="C3620" s="2"/>
    </row>
    <row r="3621" spans="1:3" ht="19.2">
      <c r="A3621" s="2"/>
      <c r="B3621" s="2"/>
      <c r="C3621" s="2"/>
    </row>
    <row r="3622" spans="1:3" ht="19.2">
      <c r="A3622" s="2"/>
      <c r="B3622" s="2"/>
      <c r="C3622" s="2"/>
    </row>
    <row r="3623" spans="1:3" ht="19.2">
      <c r="A3623" s="2"/>
      <c r="B3623" s="2"/>
      <c r="C3623" s="2"/>
    </row>
    <row r="3624" spans="1:3" ht="19.2">
      <c r="A3624" s="2"/>
      <c r="B3624" s="2"/>
      <c r="C3624" s="2"/>
    </row>
    <row r="3625" spans="1:3" ht="19.2">
      <c r="A3625" s="2"/>
      <c r="B3625" s="2"/>
      <c r="C3625" s="2"/>
    </row>
    <row r="3626" spans="1:3" ht="19.2">
      <c r="A3626" s="2"/>
      <c r="B3626" s="2"/>
      <c r="C3626" s="2"/>
    </row>
    <row r="3627" spans="1:3" ht="19.2">
      <c r="A3627" s="2"/>
      <c r="B3627" s="2"/>
      <c r="C3627" s="2"/>
    </row>
    <row r="3628" spans="1:3" ht="19.2">
      <c r="A3628" s="2"/>
      <c r="B3628" s="2"/>
      <c r="C3628" s="2"/>
    </row>
    <row r="3629" spans="1:3" ht="19.2">
      <c r="A3629" s="2"/>
      <c r="B3629" s="2"/>
      <c r="C3629" s="2"/>
    </row>
    <row r="3630" spans="1:3" ht="19.2">
      <c r="A3630" s="2"/>
      <c r="B3630" s="2"/>
      <c r="C3630" s="2"/>
    </row>
    <row r="3631" spans="1:3" ht="19.2">
      <c r="A3631" s="2"/>
      <c r="B3631" s="2"/>
      <c r="C3631" s="2"/>
    </row>
    <row r="3632" spans="1:3" ht="19.2">
      <c r="A3632" s="2"/>
      <c r="B3632" s="2"/>
      <c r="C3632" s="2"/>
    </row>
    <row r="3633" spans="1:3" ht="19.2">
      <c r="A3633" s="2"/>
      <c r="B3633" s="2"/>
      <c r="C3633" s="2"/>
    </row>
    <row r="3634" spans="1:3" ht="19.2">
      <c r="A3634" s="2"/>
      <c r="B3634" s="2"/>
      <c r="C3634" s="2"/>
    </row>
    <row r="3635" spans="1:3" ht="19.2">
      <c r="A3635" s="2"/>
      <c r="B3635" s="2"/>
      <c r="C3635" s="2"/>
    </row>
    <row r="3636" spans="1:3" ht="19.2">
      <c r="A3636" s="2"/>
      <c r="B3636" s="2"/>
      <c r="C3636" s="2"/>
    </row>
    <row r="3637" spans="1:3" ht="19.2">
      <c r="A3637" s="2"/>
      <c r="B3637" s="2"/>
      <c r="C3637" s="2"/>
    </row>
    <row r="3638" spans="1:3" ht="19.2">
      <c r="A3638" s="2"/>
      <c r="B3638" s="2"/>
      <c r="C3638" s="2"/>
    </row>
    <row r="3639" spans="1:3" ht="19.2">
      <c r="A3639" s="2"/>
      <c r="B3639" s="2"/>
      <c r="C3639" s="2"/>
    </row>
    <row r="3640" spans="1:3" ht="19.2">
      <c r="A3640" s="2"/>
      <c r="B3640" s="2"/>
      <c r="C3640" s="2"/>
    </row>
    <row r="3641" spans="1:3" ht="19.2">
      <c r="A3641" s="2"/>
      <c r="B3641" s="2"/>
      <c r="C3641" s="2"/>
    </row>
    <row r="3642" spans="1:3" ht="19.2">
      <c r="A3642" s="2"/>
      <c r="B3642" s="2"/>
      <c r="C3642" s="2"/>
    </row>
    <row r="3643" spans="1:3" ht="19.2">
      <c r="A3643" s="2"/>
      <c r="B3643" s="2"/>
      <c r="C3643" s="2"/>
    </row>
    <row r="3644" spans="1:3" ht="19.2">
      <c r="A3644" s="2"/>
      <c r="B3644" s="2"/>
      <c r="C3644" s="2"/>
    </row>
    <row r="3645" spans="1:3" ht="19.2">
      <c r="A3645" s="2"/>
      <c r="B3645" s="2"/>
      <c r="C3645" s="2"/>
    </row>
    <row r="3646" spans="1:3" ht="19.2">
      <c r="A3646" s="2"/>
      <c r="B3646" s="2"/>
      <c r="C3646" s="2"/>
    </row>
    <row r="3647" spans="1:3" ht="19.2">
      <c r="A3647" s="2"/>
      <c r="B3647" s="2"/>
      <c r="C3647" s="2"/>
    </row>
    <row r="3648" spans="1:3" ht="19.2">
      <c r="A3648" s="2"/>
      <c r="B3648" s="2"/>
      <c r="C3648" s="2"/>
    </row>
    <row r="3649" spans="1:3" ht="19.2">
      <c r="A3649" s="2"/>
      <c r="B3649" s="2"/>
      <c r="C3649" s="2"/>
    </row>
    <row r="3650" spans="1:3" ht="19.2">
      <c r="A3650" s="2"/>
      <c r="B3650" s="2"/>
      <c r="C3650" s="2"/>
    </row>
    <row r="3651" spans="1:3" ht="19.2">
      <c r="A3651" s="2"/>
      <c r="B3651" s="2"/>
      <c r="C3651" s="2"/>
    </row>
    <row r="3652" spans="1:3" ht="19.2">
      <c r="A3652" s="2"/>
      <c r="B3652" s="2"/>
      <c r="C3652" s="2"/>
    </row>
    <row r="3653" spans="1:3" ht="19.2">
      <c r="A3653" s="2"/>
      <c r="B3653" s="2"/>
      <c r="C3653" s="2"/>
    </row>
    <row r="3654" spans="1:3" ht="19.2">
      <c r="A3654" s="2"/>
      <c r="B3654" s="2"/>
      <c r="C3654" s="2"/>
    </row>
    <row r="3655" spans="1:3" ht="19.2">
      <c r="A3655" s="2"/>
      <c r="B3655" s="2"/>
      <c r="C3655" s="2"/>
    </row>
    <row r="3656" spans="1:3" ht="19.2">
      <c r="A3656" s="2"/>
      <c r="B3656" s="2"/>
      <c r="C3656" s="2"/>
    </row>
    <row r="3657" spans="1:3" ht="19.2">
      <c r="A3657" s="2"/>
      <c r="B3657" s="2"/>
      <c r="C3657" s="2"/>
    </row>
    <row r="3658" spans="1:3" ht="19.2">
      <c r="A3658" s="2"/>
      <c r="B3658" s="2"/>
      <c r="C3658" s="2"/>
    </row>
    <row r="3659" spans="1:3" ht="19.2">
      <c r="A3659" s="2"/>
      <c r="B3659" s="2"/>
      <c r="C3659" s="2"/>
    </row>
    <row r="3660" spans="1:3" ht="19.2">
      <c r="A3660" s="2"/>
      <c r="B3660" s="2"/>
      <c r="C3660" s="2"/>
    </row>
    <row r="3661" spans="1:3" ht="19.2">
      <c r="A3661" s="2"/>
      <c r="B3661" s="2"/>
      <c r="C3661" s="2"/>
    </row>
    <row r="3662" spans="1:3" ht="19.2">
      <c r="A3662" s="2"/>
      <c r="B3662" s="2"/>
      <c r="C3662" s="2"/>
    </row>
    <row r="3663" spans="1:3" ht="19.2">
      <c r="A3663" s="2"/>
      <c r="B3663" s="2"/>
      <c r="C3663" s="2"/>
    </row>
    <row r="3664" spans="1:3" ht="19.2">
      <c r="A3664" s="2"/>
      <c r="B3664" s="2"/>
      <c r="C3664" s="2"/>
    </row>
    <row r="3665" spans="1:3" ht="19.2">
      <c r="A3665" s="2"/>
      <c r="B3665" s="2"/>
      <c r="C3665" s="2"/>
    </row>
    <row r="3666" spans="1:3" ht="19.2">
      <c r="A3666" s="2"/>
      <c r="B3666" s="2"/>
      <c r="C3666" s="2"/>
    </row>
    <row r="3667" spans="1:3" ht="19.2">
      <c r="A3667" s="2"/>
      <c r="B3667" s="2"/>
      <c r="C3667" s="2"/>
    </row>
    <row r="3668" spans="1:3" ht="19.2">
      <c r="A3668" s="2"/>
      <c r="B3668" s="2"/>
      <c r="C3668" s="2"/>
    </row>
    <row r="3669" spans="1:3" ht="19.2">
      <c r="A3669" s="2"/>
      <c r="B3669" s="2"/>
      <c r="C3669" s="2"/>
    </row>
    <row r="3670" spans="1:3" ht="19.2">
      <c r="A3670" s="2"/>
      <c r="B3670" s="2"/>
      <c r="C3670" s="2"/>
    </row>
    <row r="3671" spans="1:3" ht="19.2">
      <c r="A3671" s="2"/>
      <c r="B3671" s="2"/>
      <c r="C3671" s="2"/>
    </row>
    <row r="3672" spans="1:3" ht="19.2">
      <c r="A3672" s="2"/>
      <c r="B3672" s="2"/>
      <c r="C3672" s="2"/>
    </row>
    <row r="3673" spans="1:3" ht="19.2">
      <c r="A3673" s="2"/>
      <c r="B3673" s="2"/>
      <c r="C3673" s="2"/>
    </row>
    <row r="3674" spans="1:3" ht="19.2">
      <c r="A3674" s="2"/>
      <c r="B3674" s="2"/>
      <c r="C3674" s="2"/>
    </row>
    <row r="3675" spans="1:3" ht="19.2">
      <c r="A3675" s="2"/>
      <c r="B3675" s="2"/>
      <c r="C3675" s="2"/>
    </row>
    <row r="3676" spans="1:3" ht="19.2">
      <c r="A3676" s="2"/>
      <c r="B3676" s="2"/>
      <c r="C3676" s="2"/>
    </row>
    <row r="3677" spans="1:3" ht="19.2">
      <c r="A3677" s="2"/>
      <c r="B3677" s="2"/>
      <c r="C3677" s="2"/>
    </row>
    <row r="3678" spans="1:3" ht="19.2">
      <c r="A3678" s="2"/>
      <c r="B3678" s="2"/>
      <c r="C3678" s="2"/>
    </row>
    <row r="3679" spans="1:3" ht="19.2">
      <c r="A3679" s="2"/>
      <c r="B3679" s="2"/>
      <c r="C3679" s="2"/>
    </row>
    <row r="3680" spans="1:3" ht="19.2">
      <c r="A3680" s="2"/>
      <c r="B3680" s="2"/>
      <c r="C3680" s="2"/>
    </row>
    <row r="3681" spans="1:3" ht="19.2">
      <c r="A3681" s="2"/>
      <c r="B3681" s="2"/>
      <c r="C3681" s="2"/>
    </row>
    <row r="3682" spans="1:3" ht="19.2">
      <c r="A3682" s="2"/>
      <c r="B3682" s="2"/>
      <c r="C3682" s="2"/>
    </row>
    <row r="3683" spans="1:3" ht="19.2">
      <c r="A3683" s="2"/>
      <c r="B3683" s="2"/>
      <c r="C3683" s="2"/>
    </row>
    <row r="3684" spans="1:3" ht="19.2">
      <c r="A3684" s="2"/>
      <c r="B3684" s="2"/>
      <c r="C3684" s="2"/>
    </row>
    <row r="3685" spans="1:3" ht="19.2">
      <c r="A3685" s="2"/>
      <c r="B3685" s="2"/>
      <c r="C3685" s="2"/>
    </row>
    <row r="3686" spans="1:3" ht="19.2">
      <c r="A3686" s="2"/>
      <c r="B3686" s="2"/>
      <c r="C3686" s="2"/>
    </row>
    <row r="3687" spans="1:3" ht="19.2">
      <c r="A3687" s="2"/>
      <c r="B3687" s="2"/>
      <c r="C3687" s="2"/>
    </row>
    <row r="3688" spans="1:3" ht="19.2">
      <c r="A3688" s="2"/>
      <c r="B3688" s="2"/>
      <c r="C3688" s="2"/>
    </row>
    <row r="3689" spans="1:3" ht="19.2">
      <c r="A3689" s="2"/>
      <c r="B3689" s="2"/>
      <c r="C3689" s="2"/>
    </row>
    <row r="3690" spans="1:3" ht="19.2">
      <c r="A3690" s="2"/>
      <c r="B3690" s="2"/>
      <c r="C3690" s="2"/>
    </row>
    <row r="3691" spans="1:3" ht="19.2">
      <c r="A3691" s="2"/>
      <c r="B3691" s="2"/>
      <c r="C3691" s="2"/>
    </row>
    <row r="3692" spans="1:3" ht="19.2">
      <c r="A3692" s="2"/>
      <c r="B3692" s="2"/>
      <c r="C3692" s="2"/>
    </row>
    <row r="3693" spans="1:3" ht="19.2">
      <c r="A3693" s="2"/>
      <c r="B3693" s="2"/>
      <c r="C3693" s="2"/>
    </row>
    <row r="3694" spans="1:3" ht="19.2">
      <c r="A3694" s="2"/>
      <c r="B3694" s="2"/>
      <c r="C3694" s="2"/>
    </row>
    <row r="3695" spans="1:3" ht="19.2">
      <c r="A3695" s="2"/>
      <c r="B3695" s="2"/>
      <c r="C3695" s="2"/>
    </row>
    <row r="3696" spans="1:3" ht="19.2">
      <c r="A3696" s="2"/>
      <c r="B3696" s="2"/>
      <c r="C3696" s="2"/>
    </row>
    <row r="3697" spans="1:3" ht="19.2">
      <c r="A3697" s="2"/>
      <c r="B3697" s="2"/>
      <c r="C3697" s="2"/>
    </row>
    <row r="3698" spans="1:3" ht="19.2">
      <c r="A3698" s="2"/>
      <c r="B3698" s="2"/>
      <c r="C3698" s="2"/>
    </row>
    <row r="3699" spans="1:3" ht="19.2">
      <c r="A3699" s="2"/>
      <c r="B3699" s="2"/>
      <c r="C3699" s="2"/>
    </row>
    <row r="3700" spans="1:3" ht="19.2">
      <c r="A3700" s="2"/>
      <c r="B3700" s="2"/>
      <c r="C3700" s="2"/>
    </row>
    <row r="3701" spans="1:3" ht="19.2">
      <c r="A3701" s="2"/>
      <c r="B3701" s="2"/>
      <c r="C3701" s="2"/>
    </row>
    <row r="3702" spans="1:3" ht="19.2">
      <c r="A3702" s="2"/>
      <c r="B3702" s="2"/>
      <c r="C3702" s="2"/>
    </row>
    <row r="3703" spans="1:3" ht="19.2">
      <c r="A3703" s="2"/>
      <c r="B3703" s="2"/>
      <c r="C3703" s="2"/>
    </row>
    <row r="3704" spans="1:3" ht="19.2">
      <c r="A3704" s="2"/>
      <c r="B3704" s="2"/>
      <c r="C3704" s="2"/>
    </row>
    <row r="3705" spans="1:3" ht="19.2">
      <c r="A3705" s="2"/>
      <c r="B3705" s="2"/>
      <c r="C3705" s="2"/>
    </row>
    <row r="3706" spans="1:3" ht="19.2">
      <c r="A3706" s="2"/>
      <c r="B3706" s="2"/>
      <c r="C3706" s="2"/>
    </row>
    <row r="3707" spans="1:3" ht="19.2">
      <c r="A3707" s="2"/>
      <c r="B3707" s="2"/>
      <c r="C3707" s="2"/>
    </row>
    <row r="3708" spans="1:3" ht="19.2">
      <c r="A3708" s="2"/>
      <c r="B3708" s="2"/>
      <c r="C3708" s="2"/>
    </row>
    <row r="3709" spans="1:3" ht="19.2">
      <c r="A3709" s="2"/>
      <c r="B3709" s="2"/>
      <c r="C3709" s="2"/>
    </row>
    <row r="3710" spans="1:3" ht="19.2">
      <c r="A3710" s="2"/>
      <c r="B3710" s="2"/>
      <c r="C3710" s="2"/>
    </row>
    <row r="3711" spans="1:3" ht="19.2">
      <c r="A3711" s="2"/>
      <c r="B3711" s="2"/>
      <c r="C3711" s="2"/>
    </row>
    <row r="3712" spans="1:3" ht="19.2">
      <c r="A3712" s="2"/>
      <c r="B3712" s="2"/>
      <c r="C3712" s="2"/>
    </row>
    <row r="3713" spans="1:3" ht="19.2">
      <c r="A3713" s="2"/>
      <c r="B3713" s="2"/>
      <c r="C3713" s="2"/>
    </row>
    <row r="3714" spans="1:3" ht="19.2">
      <c r="A3714" s="2"/>
      <c r="B3714" s="2"/>
      <c r="C3714" s="2"/>
    </row>
    <row r="3715" spans="1:3" ht="19.2">
      <c r="A3715" s="2"/>
      <c r="B3715" s="2"/>
      <c r="C3715" s="2"/>
    </row>
    <row r="3716" spans="1:3" ht="19.2">
      <c r="A3716" s="2"/>
      <c r="B3716" s="2"/>
      <c r="C3716" s="2"/>
    </row>
    <row r="3717" spans="1:3" ht="19.2">
      <c r="A3717" s="2"/>
      <c r="B3717" s="2"/>
      <c r="C3717" s="2"/>
    </row>
    <row r="3718" spans="1:3" ht="19.2">
      <c r="A3718" s="2"/>
      <c r="B3718" s="2"/>
      <c r="C3718" s="2"/>
    </row>
    <row r="3719" spans="1:3" ht="19.2">
      <c r="A3719" s="2"/>
      <c r="B3719" s="2"/>
      <c r="C3719" s="2"/>
    </row>
    <row r="3720" spans="1:3" ht="19.2">
      <c r="A3720" s="2"/>
      <c r="B3720" s="2"/>
      <c r="C3720" s="2"/>
    </row>
    <row r="3721" spans="1:3" ht="19.2">
      <c r="A3721" s="2"/>
      <c r="B3721" s="2"/>
      <c r="C3721" s="2"/>
    </row>
    <row r="3722" spans="1:3" ht="19.2">
      <c r="A3722" s="2"/>
      <c r="B3722" s="2"/>
      <c r="C3722" s="2"/>
    </row>
    <row r="3723" spans="1:3" ht="19.2">
      <c r="A3723" s="2"/>
      <c r="B3723" s="2"/>
      <c r="C3723" s="2"/>
    </row>
    <row r="3724" spans="1:3" ht="19.2">
      <c r="A3724" s="2"/>
      <c r="B3724" s="2"/>
      <c r="C3724" s="2"/>
    </row>
    <row r="3725" spans="1:3" ht="19.2">
      <c r="A3725" s="2"/>
      <c r="B3725" s="2"/>
      <c r="C3725" s="2"/>
    </row>
    <row r="3726" spans="1:3" ht="19.2">
      <c r="A3726" s="2"/>
      <c r="B3726" s="2"/>
      <c r="C3726" s="2"/>
    </row>
    <row r="3727" spans="1:3" ht="19.2">
      <c r="A3727" s="2"/>
      <c r="B3727" s="2"/>
      <c r="C3727" s="2"/>
    </row>
    <row r="3728" spans="1:3" ht="19.2">
      <c r="A3728" s="2"/>
      <c r="B3728" s="2"/>
      <c r="C3728" s="2"/>
    </row>
    <row r="3729" spans="1:3" ht="19.2">
      <c r="A3729" s="2"/>
      <c r="B3729" s="2"/>
      <c r="C3729" s="2"/>
    </row>
    <row r="3730" spans="1:3" ht="19.2">
      <c r="A3730" s="2"/>
      <c r="B3730" s="2"/>
      <c r="C3730" s="2"/>
    </row>
    <row r="3731" spans="1:3" ht="19.2">
      <c r="A3731" s="2"/>
      <c r="B3731" s="2"/>
      <c r="C3731" s="2"/>
    </row>
    <row r="3732" spans="1:3" ht="19.2">
      <c r="A3732" s="2"/>
      <c r="B3732" s="2"/>
      <c r="C3732" s="2"/>
    </row>
    <row r="3733" spans="1:3" ht="19.2">
      <c r="A3733" s="2"/>
      <c r="B3733" s="2"/>
      <c r="C3733" s="2"/>
    </row>
    <row r="3734" spans="1:3" ht="19.2">
      <c r="A3734" s="2"/>
      <c r="B3734" s="2"/>
      <c r="C3734" s="2"/>
    </row>
    <row r="3735" spans="1:3" ht="19.2">
      <c r="A3735" s="2"/>
      <c r="B3735" s="2"/>
      <c r="C3735" s="2"/>
    </row>
    <row r="3736" spans="1:3" ht="19.2">
      <c r="A3736" s="2"/>
      <c r="B3736" s="2"/>
      <c r="C3736" s="2"/>
    </row>
    <row r="3737" spans="1:3" ht="19.2">
      <c r="A3737" s="2"/>
      <c r="B3737" s="2"/>
      <c r="C3737" s="2"/>
    </row>
    <row r="3738" spans="1:3" ht="19.2">
      <c r="A3738" s="2"/>
      <c r="B3738" s="2"/>
      <c r="C3738" s="2"/>
    </row>
    <row r="3739" spans="1:3" ht="19.2">
      <c r="A3739" s="2"/>
      <c r="B3739" s="2"/>
      <c r="C3739" s="2"/>
    </row>
    <row r="3740" spans="1:3" ht="19.2">
      <c r="A3740" s="2"/>
      <c r="B3740" s="2"/>
      <c r="C3740" s="2"/>
    </row>
    <row r="3741" spans="1:3" ht="19.2">
      <c r="A3741" s="2"/>
      <c r="B3741" s="2"/>
      <c r="C3741" s="2"/>
    </row>
    <row r="3742" spans="1:3" ht="19.2">
      <c r="A3742" s="2"/>
      <c r="B3742" s="2"/>
      <c r="C3742" s="2"/>
    </row>
    <row r="3743" spans="1:3" ht="19.2">
      <c r="A3743" s="2"/>
      <c r="B3743" s="2"/>
      <c r="C3743" s="2"/>
    </row>
    <row r="3744" spans="1:3" ht="19.2">
      <c r="A3744" s="2"/>
      <c r="B3744" s="2"/>
      <c r="C3744" s="2"/>
    </row>
    <row r="3745" spans="1:3" ht="19.2">
      <c r="A3745" s="2"/>
      <c r="B3745" s="2"/>
      <c r="C3745" s="2"/>
    </row>
    <row r="3746" spans="1:3" ht="19.2">
      <c r="A3746" s="2"/>
      <c r="B3746" s="2"/>
      <c r="C3746" s="2"/>
    </row>
    <row r="3747" spans="1:3" ht="19.2">
      <c r="A3747" s="2"/>
      <c r="B3747" s="2"/>
      <c r="C3747" s="2"/>
    </row>
    <row r="3748" spans="1:3" ht="19.2">
      <c r="A3748" s="2"/>
      <c r="B3748" s="2"/>
      <c r="C3748" s="2"/>
    </row>
    <row r="3749" spans="1:3" ht="19.2">
      <c r="A3749" s="2"/>
      <c r="B3749" s="2"/>
      <c r="C3749" s="2"/>
    </row>
    <row r="3750" spans="1:3" ht="19.2">
      <c r="A3750" s="2"/>
      <c r="B3750" s="2"/>
      <c r="C3750" s="2"/>
    </row>
    <row r="3751" spans="1:3" ht="19.2">
      <c r="A3751" s="2"/>
      <c r="B3751" s="2"/>
      <c r="C3751" s="2"/>
    </row>
    <row r="3752" spans="1:3" ht="19.2">
      <c r="A3752" s="2"/>
      <c r="B3752" s="2"/>
      <c r="C3752" s="2"/>
    </row>
    <row r="3753" spans="1:3" ht="19.2">
      <c r="A3753" s="2"/>
      <c r="B3753" s="2"/>
      <c r="C3753" s="2"/>
    </row>
    <row r="3754" spans="1:3" ht="19.2">
      <c r="A3754" s="2"/>
      <c r="B3754" s="2"/>
      <c r="C3754" s="2"/>
    </row>
    <row r="3755" spans="1:3" ht="19.2">
      <c r="A3755" s="2"/>
      <c r="B3755" s="2"/>
      <c r="C3755" s="2"/>
    </row>
    <row r="3756" spans="1:3" ht="19.2">
      <c r="A3756" s="2"/>
      <c r="B3756" s="2"/>
      <c r="C3756" s="2"/>
    </row>
    <row r="3757" spans="1:3" ht="19.2">
      <c r="A3757" s="2"/>
      <c r="B3757" s="2"/>
      <c r="C3757" s="2"/>
    </row>
    <row r="3758" spans="1:3" ht="19.2">
      <c r="A3758" s="2"/>
      <c r="B3758" s="2"/>
      <c r="C3758" s="2"/>
    </row>
    <row r="3759" spans="1:3" ht="19.2">
      <c r="A3759" s="2"/>
      <c r="B3759" s="2"/>
      <c r="C3759" s="2"/>
    </row>
    <row r="3760" spans="1:3" ht="19.2">
      <c r="A3760" s="2"/>
      <c r="B3760" s="2"/>
      <c r="C3760" s="2"/>
    </row>
    <row r="3761" spans="1:3" ht="19.2">
      <c r="A3761" s="2"/>
      <c r="B3761" s="2"/>
      <c r="C3761" s="2"/>
    </row>
    <row r="3762" spans="1:3" ht="19.2">
      <c r="A3762" s="2"/>
      <c r="B3762" s="2"/>
      <c r="C3762" s="2"/>
    </row>
    <row r="3763" spans="1:3" ht="19.2">
      <c r="A3763" s="2"/>
      <c r="B3763" s="2"/>
      <c r="C3763" s="2"/>
    </row>
    <row r="3764" spans="1:3" ht="19.2">
      <c r="A3764" s="2"/>
      <c r="B3764" s="2"/>
      <c r="C3764" s="2"/>
    </row>
    <row r="3765" spans="1:3" ht="19.2">
      <c r="A3765" s="2"/>
      <c r="B3765" s="2"/>
      <c r="C3765" s="2"/>
    </row>
    <row r="3766" spans="1:3" ht="19.2">
      <c r="A3766" s="2"/>
      <c r="B3766" s="2"/>
      <c r="C3766" s="2"/>
    </row>
    <row r="3767" spans="1:3" ht="19.2">
      <c r="A3767" s="2"/>
      <c r="B3767" s="2"/>
      <c r="C3767" s="2"/>
    </row>
    <row r="3768" spans="1:3" ht="19.2">
      <c r="A3768" s="2"/>
      <c r="B3768" s="2"/>
      <c r="C3768" s="2"/>
    </row>
    <row r="3769" spans="1:3" ht="19.2">
      <c r="A3769" s="2"/>
      <c r="B3769" s="2"/>
      <c r="C3769" s="2"/>
    </row>
    <row r="3770" spans="1:3" ht="19.2">
      <c r="A3770" s="2"/>
      <c r="B3770" s="2"/>
      <c r="C3770" s="2"/>
    </row>
    <row r="3771" spans="1:3" ht="19.2">
      <c r="A3771" s="2"/>
      <c r="B3771" s="2"/>
      <c r="C3771" s="2"/>
    </row>
    <row r="3772" spans="1:3" ht="19.2">
      <c r="A3772" s="2"/>
      <c r="B3772" s="2"/>
      <c r="C3772" s="2"/>
    </row>
    <row r="3773" spans="1:3" ht="19.2">
      <c r="A3773" s="2"/>
      <c r="B3773" s="2"/>
      <c r="C3773" s="2"/>
    </row>
    <row r="3774" spans="1:3" ht="19.2">
      <c r="A3774" s="2"/>
      <c r="B3774" s="2"/>
      <c r="C3774" s="2"/>
    </row>
    <row r="3775" spans="1:3" ht="19.2">
      <c r="A3775" s="2"/>
      <c r="B3775" s="2"/>
      <c r="C3775" s="2"/>
    </row>
    <row r="3776" spans="1:3" ht="19.2">
      <c r="A3776" s="2"/>
      <c r="B3776" s="2"/>
      <c r="C3776" s="2"/>
    </row>
    <row r="3777" spans="1:3" ht="19.2">
      <c r="A3777" s="2"/>
      <c r="B3777" s="2"/>
      <c r="C3777" s="2"/>
    </row>
    <row r="3778" spans="1:3" ht="19.2">
      <c r="A3778" s="2"/>
      <c r="B3778" s="2"/>
      <c r="C3778" s="2"/>
    </row>
    <row r="3779" spans="1:3" ht="19.2">
      <c r="A3779" s="2"/>
      <c r="B3779" s="2"/>
      <c r="C3779" s="2"/>
    </row>
    <row r="3780" spans="1:3" ht="19.2">
      <c r="A3780" s="2"/>
      <c r="B3780" s="2"/>
      <c r="C3780" s="2"/>
    </row>
    <row r="3781" spans="1:3" ht="19.2">
      <c r="A3781" s="2"/>
      <c r="B3781" s="2"/>
      <c r="C3781" s="2"/>
    </row>
    <row r="3782" spans="1:3" ht="19.2">
      <c r="A3782" s="2"/>
      <c r="B3782" s="2"/>
      <c r="C3782" s="2"/>
    </row>
    <row r="3783" spans="1:3" ht="19.2">
      <c r="A3783" s="2"/>
      <c r="B3783" s="2"/>
      <c r="C3783" s="2"/>
    </row>
    <row r="3784" spans="1:3" ht="19.2">
      <c r="A3784" s="2"/>
      <c r="B3784" s="2"/>
      <c r="C3784" s="2"/>
    </row>
    <row r="3785" spans="1:3" ht="19.2">
      <c r="A3785" s="2"/>
      <c r="B3785" s="2"/>
      <c r="C3785" s="2"/>
    </row>
    <row r="3786" spans="1:3" ht="19.2">
      <c r="A3786" s="2"/>
      <c r="B3786" s="2"/>
      <c r="C3786" s="2"/>
    </row>
    <row r="3787" spans="1:3" ht="19.2">
      <c r="A3787" s="2"/>
      <c r="B3787" s="2"/>
      <c r="C3787" s="2"/>
    </row>
    <row r="3788" spans="1:3" ht="19.2">
      <c r="A3788" s="2"/>
      <c r="B3788" s="2"/>
      <c r="C3788" s="2"/>
    </row>
    <row r="3789" spans="1:3" ht="19.2">
      <c r="A3789" s="2"/>
      <c r="B3789" s="2"/>
      <c r="C3789" s="2"/>
    </row>
    <row r="3790" spans="1:3" ht="19.2">
      <c r="A3790" s="2"/>
      <c r="B3790" s="2"/>
      <c r="C3790" s="2"/>
    </row>
    <row r="3791" spans="1:3" ht="19.2">
      <c r="A3791" s="2"/>
      <c r="B3791" s="2"/>
      <c r="C3791" s="2"/>
    </row>
    <row r="3792" spans="1:3" ht="19.2">
      <c r="A3792" s="2"/>
      <c r="B3792" s="2"/>
      <c r="C3792" s="2"/>
    </row>
    <row r="3793" spans="1:3" ht="19.2">
      <c r="A3793" s="2"/>
      <c r="B3793" s="2"/>
      <c r="C3793" s="2"/>
    </row>
    <row r="3794" spans="1:3" ht="19.2">
      <c r="A3794" s="2"/>
      <c r="B3794" s="2"/>
      <c r="C3794" s="2"/>
    </row>
    <row r="3795" spans="1:3" ht="19.2">
      <c r="A3795" s="2"/>
      <c r="B3795" s="2"/>
      <c r="C3795" s="2"/>
    </row>
    <row r="3796" spans="1:3" ht="19.2">
      <c r="A3796" s="2"/>
      <c r="B3796" s="2"/>
      <c r="C3796" s="2"/>
    </row>
    <row r="3797" spans="1:3" ht="19.2">
      <c r="A3797" s="2"/>
      <c r="B3797" s="2"/>
      <c r="C3797" s="2"/>
    </row>
    <row r="3798" spans="1:3" ht="19.2">
      <c r="A3798" s="2"/>
      <c r="B3798" s="2"/>
      <c r="C3798" s="2"/>
    </row>
    <row r="3799" spans="1:3" ht="19.2">
      <c r="A3799" s="2"/>
      <c r="B3799" s="2"/>
      <c r="C3799" s="2"/>
    </row>
    <row r="3800" spans="1:3" ht="19.2">
      <c r="A3800" s="2"/>
      <c r="B3800" s="2"/>
      <c r="C3800" s="2"/>
    </row>
    <row r="3801" spans="1:3" ht="19.2">
      <c r="A3801" s="2"/>
      <c r="B3801" s="2"/>
      <c r="C3801" s="2"/>
    </row>
    <row r="3802" spans="1:3" ht="19.2">
      <c r="A3802" s="2"/>
      <c r="B3802" s="2"/>
      <c r="C3802" s="2"/>
    </row>
    <row r="3803" spans="1:3" ht="19.2">
      <c r="A3803" s="2"/>
      <c r="B3803" s="2"/>
      <c r="C3803" s="2"/>
    </row>
    <row r="3804" spans="1:3" ht="19.2">
      <c r="A3804" s="2"/>
      <c r="B3804" s="2"/>
      <c r="C3804" s="2"/>
    </row>
    <row r="3805" spans="1:3" ht="19.2">
      <c r="A3805" s="2"/>
      <c r="B3805" s="2"/>
      <c r="C3805" s="2"/>
    </row>
    <row r="3806" spans="1:3" ht="19.2">
      <c r="A3806" s="2"/>
      <c r="B3806" s="2"/>
      <c r="C3806" s="2"/>
    </row>
    <row r="3807" spans="1:3" ht="19.2">
      <c r="A3807" s="2"/>
      <c r="B3807" s="2"/>
      <c r="C3807" s="2"/>
    </row>
    <row r="3808" spans="1:3" ht="19.2">
      <c r="A3808" s="2"/>
      <c r="B3808" s="2"/>
      <c r="C3808" s="2"/>
    </row>
    <row r="3809" spans="1:3" ht="19.2">
      <c r="A3809" s="2"/>
      <c r="B3809" s="2"/>
      <c r="C3809" s="2"/>
    </row>
    <row r="3810" spans="1:3" ht="19.2">
      <c r="A3810" s="2"/>
      <c r="B3810" s="2"/>
      <c r="C3810" s="2"/>
    </row>
    <row r="3811" spans="1:3" ht="19.2">
      <c r="A3811" s="2"/>
      <c r="B3811" s="2"/>
      <c r="C3811" s="2"/>
    </row>
    <row r="3812" spans="1:3" ht="19.2">
      <c r="A3812" s="2"/>
      <c r="B3812" s="2"/>
      <c r="C3812" s="2"/>
    </row>
    <row r="3813" spans="1:3" ht="19.2">
      <c r="A3813" s="2"/>
      <c r="B3813" s="2"/>
      <c r="C3813" s="2"/>
    </row>
    <row r="3814" spans="1:3" ht="19.2">
      <c r="A3814" s="2"/>
      <c r="B3814" s="2"/>
      <c r="C3814" s="2"/>
    </row>
    <row r="3815" spans="1:3" ht="19.2">
      <c r="A3815" s="2"/>
      <c r="B3815" s="2"/>
      <c r="C3815" s="2"/>
    </row>
    <row r="3816" spans="1:3" ht="19.2">
      <c r="A3816" s="2"/>
      <c r="B3816" s="2"/>
      <c r="C3816" s="2"/>
    </row>
    <row r="3817" spans="1:3" ht="19.2">
      <c r="A3817" s="2"/>
      <c r="B3817" s="2"/>
      <c r="C3817" s="2"/>
    </row>
    <row r="3818" spans="1:3" ht="19.2">
      <c r="A3818" s="2"/>
      <c r="B3818" s="2"/>
      <c r="C3818" s="2"/>
    </row>
    <row r="3819" spans="1:3" ht="19.2">
      <c r="A3819" s="2"/>
      <c r="B3819" s="2"/>
      <c r="C3819" s="2"/>
    </row>
    <row r="3820" spans="1:3" ht="19.2">
      <c r="A3820" s="2"/>
      <c r="B3820" s="2"/>
      <c r="C3820" s="2"/>
    </row>
    <row r="3821" spans="1:3" ht="19.2">
      <c r="A3821" s="2"/>
      <c r="B3821" s="2"/>
      <c r="C3821" s="2"/>
    </row>
    <row r="3822" spans="1:3" ht="19.2">
      <c r="A3822" s="2"/>
      <c r="B3822" s="2"/>
      <c r="C3822" s="2"/>
    </row>
    <row r="3823" spans="1:3" ht="19.2">
      <c r="A3823" s="2"/>
      <c r="B3823" s="2"/>
      <c r="C3823" s="2"/>
    </row>
    <row r="3824" spans="1:3" ht="19.2">
      <c r="A3824" s="2"/>
      <c r="B3824" s="2"/>
      <c r="C3824" s="2"/>
    </row>
    <row r="3825" spans="1:3" ht="19.2">
      <c r="A3825" s="2"/>
      <c r="B3825" s="2"/>
      <c r="C3825" s="2"/>
    </row>
    <row r="3826" spans="1:3" ht="19.2">
      <c r="A3826" s="2"/>
      <c r="B3826" s="2"/>
      <c r="C3826" s="2"/>
    </row>
    <row r="3827" spans="1:3" ht="19.2">
      <c r="A3827" s="2"/>
      <c r="B3827" s="2"/>
      <c r="C3827" s="2"/>
    </row>
    <row r="3828" spans="1:3" ht="19.2">
      <c r="A3828" s="2"/>
      <c r="B3828" s="2"/>
      <c r="C3828" s="2"/>
    </row>
    <row r="3829" spans="1:3" ht="19.2">
      <c r="A3829" s="2"/>
      <c r="B3829" s="2"/>
      <c r="C3829" s="2"/>
    </row>
    <row r="3830" spans="1:3" ht="19.2">
      <c r="A3830" s="2"/>
      <c r="B3830" s="2"/>
      <c r="C3830" s="2"/>
    </row>
    <row r="3831" spans="1:3" ht="19.2">
      <c r="A3831" s="2"/>
      <c r="B3831" s="2"/>
      <c r="C3831" s="2"/>
    </row>
    <row r="3832" spans="1:3" ht="19.2">
      <c r="A3832" s="2"/>
      <c r="B3832" s="2"/>
      <c r="C3832" s="2"/>
    </row>
    <row r="3833" spans="1:3" ht="19.2">
      <c r="A3833" s="2"/>
      <c r="B3833" s="2"/>
      <c r="C3833" s="2"/>
    </row>
    <row r="3834" spans="1:3" ht="19.2">
      <c r="A3834" s="2"/>
      <c r="B3834" s="2"/>
      <c r="C3834" s="2"/>
    </row>
    <row r="3835" spans="1:3" ht="19.2">
      <c r="A3835" s="2"/>
      <c r="B3835" s="2"/>
      <c r="C3835" s="2"/>
    </row>
    <row r="3836" spans="1:3" ht="19.2">
      <c r="A3836" s="2"/>
      <c r="B3836" s="2"/>
      <c r="C3836" s="2"/>
    </row>
    <row r="3837" spans="1:3" ht="19.2">
      <c r="A3837" s="2"/>
      <c r="B3837" s="2"/>
      <c r="C3837" s="2"/>
    </row>
    <row r="3838" spans="1:3" ht="19.2">
      <c r="A3838" s="2"/>
      <c r="B3838" s="2"/>
      <c r="C3838" s="2"/>
    </row>
    <row r="3839" spans="1:3" ht="19.2">
      <c r="A3839" s="2"/>
      <c r="B3839" s="2"/>
      <c r="C3839" s="2"/>
    </row>
    <row r="3840" spans="1:3" ht="19.2">
      <c r="A3840" s="2"/>
      <c r="B3840" s="2"/>
      <c r="C3840" s="2"/>
    </row>
    <row r="3841" spans="1:3" ht="19.2">
      <c r="A3841" s="2"/>
      <c r="B3841" s="2"/>
      <c r="C3841" s="2"/>
    </row>
    <row r="3842" spans="1:3" ht="19.2">
      <c r="A3842" s="2"/>
      <c r="B3842" s="2"/>
      <c r="C3842" s="2"/>
    </row>
    <row r="3843" spans="1:3" ht="19.2">
      <c r="A3843" s="2"/>
      <c r="B3843" s="2"/>
      <c r="C3843" s="2"/>
    </row>
    <row r="3844" spans="1:3" ht="19.2">
      <c r="A3844" s="2"/>
      <c r="B3844" s="2"/>
      <c r="C3844" s="2"/>
    </row>
    <row r="3845" spans="1:3" ht="19.2">
      <c r="A3845" s="2"/>
      <c r="B3845" s="2"/>
      <c r="C3845" s="2"/>
    </row>
    <row r="3846" spans="1:3" ht="19.2">
      <c r="A3846" s="2"/>
      <c r="B3846" s="2"/>
      <c r="C3846" s="2"/>
    </row>
    <row r="3847" spans="1:3" ht="19.2">
      <c r="A3847" s="2"/>
      <c r="B3847" s="2"/>
      <c r="C3847" s="2"/>
    </row>
    <row r="3848" spans="1:3" ht="19.2">
      <c r="A3848" s="2"/>
      <c r="B3848" s="2"/>
      <c r="C3848" s="2"/>
    </row>
    <row r="3849" spans="1:3" ht="19.2">
      <c r="A3849" s="2"/>
      <c r="B3849" s="2"/>
      <c r="C3849" s="2"/>
    </row>
    <row r="3850" spans="1:3" ht="19.2">
      <c r="A3850" s="2"/>
      <c r="B3850" s="2"/>
      <c r="C3850" s="2"/>
    </row>
    <row r="3851" spans="1:3" ht="19.2">
      <c r="A3851" s="2"/>
      <c r="B3851" s="2"/>
      <c r="C3851" s="2"/>
    </row>
    <row r="3852" spans="1:3" ht="19.2">
      <c r="A3852" s="2"/>
      <c r="B3852" s="2"/>
      <c r="C3852" s="2"/>
    </row>
    <row r="3853" spans="1:3" ht="19.2">
      <c r="A3853" s="2"/>
      <c r="B3853" s="2"/>
      <c r="C3853" s="2"/>
    </row>
    <row r="3854" spans="1:3" ht="19.2">
      <c r="A3854" s="2"/>
      <c r="B3854" s="2"/>
      <c r="C3854" s="2"/>
    </row>
    <row r="3855" spans="1:3" ht="19.2">
      <c r="A3855" s="2"/>
      <c r="B3855" s="2"/>
      <c r="C3855" s="2"/>
    </row>
    <row r="3856" spans="1:3" ht="19.2">
      <c r="A3856" s="2"/>
      <c r="B3856" s="2"/>
      <c r="C3856" s="2"/>
    </row>
    <row r="3857" spans="1:3" ht="19.2">
      <c r="A3857" s="2"/>
      <c r="B3857" s="2"/>
      <c r="C3857" s="2"/>
    </row>
    <row r="3858" spans="1:3" ht="19.2">
      <c r="A3858" s="2"/>
      <c r="B3858" s="2"/>
      <c r="C3858" s="2"/>
    </row>
    <row r="3859" spans="1:3" ht="19.2">
      <c r="A3859" s="2"/>
      <c r="B3859" s="2"/>
      <c r="C3859" s="2"/>
    </row>
    <row r="3860" spans="1:3" ht="19.2">
      <c r="A3860" s="2"/>
      <c r="B3860" s="2"/>
      <c r="C3860" s="2"/>
    </row>
    <row r="3861" spans="1:3" ht="19.2">
      <c r="A3861" s="2"/>
      <c r="B3861" s="2"/>
      <c r="C3861" s="2"/>
    </row>
    <row r="3862" spans="1:3" ht="19.2">
      <c r="A3862" s="2"/>
      <c r="B3862" s="2"/>
      <c r="C3862" s="2"/>
    </row>
    <row r="3863" spans="1:3" ht="19.2">
      <c r="A3863" s="2"/>
      <c r="B3863" s="2"/>
      <c r="C3863" s="2"/>
    </row>
    <row r="3864" spans="1:3" ht="19.2">
      <c r="A3864" s="2"/>
      <c r="B3864" s="2"/>
      <c r="C3864" s="2"/>
    </row>
    <row r="3865" spans="1:3" ht="19.2">
      <c r="A3865" s="2"/>
      <c r="B3865" s="2"/>
      <c r="C3865" s="2"/>
    </row>
    <row r="3866" spans="1:3" ht="19.2">
      <c r="A3866" s="2"/>
      <c r="B3866" s="2"/>
      <c r="C3866" s="2"/>
    </row>
    <row r="3867" spans="1:3" ht="19.2">
      <c r="A3867" s="2"/>
      <c r="B3867" s="2"/>
      <c r="C3867" s="2"/>
    </row>
    <row r="3868" spans="1:3" ht="19.2">
      <c r="A3868" s="2"/>
      <c r="B3868" s="2"/>
      <c r="C3868" s="2"/>
    </row>
    <row r="3869" spans="1:3" ht="19.2">
      <c r="A3869" s="2"/>
      <c r="B3869" s="2"/>
      <c r="C3869" s="2"/>
    </row>
    <row r="3870" spans="1:3" ht="19.2">
      <c r="A3870" s="2"/>
      <c r="B3870" s="2"/>
      <c r="C3870" s="2"/>
    </row>
    <row r="3871" spans="1:3" ht="19.2">
      <c r="A3871" s="2"/>
      <c r="B3871" s="2"/>
      <c r="C3871" s="2"/>
    </row>
    <row r="3872" spans="1:3" ht="19.2">
      <c r="A3872" s="2"/>
      <c r="B3872" s="2"/>
      <c r="C3872" s="2"/>
    </row>
    <row r="3873" spans="1:3" ht="19.2">
      <c r="A3873" s="2"/>
      <c r="B3873" s="2"/>
      <c r="C3873" s="2"/>
    </row>
    <row r="3874" spans="1:3" ht="19.2">
      <c r="A3874" s="2"/>
      <c r="B3874" s="2"/>
      <c r="C3874" s="2"/>
    </row>
    <row r="3875" spans="1:3" ht="19.2">
      <c r="A3875" s="2"/>
      <c r="B3875" s="2"/>
      <c r="C3875" s="2"/>
    </row>
    <row r="3876" spans="1:3" ht="19.2">
      <c r="A3876" s="2"/>
      <c r="B3876" s="2"/>
      <c r="C3876" s="2"/>
    </row>
    <row r="3877" spans="1:3" ht="19.2">
      <c r="A3877" s="2"/>
      <c r="B3877" s="2"/>
      <c r="C3877" s="2"/>
    </row>
    <row r="3878" spans="1:3" ht="19.2">
      <c r="A3878" s="2"/>
      <c r="B3878" s="2"/>
      <c r="C3878" s="2"/>
    </row>
    <row r="3879" spans="1:3" ht="19.2">
      <c r="A3879" s="2"/>
      <c r="B3879" s="2"/>
      <c r="C3879" s="2"/>
    </row>
    <row r="3880" spans="1:3" ht="19.2">
      <c r="A3880" s="2"/>
      <c r="B3880" s="2"/>
      <c r="C3880" s="2"/>
    </row>
    <row r="3881" spans="1:3" ht="19.2">
      <c r="A3881" s="2"/>
      <c r="B3881" s="2"/>
      <c r="C3881" s="2"/>
    </row>
    <row r="3882" spans="1:3" ht="19.2">
      <c r="A3882" s="2"/>
      <c r="B3882" s="2"/>
      <c r="C3882" s="2"/>
    </row>
    <row r="3883" spans="1:3" ht="19.2">
      <c r="A3883" s="2"/>
      <c r="B3883" s="2"/>
      <c r="C3883" s="2"/>
    </row>
    <row r="3884" spans="1:3" ht="19.2">
      <c r="A3884" s="2"/>
      <c r="B3884" s="2"/>
      <c r="C3884" s="2"/>
    </row>
    <row r="3885" spans="1:3" ht="19.2">
      <c r="A3885" s="2"/>
      <c r="B3885" s="2"/>
      <c r="C3885" s="2"/>
    </row>
    <row r="3886" spans="1:3" ht="19.2">
      <c r="A3886" s="2"/>
      <c r="B3886" s="2"/>
      <c r="C3886" s="2"/>
    </row>
    <row r="3887" spans="1:3" ht="19.2">
      <c r="A3887" s="2"/>
      <c r="B3887" s="2"/>
      <c r="C3887" s="2"/>
    </row>
    <row r="3888" spans="1:3" ht="19.2">
      <c r="A3888" s="2"/>
      <c r="B3888" s="2"/>
      <c r="C3888" s="2"/>
    </row>
    <row r="3889" spans="1:3" ht="19.2">
      <c r="A3889" s="2"/>
      <c r="B3889" s="2"/>
      <c r="C3889" s="2"/>
    </row>
    <row r="3890" spans="1:3" ht="19.2">
      <c r="A3890" s="2"/>
      <c r="B3890" s="2"/>
      <c r="C3890" s="2"/>
    </row>
    <row r="3891" spans="1:3" ht="19.2">
      <c r="A3891" s="2"/>
      <c r="B3891" s="2"/>
      <c r="C3891" s="2"/>
    </row>
    <row r="3892" spans="1:3" ht="19.2">
      <c r="A3892" s="2"/>
      <c r="B3892" s="2"/>
      <c r="C3892" s="2"/>
    </row>
    <row r="3893" spans="1:3" ht="19.2">
      <c r="A3893" s="2"/>
      <c r="B3893" s="2"/>
      <c r="C3893" s="2"/>
    </row>
    <row r="3894" spans="1:3" ht="19.2">
      <c r="A3894" s="2"/>
      <c r="B3894" s="2"/>
      <c r="C3894" s="2"/>
    </row>
    <row r="3895" spans="1:3" ht="19.2">
      <c r="A3895" s="2"/>
      <c r="B3895" s="2"/>
      <c r="C3895" s="2"/>
    </row>
    <row r="3896" spans="1:3" ht="19.2">
      <c r="A3896" s="2"/>
      <c r="B3896" s="2"/>
      <c r="C3896" s="2"/>
    </row>
    <row r="3897" spans="1:3" ht="19.2">
      <c r="A3897" s="2"/>
      <c r="B3897" s="2"/>
      <c r="C3897" s="2"/>
    </row>
    <row r="3898" spans="1:3" ht="19.2">
      <c r="A3898" s="2"/>
      <c r="B3898" s="2"/>
      <c r="C3898" s="2"/>
    </row>
    <row r="3899" spans="1:3" ht="19.2">
      <c r="A3899" s="2"/>
      <c r="B3899" s="2"/>
      <c r="C3899" s="2"/>
    </row>
    <row r="3900" spans="1:3" ht="19.2">
      <c r="A3900" s="2"/>
      <c r="B3900" s="2"/>
      <c r="C3900" s="2"/>
    </row>
    <row r="3901" spans="1:3" ht="19.2">
      <c r="A3901" s="2"/>
      <c r="B3901" s="2"/>
      <c r="C3901" s="2"/>
    </row>
    <row r="3902" spans="1:3" ht="19.2">
      <c r="A3902" s="2"/>
      <c r="B3902" s="2"/>
      <c r="C3902" s="2"/>
    </row>
    <row r="3903" spans="1:3" ht="19.2">
      <c r="A3903" s="2"/>
      <c r="B3903" s="2"/>
      <c r="C3903" s="2"/>
    </row>
    <row r="3904" spans="1:3" ht="19.2">
      <c r="A3904" s="2"/>
      <c r="B3904" s="2"/>
      <c r="C3904" s="2"/>
    </row>
    <row r="3905" spans="1:3" ht="19.2">
      <c r="A3905" s="2"/>
      <c r="B3905" s="2"/>
      <c r="C3905" s="2"/>
    </row>
    <row r="3906" spans="1:3" ht="19.2">
      <c r="A3906" s="2"/>
      <c r="B3906" s="2"/>
      <c r="C3906" s="2"/>
    </row>
    <row r="3907" spans="1:3" ht="19.2">
      <c r="A3907" s="2"/>
      <c r="B3907" s="2"/>
      <c r="C3907" s="2"/>
    </row>
    <row r="3908" spans="1:3" ht="19.2">
      <c r="A3908" s="2"/>
      <c r="B3908" s="2"/>
      <c r="C3908" s="2"/>
    </row>
    <row r="3909" spans="1:3" ht="19.2">
      <c r="A3909" s="2"/>
      <c r="B3909" s="2"/>
      <c r="C3909" s="2"/>
    </row>
    <row r="3910" spans="1:3" ht="19.2">
      <c r="A3910" s="2"/>
      <c r="B3910" s="2"/>
      <c r="C3910" s="2"/>
    </row>
    <row r="3911" spans="1:3" ht="19.2">
      <c r="A3911" s="2"/>
      <c r="B3911" s="2"/>
      <c r="C3911" s="2"/>
    </row>
    <row r="3912" spans="1:3" ht="19.2">
      <c r="A3912" s="2"/>
      <c r="B3912" s="2"/>
      <c r="C3912" s="2"/>
    </row>
    <row r="3913" spans="1:3" ht="19.2">
      <c r="A3913" s="2"/>
      <c r="B3913" s="2"/>
      <c r="C3913" s="2"/>
    </row>
    <row r="3914" spans="1:3" ht="19.2">
      <c r="A3914" s="2"/>
      <c r="B3914" s="2"/>
      <c r="C3914" s="2"/>
    </row>
    <row r="3915" spans="1:3" ht="19.2">
      <c r="A3915" s="2"/>
      <c r="B3915" s="2"/>
      <c r="C3915" s="2"/>
    </row>
    <row r="3916" spans="1:3" ht="19.2">
      <c r="A3916" s="2"/>
      <c r="B3916" s="2"/>
      <c r="C3916" s="2"/>
    </row>
    <row r="3917" spans="1:3" ht="19.2">
      <c r="A3917" s="2"/>
      <c r="B3917" s="2"/>
      <c r="C3917" s="2"/>
    </row>
    <row r="3918" spans="1:3" ht="19.2">
      <c r="A3918" s="2"/>
      <c r="B3918" s="2"/>
      <c r="C3918" s="2"/>
    </row>
    <row r="3919" spans="1:3" ht="19.2">
      <c r="A3919" s="2"/>
      <c r="B3919" s="2"/>
      <c r="C3919" s="2"/>
    </row>
    <row r="3920" spans="1:3" ht="19.2">
      <c r="A3920" s="2"/>
      <c r="B3920" s="2"/>
      <c r="C3920" s="2"/>
    </row>
    <row r="3921" spans="1:3" ht="19.2">
      <c r="A3921" s="2"/>
      <c r="B3921" s="2"/>
      <c r="C3921" s="2"/>
    </row>
    <row r="3922" spans="1:3" ht="19.2">
      <c r="A3922" s="2"/>
      <c r="B3922" s="2"/>
      <c r="C3922" s="2"/>
    </row>
    <row r="3923" spans="1:3" ht="19.2">
      <c r="A3923" s="2"/>
      <c r="B3923" s="2"/>
      <c r="C3923" s="2"/>
    </row>
    <row r="3924" spans="1:3" ht="19.2">
      <c r="A3924" s="2"/>
      <c r="B3924" s="2"/>
      <c r="C3924" s="2"/>
    </row>
    <row r="3925" spans="1:3" ht="19.2">
      <c r="A3925" s="2"/>
      <c r="B3925" s="2"/>
      <c r="C3925" s="2"/>
    </row>
    <row r="3926" spans="1:3" ht="19.2">
      <c r="A3926" s="2"/>
      <c r="B3926" s="2"/>
      <c r="C3926" s="2"/>
    </row>
    <row r="3927" spans="1:3" ht="19.2">
      <c r="A3927" s="2"/>
      <c r="B3927" s="2"/>
      <c r="C3927" s="2"/>
    </row>
    <row r="3928" spans="1:3" ht="19.2">
      <c r="A3928" s="2"/>
      <c r="B3928" s="2"/>
      <c r="C3928" s="2"/>
    </row>
    <row r="3929" spans="1:3" ht="19.2">
      <c r="A3929" s="2"/>
      <c r="B3929" s="2"/>
      <c r="C3929" s="2"/>
    </row>
    <row r="3930" spans="1:3" ht="19.2">
      <c r="A3930" s="2"/>
      <c r="B3930" s="2"/>
      <c r="C3930" s="2"/>
    </row>
    <row r="3931" spans="1:3" ht="19.2">
      <c r="A3931" s="2"/>
      <c r="B3931" s="2"/>
      <c r="C3931" s="2"/>
    </row>
    <row r="3932" spans="1:3" ht="19.2">
      <c r="A3932" s="2"/>
      <c r="B3932" s="2"/>
      <c r="C3932" s="2"/>
    </row>
    <row r="3933" spans="1:3" ht="19.2">
      <c r="A3933" s="2"/>
      <c r="B3933" s="2"/>
      <c r="C3933" s="2"/>
    </row>
    <row r="3934" spans="1:3" ht="19.2">
      <c r="A3934" s="2"/>
      <c r="B3934" s="2"/>
      <c r="C3934" s="2"/>
    </row>
    <row r="3935" spans="1:3" ht="19.2">
      <c r="A3935" s="2"/>
      <c r="B3935" s="2"/>
      <c r="C3935" s="2"/>
    </row>
    <row r="3936" spans="1:3" ht="19.2">
      <c r="A3936" s="2"/>
      <c r="B3936" s="2"/>
      <c r="C3936" s="2"/>
    </row>
    <row r="3937" spans="1:3" ht="19.2">
      <c r="A3937" s="2"/>
      <c r="B3937" s="2"/>
      <c r="C3937" s="2"/>
    </row>
    <row r="3938" spans="1:3" ht="19.2">
      <c r="A3938" s="2"/>
      <c r="B3938" s="2"/>
      <c r="C3938" s="2"/>
    </row>
    <row r="3939" spans="1:3" ht="19.2">
      <c r="A3939" s="2"/>
      <c r="B3939" s="2"/>
      <c r="C3939" s="2"/>
    </row>
    <row r="3940" spans="1:3" ht="19.2">
      <c r="A3940" s="2"/>
      <c r="B3940" s="2"/>
      <c r="C3940" s="2"/>
    </row>
    <row r="3941" spans="1:3" ht="19.2">
      <c r="A3941" s="2"/>
      <c r="B3941" s="2"/>
      <c r="C3941" s="2"/>
    </row>
    <row r="3942" spans="1:3" ht="19.2">
      <c r="A3942" s="2"/>
      <c r="B3942" s="2"/>
      <c r="C3942" s="2"/>
    </row>
    <row r="3943" spans="1:3" ht="19.2">
      <c r="A3943" s="2"/>
      <c r="B3943" s="2"/>
      <c r="C3943" s="2"/>
    </row>
    <row r="3944" spans="1:3" ht="19.2">
      <c r="A3944" s="2"/>
      <c r="B3944" s="2"/>
      <c r="C3944" s="2"/>
    </row>
    <row r="3945" spans="1:3" ht="19.2">
      <c r="A3945" s="2"/>
      <c r="B3945" s="2"/>
      <c r="C3945" s="2"/>
    </row>
    <row r="3946" spans="1:3" ht="19.2">
      <c r="A3946" s="2"/>
      <c r="B3946" s="2"/>
      <c r="C3946" s="2"/>
    </row>
    <row r="3947" spans="1:3" ht="19.2">
      <c r="A3947" s="2"/>
      <c r="B3947" s="2"/>
      <c r="C3947" s="2"/>
    </row>
    <row r="3948" spans="1:3" ht="19.2">
      <c r="A3948" s="2"/>
      <c r="B3948" s="2"/>
      <c r="C3948" s="2"/>
    </row>
    <row r="3949" spans="1:3" ht="19.2">
      <c r="A3949" s="2"/>
      <c r="B3949" s="2"/>
      <c r="C3949" s="2"/>
    </row>
    <row r="3950" spans="1:3" ht="19.2">
      <c r="A3950" s="2"/>
      <c r="B3950" s="2"/>
      <c r="C3950" s="2"/>
    </row>
    <row r="3951" spans="1:3" ht="19.2">
      <c r="A3951" s="2"/>
      <c r="B3951" s="2"/>
      <c r="C3951" s="2"/>
    </row>
    <row r="3952" spans="1:3" ht="19.2">
      <c r="A3952" s="2"/>
      <c r="B3952" s="2"/>
      <c r="C3952" s="2"/>
    </row>
    <row r="3953" spans="1:3" ht="19.2">
      <c r="A3953" s="2"/>
      <c r="B3953" s="2"/>
      <c r="C3953" s="2"/>
    </row>
    <row r="3954" spans="1:3" ht="19.2">
      <c r="A3954" s="2"/>
      <c r="B3954" s="2"/>
      <c r="C3954" s="2"/>
    </row>
    <row r="3955" spans="1:3" ht="19.2">
      <c r="A3955" s="2"/>
      <c r="B3955" s="2"/>
      <c r="C3955" s="2"/>
    </row>
    <row r="3956" spans="1:3" ht="19.2">
      <c r="A3956" s="2"/>
      <c r="B3956" s="2"/>
      <c r="C3956" s="2"/>
    </row>
    <row r="3957" spans="1:3" ht="19.2">
      <c r="A3957" s="2"/>
      <c r="B3957" s="2"/>
      <c r="C3957" s="2"/>
    </row>
    <row r="3958" spans="1:3" ht="19.2">
      <c r="A3958" s="2"/>
      <c r="B3958" s="2"/>
      <c r="C3958" s="2"/>
    </row>
    <row r="3959" spans="1:3" ht="19.2">
      <c r="A3959" s="2"/>
      <c r="B3959" s="2"/>
      <c r="C3959" s="2"/>
    </row>
    <row r="3960" spans="1:3" ht="19.2">
      <c r="A3960" s="2"/>
      <c r="B3960" s="2"/>
      <c r="C3960" s="2"/>
    </row>
    <row r="3961" spans="1:3" ht="19.2">
      <c r="A3961" s="2"/>
      <c r="B3961" s="2"/>
      <c r="C3961" s="2"/>
    </row>
    <row r="3962" spans="1:3" ht="19.2">
      <c r="A3962" s="2"/>
      <c r="B3962" s="2"/>
      <c r="C3962" s="2"/>
    </row>
    <row r="3963" spans="1:3" ht="19.2">
      <c r="A3963" s="2"/>
      <c r="B3963" s="2"/>
      <c r="C3963" s="2"/>
    </row>
    <row r="3964" spans="1:3" ht="19.2">
      <c r="A3964" s="2"/>
      <c r="B3964" s="2"/>
      <c r="C3964" s="2"/>
    </row>
    <row r="3965" spans="1:3" ht="19.2">
      <c r="A3965" s="2"/>
      <c r="B3965" s="2"/>
      <c r="C3965" s="2"/>
    </row>
    <row r="3966" spans="1:3" ht="19.2">
      <c r="A3966" s="2"/>
      <c r="B3966" s="2"/>
      <c r="C3966" s="2"/>
    </row>
    <row r="3967" spans="1:3" ht="19.2">
      <c r="A3967" s="2"/>
      <c r="B3967" s="2"/>
      <c r="C3967" s="2"/>
    </row>
    <row r="3968" spans="1:3" ht="19.2">
      <c r="A3968" s="2"/>
      <c r="B3968" s="2"/>
      <c r="C3968" s="2"/>
    </row>
    <row r="3969" spans="1:3" ht="19.2">
      <c r="A3969" s="2"/>
      <c r="B3969" s="2"/>
      <c r="C3969" s="2"/>
    </row>
    <row r="3970" spans="1:3" ht="19.2">
      <c r="A3970" s="2"/>
      <c r="B3970" s="2"/>
      <c r="C3970" s="2"/>
    </row>
    <row r="3971" spans="1:3" ht="19.2">
      <c r="A3971" s="2"/>
      <c r="B3971" s="2"/>
      <c r="C3971" s="2"/>
    </row>
    <row r="3972" spans="1:3" ht="19.2">
      <c r="A3972" s="2"/>
      <c r="B3972" s="2"/>
      <c r="C3972" s="2"/>
    </row>
    <row r="3973" spans="1:3" ht="19.2">
      <c r="A3973" s="2"/>
      <c r="B3973" s="2"/>
      <c r="C3973" s="2"/>
    </row>
    <row r="3974" spans="1:3" ht="19.2">
      <c r="A3974" s="2"/>
      <c r="B3974" s="2"/>
      <c r="C3974" s="2"/>
    </row>
    <row r="3975" spans="1:3" ht="19.2">
      <c r="A3975" s="2"/>
      <c r="B3975" s="2"/>
      <c r="C3975" s="2"/>
    </row>
    <row r="3976" spans="1:3" ht="19.2">
      <c r="A3976" s="2"/>
      <c r="B3976" s="2"/>
      <c r="C3976" s="2"/>
    </row>
    <row r="3977" spans="1:3" ht="19.2">
      <c r="A3977" s="2"/>
      <c r="B3977" s="2"/>
      <c r="C3977" s="2"/>
    </row>
    <row r="3978" spans="1:3" ht="19.2">
      <c r="A3978" s="2"/>
      <c r="B3978" s="2"/>
      <c r="C3978" s="2"/>
    </row>
    <row r="3979" spans="1:3" ht="19.2">
      <c r="A3979" s="2"/>
      <c r="B3979" s="2"/>
      <c r="C3979" s="2"/>
    </row>
    <row r="3980" spans="1:3" ht="19.2">
      <c r="A3980" s="2"/>
      <c r="B3980" s="2"/>
      <c r="C3980" s="2"/>
    </row>
    <row r="3981" spans="1:3" ht="19.2">
      <c r="A3981" s="2"/>
      <c r="B3981" s="2"/>
      <c r="C3981" s="2"/>
    </row>
    <row r="3982" spans="1:3" ht="19.2">
      <c r="A3982" s="2"/>
      <c r="B3982" s="2"/>
      <c r="C3982" s="2"/>
    </row>
    <row r="3983" spans="1:3" ht="19.2">
      <c r="A3983" s="2"/>
      <c r="B3983" s="2"/>
      <c r="C3983" s="2"/>
    </row>
    <row r="3984" spans="1:3" ht="19.2">
      <c r="A3984" s="2"/>
      <c r="B3984" s="2"/>
      <c r="C3984" s="2"/>
    </row>
    <row r="3985" spans="1:3" ht="19.2">
      <c r="A3985" s="2"/>
      <c r="B3985" s="2"/>
      <c r="C3985" s="2"/>
    </row>
    <row r="3986" spans="1:3" ht="19.2">
      <c r="A3986" s="2"/>
      <c r="B3986" s="2"/>
      <c r="C3986" s="2"/>
    </row>
    <row r="3987" spans="1:3" ht="19.2">
      <c r="A3987" s="2"/>
      <c r="B3987" s="2"/>
      <c r="C3987" s="2"/>
    </row>
    <row r="3988" spans="1:3" ht="19.2">
      <c r="A3988" s="2"/>
      <c r="B3988" s="2"/>
      <c r="C3988" s="2"/>
    </row>
    <row r="3989" spans="1:3" ht="19.2">
      <c r="A3989" s="2"/>
      <c r="B3989" s="2"/>
      <c r="C3989" s="2"/>
    </row>
    <row r="3990" spans="1:3" ht="19.2">
      <c r="A3990" s="2"/>
      <c r="B3990" s="2"/>
      <c r="C3990" s="2"/>
    </row>
    <row r="3991" spans="1:3" ht="19.2">
      <c r="A3991" s="2"/>
      <c r="B3991" s="2"/>
      <c r="C3991" s="2"/>
    </row>
    <row r="3992" spans="1:3" ht="19.2">
      <c r="A3992" s="2"/>
      <c r="B3992" s="2"/>
      <c r="C3992" s="2"/>
    </row>
    <row r="3993" spans="1:3" ht="19.2">
      <c r="A3993" s="2"/>
      <c r="B3993" s="2"/>
      <c r="C3993" s="2"/>
    </row>
    <row r="3994" spans="1:3" ht="19.2">
      <c r="A3994" s="2"/>
      <c r="B3994" s="2"/>
      <c r="C3994" s="2"/>
    </row>
    <row r="3995" spans="1:3" ht="19.2">
      <c r="A3995" s="2"/>
      <c r="B3995" s="2"/>
      <c r="C3995" s="2"/>
    </row>
    <row r="3996" spans="1:3" ht="19.2">
      <c r="A3996" s="2"/>
      <c r="B3996" s="2"/>
      <c r="C3996" s="2"/>
    </row>
    <row r="3997" spans="1:3" ht="19.2">
      <c r="A3997" s="2"/>
      <c r="B3997" s="2"/>
      <c r="C3997" s="2"/>
    </row>
    <row r="3998" spans="1:3" ht="19.2">
      <c r="A3998" s="2"/>
      <c r="B3998" s="2"/>
      <c r="C3998" s="2"/>
    </row>
    <row r="3999" spans="1:3" ht="19.2">
      <c r="A3999" s="2"/>
      <c r="B3999" s="2"/>
      <c r="C3999" s="2"/>
    </row>
    <row r="4000" spans="1:3" ht="19.2">
      <c r="A4000" s="2"/>
      <c r="B4000" s="2"/>
      <c r="C4000" s="2"/>
    </row>
    <row r="4001" spans="1:3" ht="19.2">
      <c r="A4001" s="2"/>
      <c r="B4001" s="2"/>
      <c r="C4001" s="2"/>
    </row>
    <row r="4002" spans="1:3" ht="19.2">
      <c r="A4002" s="2"/>
      <c r="B4002" s="2"/>
      <c r="C4002" s="2"/>
    </row>
    <row r="4003" spans="1:3" ht="19.2">
      <c r="A4003" s="2"/>
      <c r="B4003" s="2"/>
      <c r="C4003" s="2"/>
    </row>
    <row r="4004" spans="1:3" ht="19.2">
      <c r="A4004" s="2"/>
      <c r="B4004" s="2"/>
      <c r="C4004" s="2"/>
    </row>
    <row r="4005" spans="1:3" ht="19.2">
      <c r="A4005" s="2"/>
      <c r="B4005" s="2"/>
      <c r="C4005" s="2"/>
    </row>
    <row r="4006" spans="1:3" ht="19.2">
      <c r="A4006" s="2"/>
      <c r="B4006" s="2"/>
      <c r="C4006" s="2"/>
    </row>
    <row r="4007" spans="1:3" ht="19.2">
      <c r="A4007" s="2"/>
      <c r="B4007" s="2"/>
      <c r="C4007" s="2"/>
    </row>
    <row r="4008" spans="1:3" ht="19.2">
      <c r="A4008" s="2"/>
      <c r="B4008" s="2"/>
      <c r="C4008" s="2"/>
    </row>
    <row r="4009" spans="1:3" ht="19.2">
      <c r="A4009" s="2"/>
      <c r="B4009" s="2"/>
      <c r="C4009" s="2"/>
    </row>
    <row r="4010" spans="1:3" ht="19.2">
      <c r="A4010" s="2"/>
      <c r="B4010" s="2"/>
      <c r="C4010" s="2"/>
    </row>
    <row r="4011" spans="1:3" ht="19.2">
      <c r="A4011" s="2"/>
      <c r="B4011" s="2"/>
      <c r="C4011" s="2"/>
    </row>
    <row r="4012" spans="1:3" ht="19.2">
      <c r="A4012" s="2"/>
      <c r="B4012" s="2"/>
      <c r="C4012" s="2"/>
    </row>
    <row r="4013" spans="1:3" ht="19.2">
      <c r="A4013" s="2"/>
      <c r="B4013" s="2"/>
      <c r="C4013" s="2"/>
    </row>
    <row r="4014" spans="1:3" ht="19.2">
      <c r="A4014" s="2"/>
      <c r="B4014" s="2"/>
      <c r="C4014" s="2"/>
    </row>
    <row r="4015" spans="1:3" ht="19.2">
      <c r="A4015" s="2"/>
      <c r="B4015" s="2"/>
      <c r="C4015" s="2"/>
    </row>
    <row r="4016" spans="1:3" ht="19.2">
      <c r="A4016" s="2"/>
      <c r="B4016" s="2"/>
      <c r="C4016" s="2"/>
    </row>
    <row r="4017" spans="1:3" ht="19.2">
      <c r="A4017" s="2"/>
      <c r="B4017" s="2"/>
      <c r="C4017" s="2"/>
    </row>
    <row r="4018" spans="1:3" ht="19.2">
      <c r="A4018" s="2"/>
      <c r="B4018" s="2"/>
      <c r="C4018" s="2"/>
    </row>
    <row r="4019" spans="1:3" ht="19.2">
      <c r="A4019" s="2"/>
      <c r="B4019" s="2"/>
      <c r="C4019" s="2"/>
    </row>
    <row r="4020" spans="1:3" ht="19.2">
      <c r="A4020" s="2"/>
      <c r="B4020" s="2"/>
      <c r="C4020" s="2"/>
    </row>
    <row r="4021" spans="1:3" ht="19.2">
      <c r="A4021" s="2"/>
      <c r="B4021" s="2"/>
      <c r="C4021" s="2"/>
    </row>
    <row r="4022" spans="1:3" ht="19.2">
      <c r="A4022" s="2"/>
      <c r="B4022" s="2"/>
      <c r="C4022" s="2"/>
    </row>
    <row r="4023" spans="1:3" ht="19.2">
      <c r="A4023" s="2"/>
      <c r="B4023" s="2"/>
      <c r="C4023" s="2"/>
    </row>
    <row r="4024" spans="1:3" ht="19.2">
      <c r="A4024" s="2"/>
      <c r="B4024" s="2"/>
      <c r="C4024" s="2"/>
    </row>
    <row r="4025" spans="1:3" ht="19.2">
      <c r="A4025" s="2"/>
      <c r="B4025" s="2"/>
      <c r="C4025" s="2"/>
    </row>
    <row r="4026" spans="1:3" ht="19.2">
      <c r="A4026" s="2"/>
      <c r="B4026" s="2"/>
      <c r="C4026" s="2"/>
    </row>
    <row r="4027" spans="1:3" ht="19.2">
      <c r="A4027" s="2"/>
      <c r="B4027" s="2"/>
      <c r="C4027" s="2"/>
    </row>
    <row r="4028" spans="1:3" ht="19.2">
      <c r="A4028" s="2"/>
      <c r="B4028" s="2"/>
      <c r="C4028" s="2"/>
    </row>
    <row r="4029" spans="1:3" ht="19.2">
      <c r="A4029" s="2"/>
      <c r="B4029" s="2"/>
      <c r="C4029" s="2"/>
    </row>
    <row r="4030" spans="1:3" ht="19.2">
      <c r="A4030" s="2"/>
      <c r="B4030" s="2"/>
      <c r="C4030" s="2"/>
    </row>
    <row r="4031" spans="1:3" ht="19.2">
      <c r="A4031" s="2"/>
      <c r="B4031" s="2"/>
      <c r="C4031" s="2"/>
    </row>
    <row r="4032" spans="1:3" ht="19.2">
      <c r="A4032" s="2"/>
      <c r="B4032" s="2"/>
      <c r="C4032" s="2"/>
    </row>
    <row r="4033" spans="1:3" ht="19.2">
      <c r="A4033" s="2"/>
      <c r="B4033" s="2"/>
      <c r="C4033" s="2"/>
    </row>
    <row r="4034" spans="1:3" ht="19.2">
      <c r="A4034" s="2"/>
      <c r="B4034" s="2"/>
      <c r="C4034" s="2"/>
    </row>
    <row r="4035" spans="1:3" ht="19.2">
      <c r="A4035" s="2"/>
      <c r="B4035" s="2"/>
      <c r="C4035" s="2"/>
    </row>
    <row r="4036" spans="1:3" ht="19.2">
      <c r="A4036" s="2"/>
      <c r="B4036" s="2"/>
      <c r="C4036" s="2"/>
    </row>
    <row r="4037" spans="1:3" ht="19.2">
      <c r="A4037" s="2"/>
      <c r="B4037" s="2"/>
      <c r="C4037" s="2"/>
    </row>
    <row r="4038" spans="1:3" ht="19.2">
      <c r="A4038" s="2"/>
      <c r="B4038" s="2"/>
      <c r="C4038" s="2"/>
    </row>
    <row r="4039" spans="1:3" ht="19.2">
      <c r="A4039" s="2"/>
      <c r="B4039" s="2"/>
      <c r="C4039" s="2"/>
    </row>
    <row r="4040" spans="1:3" ht="19.2">
      <c r="A4040" s="2"/>
      <c r="B4040" s="2"/>
      <c r="C4040" s="2"/>
    </row>
    <row r="4041" spans="1:3" ht="19.2">
      <c r="A4041" s="2"/>
      <c r="B4041" s="2"/>
      <c r="C4041" s="2"/>
    </row>
    <row r="4042" spans="1:3" ht="19.2">
      <c r="A4042" s="2"/>
      <c r="B4042" s="2"/>
      <c r="C4042" s="2"/>
    </row>
    <row r="4043" spans="1:3" ht="19.2">
      <c r="A4043" s="2"/>
      <c r="B4043" s="2"/>
      <c r="C4043" s="2"/>
    </row>
    <row r="4044" spans="1:3" ht="19.2">
      <c r="A4044" s="2"/>
      <c r="B4044" s="2"/>
      <c r="C4044" s="2"/>
    </row>
    <row r="4045" spans="1:3" ht="19.2">
      <c r="A4045" s="2"/>
      <c r="B4045" s="2"/>
      <c r="C4045" s="2"/>
    </row>
    <row r="4046" spans="1:3" ht="19.2">
      <c r="A4046" s="2"/>
      <c r="B4046" s="2"/>
      <c r="C4046" s="2"/>
    </row>
    <row r="4047" spans="1:3" ht="19.2">
      <c r="A4047" s="2"/>
      <c r="B4047" s="2"/>
      <c r="C4047" s="2"/>
    </row>
    <row r="4048" spans="1:3" ht="19.2">
      <c r="A4048" s="2"/>
      <c r="B4048" s="2"/>
      <c r="C4048" s="2"/>
    </row>
    <row r="4049" spans="1:3" ht="19.2">
      <c r="A4049" s="2"/>
      <c r="B4049" s="2"/>
      <c r="C4049" s="2"/>
    </row>
    <row r="4050" spans="1:3" ht="19.2">
      <c r="A4050" s="2"/>
      <c r="B4050" s="2"/>
      <c r="C4050" s="2"/>
    </row>
    <row r="4051" spans="1:3" ht="19.2">
      <c r="A4051" s="2"/>
      <c r="B4051" s="2"/>
      <c r="C4051" s="2"/>
    </row>
    <row r="4052" spans="1:3" ht="19.2">
      <c r="A4052" s="2"/>
      <c r="B4052" s="2"/>
      <c r="C4052" s="2"/>
    </row>
    <row r="4053" spans="1:3" ht="19.2">
      <c r="A4053" s="2"/>
      <c r="B4053" s="2"/>
      <c r="C4053" s="2"/>
    </row>
    <row r="4054" spans="1:3" ht="19.2">
      <c r="A4054" s="2"/>
      <c r="B4054" s="2"/>
      <c r="C4054" s="2"/>
    </row>
    <row r="4055" spans="1:3" ht="19.2">
      <c r="A4055" s="2"/>
      <c r="B4055" s="2"/>
      <c r="C4055" s="2"/>
    </row>
    <row r="4056" spans="1:3" ht="19.2">
      <c r="A4056" s="2"/>
      <c r="B4056" s="2"/>
      <c r="C4056" s="2"/>
    </row>
    <row r="4057" spans="1:3" ht="19.2">
      <c r="A4057" s="2"/>
      <c r="B4057" s="2"/>
      <c r="C4057" s="2"/>
    </row>
    <row r="4058" spans="1:3" ht="19.2">
      <c r="A4058" s="2"/>
      <c r="B4058" s="2"/>
      <c r="C4058" s="2"/>
    </row>
    <row r="4059" spans="1:3" ht="19.2">
      <c r="A4059" s="2"/>
      <c r="B4059" s="2"/>
      <c r="C4059" s="2"/>
    </row>
    <row r="4060" spans="1:3" ht="19.2">
      <c r="A4060" s="2"/>
      <c r="B4060" s="2"/>
      <c r="C4060" s="2"/>
    </row>
    <row r="4061" spans="1:3" ht="19.2">
      <c r="A4061" s="2"/>
      <c r="B4061" s="2"/>
      <c r="C4061" s="2"/>
    </row>
    <row r="4062" spans="1:3" ht="19.2">
      <c r="A4062" s="2"/>
      <c r="B4062" s="2"/>
      <c r="C4062" s="2"/>
    </row>
    <row r="4063" spans="1:3" ht="19.2">
      <c r="A4063" s="2"/>
      <c r="B4063" s="2"/>
      <c r="C4063" s="2"/>
    </row>
    <row r="4064" spans="1:3" ht="19.2">
      <c r="A4064" s="2"/>
      <c r="B4064" s="2"/>
      <c r="C4064" s="2"/>
    </row>
    <row r="4065" spans="1:3" ht="19.2">
      <c r="A4065" s="2"/>
      <c r="B4065" s="2"/>
      <c r="C4065" s="2"/>
    </row>
    <row r="4066" spans="1:3" ht="19.2">
      <c r="A4066" s="2"/>
      <c r="B4066" s="2"/>
      <c r="C4066" s="2"/>
    </row>
    <row r="4067" spans="1:3" ht="19.2">
      <c r="A4067" s="2"/>
      <c r="B4067" s="2"/>
      <c r="C4067" s="2"/>
    </row>
    <row r="4068" spans="1:3" ht="19.2">
      <c r="A4068" s="2"/>
      <c r="B4068" s="2"/>
      <c r="C4068" s="2"/>
    </row>
    <row r="4069" spans="1:3" ht="19.2">
      <c r="A4069" s="2"/>
      <c r="B4069" s="2"/>
      <c r="C4069" s="2"/>
    </row>
    <row r="4070" spans="1:3" ht="19.2">
      <c r="A4070" s="2"/>
      <c r="B4070" s="2"/>
      <c r="C4070" s="2"/>
    </row>
    <row r="4071" spans="1:3" ht="19.2">
      <c r="A4071" s="2"/>
      <c r="B4071" s="2"/>
      <c r="C4071" s="2"/>
    </row>
    <row r="4072" spans="1:3" ht="19.2">
      <c r="A4072" s="2"/>
      <c r="B4072" s="2"/>
      <c r="C4072" s="2"/>
    </row>
    <row r="4073" spans="1:3" ht="19.2">
      <c r="A4073" s="2"/>
      <c r="B4073" s="2"/>
      <c r="C4073" s="2"/>
    </row>
    <row r="4074" spans="1:3" ht="19.2">
      <c r="A4074" s="2"/>
      <c r="B4074" s="2"/>
      <c r="C4074" s="2"/>
    </row>
    <row r="4075" spans="1:3" ht="19.2">
      <c r="A4075" s="2"/>
      <c r="B4075" s="2"/>
      <c r="C4075" s="2"/>
    </row>
    <row r="4076" spans="1:3" ht="19.2">
      <c r="A4076" s="2"/>
      <c r="B4076" s="2"/>
      <c r="C4076" s="2"/>
    </row>
    <row r="4077" spans="1:3" ht="19.2">
      <c r="A4077" s="2"/>
      <c r="B4077" s="2"/>
      <c r="C4077" s="2"/>
    </row>
    <row r="4078" spans="1:3" ht="19.2">
      <c r="A4078" s="2"/>
      <c r="B4078" s="2"/>
      <c r="C4078" s="2"/>
    </row>
    <row r="4079" spans="1:3" ht="19.2">
      <c r="A4079" s="2"/>
      <c r="B4079" s="2"/>
      <c r="C4079" s="2"/>
    </row>
    <row r="4080" spans="1:3" ht="19.2">
      <c r="A4080" s="2"/>
      <c r="B4080" s="2"/>
      <c r="C4080" s="2"/>
    </row>
    <row r="4081" spans="1:3" ht="19.2">
      <c r="A4081" s="2"/>
      <c r="B4081" s="2"/>
      <c r="C4081" s="2"/>
    </row>
    <row r="4082" spans="1:3" ht="19.2">
      <c r="A4082" s="2"/>
      <c r="B4082" s="2"/>
      <c r="C4082" s="2"/>
    </row>
    <row r="4083" spans="1:3" ht="19.2">
      <c r="A4083" s="2"/>
      <c r="B4083" s="2"/>
      <c r="C4083" s="2"/>
    </row>
    <row r="4084" spans="1:3" ht="19.2">
      <c r="A4084" s="2"/>
      <c r="B4084" s="2"/>
      <c r="C4084" s="2"/>
    </row>
    <row r="4085" spans="1:3" ht="19.2">
      <c r="A4085" s="2"/>
      <c r="B4085" s="2"/>
      <c r="C4085" s="2"/>
    </row>
    <row r="4086" spans="1:3" ht="19.2">
      <c r="A4086" s="2"/>
      <c r="B4086" s="2"/>
      <c r="C4086" s="2"/>
    </row>
    <row r="4087" spans="1:3" ht="19.2">
      <c r="A4087" s="2"/>
      <c r="B4087" s="2"/>
      <c r="C4087" s="2"/>
    </row>
    <row r="4088" spans="1:3" ht="19.2">
      <c r="A4088" s="2"/>
      <c r="B4088" s="2"/>
      <c r="C4088" s="2"/>
    </row>
    <row r="4089" spans="1:3" ht="19.2">
      <c r="A4089" s="2"/>
      <c r="B4089" s="2"/>
      <c r="C4089" s="2"/>
    </row>
    <row r="4090" spans="1:3" ht="19.2">
      <c r="A4090" s="2"/>
      <c r="B4090" s="2"/>
      <c r="C4090" s="2"/>
    </row>
    <row r="4091" spans="1:3" ht="19.2">
      <c r="A4091" s="2"/>
      <c r="B4091" s="2"/>
      <c r="C4091" s="2"/>
    </row>
    <row r="4092" spans="1:3" ht="19.2">
      <c r="A4092" s="2"/>
      <c r="B4092" s="2"/>
      <c r="C4092" s="2"/>
    </row>
    <row r="4093" spans="1:3" ht="19.2">
      <c r="A4093" s="2"/>
      <c r="B4093" s="2"/>
      <c r="C4093" s="2"/>
    </row>
    <row r="4094" spans="1:3" ht="19.2">
      <c r="A4094" s="2"/>
      <c r="B4094" s="2"/>
      <c r="C4094" s="2"/>
    </row>
    <row r="4095" spans="1:3" ht="19.2">
      <c r="A4095" s="2"/>
      <c r="B4095" s="2"/>
      <c r="C4095" s="2"/>
    </row>
    <row r="4096" spans="1:3" ht="19.2">
      <c r="A4096" s="2"/>
      <c r="B4096" s="2"/>
      <c r="C4096" s="2"/>
    </row>
    <row r="4097" spans="1:3" ht="19.2">
      <c r="A4097" s="2"/>
      <c r="B4097" s="2"/>
      <c r="C4097" s="2"/>
    </row>
    <row r="4098" spans="1:3" ht="19.2">
      <c r="A4098" s="2"/>
      <c r="B4098" s="2"/>
      <c r="C4098" s="2"/>
    </row>
    <row r="4099" spans="1:3" ht="19.2">
      <c r="A4099" s="2"/>
      <c r="B4099" s="2"/>
      <c r="C4099" s="2"/>
    </row>
    <row r="4100" spans="1:3" ht="19.2">
      <c r="A4100" s="2"/>
      <c r="B4100" s="2"/>
      <c r="C4100" s="2"/>
    </row>
    <row r="4101" spans="1:3" ht="19.2">
      <c r="A4101" s="2"/>
      <c r="B4101" s="2"/>
      <c r="C4101" s="2"/>
    </row>
    <row r="4102" spans="1:3" ht="19.2">
      <c r="A4102" s="2"/>
      <c r="B4102" s="2"/>
      <c r="C4102" s="2"/>
    </row>
    <row r="4103" spans="1:3" ht="19.2">
      <c r="A4103" s="2"/>
      <c r="B4103" s="2"/>
      <c r="C4103" s="2"/>
    </row>
    <row r="4104" spans="1:3" ht="19.2">
      <c r="A4104" s="2"/>
      <c r="B4104" s="2"/>
      <c r="C4104" s="2"/>
    </row>
    <row r="4105" spans="1:3" ht="19.2">
      <c r="A4105" s="2"/>
      <c r="B4105" s="2"/>
      <c r="C4105" s="2"/>
    </row>
    <row r="4106" spans="1:3" ht="19.2">
      <c r="A4106" s="2"/>
      <c r="B4106" s="2"/>
      <c r="C4106" s="2"/>
    </row>
    <row r="4107" spans="1:3" ht="19.2">
      <c r="A4107" s="2"/>
      <c r="B4107" s="2"/>
      <c r="C4107" s="2"/>
    </row>
    <row r="4108" spans="1:3" ht="19.2">
      <c r="A4108" s="2"/>
      <c r="B4108" s="2"/>
      <c r="C4108" s="2"/>
    </row>
    <row r="4109" spans="1:3" ht="19.2">
      <c r="A4109" s="2"/>
      <c r="B4109" s="2"/>
      <c r="C4109" s="2"/>
    </row>
    <row r="4110" spans="1:3" ht="19.2">
      <c r="A4110" s="2"/>
      <c r="B4110" s="2"/>
      <c r="C4110" s="2"/>
    </row>
    <row r="4111" spans="1:3" ht="19.2">
      <c r="A4111" s="2"/>
      <c r="B4111" s="2"/>
      <c r="C4111" s="2"/>
    </row>
    <row r="4112" spans="1:3" ht="19.2">
      <c r="A4112" s="2"/>
      <c r="B4112" s="2"/>
      <c r="C4112" s="2"/>
    </row>
    <row r="4113" spans="1:3" ht="19.2">
      <c r="A4113" s="2"/>
      <c r="B4113" s="2"/>
      <c r="C4113" s="2"/>
    </row>
    <row r="4114" spans="1:3" ht="19.2">
      <c r="A4114" s="2"/>
      <c r="B4114" s="2"/>
      <c r="C4114" s="2"/>
    </row>
    <row r="4115" spans="1:3" ht="19.2">
      <c r="A4115" s="2"/>
      <c r="B4115" s="2"/>
      <c r="C4115" s="2"/>
    </row>
    <row r="4116" spans="1:3" ht="19.2">
      <c r="A4116" s="2"/>
      <c r="B4116" s="2"/>
      <c r="C4116" s="2"/>
    </row>
    <row r="4117" spans="1:3" ht="19.2">
      <c r="A4117" s="2"/>
      <c r="B4117" s="2"/>
      <c r="C4117" s="2"/>
    </row>
    <row r="4118" spans="1:3" ht="19.2">
      <c r="A4118" s="2"/>
      <c r="B4118" s="2"/>
      <c r="C4118" s="2"/>
    </row>
    <row r="4119" spans="1:3" ht="19.2">
      <c r="A4119" s="2"/>
      <c r="B4119" s="2"/>
      <c r="C4119" s="2"/>
    </row>
    <row r="4120" spans="1:3" ht="19.2">
      <c r="A4120" s="2"/>
      <c r="B4120" s="2"/>
      <c r="C4120" s="2"/>
    </row>
    <row r="4121" spans="1:3" ht="19.2">
      <c r="A4121" s="2"/>
      <c r="B4121" s="2"/>
      <c r="C4121" s="2"/>
    </row>
    <row r="4122" spans="1:3" ht="19.2">
      <c r="A4122" s="2"/>
      <c r="B4122" s="2"/>
      <c r="C4122" s="2"/>
    </row>
    <row r="4123" spans="1:3" ht="19.2">
      <c r="A4123" s="2"/>
      <c r="B4123" s="2"/>
      <c r="C4123" s="2"/>
    </row>
    <row r="4124" spans="1:3" ht="19.2">
      <c r="A4124" s="2"/>
      <c r="B4124" s="2"/>
      <c r="C4124" s="2"/>
    </row>
    <row r="4125" spans="1:3" ht="19.2">
      <c r="A4125" s="2"/>
      <c r="B4125" s="2"/>
      <c r="C4125" s="2"/>
    </row>
    <row r="4126" spans="1:3" ht="19.2">
      <c r="A4126" s="2"/>
      <c r="B4126" s="2"/>
      <c r="C4126" s="2"/>
    </row>
    <row r="4127" spans="1:3" ht="19.2">
      <c r="A4127" s="2"/>
      <c r="B4127" s="2"/>
      <c r="C4127" s="2"/>
    </row>
    <row r="4128" spans="1:3" ht="19.2">
      <c r="A4128" s="2"/>
      <c r="B4128" s="2"/>
      <c r="C4128" s="2"/>
    </row>
    <row r="4129" spans="1:3" ht="19.2">
      <c r="A4129" s="2"/>
      <c r="B4129" s="2"/>
      <c r="C4129" s="2"/>
    </row>
    <row r="4130" spans="1:3" ht="19.2">
      <c r="A4130" s="2"/>
      <c r="B4130" s="2"/>
      <c r="C4130" s="2"/>
    </row>
    <row r="4131" spans="1:3" ht="19.2">
      <c r="A4131" s="2"/>
      <c r="B4131" s="2"/>
      <c r="C4131" s="2"/>
    </row>
    <row r="4132" spans="1:3" ht="19.2">
      <c r="A4132" s="2"/>
      <c r="B4132" s="2"/>
      <c r="C4132" s="2"/>
    </row>
    <row r="4133" spans="1:3" ht="19.2">
      <c r="A4133" s="2"/>
      <c r="B4133" s="2"/>
      <c r="C4133" s="2"/>
    </row>
    <row r="4134" spans="1:3" ht="19.2">
      <c r="A4134" s="2"/>
      <c r="B4134" s="2"/>
      <c r="C4134" s="2"/>
    </row>
    <row r="4135" spans="1:3" ht="19.2">
      <c r="A4135" s="2"/>
      <c r="B4135" s="2"/>
      <c r="C4135" s="2"/>
    </row>
    <row r="4136" spans="1:3" ht="19.2">
      <c r="A4136" s="2"/>
      <c r="B4136" s="2"/>
      <c r="C4136" s="2"/>
    </row>
    <row r="4137" spans="1:3" ht="19.2">
      <c r="A4137" s="2"/>
      <c r="B4137" s="2"/>
      <c r="C4137" s="2"/>
    </row>
    <row r="4138" spans="1:3" ht="19.2">
      <c r="A4138" s="2"/>
      <c r="B4138" s="2"/>
      <c r="C4138" s="2"/>
    </row>
    <row r="4139" spans="1:3" ht="19.2">
      <c r="A4139" s="2"/>
      <c r="B4139" s="2"/>
      <c r="C4139" s="2"/>
    </row>
    <row r="4140" spans="1:3" ht="19.2">
      <c r="A4140" s="2"/>
      <c r="B4140" s="2"/>
      <c r="C4140" s="2"/>
    </row>
    <row r="4141" spans="1:3" ht="19.2">
      <c r="A4141" s="2"/>
      <c r="B4141" s="2"/>
      <c r="C4141" s="2"/>
    </row>
    <row r="4142" spans="1:3" ht="19.2">
      <c r="A4142" s="2"/>
      <c r="B4142" s="2"/>
      <c r="C4142" s="2"/>
    </row>
    <row r="4143" spans="1:3" ht="19.2">
      <c r="A4143" s="2"/>
      <c r="B4143" s="2"/>
      <c r="C4143" s="2"/>
    </row>
    <row r="4144" spans="1:3" ht="19.2">
      <c r="A4144" s="2"/>
      <c r="B4144" s="2"/>
      <c r="C4144" s="2"/>
    </row>
    <row r="4145" spans="1:3" ht="19.2">
      <c r="A4145" s="2"/>
      <c r="B4145" s="2"/>
      <c r="C4145" s="2"/>
    </row>
    <row r="4146" spans="1:3" ht="19.2">
      <c r="A4146" s="2"/>
      <c r="B4146" s="2"/>
      <c r="C4146" s="2"/>
    </row>
    <row r="4147" spans="1:3" ht="19.2">
      <c r="A4147" s="2"/>
      <c r="B4147" s="2"/>
      <c r="C4147" s="2"/>
    </row>
    <row r="4148" spans="1:3" ht="19.2">
      <c r="A4148" s="2"/>
      <c r="B4148" s="2"/>
      <c r="C4148" s="2"/>
    </row>
    <row r="4149" spans="1:3" ht="19.2">
      <c r="A4149" s="2"/>
      <c r="B4149" s="2"/>
      <c r="C4149" s="2"/>
    </row>
    <row r="4150" spans="1:3" ht="19.2">
      <c r="A4150" s="2"/>
      <c r="B4150" s="2"/>
      <c r="C4150" s="2"/>
    </row>
    <row r="4151" spans="1:3" ht="19.2">
      <c r="A4151" s="2"/>
      <c r="B4151" s="2"/>
      <c r="C4151" s="2"/>
    </row>
    <row r="4152" spans="1:3" ht="19.2">
      <c r="A4152" s="2"/>
      <c r="B4152" s="2"/>
      <c r="C4152" s="2"/>
    </row>
    <row r="4153" spans="1:3" ht="19.2">
      <c r="A4153" s="2"/>
      <c r="B4153" s="2"/>
      <c r="C4153" s="2"/>
    </row>
    <row r="4154" spans="1:3" ht="19.2">
      <c r="A4154" s="2"/>
      <c r="B4154" s="2"/>
      <c r="C4154" s="2"/>
    </row>
    <row r="4155" spans="1:3" ht="19.2">
      <c r="A4155" s="2"/>
      <c r="B4155" s="2"/>
      <c r="C4155" s="2"/>
    </row>
    <row r="4156" spans="1:3" ht="19.2">
      <c r="A4156" s="2"/>
      <c r="B4156" s="2"/>
      <c r="C4156" s="2"/>
    </row>
    <row r="4157" spans="1:3" ht="19.2">
      <c r="A4157" s="2"/>
      <c r="B4157" s="2"/>
      <c r="C4157" s="2"/>
    </row>
    <row r="4158" spans="1:3" ht="19.2">
      <c r="A4158" s="2"/>
      <c r="B4158" s="2"/>
      <c r="C4158" s="2"/>
    </row>
    <row r="4159" spans="1:3" ht="19.2">
      <c r="A4159" s="2"/>
      <c r="B4159" s="2"/>
      <c r="C4159" s="2"/>
    </row>
    <row r="4160" spans="1:3" ht="19.2">
      <c r="A4160" s="2"/>
      <c r="B4160" s="2"/>
      <c r="C4160" s="2"/>
    </row>
    <row r="4161" spans="1:3" ht="19.2">
      <c r="A4161" s="2"/>
      <c r="B4161" s="2"/>
      <c r="C4161" s="2"/>
    </row>
    <row r="4162" spans="1:3" ht="19.2">
      <c r="A4162" s="2"/>
      <c r="B4162" s="2"/>
      <c r="C4162" s="2"/>
    </row>
    <row r="4163" spans="1:3" ht="19.2">
      <c r="A4163" s="2"/>
      <c r="B4163" s="2"/>
      <c r="C4163" s="2"/>
    </row>
    <row r="4164" spans="1:3" ht="19.2">
      <c r="A4164" s="2"/>
      <c r="B4164" s="2"/>
      <c r="C4164" s="2"/>
    </row>
    <row r="4165" spans="1:3" ht="19.2">
      <c r="A4165" s="2"/>
      <c r="B4165" s="2"/>
      <c r="C4165" s="2"/>
    </row>
    <row r="4166" spans="1:3" ht="19.2">
      <c r="A4166" s="2"/>
      <c r="B4166" s="2"/>
      <c r="C4166" s="2"/>
    </row>
    <row r="4167" spans="1:3" ht="19.2">
      <c r="A4167" s="2"/>
      <c r="B4167" s="2"/>
      <c r="C4167" s="2"/>
    </row>
    <row r="4168" spans="1:3" ht="19.2">
      <c r="A4168" s="2"/>
      <c r="B4168" s="2"/>
      <c r="C4168" s="2"/>
    </row>
    <row r="4169" spans="1:3" ht="19.2">
      <c r="A4169" s="2"/>
      <c r="B4169" s="2"/>
      <c r="C4169" s="2"/>
    </row>
    <row r="4170" spans="1:3" ht="19.2">
      <c r="A4170" s="2"/>
      <c r="B4170" s="2"/>
      <c r="C4170" s="2"/>
    </row>
    <row r="4171" spans="1:3" ht="19.2">
      <c r="A4171" s="2"/>
      <c r="B4171" s="2"/>
      <c r="C4171" s="2"/>
    </row>
    <row r="4172" spans="1:3" ht="19.2">
      <c r="A4172" s="2"/>
      <c r="B4172" s="2"/>
      <c r="C4172" s="2"/>
    </row>
    <row r="4173" spans="1:3" ht="19.2">
      <c r="A4173" s="2"/>
      <c r="B4173" s="2"/>
      <c r="C4173" s="2"/>
    </row>
    <row r="4174" spans="1:3" ht="19.2">
      <c r="A4174" s="2"/>
      <c r="B4174" s="2"/>
      <c r="C4174" s="2"/>
    </row>
    <row r="4175" spans="1:3" ht="19.2">
      <c r="A4175" s="2"/>
      <c r="B4175" s="2"/>
      <c r="C4175" s="2"/>
    </row>
    <row r="4176" spans="1:3" ht="19.2">
      <c r="A4176" s="2"/>
      <c r="B4176" s="2"/>
      <c r="C4176" s="2"/>
    </row>
    <row r="4177" spans="1:3" ht="19.2">
      <c r="A4177" s="2"/>
      <c r="B4177" s="2"/>
      <c r="C4177" s="2"/>
    </row>
    <row r="4178" spans="1:3" ht="19.2">
      <c r="A4178" s="2"/>
      <c r="B4178" s="2"/>
      <c r="C4178" s="2"/>
    </row>
    <row r="4179" spans="1:3" ht="19.2">
      <c r="A4179" s="2"/>
      <c r="B4179" s="2"/>
      <c r="C4179" s="2"/>
    </row>
    <row r="4180" spans="1:3" ht="19.2">
      <c r="A4180" s="2"/>
      <c r="B4180" s="2"/>
      <c r="C4180" s="2"/>
    </row>
    <row r="4181" spans="1:3" ht="19.2">
      <c r="A4181" s="2"/>
      <c r="B4181" s="2"/>
      <c r="C4181" s="2"/>
    </row>
    <row r="4182" spans="1:3" ht="19.2">
      <c r="A4182" s="2"/>
      <c r="B4182" s="2"/>
      <c r="C4182" s="2"/>
    </row>
    <row r="4183" spans="1:3" ht="19.2">
      <c r="A4183" s="2"/>
      <c r="B4183" s="2"/>
      <c r="C4183" s="2"/>
    </row>
    <row r="4184" spans="1:3" ht="19.2">
      <c r="A4184" s="2"/>
      <c r="B4184" s="2"/>
      <c r="C4184" s="2"/>
    </row>
    <row r="4185" spans="1:3" ht="19.2">
      <c r="A4185" s="2"/>
      <c r="B4185" s="2"/>
      <c r="C4185" s="2"/>
    </row>
    <row r="4186" spans="1:3" ht="19.2">
      <c r="A4186" s="2"/>
      <c r="B4186" s="2"/>
      <c r="C4186" s="2"/>
    </row>
    <row r="4187" spans="1:3" ht="19.2">
      <c r="A4187" s="2"/>
      <c r="B4187" s="2"/>
      <c r="C4187" s="2"/>
    </row>
    <row r="4188" spans="1:3" ht="19.2">
      <c r="A4188" s="2"/>
      <c r="B4188" s="2"/>
      <c r="C4188" s="2"/>
    </row>
    <row r="4189" spans="1:3" ht="19.2">
      <c r="A4189" s="2"/>
      <c r="B4189" s="2"/>
      <c r="C4189" s="2"/>
    </row>
    <row r="4190" spans="1:3" ht="19.2">
      <c r="A4190" s="2"/>
      <c r="B4190" s="2"/>
      <c r="C4190" s="2"/>
    </row>
    <row r="4191" spans="1:3" ht="19.2">
      <c r="A4191" s="2"/>
      <c r="B4191" s="2"/>
      <c r="C4191" s="2"/>
    </row>
    <row r="4192" spans="1:3" ht="19.2">
      <c r="A4192" s="2"/>
      <c r="B4192" s="2"/>
      <c r="C4192" s="2"/>
    </row>
    <row r="4193" spans="1:3" ht="19.2">
      <c r="A4193" s="2"/>
      <c r="B4193" s="2"/>
      <c r="C4193" s="2"/>
    </row>
    <row r="4194" spans="1:3" ht="19.2">
      <c r="A4194" s="2"/>
      <c r="B4194" s="2"/>
      <c r="C4194" s="2"/>
    </row>
    <row r="4195" spans="1:3" ht="19.2">
      <c r="A4195" s="2"/>
      <c r="B4195" s="2"/>
      <c r="C4195" s="2"/>
    </row>
    <row r="4196" spans="1:3" ht="19.2">
      <c r="A4196" s="2"/>
      <c r="B4196" s="2"/>
      <c r="C4196" s="2"/>
    </row>
    <row r="4197" spans="1:3" ht="19.2">
      <c r="A4197" s="2"/>
      <c r="B4197" s="2"/>
      <c r="C4197" s="2"/>
    </row>
    <row r="4198" spans="1:3" ht="19.2">
      <c r="A4198" s="2"/>
      <c r="B4198" s="2"/>
      <c r="C4198" s="2"/>
    </row>
    <row r="4199" spans="1:3" ht="19.2">
      <c r="A4199" s="2"/>
      <c r="B4199" s="2"/>
      <c r="C4199" s="2"/>
    </row>
    <row r="4200" spans="1:3" ht="19.2">
      <c r="A4200" s="2"/>
      <c r="B4200" s="2"/>
      <c r="C4200" s="2"/>
    </row>
    <row r="4201" spans="1:3" ht="19.2">
      <c r="A4201" s="2"/>
      <c r="B4201" s="2"/>
      <c r="C4201" s="2"/>
    </row>
    <row r="4202" spans="1:3" ht="19.2">
      <c r="A4202" s="2"/>
      <c r="B4202" s="2"/>
      <c r="C4202" s="2"/>
    </row>
    <row r="4203" spans="1:3" ht="19.2">
      <c r="A4203" s="2"/>
      <c r="B4203" s="2"/>
      <c r="C4203" s="2"/>
    </row>
    <row r="4204" spans="1:3" ht="19.2">
      <c r="A4204" s="2"/>
      <c r="B4204" s="2"/>
      <c r="C4204" s="2"/>
    </row>
    <row r="4205" spans="1:3" ht="19.2">
      <c r="A4205" s="2"/>
      <c r="B4205" s="2"/>
      <c r="C4205" s="2"/>
    </row>
    <row r="4206" spans="1:3" ht="19.2">
      <c r="A4206" s="2"/>
      <c r="B4206" s="2"/>
      <c r="C4206" s="2"/>
    </row>
    <row r="4207" spans="1:3" ht="19.2">
      <c r="A4207" s="2"/>
      <c r="B4207" s="2"/>
      <c r="C4207" s="2"/>
    </row>
    <row r="4208" spans="1:3" ht="19.2">
      <c r="A4208" s="2"/>
      <c r="B4208" s="2"/>
      <c r="C4208" s="2"/>
    </row>
    <row r="4209" spans="1:3" ht="19.2">
      <c r="A4209" s="2"/>
      <c r="B4209" s="2"/>
      <c r="C4209" s="2"/>
    </row>
    <row r="4210" spans="1:3" ht="19.2">
      <c r="A4210" s="2"/>
      <c r="B4210" s="2"/>
      <c r="C4210" s="2"/>
    </row>
    <row r="4211" spans="1:3" ht="19.2">
      <c r="A4211" s="2"/>
      <c r="B4211" s="2"/>
      <c r="C4211" s="2"/>
    </row>
    <row r="4212" spans="1:3" ht="19.2">
      <c r="A4212" s="2"/>
      <c r="B4212" s="2"/>
      <c r="C4212" s="2"/>
    </row>
    <row r="4213" spans="1:3" ht="19.2">
      <c r="A4213" s="2"/>
      <c r="B4213" s="2"/>
      <c r="C4213" s="2"/>
    </row>
    <row r="4214" spans="1:3" ht="19.2">
      <c r="A4214" s="2"/>
      <c r="B4214" s="2"/>
      <c r="C4214" s="2"/>
    </row>
    <row r="4215" spans="1:3" ht="19.2">
      <c r="A4215" s="2"/>
      <c r="B4215" s="2"/>
      <c r="C4215" s="2"/>
    </row>
    <row r="4216" spans="1:3" ht="19.2">
      <c r="A4216" s="2"/>
      <c r="B4216" s="2"/>
      <c r="C4216" s="2"/>
    </row>
    <row r="4217" spans="1:3" ht="19.2">
      <c r="A4217" s="2"/>
      <c r="B4217" s="2"/>
      <c r="C4217" s="2"/>
    </row>
    <row r="4218" spans="1:3" ht="19.2">
      <c r="A4218" s="2"/>
      <c r="B4218" s="2"/>
      <c r="C4218" s="2"/>
    </row>
    <row r="4219" spans="1:3" ht="19.2">
      <c r="A4219" s="2"/>
      <c r="B4219" s="2"/>
      <c r="C4219" s="2"/>
    </row>
    <row r="4220" spans="1:3" ht="19.2">
      <c r="A4220" s="2"/>
      <c r="B4220" s="2"/>
      <c r="C4220" s="2"/>
    </row>
    <row r="4221" spans="1:3" ht="19.2">
      <c r="A4221" s="2"/>
      <c r="B4221" s="2"/>
      <c r="C4221" s="2"/>
    </row>
    <row r="4222" spans="1:3" ht="19.2">
      <c r="A4222" s="2"/>
      <c r="B4222" s="2"/>
      <c r="C4222" s="2"/>
    </row>
    <row r="4223" spans="1:3" ht="19.2">
      <c r="A4223" s="2"/>
      <c r="B4223" s="2"/>
      <c r="C4223" s="2"/>
    </row>
    <row r="4224" spans="1:3" ht="19.2">
      <c r="A4224" s="2"/>
      <c r="B4224" s="2"/>
      <c r="C4224" s="2"/>
    </row>
    <row r="4225" spans="1:3" ht="19.2">
      <c r="A4225" s="2"/>
      <c r="B4225" s="2"/>
      <c r="C4225" s="2"/>
    </row>
    <row r="4226" spans="1:3" ht="19.2">
      <c r="A4226" s="2"/>
      <c r="B4226" s="2"/>
      <c r="C4226" s="2"/>
    </row>
    <row r="4227" spans="1:3" ht="19.2">
      <c r="A4227" s="2"/>
      <c r="B4227" s="2"/>
      <c r="C4227" s="2"/>
    </row>
    <row r="4228" spans="1:3" ht="19.2">
      <c r="A4228" s="2"/>
      <c r="B4228" s="2"/>
      <c r="C4228" s="2"/>
    </row>
    <row r="4229" spans="1:3" ht="19.2">
      <c r="A4229" s="2"/>
      <c r="B4229" s="2"/>
      <c r="C4229" s="2"/>
    </row>
    <row r="4230" spans="1:3" ht="19.2">
      <c r="A4230" s="2"/>
      <c r="B4230" s="2"/>
      <c r="C4230" s="2"/>
    </row>
    <row r="4231" spans="1:3" ht="19.2">
      <c r="A4231" s="2"/>
      <c r="B4231" s="2"/>
      <c r="C4231" s="2"/>
    </row>
    <row r="4232" spans="1:3" ht="19.2">
      <c r="A4232" s="2"/>
      <c r="B4232" s="2"/>
      <c r="C4232" s="2"/>
    </row>
    <row r="4233" spans="1:3" ht="19.2">
      <c r="A4233" s="2"/>
      <c r="B4233" s="2"/>
      <c r="C4233" s="2"/>
    </row>
    <row r="4234" spans="1:3" ht="19.2">
      <c r="A4234" s="2"/>
      <c r="B4234" s="2"/>
      <c r="C4234" s="2"/>
    </row>
    <row r="4235" spans="1:3" ht="19.2">
      <c r="A4235" s="2"/>
      <c r="B4235" s="2"/>
      <c r="C4235" s="2"/>
    </row>
    <row r="4236" spans="1:3" ht="19.2">
      <c r="A4236" s="2"/>
      <c r="B4236" s="2"/>
      <c r="C4236" s="2"/>
    </row>
    <row r="4237" spans="1:3" ht="19.2">
      <c r="A4237" s="2"/>
      <c r="B4237" s="2"/>
      <c r="C4237" s="2"/>
    </row>
    <row r="4238" spans="1:3" ht="19.2">
      <c r="A4238" s="2"/>
      <c r="B4238" s="2"/>
      <c r="C4238" s="2"/>
    </row>
    <row r="4239" spans="1:3" ht="19.2">
      <c r="A4239" s="2"/>
      <c r="B4239" s="2"/>
      <c r="C4239" s="2"/>
    </row>
    <row r="4240" spans="1:3" ht="19.2">
      <c r="A4240" s="2"/>
      <c r="B4240" s="2"/>
      <c r="C4240" s="2"/>
    </row>
    <row r="4241" spans="1:3" ht="19.2">
      <c r="A4241" s="2"/>
      <c r="B4241" s="2"/>
      <c r="C4241" s="2"/>
    </row>
    <row r="4242" spans="1:3" ht="19.2">
      <c r="A4242" s="2"/>
      <c r="B4242" s="2"/>
      <c r="C4242" s="2"/>
    </row>
    <row r="4243" spans="1:3" ht="19.2">
      <c r="A4243" s="2"/>
      <c r="B4243" s="2"/>
      <c r="C4243" s="2"/>
    </row>
    <row r="4244" spans="1:3" ht="19.2">
      <c r="A4244" s="2"/>
      <c r="B4244" s="2"/>
      <c r="C4244" s="2"/>
    </row>
    <row r="4245" spans="1:3" ht="19.2">
      <c r="A4245" s="2"/>
      <c r="B4245" s="2"/>
      <c r="C4245" s="2"/>
    </row>
    <row r="4246" spans="1:3" ht="19.2">
      <c r="A4246" s="2"/>
      <c r="B4246" s="2"/>
      <c r="C4246" s="2"/>
    </row>
    <row r="4247" spans="1:3" ht="19.2">
      <c r="A4247" s="2"/>
      <c r="B4247" s="2"/>
      <c r="C4247" s="2"/>
    </row>
    <row r="4248" spans="1:3" ht="19.2">
      <c r="A4248" s="2"/>
      <c r="B4248" s="2"/>
      <c r="C4248" s="2"/>
    </row>
    <row r="4249" spans="1:3" ht="19.2">
      <c r="A4249" s="2"/>
      <c r="B4249" s="2"/>
      <c r="C4249" s="2"/>
    </row>
    <row r="4250" spans="1:3" ht="19.2">
      <c r="A4250" s="2"/>
      <c r="B4250" s="2"/>
      <c r="C4250" s="2"/>
    </row>
    <row r="4251" spans="1:3" ht="19.2">
      <c r="A4251" s="2"/>
      <c r="B4251" s="2"/>
      <c r="C4251" s="2"/>
    </row>
    <row r="4252" spans="1:3" ht="19.2">
      <c r="A4252" s="2"/>
      <c r="B4252" s="2"/>
      <c r="C4252" s="2"/>
    </row>
    <row r="4253" spans="1:3" ht="19.2">
      <c r="A4253" s="2"/>
      <c r="B4253" s="2"/>
      <c r="C4253" s="2"/>
    </row>
    <row r="4254" spans="1:3" ht="19.2">
      <c r="A4254" s="2"/>
      <c r="B4254" s="2"/>
      <c r="C4254" s="2"/>
    </row>
    <row r="4255" spans="1:3" ht="19.2">
      <c r="A4255" s="2"/>
      <c r="B4255" s="2"/>
      <c r="C4255" s="2"/>
    </row>
    <row r="4256" spans="1:3" ht="19.2">
      <c r="A4256" s="2"/>
      <c r="B4256" s="2"/>
      <c r="C4256" s="2"/>
    </row>
    <row r="4257" spans="1:3" ht="19.2">
      <c r="A4257" s="2"/>
      <c r="B4257" s="2"/>
      <c r="C4257" s="2"/>
    </row>
    <row r="4258" spans="1:3" ht="19.2">
      <c r="A4258" s="2"/>
      <c r="B4258" s="2"/>
      <c r="C4258" s="2"/>
    </row>
    <row r="4259" spans="1:3" ht="19.2">
      <c r="A4259" s="2"/>
      <c r="B4259" s="2"/>
      <c r="C4259" s="2"/>
    </row>
    <row r="4260" spans="1:3" ht="19.2">
      <c r="A4260" s="2"/>
      <c r="B4260" s="2"/>
      <c r="C4260" s="2"/>
    </row>
    <row r="4261" spans="1:3" ht="19.2">
      <c r="A4261" s="2"/>
      <c r="B4261" s="2"/>
      <c r="C4261" s="2"/>
    </row>
    <row r="4262" spans="1:3" ht="19.2">
      <c r="A4262" s="2"/>
      <c r="B4262" s="2"/>
      <c r="C4262" s="2"/>
    </row>
    <row r="4263" spans="1:3" ht="19.2">
      <c r="A4263" s="2"/>
      <c r="B4263" s="2"/>
      <c r="C4263" s="2"/>
    </row>
    <row r="4264" spans="1:3" ht="19.2">
      <c r="A4264" s="2"/>
      <c r="B4264" s="2"/>
      <c r="C4264" s="2"/>
    </row>
    <row r="4265" spans="1:3" ht="19.2">
      <c r="A4265" s="2"/>
      <c r="B4265" s="2"/>
      <c r="C4265" s="2"/>
    </row>
    <row r="4266" spans="1:3" ht="19.2">
      <c r="A4266" s="2"/>
      <c r="B4266" s="2"/>
      <c r="C4266" s="2"/>
    </row>
    <row r="4267" spans="1:3" ht="19.2">
      <c r="A4267" s="2"/>
      <c r="B4267" s="2"/>
      <c r="C4267" s="2"/>
    </row>
    <row r="4268" spans="1:3" ht="19.2">
      <c r="A4268" s="2"/>
      <c r="B4268" s="2"/>
      <c r="C4268" s="2"/>
    </row>
    <row r="4269" spans="1:3" ht="19.2">
      <c r="A4269" s="2"/>
      <c r="B4269" s="2"/>
      <c r="C4269" s="2"/>
    </row>
    <row r="4270" spans="1:3" ht="19.2">
      <c r="A4270" s="2"/>
      <c r="B4270" s="2"/>
      <c r="C4270" s="2"/>
    </row>
    <row r="4271" spans="1:3" ht="19.2">
      <c r="A4271" s="2"/>
      <c r="B4271" s="2"/>
      <c r="C4271" s="2"/>
    </row>
    <row r="4272" spans="1:3" ht="19.2">
      <c r="A4272" s="2"/>
      <c r="B4272" s="2"/>
      <c r="C4272" s="2"/>
    </row>
    <row r="4273" spans="1:3" ht="19.2">
      <c r="A4273" s="2"/>
      <c r="B4273" s="2"/>
      <c r="C4273" s="2"/>
    </row>
    <row r="4274" spans="1:3" ht="19.2">
      <c r="A4274" s="2"/>
      <c r="B4274" s="2"/>
      <c r="C4274" s="2"/>
    </row>
    <row r="4275" spans="1:3" ht="19.2">
      <c r="A4275" s="2"/>
      <c r="B4275" s="2"/>
      <c r="C4275" s="2"/>
    </row>
    <row r="4276" spans="1:3" ht="19.2">
      <c r="A4276" s="2"/>
      <c r="B4276" s="2"/>
      <c r="C4276" s="2"/>
    </row>
    <row r="4277" spans="1:3" ht="19.2">
      <c r="A4277" s="2"/>
      <c r="B4277" s="2"/>
      <c r="C4277" s="2"/>
    </row>
    <row r="4278" spans="1:3" ht="19.2">
      <c r="A4278" s="2"/>
      <c r="B4278" s="2"/>
      <c r="C4278" s="2"/>
    </row>
    <row r="4279" spans="1:3" ht="19.2">
      <c r="A4279" s="2"/>
      <c r="B4279" s="2"/>
      <c r="C4279" s="2"/>
    </row>
    <row r="4280" spans="1:3" ht="19.2">
      <c r="A4280" s="2"/>
      <c r="B4280" s="2"/>
      <c r="C4280" s="2"/>
    </row>
    <row r="4281" spans="1:3" ht="19.2">
      <c r="A4281" s="2"/>
      <c r="B4281" s="2"/>
      <c r="C4281" s="2"/>
    </row>
    <row r="4282" spans="1:3" ht="19.2">
      <c r="A4282" s="2"/>
      <c r="B4282" s="2"/>
      <c r="C4282" s="2"/>
    </row>
    <row r="4283" spans="1:3" ht="19.2">
      <c r="A4283" s="2"/>
      <c r="B4283" s="2"/>
      <c r="C4283" s="2"/>
    </row>
    <row r="4284" spans="1:3" ht="19.2">
      <c r="A4284" s="2"/>
      <c r="B4284" s="2"/>
      <c r="C4284" s="2"/>
    </row>
    <row r="4285" spans="1:3" ht="19.2">
      <c r="A4285" s="2"/>
      <c r="B4285" s="2"/>
      <c r="C4285" s="2"/>
    </row>
    <row r="4286" spans="1:3" ht="19.2">
      <c r="A4286" s="2"/>
      <c r="B4286" s="2"/>
      <c r="C4286" s="2"/>
    </row>
    <row r="4287" spans="1:3" ht="19.2">
      <c r="A4287" s="2"/>
      <c r="B4287" s="2"/>
      <c r="C4287" s="2"/>
    </row>
    <row r="4288" spans="1:3" ht="19.2">
      <c r="A4288" s="2"/>
      <c r="B4288" s="2"/>
      <c r="C4288" s="2"/>
    </row>
    <row r="4289" spans="1:3" ht="19.2">
      <c r="A4289" s="2"/>
      <c r="B4289" s="2"/>
      <c r="C4289" s="2"/>
    </row>
    <row r="4290" spans="1:3" ht="19.2">
      <c r="A4290" s="2"/>
      <c r="B4290" s="2"/>
      <c r="C4290" s="2"/>
    </row>
    <row r="4291" spans="1:3" ht="19.2">
      <c r="A4291" s="2"/>
      <c r="B4291" s="2"/>
      <c r="C4291" s="2"/>
    </row>
    <row r="4292" spans="1:3" ht="19.2">
      <c r="A4292" s="2"/>
      <c r="B4292" s="2"/>
      <c r="C4292" s="2"/>
    </row>
    <row r="4293" spans="1:3" ht="19.2">
      <c r="A4293" s="2"/>
      <c r="B4293" s="2"/>
      <c r="C4293" s="2"/>
    </row>
    <row r="4294" spans="1:3" ht="19.2">
      <c r="A4294" s="2"/>
      <c r="B4294" s="2"/>
      <c r="C4294" s="2"/>
    </row>
    <row r="4295" spans="1:3" ht="19.2">
      <c r="A4295" s="2"/>
      <c r="B4295" s="2"/>
      <c r="C4295" s="2"/>
    </row>
    <row r="4296" spans="1:3" ht="19.2">
      <c r="A4296" s="2"/>
      <c r="B4296" s="2"/>
      <c r="C4296" s="2"/>
    </row>
    <row r="4297" spans="1:3" ht="19.2">
      <c r="A4297" s="2"/>
      <c r="B4297" s="2"/>
      <c r="C4297" s="2"/>
    </row>
    <row r="4298" spans="1:3" ht="19.2">
      <c r="A4298" s="2"/>
      <c r="B4298" s="2"/>
      <c r="C4298" s="2"/>
    </row>
    <row r="4299" spans="1:3" ht="19.2">
      <c r="A4299" s="2"/>
      <c r="B4299" s="2"/>
      <c r="C4299" s="2"/>
    </row>
    <row r="4300" spans="1:3" ht="19.2">
      <c r="A4300" s="2"/>
      <c r="B4300" s="2"/>
      <c r="C4300" s="2"/>
    </row>
    <row r="4301" spans="1:3" ht="19.2">
      <c r="A4301" s="2"/>
      <c r="B4301" s="2"/>
      <c r="C4301" s="2"/>
    </row>
    <row r="4302" spans="1:3" ht="19.2">
      <c r="A4302" s="2"/>
      <c r="B4302" s="2"/>
      <c r="C4302" s="2"/>
    </row>
    <row r="4303" spans="1:3" ht="19.2">
      <c r="A4303" s="2"/>
      <c r="B4303" s="2"/>
      <c r="C4303" s="2"/>
    </row>
    <row r="4304" spans="1:3" ht="19.2">
      <c r="A4304" s="2"/>
      <c r="B4304" s="2"/>
      <c r="C4304" s="2"/>
    </row>
    <row r="4305" spans="1:3" ht="19.2">
      <c r="A4305" s="2"/>
      <c r="B4305" s="2"/>
      <c r="C4305" s="2"/>
    </row>
    <row r="4306" spans="1:3" ht="19.2">
      <c r="A4306" s="2"/>
      <c r="B4306" s="2"/>
      <c r="C4306" s="2"/>
    </row>
    <row r="4307" spans="1:3" ht="19.2">
      <c r="A4307" s="2"/>
      <c r="B4307" s="2"/>
      <c r="C4307" s="2"/>
    </row>
    <row r="4308" spans="1:3" ht="19.2">
      <c r="A4308" s="2"/>
      <c r="B4308" s="2"/>
      <c r="C4308" s="2"/>
    </row>
    <row r="4309" spans="1:3" ht="19.2">
      <c r="A4309" s="2"/>
      <c r="B4309" s="2"/>
      <c r="C4309" s="2"/>
    </row>
    <row r="4310" spans="1:3" ht="19.2">
      <c r="A4310" s="2"/>
      <c r="B4310" s="2"/>
      <c r="C4310" s="2"/>
    </row>
    <row r="4311" spans="1:3" ht="19.2">
      <c r="A4311" s="2"/>
      <c r="B4311" s="2"/>
      <c r="C4311" s="2"/>
    </row>
    <row r="4312" spans="1:3" ht="19.2">
      <c r="A4312" s="2"/>
      <c r="B4312" s="2"/>
      <c r="C4312" s="2"/>
    </row>
    <row r="4313" spans="1:3" ht="19.2">
      <c r="A4313" s="2"/>
      <c r="B4313" s="2"/>
      <c r="C4313" s="2"/>
    </row>
    <row r="4314" spans="1:3" ht="19.2">
      <c r="A4314" s="2"/>
      <c r="B4314" s="2"/>
      <c r="C4314" s="2"/>
    </row>
    <row r="4315" spans="1:3" ht="19.2">
      <c r="A4315" s="2"/>
      <c r="B4315" s="2"/>
      <c r="C4315" s="2"/>
    </row>
    <row r="4316" spans="1:3" ht="19.2">
      <c r="A4316" s="2"/>
      <c r="B4316" s="2"/>
      <c r="C4316" s="2"/>
    </row>
    <row r="4317" spans="1:3" ht="19.2">
      <c r="A4317" s="2"/>
      <c r="B4317" s="2"/>
      <c r="C4317" s="2"/>
    </row>
    <row r="4318" spans="1:3" ht="19.2">
      <c r="A4318" s="2"/>
      <c r="B4318" s="2"/>
      <c r="C4318" s="2"/>
    </row>
    <row r="4319" spans="1:3" ht="19.2">
      <c r="A4319" s="2"/>
      <c r="B4319" s="2"/>
      <c r="C4319" s="2"/>
    </row>
    <row r="4320" spans="1:3" ht="19.2">
      <c r="A4320" s="2"/>
      <c r="B4320" s="2"/>
      <c r="C4320" s="2"/>
    </row>
    <row r="4321" spans="1:3" ht="19.2">
      <c r="A4321" s="2"/>
      <c r="B4321" s="2"/>
      <c r="C4321" s="2"/>
    </row>
    <row r="4322" spans="1:3" ht="19.2">
      <c r="A4322" s="2"/>
      <c r="B4322" s="2"/>
      <c r="C4322" s="2"/>
    </row>
    <row r="4323" spans="1:3" ht="19.2">
      <c r="A4323" s="2"/>
      <c r="B4323" s="2"/>
      <c r="C4323" s="2"/>
    </row>
    <row r="4324" spans="1:3" ht="19.2">
      <c r="A4324" s="2"/>
      <c r="B4324" s="2"/>
      <c r="C4324" s="2"/>
    </row>
    <row r="4325" spans="1:3" ht="19.2">
      <c r="A4325" s="2"/>
      <c r="B4325" s="2"/>
      <c r="C4325" s="2"/>
    </row>
    <row r="4326" spans="1:3" ht="19.2">
      <c r="A4326" s="2"/>
      <c r="B4326" s="2"/>
      <c r="C4326" s="2"/>
    </row>
    <row r="4327" spans="1:3" ht="19.2">
      <c r="A4327" s="2"/>
      <c r="B4327" s="2"/>
      <c r="C4327" s="2"/>
    </row>
    <row r="4328" spans="1:3" ht="19.2">
      <c r="A4328" s="2"/>
      <c r="B4328" s="2"/>
      <c r="C4328" s="2"/>
    </row>
    <row r="4329" spans="1:3" ht="19.2">
      <c r="A4329" s="2"/>
      <c r="B4329" s="2"/>
      <c r="C4329" s="2"/>
    </row>
    <row r="4330" spans="1:3" ht="19.2">
      <c r="A4330" s="2"/>
      <c r="B4330" s="2"/>
      <c r="C4330" s="2"/>
    </row>
    <row r="4331" spans="1:3" ht="19.2">
      <c r="A4331" s="2"/>
      <c r="B4331" s="2"/>
      <c r="C4331" s="2"/>
    </row>
    <row r="4332" spans="1:3" ht="19.2">
      <c r="A4332" s="2"/>
      <c r="B4332" s="2"/>
      <c r="C4332" s="2"/>
    </row>
    <row r="4333" spans="1:3" ht="19.2">
      <c r="A4333" s="2"/>
      <c r="B4333" s="2"/>
      <c r="C4333" s="2"/>
    </row>
    <row r="4334" spans="1:3" ht="19.2">
      <c r="A4334" s="2"/>
      <c r="B4334" s="2"/>
      <c r="C4334" s="2"/>
    </row>
    <row r="4335" spans="1:3" ht="19.2">
      <c r="A4335" s="2"/>
      <c r="B4335" s="2"/>
      <c r="C4335" s="2"/>
    </row>
    <row r="4336" spans="1:3" ht="19.2">
      <c r="A4336" s="2"/>
      <c r="B4336" s="2"/>
      <c r="C4336" s="2"/>
    </row>
    <row r="4337" spans="1:3" ht="19.2">
      <c r="A4337" s="2"/>
      <c r="B4337" s="2"/>
      <c r="C4337" s="2"/>
    </row>
    <row r="4338" spans="1:3" ht="19.2">
      <c r="A4338" s="2"/>
      <c r="B4338" s="2"/>
      <c r="C4338" s="2"/>
    </row>
    <row r="4339" spans="1:3" ht="19.2">
      <c r="A4339" s="2"/>
      <c r="B4339" s="2"/>
      <c r="C4339" s="2"/>
    </row>
    <row r="4340" spans="1:3" ht="19.2">
      <c r="A4340" s="2"/>
      <c r="B4340" s="2"/>
      <c r="C4340" s="2"/>
    </row>
    <row r="4341" spans="1:3" ht="19.2">
      <c r="A4341" s="2"/>
      <c r="B4341" s="2"/>
      <c r="C4341" s="2"/>
    </row>
    <row r="4342" spans="1:3" ht="19.2">
      <c r="A4342" s="2"/>
      <c r="B4342" s="2"/>
      <c r="C4342" s="2"/>
    </row>
    <row r="4343" spans="1:3" ht="19.2">
      <c r="A4343" s="2"/>
      <c r="B4343" s="2"/>
      <c r="C4343" s="2"/>
    </row>
    <row r="4344" spans="1:3" ht="19.2">
      <c r="A4344" s="2"/>
      <c r="B4344" s="2"/>
      <c r="C4344" s="2"/>
    </row>
    <row r="4345" spans="1:3" ht="19.2">
      <c r="A4345" s="2"/>
      <c r="B4345" s="2"/>
      <c r="C4345" s="2"/>
    </row>
    <row r="4346" spans="1:3" ht="19.2">
      <c r="A4346" s="2"/>
      <c r="B4346" s="2"/>
      <c r="C4346" s="2"/>
    </row>
    <row r="4347" spans="1:3" ht="19.2">
      <c r="A4347" s="2"/>
      <c r="B4347" s="2"/>
      <c r="C4347" s="2"/>
    </row>
    <row r="4348" spans="1:3" ht="19.2">
      <c r="A4348" s="2"/>
      <c r="B4348" s="2"/>
      <c r="C4348" s="2"/>
    </row>
    <row r="4349" spans="1:3" ht="19.2">
      <c r="A4349" s="2"/>
      <c r="B4349" s="2"/>
      <c r="C4349" s="2"/>
    </row>
    <row r="4350" spans="1:3" ht="19.2">
      <c r="A4350" s="2"/>
      <c r="B4350" s="2"/>
      <c r="C4350" s="2"/>
    </row>
    <row r="4351" spans="1:3" ht="19.2">
      <c r="A4351" s="2"/>
      <c r="B4351" s="2"/>
      <c r="C4351" s="2"/>
    </row>
    <row r="4352" spans="1:3" ht="19.2">
      <c r="A4352" s="2"/>
      <c r="B4352" s="2"/>
      <c r="C4352" s="2"/>
    </row>
    <row r="4353" spans="1:3" ht="19.2">
      <c r="A4353" s="2"/>
      <c r="B4353" s="2"/>
      <c r="C4353" s="2"/>
    </row>
    <row r="4354" spans="1:3" ht="19.2">
      <c r="A4354" s="2"/>
      <c r="B4354" s="2"/>
      <c r="C4354" s="2"/>
    </row>
    <row r="4355" spans="1:3" ht="19.2">
      <c r="A4355" s="2"/>
      <c r="B4355" s="2"/>
      <c r="C4355" s="2"/>
    </row>
    <row r="4356" spans="1:3" ht="19.2">
      <c r="A4356" s="2"/>
      <c r="B4356" s="2"/>
      <c r="C4356" s="2"/>
    </row>
    <row r="4357" spans="1:3" ht="19.2">
      <c r="A4357" s="2"/>
      <c r="B4357" s="2"/>
      <c r="C4357" s="2"/>
    </row>
    <row r="4358" spans="1:3" ht="19.2">
      <c r="A4358" s="2"/>
      <c r="B4358" s="2"/>
      <c r="C4358" s="2"/>
    </row>
    <row r="4359" spans="1:3" ht="19.2">
      <c r="A4359" s="2"/>
      <c r="B4359" s="2"/>
      <c r="C4359" s="2"/>
    </row>
    <row r="4360" spans="1:3" ht="19.2">
      <c r="A4360" s="2"/>
      <c r="B4360" s="2"/>
      <c r="C4360" s="2"/>
    </row>
    <row r="4361" spans="1:3" ht="19.2">
      <c r="A4361" s="2"/>
      <c r="B4361" s="2"/>
      <c r="C4361" s="2"/>
    </row>
    <row r="4362" spans="1:3" ht="19.2">
      <c r="A4362" s="2"/>
      <c r="B4362" s="2"/>
      <c r="C4362" s="2"/>
    </row>
    <row r="4363" spans="1:3" ht="19.2">
      <c r="A4363" s="2"/>
      <c r="B4363" s="2"/>
      <c r="C4363" s="2"/>
    </row>
    <row r="4364" spans="1:3" ht="19.2">
      <c r="A4364" s="2"/>
      <c r="B4364" s="2"/>
      <c r="C4364" s="2"/>
    </row>
    <row r="4365" spans="1:3" ht="19.2">
      <c r="A4365" s="2"/>
      <c r="B4365" s="2"/>
      <c r="C4365" s="2"/>
    </row>
    <row r="4366" spans="1:3" ht="19.2">
      <c r="A4366" s="2"/>
      <c r="B4366" s="2"/>
      <c r="C4366" s="2"/>
    </row>
    <row r="4367" spans="1:3" ht="19.2">
      <c r="A4367" s="2"/>
      <c r="B4367" s="2"/>
      <c r="C4367" s="2"/>
    </row>
    <row r="4368" spans="1:3" ht="19.2">
      <c r="A4368" s="2"/>
      <c r="B4368" s="2"/>
      <c r="C4368" s="2"/>
    </row>
    <row r="4369" spans="1:3" ht="19.2">
      <c r="A4369" s="2"/>
      <c r="B4369" s="2"/>
      <c r="C4369" s="2"/>
    </row>
    <row r="4370" spans="1:3" ht="19.2">
      <c r="A4370" s="2"/>
      <c r="B4370" s="2"/>
      <c r="C4370" s="2"/>
    </row>
    <row r="4371" spans="1:3" ht="19.2">
      <c r="A4371" s="2"/>
      <c r="B4371" s="2"/>
      <c r="C4371" s="2"/>
    </row>
    <row r="4372" spans="1:3" ht="19.2">
      <c r="A4372" s="2"/>
      <c r="B4372" s="2"/>
      <c r="C4372" s="2"/>
    </row>
    <row r="4373" spans="1:3" ht="19.2">
      <c r="A4373" s="2"/>
      <c r="B4373" s="2"/>
      <c r="C4373" s="2"/>
    </row>
    <row r="4374" spans="1:3" ht="19.2">
      <c r="A4374" s="2"/>
      <c r="B4374" s="2"/>
      <c r="C4374" s="2"/>
    </row>
    <row r="4375" spans="1:3" ht="19.2">
      <c r="A4375" s="2"/>
      <c r="B4375" s="2"/>
      <c r="C4375" s="2"/>
    </row>
    <row r="4376" spans="1:3" ht="19.2">
      <c r="A4376" s="2"/>
      <c r="B4376" s="2"/>
      <c r="C4376" s="2"/>
    </row>
    <row r="4377" spans="1:3" ht="19.2">
      <c r="A4377" s="2"/>
      <c r="B4377" s="2"/>
      <c r="C4377" s="2"/>
    </row>
    <row r="4378" spans="1:3" ht="19.2">
      <c r="A4378" s="2"/>
      <c r="B4378" s="2"/>
      <c r="C4378" s="2"/>
    </row>
    <row r="4379" spans="1:3" ht="19.2">
      <c r="A4379" s="2"/>
      <c r="B4379" s="2"/>
      <c r="C4379" s="2"/>
    </row>
    <row r="4380" spans="1:3" ht="19.2">
      <c r="A4380" s="2"/>
      <c r="B4380" s="2"/>
      <c r="C4380" s="2"/>
    </row>
    <row r="4381" spans="1:3" ht="19.2">
      <c r="A4381" s="2"/>
      <c r="B4381" s="2"/>
      <c r="C4381" s="2"/>
    </row>
    <row r="4382" spans="1:3" ht="19.2">
      <c r="A4382" s="2"/>
      <c r="B4382" s="2"/>
      <c r="C4382" s="2"/>
    </row>
    <row r="4383" spans="1:3" ht="19.2">
      <c r="A4383" s="2"/>
      <c r="B4383" s="2"/>
      <c r="C4383" s="2"/>
    </row>
    <row r="4384" spans="1:3" ht="19.2">
      <c r="A4384" s="2"/>
      <c r="B4384" s="2"/>
      <c r="C4384" s="2"/>
    </row>
    <row r="4385" spans="1:3" ht="19.2">
      <c r="A4385" s="2"/>
      <c r="B4385" s="2"/>
      <c r="C4385" s="2"/>
    </row>
    <row r="4386" spans="1:3" ht="19.2">
      <c r="A4386" s="2"/>
      <c r="B4386" s="2"/>
      <c r="C4386" s="2"/>
    </row>
    <row r="4387" spans="1:3" ht="19.2">
      <c r="A4387" s="2"/>
      <c r="B4387" s="2"/>
      <c r="C4387" s="2"/>
    </row>
    <row r="4388" spans="1:3" ht="19.2">
      <c r="A4388" s="2"/>
      <c r="B4388" s="2"/>
      <c r="C4388" s="2"/>
    </row>
    <row r="4389" spans="1:3" ht="19.2">
      <c r="A4389" s="2"/>
      <c r="B4389" s="2"/>
      <c r="C4389" s="2"/>
    </row>
    <row r="4390" spans="1:3" ht="19.2">
      <c r="A4390" s="2"/>
      <c r="B4390" s="2"/>
      <c r="C4390" s="2"/>
    </row>
    <row r="4391" spans="1:3" ht="19.2">
      <c r="A4391" s="2"/>
      <c r="B4391" s="2"/>
      <c r="C4391" s="2"/>
    </row>
    <row r="4392" spans="1:3" ht="19.2">
      <c r="A4392" s="2"/>
      <c r="B4392" s="2"/>
      <c r="C4392" s="2"/>
    </row>
    <row r="4393" spans="1:3" ht="19.2">
      <c r="A4393" s="2"/>
      <c r="B4393" s="2"/>
      <c r="C4393" s="2"/>
    </row>
    <row r="4394" spans="1:3" ht="19.2">
      <c r="A4394" s="2"/>
      <c r="B4394" s="2"/>
      <c r="C4394" s="2"/>
    </row>
    <row r="4395" spans="1:3" ht="19.2">
      <c r="A4395" s="2"/>
      <c r="B4395" s="2"/>
      <c r="C4395" s="2"/>
    </row>
    <row r="4396" spans="1:3" ht="19.2">
      <c r="A4396" s="2"/>
      <c r="B4396" s="2"/>
      <c r="C4396" s="2"/>
    </row>
    <row r="4397" spans="1:3" ht="19.2">
      <c r="A4397" s="2"/>
      <c r="B4397" s="2"/>
      <c r="C4397" s="2"/>
    </row>
    <row r="4398" spans="1:3" ht="19.2">
      <c r="A4398" s="2"/>
      <c r="B4398" s="2"/>
      <c r="C4398" s="2"/>
    </row>
    <row r="4399" spans="1:3" ht="19.2">
      <c r="A4399" s="2"/>
      <c r="B4399" s="2"/>
      <c r="C4399" s="2"/>
    </row>
    <row r="4400" spans="1:3" ht="19.2">
      <c r="A4400" s="2"/>
      <c r="B4400" s="2"/>
      <c r="C4400" s="2"/>
    </row>
    <row r="4401" spans="1:3" ht="19.2">
      <c r="A4401" s="2"/>
      <c r="B4401" s="2"/>
      <c r="C4401" s="2"/>
    </row>
    <row r="4402" spans="1:3" ht="19.2">
      <c r="A4402" s="2"/>
      <c r="B4402" s="2"/>
      <c r="C4402" s="2"/>
    </row>
    <row r="4403" spans="1:3" ht="19.2">
      <c r="A4403" s="2"/>
      <c r="B4403" s="2"/>
      <c r="C4403" s="2"/>
    </row>
    <row r="4404" spans="1:3" ht="19.2">
      <c r="A4404" s="2"/>
      <c r="B4404" s="2"/>
      <c r="C4404" s="2"/>
    </row>
    <row r="4405" spans="1:3" ht="19.2">
      <c r="A4405" s="2"/>
      <c r="B4405" s="2"/>
      <c r="C4405" s="2"/>
    </row>
    <row r="4406" spans="1:3" ht="19.2">
      <c r="A4406" s="2"/>
      <c r="B4406" s="2"/>
      <c r="C4406" s="2"/>
    </row>
    <row r="4407" spans="1:3" ht="19.2">
      <c r="A4407" s="2"/>
      <c r="B4407" s="2"/>
      <c r="C4407" s="2"/>
    </row>
    <row r="4408" spans="1:3" ht="19.2">
      <c r="A4408" s="2"/>
      <c r="B4408" s="2"/>
      <c r="C4408" s="2"/>
    </row>
    <row r="4409" spans="1:3" ht="19.2">
      <c r="A4409" s="2"/>
      <c r="B4409" s="2"/>
      <c r="C4409" s="2"/>
    </row>
    <row r="4410" spans="1:3" ht="19.2">
      <c r="A4410" s="2"/>
      <c r="B4410" s="2"/>
      <c r="C4410" s="2"/>
    </row>
    <row r="4411" spans="1:3" ht="19.2">
      <c r="A4411" s="2"/>
      <c r="B4411" s="2"/>
      <c r="C4411" s="2"/>
    </row>
    <row r="4412" spans="1:3" ht="19.2">
      <c r="A4412" s="2"/>
      <c r="B4412" s="2"/>
      <c r="C4412" s="2"/>
    </row>
    <row r="4413" spans="1:3" ht="19.2">
      <c r="A4413" s="2"/>
      <c r="B4413" s="2"/>
      <c r="C4413" s="2"/>
    </row>
    <row r="4414" spans="1:3" ht="19.2">
      <c r="A4414" s="2"/>
      <c r="B4414" s="2"/>
      <c r="C4414" s="2"/>
    </row>
    <row r="4415" spans="1:3" ht="19.2">
      <c r="A4415" s="2"/>
      <c r="B4415" s="2"/>
      <c r="C4415" s="2"/>
    </row>
    <row r="4416" spans="1:3" ht="19.2">
      <c r="A4416" s="2"/>
      <c r="B4416" s="2"/>
      <c r="C4416" s="2"/>
    </row>
    <row r="4417" spans="1:3" ht="19.2">
      <c r="A4417" s="2"/>
      <c r="B4417" s="2"/>
      <c r="C4417" s="2"/>
    </row>
    <row r="4418" spans="1:3" ht="19.2">
      <c r="A4418" s="2"/>
      <c r="B4418" s="2"/>
      <c r="C4418" s="2"/>
    </row>
    <row r="4419" spans="1:3" ht="19.2">
      <c r="A4419" s="2"/>
      <c r="B4419" s="2"/>
      <c r="C4419" s="2"/>
    </row>
    <row r="4420" spans="1:3" ht="19.2">
      <c r="A4420" s="2"/>
      <c r="B4420" s="2"/>
      <c r="C4420" s="2"/>
    </row>
    <row r="4421" spans="1:3" ht="19.2">
      <c r="A4421" s="2"/>
      <c r="B4421" s="2"/>
      <c r="C4421" s="2"/>
    </row>
    <row r="4422" spans="1:3" ht="19.2">
      <c r="A4422" s="2"/>
      <c r="B4422" s="2"/>
      <c r="C4422" s="2"/>
    </row>
    <row r="4423" spans="1:3" ht="19.2">
      <c r="A4423" s="2"/>
      <c r="B4423" s="2"/>
      <c r="C4423" s="2"/>
    </row>
    <row r="4424" spans="1:3" ht="19.2">
      <c r="A4424" s="2"/>
      <c r="B4424" s="2"/>
      <c r="C4424" s="2"/>
    </row>
    <row r="4425" spans="1:3" ht="19.2">
      <c r="A4425" s="2"/>
      <c r="B4425" s="2"/>
      <c r="C4425" s="2"/>
    </row>
    <row r="4426" spans="1:3" ht="19.2">
      <c r="A4426" s="2"/>
      <c r="B4426" s="2"/>
      <c r="C4426" s="2"/>
    </row>
    <row r="4427" spans="1:3" ht="19.2">
      <c r="A4427" s="2"/>
      <c r="B4427" s="2"/>
      <c r="C4427" s="2"/>
    </row>
    <row r="4428" spans="1:3" ht="19.2">
      <c r="A4428" s="2"/>
      <c r="B4428" s="2"/>
      <c r="C4428" s="2"/>
    </row>
    <row r="4429" spans="1:3" ht="19.2">
      <c r="A4429" s="2"/>
      <c r="B4429" s="2"/>
      <c r="C4429" s="2"/>
    </row>
    <row r="4430" spans="1:3" ht="19.2">
      <c r="A4430" s="2"/>
      <c r="B4430" s="2"/>
      <c r="C4430" s="2"/>
    </row>
    <row r="4431" spans="1:3" ht="19.2">
      <c r="A4431" s="2"/>
      <c r="B4431" s="2"/>
      <c r="C4431" s="2"/>
    </row>
    <row r="4432" spans="1:3" ht="19.2">
      <c r="A4432" s="2"/>
      <c r="B4432" s="2"/>
      <c r="C4432" s="2"/>
    </row>
    <row r="4433" spans="1:3" ht="19.2">
      <c r="A4433" s="2"/>
      <c r="B4433" s="2"/>
      <c r="C4433" s="2"/>
    </row>
    <row r="4434" spans="1:3" ht="19.2">
      <c r="A4434" s="2"/>
      <c r="B4434" s="2"/>
      <c r="C4434" s="2"/>
    </row>
    <row r="4435" spans="1:3" ht="19.2">
      <c r="A4435" s="2"/>
      <c r="B4435" s="2"/>
      <c r="C4435" s="2"/>
    </row>
    <row r="4436" spans="1:3" ht="19.2">
      <c r="A4436" s="2"/>
      <c r="B4436" s="2"/>
      <c r="C4436" s="2"/>
    </row>
    <row r="4437" spans="1:3" ht="19.2">
      <c r="A4437" s="2"/>
      <c r="B4437" s="2"/>
      <c r="C4437" s="2"/>
    </row>
    <row r="4438" spans="1:3" ht="19.2">
      <c r="A4438" s="2"/>
      <c r="B4438" s="2"/>
      <c r="C4438" s="2"/>
    </row>
    <row r="4439" spans="1:3" ht="19.2">
      <c r="A4439" s="2"/>
      <c r="B4439" s="2"/>
      <c r="C4439" s="2"/>
    </row>
    <row r="4440" spans="1:3" ht="19.2">
      <c r="A4440" s="2"/>
      <c r="B4440" s="2"/>
      <c r="C4440" s="2"/>
    </row>
    <row r="4441" spans="1:3" ht="19.2">
      <c r="A4441" s="2"/>
      <c r="B4441" s="2"/>
      <c r="C4441" s="2"/>
    </row>
    <row r="4442" spans="1:3" ht="19.2">
      <c r="A4442" s="2"/>
      <c r="B4442" s="2"/>
      <c r="C4442" s="2"/>
    </row>
    <row r="4443" spans="1:3" ht="19.2">
      <c r="A4443" s="2"/>
      <c r="B4443" s="2"/>
      <c r="C4443" s="2"/>
    </row>
    <row r="4444" spans="1:3" ht="19.2">
      <c r="A4444" s="2"/>
      <c r="B4444" s="2"/>
      <c r="C4444" s="2"/>
    </row>
    <row r="4445" spans="1:3" ht="19.2">
      <c r="A4445" s="2"/>
      <c r="B4445" s="2"/>
      <c r="C4445" s="2"/>
    </row>
    <row r="4446" spans="1:3" ht="19.2">
      <c r="A4446" s="2"/>
      <c r="B4446" s="2"/>
      <c r="C4446" s="2"/>
    </row>
    <row r="4447" spans="1:3" ht="19.2">
      <c r="A4447" s="2"/>
      <c r="B4447" s="2"/>
      <c r="C4447" s="2"/>
    </row>
    <row r="4448" spans="1:3" ht="19.2">
      <c r="A4448" s="2"/>
      <c r="B4448" s="2"/>
      <c r="C4448" s="2"/>
    </row>
    <row r="4449" spans="1:3" ht="19.2">
      <c r="A4449" s="2"/>
      <c r="B4449" s="2"/>
      <c r="C4449" s="2"/>
    </row>
    <row r="4450" spans="1:3" ht="19.2">
      <c r="A4450" s="2"/>
      <c r="B4450" s="2"/>
      <c r="C4450" s="2"/>
    </row>
    <row r="4451" spans="1:3" ht="19.2">
      <c r="A4451" s="2"/>
      <c r="B4451" s="2"/>
      <c r="C4451" s="2"/>
    </row>
    <row r="4452" spans="1:3" ht="19.2">
      <c r="A4452" s="2"/>
      <c r="B4452" s="2"/>
      <c r="C4452" s="2"/>
    </row>
    <row r="4453" spans="1:3" ht="19.2">
      <c r="A4453" s="2"/>
      <c r="B4453" s="2"/>
      <c r="C4453" s="2"/>
    </row>
    <row r="4454" spans="1:3" ht="19.2">
      <c r="A4454" s="2"/>
      <c r="B4454" s="2"/>
      <c r="C4454" s="2"/>
    </row>
    <row r="4455" spans="1:3" ht="19.2">
      <c r="A4455" s="2"/>
      <c r="B4455" s="2"/>
      <c r="C4455" s="2"/>
    </row>
    <row r="4456" spans="1:3" ht="19.2">
      <c r="A4456" s="2"/>
      <c r="B4456" s="2"/>
      <c r="C4456" s="2"/>
    </row>
    <row r="4457" spans="1:3" ht="19.2">
      <c r="A4457" s="2"/>
      <c r="B4457" s="2"/>
      <c r="C4457" s="2"/>
    </row>
    <row r="4458" spans="1:3" ht="19.2">
      <c r="A4458" s="2"/>
      <c r="B4458" s="2"/>
      <c r="C4458" s="2"/>
    </row>
    <row r="4459" spans="1:3" ht="19.2">
      <c r="A4459" s="2"/>
      <c r="B4459" s="2"/>
      <c r="C4459" s="2"/>
    </row>
    <row r="4460" spans="1:3" ht="19.2">
      <c r="A4460" s="2"/>
      <c r="B4460" s="2"/>
      <c r="C4460" s="2"/>
    </row>
    <row r="4461" spans="1:3" ht="19.2">
      <c r="A4461" s="2"/>
      <c r="B4461" s="2"/>
      <c r="C4461" s="2"/>
    </row>
    <row r="4462" spans="1:3" ht="19.2">
      <c r="A4462" s="2"/>
      <c r="B4462" s="2"/>
      <c r="C4462" s="2"/>
    </row>
    <row r="4463" spans="1:3" ht="19.2">
      <c r="A4463" s="2"/>
      <c r="B4463" s="2"/>
      <c r="C4463" s="2"/>
    </row>
    <row r="4464" spans="1:3" ht="19.2">
      <c r="A4464" s="2"/>
      <c r="B4464" s="2"/>
      <c r="C4464" s="2"/>
    </row>
    <row r="4465" spans="1:3" ht="19.2">
      <c r="A4465" s="2"/>
      <c r="B4465" s="2"/>
      <c r="C4465" s="2"/>
    </row>
    <row r="4466" spans="1:3" ht="19.2">
      <c r="A4466" s="2"/>
      <c r="B4466" s="2"/>
      <c r="C4466" s="2"/>
    </row>
    <row r="4467" spans="1:3" ht="19.2">
      <c r="A4467" s="2"/>
      <c r="B4467" s="2"/>
      <c r="C4467" s="2"/>
    </row>
    <row r="4468" spans="1:3" ht="19.2">
      <c r="A4468" s="2"/>
      <c r="B4468" s="2"/>
      <c r="C4468" s="2"/>
    </row>
    <row r="4469" spans="1:3" ht="19.2">
      <c r="A4469" s="2"/>
      <c r="B4469" s="2"/>
      <c r="C4469" s="2"/>
    </row>
    <row r="4470" spans="1:3" ht="19.2">
      <c r="A4470" s="2"/>
      <c r="B4470" s="2"/>
      <c r="C4470" s="2"/>
    </row>
    <row r="4471" spans="1:3" ht="19.2">
      <c r="A4471" s="2"/>
      <c r="B4471" s="2"/>
      <c r="C4471" s="2"/>
    </row>
    <row r="4472" spans="1:3" ht="19.2">
      <c r="A4472" s="2"/>
      <c r="B4472" s="2"/>
      <c r="C4472" s="2"/>
    </row>
    <row r="4473" spans="1:3" ht="19.2">
      <c r="A4473" s="2"/>
      <c r="B4473" s="2"/>
      <c r="C4473" s="2"/>
    </row>
    <row r="4474" spans="1:3" ht="19.2">
      <c r="A4474" s="2"/>
      <c r="B4474" s="2"/>
      <c r="C4474" s="2"/>
    </row>
    <row r="4475" spans="1:3" ht="19.2">
      <c r="A4475" s="2"/>
      <c r="B4475" s="2"/>
      <c r="C4475" s="2"/>
    </row>
    <row r="4476" spans="1:3" ht="19.2">
      <c r="A4476" s="2"/>
      <c r="B4476" s="2"/>
      <c r="C4476" s="2"/>
    </row>
    <row r="4477" spans="1:3" ht="19.2">
      <c r="A4477" s="2"/>
      <c r="B4477" s="2"/>
      <c r="C4477" s="2"/>
    </row>
    <row r="4478" spans="1:3" ht="19.2">
      <c r="A4478" s="2"/>
      <c r="B4478" s="2"/>
      <c r="C4478" s="2"/>
    </row>
    <row r="4479" spans="1:3" ht="19.2">
      <c r="A4479" s="2"/>
      <c r="B4479" s="2"/>
      <c r="C4479" s="2"/>
    </row>
    <row r="4480" spans="1:3" ht="19.2">
      <c r="A4480" s="2"/>
      <c r="B4480" s="2"/>
      <c r="C4480" s="2"/>
    </row>
    <row r="4481" spans="1:3" ht="19.2">
      <c r="A4481" s="2"/>
      <c r="B4481" s="2"/>
      <c r="C4481" s="2"/>
    </row>
    <row r="4482" spans="1:3" ht="19.2">
      <c r="A4482" s="2"/>
      <c r="B4482" s="2"/>
      <c r="C4482" s="2"/>
    </row>
    <row r="4483" spans="1:3" ht="19.2">
      <c r="A4483" s="2"/>
      <c r="B4483" s="2"/>
      <c r="C4483" s="2"/>
    </row>
    <row r="4484" spans="1:3" ht="19.2">
      <c r="A4484" s="2"/>
      <c r="B4484" s="2"/>
      <c r="C4484" s="2"/>
    </row>
    <row r="4485" spans="1:3" ht="19.2">
      <c r="A4485" s="2"/>
      <c r="B4485" s="2"/>
      <c r="C4485" s="2"/>
    </row>
    <row r="4486" spans="1:3" ht="19.2">
      <c r="A4486" s="2"/>
      <c r="B4486" s="2"/>
      <c r="C4486" s="2"/>
    </row>
    <row r="4487" spans="1:3" ht="19.2">
      <c r="A4487" s="2"/>
      <c r="B4487" s="2"/>
      <c r="C4487" s="2"/>
    </row>
    <row r="4488" spans="1:3" ht="19.2">
      <c r="A4488" s="2"/>
      <c r="B4488" s="2"/>
      <c r="C4488" s="2"/>
    </row>
    <row r="4489" spans="1:3" ht="19.2">
      <c r="A4489" s="2"/>
      <c r="B4489" s="2"/>
      <c r="C4489" s="2"/>
    </row>
    <row r="4490" spans="1:3" ht="19.2">
      <c r="A4490" s="2"/>
      <c r="B4490" s="2"/>
      <c r="C4490" s="2"/>
    </row>
    <row r="4491" spans="1:3" ht="19.2">
      <c r="A4491" s="2"/>
      <c r="B4491" s="2"/>
      <c r="C4491" s="2"/>
    </row>
    <row r="4492" spans="1:3" ht="19.2">
      <c r="A4492" s="2"/>
      <c r="B4492" s="2"/>
      <c r="C4492" s="2"/>
    </row>
    <row r="4493" spans="1:3" ht="19.2">
      <c r="A4493" s="2"/>
      <c r="B4493" s="2"/>
      <c r="C4493" s="2"/>
    </row>
    <row r="4494" spans="1:3" ht="19.2">
      <c r="A4494" s="2"/>
      <c r="B4494" s="2"/>
      <c r="C4494" s="2"/>
    </row>
    <row r="4495" spans="1:3" ht="19.2">
      <c r="A4495" s="2"/>
      <c r="B4495" s="2"/>
      <c r="C4495" s="2"/>
    </row>
    <row r="4496" spans="1:3" ht="19.2">
      <c r="A4496" s="2"/>
      <c r="B4496" s="2"/>
      <c r="C4496" s="2"/>
    </row>
    <row r="4497" spans="1:3" ht="19.2">
      <c r="A4497" s="2"/>
      <c r="B4497" s="2"/>
      <c r="C4497" s="2"/>
    </row>
    <row r="4498" spans="1:3" ht="19.2">
      <c r="A4498" s="2"/>
      <c r="B4498" s="2"/>
      <c r="C4498" s="2"/>
    </row>
    <row r="4499" spans="1:3" ht="19.2">
      <c r="A4499" s="2"/>
      <c r="B4499" s="2"/>
      <c r="C4499" s="2"/>
    </row>
    <row r="4500" spans="1:3" ht="19.2">
      <c r="A4500" s="2"/>
      <c r="B4500" s="2"/>
      <c r="C4500" s="2"/>
    </row>
    <row r="4501" spans="1:3" ht="19.2">
      <c r="A4501" s="2"/>
      <c r="B4501" s="2"/>
      <c r="C4501" s="2"/>
    </row>
    <row r="4502" spans="1:3" ht="19.2">
      <c r="A4502" s="2"/>
      <c r="B4502" s="2"/>
      <c r="C4502" s="2"/>
    </row>
    <row r="4503" spans="1:3" ht="19.2">
      <c r="A4503" s="2"/>
      <c r="B4503" s="2"/>
      <c r="C4503" s="2"/>
    </row>
    <row r="4504" spans="1:3" ht="19.2">
      <c r="A4504" s="2"/>
      <c r="B4504" s="2"/>
      <c r="C4504" s="2"/>
    </row>
    <row r="4505" spans="1:3" ht="19.2">
      <c r="A4505" s="2"/>
      <c r="B4505" s="2"/>
      <c r="C4505" s="2"/>
    </row>
    <row r="4506" spans="1:3" ht="19.2">
      <c r="A4506" s="2"/>
      <c r="B4506" s="2"/>
      <c r="C4506" s="2"/>
    </row>
    <row r="4507" spans="1:3" ht="19.2">
      <c r="A4507" s="2"/>
      <c r="B4507" s="2"/>
      <c r="C4507" s="2"/>
    </row>
    <row r="4508" spans="1:3" ht="19.2">
      <c r="A4508" s="2"/>
      <c r="B4508" s="2"/>
      <c r="C4508" s="2"/>
    </row>
    <row r="4509" spans="1:3" ht="19.2">
      <c r="A4509" s="2"/>
      <c r="B4509" s="2"/>
      <c r="C4509" s="2"/>
    </row>
    <row r="4510" spans="1:3" ht="19.2">
      <c r="A4510" s="2"/>
      <c r="B4510" s="2"/>
      <c r="C4510" s="2"/>
    </row>
    <row r="4511" spans="1:3" ht="19.2">
      <c r="A4511" s="2"/>
      <c r="B4511" s="2"/>
      <c r="C4511" s="2"/>
    </row>
    <row r="4512" spans="1:3" ht="19.2">
      <c r="A4512" s="2"/>
      <c r="B4512" s="2"/>
      <c r="C4512" s="2"/>
    </row>
    <row r="4513" spans="1:3" ht="19.2">
      <c r="A4513" s="2"/>
      <c r="B4513" s="2"/>
      <c r="C4513" s="2"/>
    </row>
    <row r="4514" spans="1:3" ht="19.2">
      <c r="A4514" s="2"/>
      <c r="B4514" s="2"/>
      <c r="C4514" s="2"/>
    </row>
    <row r="4515" spans="1:3" ht="19.2">
      <c r="A4515" s="2"/>
      <c r="B4515" s="2"/>
      <c r="C4515" s="2"/>
    </row>
    <row r="4516" spans="1:3" ht="19.2">
      <c r="A4516" s="2"/>
      <c r="B4516" s="2"/>
      <c r="C4516" s="2"/>
    </row>
    <row r="4517" spans="1:3" ht="19.2">
      <c r="A4517" s="2"/>
      <c r="B4517" s="2"/>
      <c r="C4517" s="2"/>
    </row>
    <row r="4518" spans="1:3" ht="19.2">
      <c r="A4518" s="2"/>
      <c r="B4518" s="2"/>
      <c r="C4518" s="2"/>
    </row>
    <row r="4519" spans="1:3" ht="19.2">
      <c r="A4519" s="2"/>
      <c r="B4519" s="2"/>
      <c r="C4519" s="2"/>
    </row>
    <row r="4520" spans="1:3" ht="19.2">
      <c r="A4520" s="2"/>
      <c r="B4520" s="2"/>
      <c r="C4520" s="2"/>
    </row>
    <row r="4521" spans="1:3" ht="19.2">
      <c r="A4521" s="2"/>
      <c r="B4521" s="2"/>
      <c r="C4521" s="2"/>
    </row>
    <row r="4522" spans="1:3" ht="19.2">
      <c r="A4522" s="2"/>
      <c r="B4522" s="2"/>
      <c r="C4522" s="2"/>
    </row>
    <row r="4523" spans="1:3" ht="19.2">
      <c r="A4523" s="2"/>
      <c r="B4523" s="2"/>
      <c r="C4523" s="2"/>
    </row>
    <row r="4524" spans="1:3" ht="19.2">
      <c r="A4524" s="2"/>
      <c r="B4524" s="2"/>
      <c r="C4524" s="2"/>
    </row>
    <row r="4525" spans="1:3" ht="19.2">
      <c r="A4525" s="2"/>
      <c r="B4525" s="2"/>
      <c r="C4525" s="2"/>
    </row>
    <row r="4526" spans="1:3" ht="19.2">
      <c r="A4526" s="2"/>
      <c r="B4526" s="2"/>
      <c r="C4526" s="2"/>
    </row>
    <row r="4527" spans="1:3" ht="19.2">
      <c r="A4527" s="2"/>
      <c r="B4527" s="2"/>
      <c r="C4527" s="2"/>
    </row>
    <row r="4528" spans="1:3" ht="19.2">
      <c r="A4528" s="2"/>
      <c r="B4528" s="2"/>
      <c r="C4528" s="2"/>
    </row>
    <row r="4529" spans="1:3" ht="19.2">
      <c r="A4529" s="2"/>
      <c r="B4529" s="2"/>
      <c r="C4529" s="2"/>
    </row>
    <row r="4530" spans="1:3" ht="19.2">
      <c r="A4530" s="2"/>
      <c r="B4530" s="2"/>
      <c r="C4530" s="2"/>
    </row>
    <row r="4531" spans="1:3" ht="19.2">
      <c r="A4531" s="2"/>
      <c r="B4531" s="2"/>
      <c r="C4531" s="2"/>
    </row>
    <row r="4532" spans="1:3" ht="19.2">
      <c r="A4532" s="2"/>
      <c r="B4532" s="2"/>
      <c r="C4532" s="2"/>
    </row>
    <row r="4533" spans="1:3" ht="19.2">
      <c r="A4533" s="2"/>
      <c r="B4533" s="2"/>
      <c r="C4533" s="2"/>
    </row>
    <row r="4534" spans="1:3" ht="19.2">
      <c r="A4534" s="2"/>
      <c r="B4534" s="2"/>
      <c r="C4534" s="2"/>
    </row>
    <row r="4535" spans="1:3" ht="19.2">
      <c r="A4535" s="2"/>
      <c r="B4535" s="2"/>
      <c r="C4535" s="2"/>
    </row>
    <row r="4536" spans="1:3" ht="19.2">
      <c r="A4536" s="2"/>
      <c r="B4536" s="2"/>
      <c r="C4536" s="2"/>
    </row>
    <row r="4537" spans="1:3" ht="19.2">
      <c r="A4537" s="2"/>
      <c r="B4537" s="2"/>
      <c r="C4537" s="2"/>
    </row>
    <row r="4538" spans="1:3" ht="19.2">
      <c r="A4538" s="2"/>
      <c r="B4538" s="2"/>
      <c r="C4538" s="2"/>
    </row>
    <row r="4539" spans="1:3" ht="19.2">
      <c r="A4539" s="2"/>
      <c r="B4539" s="2"/>
      <c r="C4539" s="2"/>
    </row>
    <row r="4540" spans="1:3" ht="19.2">
      <c r="A4540" s="2"/>
      <c r="B4540" s="2"/>
      <c r="C4540" s="2"/>
    </row>
    <row r="4541" spans="1:3" ht="19.2">
      <c r="A4541" s="2"/>
      <c r="B4541" s="2"/>
      <c r="C4541" s="2"/>
    </row>
    <row r="4542" spans="1:3" ht="19.2">
      <c r="A4542" s="2"/>
      <c r="B4542" s="2"/>
      <c r="C4542" s="2"/>
    </row>
    <row r="4543" spans="1:3" ht="19.2">
      <c r="A4543" s="2"/>
      <c r="B4543" s="2"/>
      <c r="C4543" s="2"/>
    </row>
    <row r="4544" spans="1:3" ht="19.2">
      <c r="A4544" s="2"/>
      <c r="B4544" s="2"/>
      <c r="C4544" s="2"/>
    </row>
    <row r="4545" spans="1:3" ht="19.2">
      <c r="A4545" s="2"/>
      <c r="B4545" s="2"/>
      <c r="C4545" s="2"/>
    </row>
    <row r="4546" spans="1:3" ht="19.2">
      <c r="A4546" s="2"/>
      <c r="B4546" s="2"/>
      <c r="C4546" s="2"/>
    </row>
    <row r="4547" spans="1:3" ht="19.2">
      <c r="A4547" s="2"/>
      <c r="B4547" s="2"/>
      <c r="C4547" s="2"/>
    </row>
    <row r="4548" spans="1:3" ht="19.2">
      <c r="A4548" s="2"/>
      <c r="B4548" s="2"/>
      <c r="C4548" s="2"/>
    </row>
    <row r="4549" spans="1:3" ht="19.2">
      <c r="A4549" s="2"/>
      <c r="B4549" s="2"/>
      <c r="C4549" s="2"/>
    </row>
    <row r="4550" spans="1:3" ht="19.2">
      <c r="A4550" s="2"/>
      <c r="B4550" s="2"/>
      <c r="C4550" s="2"/>
    </row>
    <row r="4551" spans="1:3" ht="19.2">
      <c r="A4551" s="2"/>
      <c r="B4551" s="2"/>
      <c r="C4551" s="2"/>
    </row>
    <row r="4552" spans="1:3" ht="19.2">
      <c r="A4552" s="2"/>
      <c r="B4552" s="2"/>
      <c r="C4552" s="2"/>
    </row>
    <row r="4553" spans="1:3" ht="19.2">
      <c r="A4553" s="2"/>
      <c r="B4553" s="2"/>
      <c r="C4553" s="2"/>
    </row>
    <row r="4554" spans="1:3" ht="19.2">
      <c r="A4554" s="2"/>
      <c r="B4554" s="2"/>
      <c r="C4554" s="2"/>
    </row>
    <row r="4555" spans="1:3" ht="19.2">
      <c r="A4555" s="2"/>
      <c r="B4555" s="2"/>
      <c r="C4555" s="2"/>
    </row>
    <row r="4556" spans="1:3" ht="19.2">
      <c r="A4556" s="2"/>
      <c r="B4556" s="2"/>
      <c r="C4556" s="2"/>
    </row>
    <row r="4557" spans="1:3" ht="19.2">
      <c r="A4557" s="2"/>
      <c r="B4557" s="2"/>
      <c r="C4557" s="2"/>
    </row>
    <row r="4558" spans="1:3" ht="19.2">
      <c r="A4558" s="2"/>
      <c r="B4558" s="2"/>
      <c r="C4558" s="2"/>
    </row>
    <row r="4559" spans="1:3" ht="19.2">
      <c r="A4559" s="2"/>
      <c r="B4559" s="2"/>
      <c r="C4559" s="2"/>
    </row>
    <row r="4560" spans="1:3" ht="19.2">
      <c r="A4560" s="2"/>
      <c r="B4560" s="2"/>
      <c r="C4560" s="2"/>
    </row>
    <row r="4561" spans="1:3" ht="19.2">
      <c r="A4561" s="2"/>
      <c r="B4561" s="2"/>
      <c r="C4561" s="2"/>
    </row>
    <row r="4562" spans="1:3" ht="19.2">
      <c r="A4562" s="2"/>
      <c r="B4562" s="2"/>
      <c r="C4562" s="2"/>
    </row>
    <row r="4563" spans="1:3" ht="19.2">
      <c r="A4563" s="2"/>
      <c r="B4563" s="2"/>
      <c r="C4563" s="2"/>
    </row>
    <row r="4564" spans="1:3" ht="19.2">
      <c r="A4564" s="2"/>
      <c r="B4564" s="2"/>
      <c r="C4564" s="2"/>
    </row>
    <row r="4565" spans="1:3" ht="19.2">
      <c r="A4565" s="2"/>
      <c r="B4565" s="2"/>
      <c r="C4565" s="2"/>
    </row>
    <row r="4566" spans="1:3" ht="19.2">
      <c r="A4566" s="2"/>
      <c r="B4566" s="2"/>
      <c r="C4566" s="2"/>
    </row>
    <row r="4567" spans="1:3" ht="19.2">
      <c r="A4567" s="2"/>
      <c r="B4567" s="2"/>
      <c r="C4567" s="2"/>
    </row>
    <row r="4568" spans="1:3" ht="19.2">
      <c r="A4568" s="2"/>
      <c r="B4568" s="2"/>
      <c r="C4568" s="2"/>
    </row>
    <row r="4569" spans="1:3" ht="19.2">
      <c r="A4569" s="2"/>
      <c r="B4569" s="2"/>
      <c r="C4569" s="2"/>
    </row>
    <row r="4570" spans="1:3" ht="19.2">
      <c r="A4570" s="2"/>
      <c r="B4570" s="2"/>
      <c r="C4570" s="2"/>
    </row>
    <row r="4571" spans="1:3" ht="19.2">
      <c r="A4571" s="2"/>
      <c r="B4571" s="2"/>
      <c r="C4571" s="2"/>
    </row>
    <row r="4572" spans="1:3" ht="19.2">
      <c r="A4572" s="2"/>
      <c r="B4572" s="2"/>
      <c r="C4572" s="2"/>
    </row>
    <row r="4573" spans="1:3" ht="19.2">
      <c r="A4573" s="2"/>
      <c r="B4573" s="2"/>
      <c r="C4573" s="2"/>
    </row>
    <row r="4574" spans="1:3" ht="19.2">
      <c r="A4574" s="2"/>
      <c r="B4574" s="2"/>
      <c r="C4574" s="2"/>
    </row>
    <row r="4575" spans="1:3" ht="19.2">
      <c r="A4575" s="2"/>
      <c r="B4575" s="2"/>
      <c r="C4575" s="2"/>
    </row>
    <row r="4576" spans="1:3" ht="19.2">
      <c r="A4576" s="2"/>
      <c r="B4576" s="2"/>
      <c r="C4576" s="2"/>
    </row>
    <row r="4577" spans="1:3" ht="19.2">
      <c r="A4577" s="2"/>
      <c r="B4577" s="2"/>
      <c r="C4577" s="2"/>
    </row>
    <row r="4578" spans="1:3" ht="19.2">
      <c r="A4578" s="2"/>
      <c r="B4578" s="2"/>
      <c r="C4578" s="2"/>
    </row>
    <row r="4579" spans="1:3" ht="19.2">
      <c r="A4579" s="2"/>
      <c r="B4579" s="2"/>
      <c r="C4579" s="2"/>
    </row>
    <row r="4580" spans="1:3" ht="19.2">
      <c r="A4580" s="2"/>
      <c r="B4580" s="2"/>
      <c r="C4580" s="2"/>
    </row>
    <row r="4581" spans="1:3" ht="19.2">
      <c r="A4581" s="2"/>
      <c r="B4581" s="2"/>
      <c r="C4581" s="2"/>
    </row>
    <row r="4582" spans="1:3" ht="19.2">
      <c r="A4582" s="2"/>
      <c r="B4582" s="2"/>
      <c r="C4582" s="2"/>
    </row>
    <row r="4583" spans="1:3" ht="19.2">
      <c r="A4583" s="2"/>
      <c r="B4583" s="2"/>
      <c r="C4583" s="2"/>
    </row>
    <row r="4584" spans="1:3" ht="19.2">
      <c r="A4584" s="2"/>
      <c r="B4584" s="2"/>
      <c r="C4584" s="2"/>
    </row>
    <row r="4585" spans="1:3" ht="19.2">
      <c r="A4585" s="2"/>
      <c r="B4585" s="2"/>
      <c r="C4585" s="2"/>
    </row>
    <row r="4586" spans="1:3" ht="19.2">
      <c r="A4586" s="2"/>
      <c r="B4586" s="2"/>
      <c r="C4586" s="2"/>
    </row>
    <row r="4587" spans="1:3" ht="19.2">
      <c r="A4587" s="2"/>
      <c r="B4587" s="2"/>
      <c r="C4587" s="2"/>
    </row>
    <row r="4588" spans="1:3" ht="19.2">
      <c r="A4588" s="2"/>
      <c r="B4588" s="2"/>
      <c r="C4588" s="2"/>
    </row>
    <row r="4589" spans="1:3" ht="19.2">
      <c r="A4589" s="2"/>
      <c r="B4589" s="2"/>
      <c r="C4589" s="2"/>
    </row>
    <row r="4590" spans="1:3" ht="19.2">
      <c r="A4590" s="2"/>
      <c r="B4590" s="2"/>
      <c r="C4590" s="2"/>
    </row>
    <row r="4591" spans="1:3" ht="19.2">
      <c r="A4591" s="2"/>
      <c r="B4591" s="2"/>
      <c r="C4591" s="2"/>
    </row>
    <row r="4592" spans="1:3" ht="19.2">
      <c r="A4592" s="2"/>
      <c r="B4592" s="2"/>
      <c r="C4592" s="2"/>
    </row>
    <row r="4593" spans="1:3" ht="19.2">
      <c r="A4593" s="2"/>
      <c r="B4593" s="2"/>
      <c r="C4593" s="2"/>
    </row>
    <row r="4594" spans="1:3" ht="19.2">
      <c r="A4594" s="2"/>
      <c r="B4594" s="2"/>
      <c r="C4594" s="2"/>
    </row>
    <row r="4595" spans="1:3" ht="19.2">
      <c r="A4595" s="2"/>
      <c r="B4595" s="2"/>
      <c r="C4595" s="2"/>
    </row>
    <row r="4596" spans="1:3" ht="19.2">
      <c r="A4596" s="2"/>
      <c r="B4596" s="2"/>
      <c r="C4596" s="2"/>
    </row>
    <row r="4597" spans="1:3" ht="19.2">
      <c r="A4597" s="2"/>
      <c r="B4597" s="2"/>
      <c r="C4597" s="2"/>
    </row>
    <row r="4598" spans="1:3" ht="19.2">
      <c r="A4598" s="2"/>
      <c r="B4598" s="2"/>
      <c r="C4598" s="2"/>
    </row>
    <row r="4599" spans="1:3" ht="19.2">
      <c r="A4599" s="2"/>
      <c r="B4599" s="2"/>
      <c r="C4599" s="2"/>
    </row>
    <row r="4600" spans="1:3" ht="19.2">
      <c r="A4600" s="2"/>
      <c r="B4600" s="2"/>
      <c r="C4600" s="2"/>
    </row>
    <row r="4601" spans="1:3" ht="19.2">
      <c r="A4601" s="2"/>
      <c r="B4601" s="2"/>
      <c r="C4601" s="2"/>
    </row>
    <row r="4602" spans="1:3" ht="19.2">
      <c r="A4602" s="2"/>
      <c r="B4602" s="2"/>
      <c r="C4602" s="2"/>
    </row>
    <row r="4603" spans="1:3" ht="19.2">
      <c r="A4603" s="2"/>
      <c r="B4603" s="2"/>
      <c r="C4603" s="2"/>
    </row>
    <row r="4604" spans="1:3" ht="19.2">
      <c r="A4604" s="2"/>
      <c r="B4604" s="2"/>
      <c r="C4604" s="2"/>
    </row>
    <row r="4605" spans="1:3" ht="19.2">
      <c r="A4605" s="2"/>
      <c r="B4605" s="2"/>
      <c r="C4605" s="2"/>
    </row>
    <row r="4606" spans="1:3" ht="19.2">
      <c r="A4606" s="2"/>
      <c r="B4606" s="2"/>
      <c r="C4606" s="2"/>
    </row>
    <row r="4607" spans="1:3" ht="19.2">
      <c r="A4607" s="2"/>
      <c r="B4607" s="2"/>
      <c r="C4607" s="2"/>
    </row>
    <row r="4608" spans="1:3" ht="19.2">
      <c r="A4608" s="2"/>
      <c r="B4608" s="2"/>
      <c r="C4608" s="2"/>
    </row>
    <row r="4609" spans="1:3" ht="19.2">
      <c r="A4609" s="2"/>
      <c r="B4609" s="2"/>
      <c r="C4609" s="2"/>
    </row>
    <row r="4610" spans="1:3" ht="19.2">
      <c r="A4610" s="2"/>
      <c r="B4610" s="2"/>
      <c r="C4610" s="2"/>
    </row>
    <row r="4611" spans="1:3" ht="19.2">
      <c r="A4611" s="2"/>
      <c r="B4611" s="2"/>
      <c r="C4611" s="2"/>
    </row>
    <row r="4612" spans="1:3" ht="19.2">
      <c r="A4612" s="2"/>
      <c r="B4612" s="2"/>
      <c r="C4612" s="2"/>
    </row>
    <row r="4613" spans="1:3" ht="19.2">
      <c r="A4613" s="2"/>
      <c r="B4613" s="2"/>
      <c r="C4613" s="2"/>
    </row>
    <row r="4614" spans="1:3" ht="19.2">
      <c r="A4614" s="2"/>
      <c r="B4614" s="2"/>
      <c r="C4614" s="2"/>
    </row>
    <row r="4615" spans="1:3" ht="19.2">
      <c r="A4615" s="2"/>
      <c r="B4615" s="2"/>
      <c r="C4615" s="2"/>
    </row>
    <row r="4616" spans="1:3" ht="19.2">
      <c r="A4616" s="2"/>
      <c r="B4616" s="2"/>
      <c r="C4616" s="2"/>
    </row>
    <row r="4617" spans="1:3" ht="19.2">
      <c r="A4617" s="2"/>
      <c r="B4617" s="2"/>
      <c r="C4617" s="2"/>
    </row>
    <row r="4618" spans="1:3" ht="19.2">
      <c r="A4618" s="2"/>
      <c r="B4618" s="2"/>
      <c r="C4618" s="2"/>
    </row>
    <row r="4619" spans="1:3" ht="19.2">
      <c r="A4619" s="2"/>
      <c r="B4619" s="2"/>
      <c r="C4619" s="2"/>
    </row>
    <row r="4620" spans="1:3" ht="19.2">
      <c r="A4620" s="2"/>
      <c r="B4620" s="2"/>
      <c r="C4620" s="2"/>
    </row>
    <row r="4621" spans="1:3" ht="19.2">
      <c r="A4621" s="2"/>
      <c r="B4621" s="2"/>
      <c r="C4621" s="2"/>
    </row>
    <row r="4622" spans="1:3" ht="19.2">
      <c r="A4622" s="2"/>
      <c r="B4622" s="2"/>
      <c r="C4622" s="2"/>
    </row>
    <row r="4623" spans="1:3" ht="19.2">
      <c r="A4623" s="2"/>
      <c r="B4623" s="2"/>
      <c r="C4623" s="2"/>
    </row>
    <row r="4624" spans="1:3" ht="19.2">
      <c r="A4624" s="2"/>
      <c r="B4624" s="2"/>
      <c r="C4624" s="2"/>
    </row>
    <row r="4625" spans="1:3" ht="19.2">
      <c r="A4625" s="2"/>
      <c r="B4625" s="2"/>
      <c r="C4625" s="2"/>
    </row>
    <row r="4626" spans="1:3" ht="19.2">
      <c r="A4626" s="2"/>
      <c r="B4626" s="2"/>
      <c r="C4626" s="2"/>
    </row>
    <row r="4627" spans="1:3" ht="19.2">
      <c r="A4627" s="2"/>
      <c r="B4627" s="2"/>
      <c r="C4627" s="2"/>
    </row>
    <row r="4628" spans="1:3" ht="19.2">
      <c r="A4628" s="2"/>
      <c r="B4628" s="2"/>
      <c r="C4628" s="2"/>
    </row>
    <row r="4629" spans="1:3" ht="19.2">
      <c r="A4629" s="2"/>
      <c r="B4629" s="2"/>
      <c r="C4629" s="2"/>
    </row>
    <row r="4630" spans="1:3" ht="19.2">
      <c r="A4630" s="2"/>
      <c r="B4630" s="2"/>
      <c r="C4630" s="2"/>
    </row>
    <row r="4631" spans="1:3" ht="19.2">
      <c r="A4631" s="2"/>
      <c r="B4631" s="2"/>
      <c r="C4631" s="2"/>
    </row>
    <row r="4632" spans="1:3" ht="19.2">
      <c r="A4632" s="2"/>
      <c r="B4632" s="2"/>
      <c r="C4632" s="2"/>
    </row>
    <row r="4633" spans="1:3" ht="19.2">
      <c r="A4633" s="2"/>
      <c r="B4633" s="2"/>
      <c r="C4633" s="2"/>
    </row>
    <row r="4634" spans="1:3" ht="19.2">
      <c r="A4634" s="2"/>
      <c r="B4634" s="2"/>
      <c r="C4634" s="2"/>
    </row>
    <row r="4635" spans="1:3" ht="19.2">
      <c r="A4635" s="2"/>
      <c r="B4635" s="2"/>
      <c r="C4635" s="2"/>
    </row>
    <row r="4636" spans="1:3" ht="19.2">
      <c r="A4636" s="2"/>
      <c r="B4636" s="2"/>
      <c r="C4636" s="2"/>
    </row>
    <row r="4637" spans="1:3" ht="19.2">
      <c r="A4637" s="2"/>
      <c r="B4637" s="2"/>
      <c r="C4637" s="2"/>
    </row>
    <row r="4638" spans="1:3" ht="19.2">
      <c r="A4638" s="2"/>
      <c r="B4638" s="2"/>
      <c r="C4638" s="2"/>
    </row>
    <row r="4639" spans="1:3" ht="19.2">
      <c r="A4639" s="2"/>
      <c r="B4639" s="2"/>
      <c r="C4639" s="2"/>
    </row>
    <row r="4640" spans="1:3" ht="19.2">
      <c r="A4640" s="2"/>
      <c r="B4640" s="2"/>
      <c r="C4640" s="2"/>
    </row>
    <row r="4641" spans="1:3" ht="19.2">
      <c r="A4641" s="2"/>
      <c r="B4641" s="2"/>
      <c r="C4641" s="2"/>
    </row>
    <row r="4642" spans="1:3" ht="19.2">
      <c r="A4642" s="2"/>
      <c r="B4642" s="2"/>
      <c r="C4642" s="2"/>
    </row>
    <row r="4643" spans="1:3" ht="19.2">
      <c r="A4643" s="2"/>
      <c r="B4643" s="2"/>
      <c r="C4643" s="2"/>
    </row>
    <row r="4644" spans="1:3" ht="19.2">
      <c r="A4644" s="2"/>
      <c r="B4644" s="2"/>
      <c r="C4644" s="2"/>
    </row>
    <row r="4645" spans="1:3" ht="19.2">
      <c r="A4645" s="2"/>
      <c r="B4645" s="2"/>
      <c r="C4645" s="2"/>
    </row>
    <row r="4646" spans="1:3" ht="19.2">
      <c r="A4646" s="2"/>
      <c r="B4646" s="2"/>
      <c r="C4646" s="2"/>
    </row>
    <row r="4647" spans="1:3" ht="19.2">
      <c r="A4647" s="2"/>
      <c r="B4647" s="2"/>
      <c r="C4647" s="2"/>
    </row>
    <row r="4648" spans="1:3" ht="19.2">
      <c r="A4648" s="2"/>
      <c r="B4648" s="2"/>
      <c r="C4648" s="2"/>
    </row>
    <row r="4649" spans="1:3" ht="19.2">
      <c r="A4649" s="2"/>
      <c r="B4649" s="2"/>
      <c r="C4649" s="2"/>
    </row>
    <row r="4650" spans="1:3" ht="19.2">
      <c r="A4650" s="2"/>
      <c r="B4650" s="2"/>
      <c r="C4650" s="2"/>
    </row>
    <row r="4651" spans="1:3" ht="19.2">
      <c r="A4651" s="2"/>
      <c r="B4651" s="2"/>
      <c r="C4651" s="2"/>
    </row>
    <row r="4652" spans="1:3" ht="19.2">
      <c r="A4652" s="2"/>
      <c r="B4652" s="2"/>
      <c r="C4652" s="2"/>
    </row>
    <row r="4653" spans="1:3" ht="19.2">
      <c r="A4653" s="2"/>
      <c r="B4653" s="2"/>
      <c r="C4653" s="2"/>
    </row>
    <row r="4654" spans="1:3" ht="19.2">
      <c r="A4654" s="2"/>
      <c r="B4654" s="2"/>
      <c r="C4654" s="2"/>
    </row>
    <row r="4655" spans="1:3" ht="19.2">
      <c r="A4655" s="2"/>
      <c r="B4655" s="2"/>
      <c r="C4655" s="2"/>
    </row>
    <row r="4656" spans="1:3" ht="19.2">
      <c r="A4656" s="2"/>
      <c r="B4656" s="2"/>
      <c r="C4656" s="2"/>
    </row>
    <row r="4657" spans="1:3" ht="19.2">
      <c r="A4657" s="2"/>
      <c r="B4657" s="2"/>
      <c r="C4657" s="2"/>
    </row>
    <row r="4658" spans="1:3" ht="19.2">
      <c r="A4658" s="2"/>
      <c r="B4658" s="2"/>
      <c r="C4658" s="2"/>
    </row>
    <row r="4659" spans="1:3" ht="19.2">
      <c r="A4659" s="2"/>
      <c r="B4659" s="2"/>
      <c r="C4659" s="2"/>
    </row>
    <row r="4660" spans="1:3" ht="19.2">
      <c r="A4660" s="2"/>
      <c r="B4660" s="2"/>
      <c r="C4660" s="2"/>
    </row>
    <row r="4661" spans="1:3" ht="19.2">
      <c r="A4661" s="2"/>
      <c r="B4661" s="2"/>
      <c r="C4661" s="2"/>
    </row>
    <row r="4662" spans="1:3" ht="19.2">
      <c r="A4662" s="2"/>
      <c r="B4662" s="2"/>
      <c r="C4662" s="2"/>
    </row>
    <row r="4663" spans="1:3" ht="19.2">
      <c r="A4663" s="2"/>
      <c r="B4663" s="2"/>
      <c r="C4663" s="2"/>
    </row>
    <row r="4664" spans="1:3" ht="19.2">
      <c r="A4664" s="2"/>
      <c r="B4664" s="2"/>
      <c r="C4664" s="2"/>
    </row>
    <row r="4665" spans="1:3" ht="19.2">
      <c r="A4665" s="2"/>
      <c r="B4665" s="2"/>
      <c r="C4665" s="2"/>
    </row>
    <row r="4666" spans="1:3" ht="19.2">
      <c r="A4666" s="2"/>
      <c r="B4666" s="2"/>
      <c r="C4666" s="2"/>
    </row>
    <row r="4667" spans="1:3" ht="19.2">
      <c r="A4667" s="2"/>
      <c r="B4667" s="2"/>
      <c r="C4667" s="2"/>
    </row>
    <row r="4668" spans="1:3" ht="19.2">
      <c r="A4668" s="2"/>
      <c r="B4668" s="2"/>
      <c r="C4668" s="2"/>
    </row>
    <row r="4669" spans="1:3" ht="19.2">
      <c r="A4669" s="2"/>
      <c r="B4669" s="2"/>
      <c r="C4669" s="2"/>
    </row>
    <row r="4670" spans="1:3" ht="19.2">
      <c r="A4670" s="2"/>
      <c r="B4670" s="2"/>
      <c r="C4670" s="2"/>
    </row>
    <row r="4671" spans="1:3" ht="19.2">
      <c r="A4671" s="2"/>
      <c r="B4671" s="2"/>
      <c r="C4671" s="2"/>
    </row>
    <row r="4672" spans="1:3" ht="19.2">
      <c r="A4672" s="2"/>
      <c r="B4672" s="2"/>
      <c r="C4672" s="2"/>
    </row>
    <row r="4673" spans="1:3" ht="19.2">
      <c r="A4673" s="2"/>
      <c r="B4673" s="2"/>
      <c r="C4673" s="2"/>
    </row>
    <row r="4674" spans="1:3" ht="19.2">
      <c r="A4674" s="2"/>
      <c r="B4674" s="2"/>
      <c r="C4674" s="2"/>
    </row>
    <row r="4675" spans="1:3" ht="19.2">
      <c r="A4675" s="2"/>
      <c r="B4675" s="2"/>
      <c r="C4675" s="2"/>
    </row>
    <row r="4676" spans="1:3" ht="19.2">
      <c r="A4676" s="2"/>
      <c r="B4676" s="2"/>
      <c r="C4676" s="2"/>
    </row>
    <row r="4677" spans="1:3" ht="19.2">
      <c r="A4677" s="2"/>
      <c r="B4677" s="2"/>
      <c r="C4677" s="2"/>
    </row>
    <row r="4678" spans="1:3" ht="19.2">
      <c r="A4678" s="2"/>
      <c r="B4678" s="2"/>
      <c r="C4678" s="2"/>
    </row>
    <row r="4679" spans="1:3" ht="19.2">
      <c r="A4679" s="2"/>
      <c r="B4679" s="2"/>
      <c r="C4679" s="2"/>
    </row>
    <row r="4680" spans="1:3" ht="19.2">
      <c r="A4680" s="2"/>
      <c r="B4680" s="2"/>
      <c r="C4680" s="2"/>
    </row>
    <row r="4681" spans="1:3" ht="19.2">
      <c r="A4681" s="2"/>
      <c r="B4681" s="2"/>
      <c r="C4681" s="2"/>
    </row>
    <row r="4682" spans="1:3" ht="19.2">
      <c r="A4682" s="2"/>
      <c r="B4682" s="2"/>
      <c r="C4682" s="2"/>
    </row>
    <row r="4683" spans="1:3" ht="19.2">
      <c r="A4683" s="2"/>
      <c r="B4683" s="2"/>
      <c r="C4683" s="2"/>
    </row>
    <row r="4684" spans="1:3" ht="19.2">
      <c r="A4684" s="2"/>
      <c r="B4684" s="2"/>
      <c r="C4684" s="2"/>
    </row>
    <row r="4685" spans="1:3" ht="19.2">
      <c r="A4685" s="2"/>
      <c r="B4685" s="2"/>
      <c r="C4685" s="2"/>
    </row>
    <row r="4686" spans="1:3" ht="19.2">
      <c r="A4686" s="2"/>
      <c r="B4686" s="2"/>
      <c r="C4686" s="2"/>
    </row>
    <row r="4687" spans="1:3" ht="19.2">
      <c r="A4687" s="2"/>
      <c r="B4687" s="2"/>
      <c r="C4687" s="2"/>
    </row>
    <row r="4688" spans="1:3" ht="19.2">
      <c r="A4688" s="2"/>
      <c r="B4688" s="2"/>
      <c r="C4688" s="2"/>
    </row>
    <row r="4689" spans="1:3" ht="19.2">
      <c r="A4689" s="2"/>
      <c r="B4689" s="2"/>
      <c r="C4689" s="2"/>
    </row>
    <row r="4690" spans="1:3" ht="19.2">
      <c r="A4690" s="2"/>
      <c r="B4690" s="2"/>
      <c r="C4690" s="2"/>
    </row>
    <row r="4691" spans="1:3" ht="19.2">
      <c r="A4691" s="2"/>
      <c r="B4691" s="2"/>
      <c r="C4691" s="2"/>
    </row>
    <row r="4692" spans="1:3" ht="19.2">
      <c r="A4692" s="2"/>
      <c r="B4692" s="2"/>
      <c r="C4692" s="2"/>
    </row>
    <row r="4693" spans="1:3" ht="19.2">
      <c r="A4693" s="2"/>
      <c r="B4693" s="2"/>
      <c r="C4693" s="2"/>
    </row>
    <row r="4694" spans="1:3" ht="19.2">
      <c r="A4694" s="2"/>
      <c r="B4694" s="2"/>
      <c r="C4694" s="2"/>
    </row>
    <row r="4695" spans="1:3" ht="19.2">
      <c r="A4695" s="2"/>
      <c r="B4695" s="2"/>
      <c r="C4695" s="2"/>
    </row>
    <row r="4696" spans="1:3" ht="19.2">
      <c r="A4696" s="2"/>
      <c r="B4696" s="2"/>
      <c r="C4696" s="2"/>
    </row>
    <row r="4697" spans="1:3" ht="19.2">
      <c r="A4697" s="2"/>
      <c r="B4697" s="2"/>
      <c r="C4697" s="2"/>
    </row>
    <row r="4698" spans="1:3" ht="19.2">
      <c r="A4698" s="2"/>
      <c r="B4698" s="2"/>
      <c r="C4698" s="2"/>
    </row>
    <row r="4699" spans="1:3" ht="19.2">
      <c r="A4699" s="2"/>
      <c r="B4699" s="2"/>
      <c r="C4699" s="2"/>
    </row>
    <row r="4700" spans="1:3" ht="19.2">
      <c r="A4700" s="2"/>
      <c r="B4700" s="2"/>
      <c r="C4700" s="2"/>
    </row>
    <row r="4701" spans="1:3" ht="19.2">
      <c r="A4701" s="2"/>
      <c r="B4701" s="2"/>
      <c r="C4701" s="2"/>
    </row>
    <row r="4702" spans="1:3" ht="19.2">
      <c r="A4702" s="2"/>
      <c r="B4702" s="2"/>
      <c r="C4702" s="2"/>
    </row>
    <row r="4703" spans="1:3" ht="19.2">
      <c r="A4703" s="2"/>
      <c r="B4703" s="2"/>
      <c r="C4703" s="2"/>
    </row>
    <row r="4704" spans="1:3" ht="19.2">
      <c r="A4704" s="2"/>
      <c r="B4704" s="2"/>
      <c r="C4704" s="2"/>
    </row>
    <row r="4705" spans="1:3" ht="19.2">
      <c r="A4705" s="2"/>
      <c r="B4705" s="2"/>
      <c r="C4705" s="2"/>
    </row>
    <row r="4706" spans="1:3" ht="19.2">
      <c r="A4706" s="2"/>
      <c r="B4706" s="2"/>
      <c r="C4706" s="2"/>
    </row>
    <row r="4707" spans="1:3" ht="19.2">
      <c r="A4707" s="2"/>
      <c r="B4707" s="2"/>
      <c r="C4707" s="2"/>
    </row>
    <row r="4708" spans="1:3" ht="19.2">
      <c r="A4708" s="2"/>
      <c r="B4708" s="2"/>
      <c r="C4708" s="2"/>
    </row>
    <row r="4709" spans="1:3" ht="19.2">
      <c r="A4709" s="2"/>
      <c r="B4709" s="2"/>
      <c r="C4709" s="2"/>
    </row>
    <row r="4710" spans="1:3" ht="19.2">
      <c r="A4710" s="2"/>
      <c r="B4710" s="2"/>
      <c r="C4710" s="2"/>
    </row>
    <row r="4711" spans="1:3" ht="19.2">
      <c r="A4711" s="2"/>
      <c r="B4711" s="2"/>
      <c r="C4711" s="2"/>
    </row>
    <row r="4712" spans="1:3" ht="19.2">
      <c r="A4712" s="2"/>
      <c r="B4712" s="2"/>
      <c r="C4712" s="2"/>
    </row>
    <row r="4713" spans="1:3" ht="19.2">
      <c r="A4713" s="2"/>
      <c r="B4713" s="2"/>
      <c r="C4713" s="2"/>
    </row>
    <row r="4714" spans="1:3" ht="19.2">
      <c r="A4714" s="2"/>
      <c r="B4714" s="2"/>
      <c r="C4714" s="2"/>
    </row>
    <row r="4715" spans="1:3" ht="19.2">
      <c r="A4715" s="2"/>
      <c r="B4715" s="2"/>
      <c r="C4715" s="2"/>
    </row>
    <row r="4716" spans="1:3" ht="19.2">
      <c r="A4716" s="2"/>
      <c r="B4716" s="2"/>
      <c r="C4716" s="2"/>
    </row>
    <row r="4717" spans="1:3" ht="19.2">
      <c r="A4717" s="2"/>
      <c r="B4717" s="2"/>
      <c r="C4717" s="2"/>
    </row>
    <row r="4718" spans="1:3" ht="19.2">
      <c r="A4718" s="2"/>
      <c r="B4718" s="2"/>
      <c r="C4718" s="2"/>
    </row>
    <row r="4719" spans="1:3" ht="19.2">
      <c r="A4719" s="2"/>
      <c r="B4719" s="2"/>
      <c r="C4719" s="2"/>
    </row>
    <row r="4720" spans="1:3" ht="19.2">
      <c r="A4720" s="2"/>
      <c r="B4720" s="2"/>
      <c r="C4720" s="2"/>
    </row>
    <row r="4721" spans="1:3" ht="19.2">
      <c r="A4721" s="2"/>
      <c r="B4721" s="2"/>
      <c r="C4721" s="2"/>
    </row>
    <row r="4722" spans="1:3" ht="19.2">
      <c r="A4722" s="2"/>
      <c r="B4722" s="2"/>
      <c r="C4722" s="2"/>
    </row>
    <row r="4723" spans="1:3" ht="19.2">
      <c r="A4723" s="2"/>
      <c r="B4723" s="2"/>
      <c r="C4723" s="2"/>
    </row>
    <row r="4724" spans="1:3" ht="19.2">
      <c r="A4724" s="2"/>
      <c r="B4724" s="2"/>
      <c r="C4724" s="2"/>
    </row>
    <row r="4725" spans="1:3" ht="19.2">
      <c r="A4725" s="2"/>
      <c r="B4725" s="2"/>
      <c r="C4725" s="2"/>
    </row>
    <row r="4726" spans="1:3" ht="19.2">
      <c r="A4726" s="2"/>
      <c r="B4726" s="2"/>
      <c r="C4726" s="2"/>
    </row>
    <row r="4727" spans="1:3" ht="19.2">
      <c r="A4727" s="2"/>
      <c r="B4727" s="2"/>
      <c r="C4727" s="2"/>
    </row>
    <row r="4728" spans="1:3" ht="19.2">
      <c r="A4728" s="2"/>
      <c r="B4728" s="2"/>
      <c r="C4728" s="2"/>
    </row>
    <row r="4729" spans="1:3" ht="19.2">
      <c r="A4729" s="2"/>
      <c r="B4729" s="2"/>
      <c r="C4729" s="2"/>
    </row>
    <row r="4730" spans="1:3" ht="19.2">
      <c r="A4730" s="2"/>
      <c r="B4730" s="2"/>
      <c r="C4730" s="2"/>
    </row>
    <row r="4731" spans="1:3" ht="19.2">
      <c r="A4731" s="2"/>
      <c r="B4731" s="2"/>
      <c r="C4731" s="2"/>
    </row>
    <row r="4732" spans="1:3" ht="19.2">
      <c r="A4732" s="2"/>
      <c r="B4732" s="2"/>
      <c r="C4732" s="2"/>
    </row>
    <row r="4733" spans="1:3" ht="19.2">
      <c r="A4733" s="2"/>
      <c r="B4733" s="2"/>
      <c r="C4733" s="2"/>
    </row>
    <row r="4734" spans="1:3" ht="19.2">
      <c r="A4734" s="2"/>
      <c r="B4734" s="2"/>
      <c r="C4734" s="2"/>
    </row>
    <row r="4735" spans="1:3" ht="19.2">
      <c r="A4735" s="2"/>
      <c r="B4735" s="2"/>
      <c r="C4735" s="2"/>
    </row>
    <row r="4736" spans="1:3" ht="19.2">
      <c r="A4736" s="2"/>
      <c r="B4736" s="2"/>
      <c r="C4736" s="2"/>
    </row>
    <row r="4737" spans="1:3" ht="19.2">
      <c r="A4737" s="2"/>
      <c r="B4737" s="2"/>
      <c r="C4737" s="2"/>
    </row>
    <row r="4738" spans="1:3" ht="19.2">
      <c r="A4738" s="2"/>
      <c r="B4738" s="2"/>
      <c r="C4738" s="2"/>
    </row>
    <row r="4739" spans="1:3" ht="19.2">
      <c r="A4739" s="2"/>
      <c r="B4739" s="2"/>
      <c r="C4739" s="2"/>
    </row>
    <row r="4740" spans="1:3" ht="19.2">
      <c r="A4740" s="2"/>
      <c r="B4740" s="2"/>
      <c r="C4740" s="2"/>
    </row>
    <row r="4741" spans="1:3" ht="19.2">
      <c r="A4741" s="2"/>
      <c r="B4741" s="2"/>
      <c r="C4741" s="2"/>
    </row>
    <row r="4742" spans="1:3" ht="19.2">
      <c r="A4742" s="2"/>
      <c r="B4742" s="2"/>
      <c r="C4742" s="2"/>
    </row>
    <row r="4743" spans="1:3" ht="19.2">
      <c r="A4743" s="2"/>
      <c r="B4743" s="2"/>
      <c r="C4743" s="2"/>
    </row>
    <row r="4744" spans="1:3" ht="19.2">
      <c r="A4744" s="2"/>
      <c r="B4744" s="2"/>
      <c r="C4744" s="2"/>
    </row>
    <row r="4745" spans="1:3" ht="19.2">
      <c r="A4745" s="2"/>
      <c r="B4745" s="2"/>
      <c r="C4745" s="2"/>
    </row>
    <row r="4746" spans="1:3" ht="19.2">
      <c r="A4746" s="2"/>
      <c r="B4746" s="2"/>
      <c r="C4746" s="2"/>
    </row>
    <row r="4747" spans="1:3" ht="19.2">
      <c r="A4747" s="2"/>
      <c r="B4747" s="2"/>
      <c r="C4747" s="2"/>
    </row>
    <row r="4748" spans="1:3" ht="19.2">
      <c r="A4748" s="2"/>
      <c r="B4748" s="2"/>
      <c r="C4748" s="2"/>
    </row>
    <row r="4749" spans="1:3" ht="19.2">
      <c r="A4749" s="2"/>
      <c r="B4749" s="2"/>
      <c r="C4749" s="2"/>
    </row>
    <row r="4750" spans="1:3" ht="19.2">
      <c r="A4750" s="2"/>
      <c r="B4750" s="2"/>
      <c r="C4750" s="2"/>
    </row>
    <row r="4751" spans="1:3" ht="19.2">
      <c r="A4751" s="2"/>
      <c r="B4751" s="2"/>
      <c r="C4751" s="2"/>
    </row>
    <row r="4752" spans="1:3" ht="19.2">
      <c r="A4752" s="2"/>
      <c r="B4752" s="2"/>
      <c r="C4752" s="2"/>
    </row>
    <row r="4753" spans="1:3" ht="19.2">
      <c r="A4753" s="2"/>
      <c r="B4753" s="2"/>
      <c r="C4753" s="2"/>
    </row>
    <row r="4754" spans="1:3" ht="19.2">
      <c r="A4754" s="2"/>
      <c r="B4754" s="2"/>
      <c r="C4754" s="2"/>
    </row>
    <row r="4755" spans="1:3" ht="19.2">
      <c r="A4755" s="2"/>
      <c r="B4755" s="2"/>
      <c r="C4755" s="2"/>
    </row>
    <row r="4756" spans="1:3" ht="19.2">
      <c r="A4756" s="2"/>
      <c r="B4756" s="2"/>
      <c r="C4756" s="2"/>
    </row>
    <row r="4757" spans="1:3" ht="19.2">
      <c r="A4757" s="2"/>
      <c r="B4757" s="2"/>
      <c r="C4757" s="2"/>
    </row>
    <row r="4758" spans="1:3" ht="19.2">
      <c r="A4758" s="2"/>
      <c r="B4758" s="2"/>
      <c r="C4758" s="2"/>
    </row>
    <row r="4759" spans="1:3" ht="19.2">
      <c r="A4759" s="2"/>
      <c r="B4759" s="2"/>
      <c r="C4759" s="2"/>
    </row>
    <row r="4760" spans="1:3" ht="19.2">
      <c r="A4760" s="2"/>
      <c r="B4760" s="2"/>
      <c r="C4760" s="2"/>
    </row>
    <row r="4761" spans="1:3" ht="19.2">
      <c r="A4761" s="2"/>
      <c r="B4761" s="2"/>
      <c r="C4761" s="2"/>
    </row>
    <row r="4762" spans="1:3" ht="19.2">
      <c r="A4762" s="2"/>
      <c r="B4762" s="2"/>
      <c r="C4762" s="2"/>
    </row>
    <row r="4763" spans="1:3" ht="19.2">
      <c r="A4763" s="2"/>
      <c r="B4763" s="2"/>
      <c r="C4763" s="2"/>
    </row>
    <row r="4764" spans="1:3" ht="19.2">
      <c r="A4764" s="2"/>
      <c r="B4764" s="2"/>
      <c r="C4764" s="2"/>
    </row>
    <row r="4765" spans="1:3" ht="19.2">
      <c r="A4765" s="2"/>
      <c r="B4765" s="2"/>
      <c r="C4765" s="2"/>
    </row>
    <row r="4766" spans="1:3" ht="19.2">
      <c r="A4766" s="2"/>
      <c r="B4766" s="2"/>
      <c r="C4766" s="2"/>
    </row>
    <row r="4767" spans="1:3" ht="19.2">
      <c r="A4767" s="2"/>
      <c r="B4767" s="2"/>
      <c r="C4767" s="2"/>
    </row>
    <row r="4768" spans="1:3" ht="19.2">
      <c r="A4768" s="2"/>
      <c r="B4768" s="2"/>
      <c r="C4768" s="2"/>
    </row>
    <row r="4769" spans="1:3" ht="19.2">
      <c r="A4769" s="2"/>
      <c r="B4769" s="2"/>
      <c r="C4769" s="2"/>
    </row>
    <row r="4770" spans="1:3" ht="19.2">
      <c r="A4770" s="2"/>
      <c r="B4770" s="2"/>
      <c r="C4770" s="2"/>
    </row>
    <row r="4771" spans="1:3" ht="19.2">
      <c r="A4771" s="2"/>
      <c r="B4771" s="2"/>
      <c r="C4771" s="2"/>
    </row>
    <row r="4772" spans="1:3" ht="19.2">
      <c r="A4772" s="2"/>
      <c r="B4772" s="2"/>
      <c r="C4772" s="2"/>
    </row>
    <row r="4773" spans="1:3" ht="19.2">
      <c r="A4773" s="2"/>
      <c r="B4773" s="2"/>
      <c r="C4773" s="2"/>
    </row>
    <row r="4774" spans="1:3" ht="19.2">
      <c r="A4774" s="2"/>
      <c r="B4774" s="2"/>
      <c r="C4774" s="2"/>
    </row>
    <row r="4775" spans="1:3" ht="19.2">
      <c r="A4775" s="2"/>
      <c r="B4775" s="2"/>
      <c r="C4775" s="2"/>
    </row>
    <row r="4776" spans="1:3" ht="19.2">
      <c r="A4776" s="2"/>
      <c r="B4776" s="2"/>
      <c r="C4776" s="2"/>
    </row>
    <row r="4777" spans="1:3" ht="19.2">
      <c r="A4777" s="2"/>
      <c r="B4777" s="2"/>
      <c r="C4777" s="2"/>
    </row>
    <row r="4778" spans="1:3" ht="19.2">
      <c r="A4778" s="2"/>
      <c r="B4778" s="2"/>
      <c r="C4778" s="2"/>
    </row>
    <row r="4779" spans="1:3" ht="19.2">
      <c r="A4779" s="2"/>
      <c r="B4779" s="2"/>
      <c r="C4779" s="2"/>
    </row>
    <row r="4780" spans="1:3" ht="19.2">
      <c r="A4780" s="2"/>
      <c r="B4780" s="2"/>
      <c r="C4780" s="2"/>
    </row>
    <row r="4781" spans="1:3" ht="19.2">
      <c r="A4781" s="2"/>
      <c r="B4781" s="2"/>
      <c r="C4781" s="2"/>
    </row>
    <row r="4782" spans="1:3" ht="19.2">
      <c r="A4782" s="2"/>
      <c r="B4782" s="2"/>
      <c r="C4782" s="2"/>
    </row>
    <row r="4783" spans="1:3" ht="19.2">
      <c r="A4783" s="2"/>
      <c r="B4783" s="2"/>
      <c r="C4783" s="2"/>
    </row>
    <row r="4784" spans="1:3" ht="19.2">
      <c r="A4784" s="2"/>
      <c r="B4784" s="2"/>
      <c r="C4784" s="2"/>
    </row>
    <row r="4785" spans="1:3" ht="19.2">
      <c r="A4785" s="2"/>
      <c r="B4785" s="2"/>
      <c r="C4785" s="2"/>
    </row>
    <row r="4786" spans="1:3" ht="19.2">
      <c r="A4786" s="2"/>
      <c r="B4786" s="2"/>
      <c r="C4786" s="2"/>
    </row>
    <row r="4787" spans="1:3" ht="19.2">
      <c r="A4787" s="2"/>
      <c r="B4787" s="2"/>
      <c r="C4787" s="2"/>
    </row>
    <row r="4788" spans="1:3" ht="19.2">
      <c r="A4788" s="2"/>
      <c r="B4788" s="2"/>
      <c r="C4788" s="2"/>
    </row>
    <row r="4789" spans="1:3" ht="19.2">
      <c r="A4789" s="2"/>
      <c r="B4789" s="2"/>
      <c r="C4789" s="2"/>
    </row>
    <row r="4790" spans="1:3" ht="19.2">
      <c r="A4790" s="2"/>
      <c r="B4790" s="2"/>
      <c r="C4790" s="2"/>
    </row>
    <row r="4791" spans="1:3" ht="19.2">
      <c r="A4791" s="2"/>
      <c r="B4791" s="2"/>
      <c r="C4791" s="2"/>
    </row>
    <row r="4792" spans="1:3" ht="19.2">
      <c r="A4792" s="2"/>
      <c r="B4792" s="2"/>
      <c r="C4792" s="2"/>
    </row>
    <row r="4793" spans="1:3" ht="19.2">
      <c r="A4793" s="2"/>
      <c r="B4793" s="2"/>
      <c r="C4793" s="2"/>
    </row>
    <row r="4794" spans="1:3" ht="19.2">
      <c r="A4794" s="2"/>
      <c r="B4794" s="2"/>
      <c r="C4794" s="2"/>
    </row>
    <row r="4795" spans="1:3" ht="19.2">
      <c r="A4795" s="2"/>
      <c r="B4795" s="2"/>
      <c r="C4795" s="2"/>
    </row>
    <row r="4796" spans="1:3" ht="19.2">
      <c r="A4796" s="2"/>
      <c r="B4796" s="2"/>
      <c r="C4796" s="2"/>
    </row>
    <row r="4797" spans="1:3" ht="19.2">
      <c r="A4797" s="2"/>
      <c r="B4797" s="2"/>
      <c r="C4797" s="2"/>
    </row>
    <row r="4798" spans="1:3" ht="19.2">
      <c r="A4798" s="2"/>
      <c r="B4798" s="2"/>
      <c r="C4798" s="2"/>
    </row>
    <row r="4799" spans="1:3" ht="19.2">
      <c r="A4799" s="2"/>
      <c r="B4799" s="2"/>
      <c r="C4799" s="2"/>
    </row>
    <row r="4800" spans="1:3" ht="19.2">
      <c r="A4800" s="2"/>
      <c r="B4800" s="2"/>
      <c r="C4800" s="2"/>
    </row>
    <row r="4801" spans="1:3" ht="19.2">
      <c r="A4801" s="2"/>
      <c r="B4801" s="2"/>
      <c r="C4801" s="2"/>
    </row>
    <row r="4802" spans="1:3" ht="19.2">
      <c r="A4802" s="2"/>
      <c r="B4802" s="2"/>
      <c r="C4802" s="2"/>
    </row>
    <row r="4803" spans="1:3" ht="19.2">
      <c r="A4803" s="2"/>
      <c r="B4803" s="2"/>
      <c r="C4803" s="2"/>
    </row>
    <row r="4804" spans="1:3" ht="19.2">
      <c r="A4804" s="2"/>
      <c r="B4804" s="2"/>
      <c r="C4804" s="2"/>
    </row>
    <row r="4805" spans="1:3" ht="19.2">
      <c r="A4805" s="2"/>
      <c r="B4805" s="2"/>
      <c r="C4805" s="2"/>
    </row>
    <row r="4806" spans="1:3" ht="19.2">
      <c r="A4806" s="2"/>
      <c r="B4806" s="2"/>
      <c r="C4806" s="2"/>
    </row>
    <row r="4807" spans="1:3" ht="19.2">
      <c r="A4807" s="2"/>
      <c r="B4807" s="2"/>
      <c r="C4807" s="2"/>
    </row>
    <row r="4808" spans="1:3" ht="19.2">
      <c r="A4808" s="2"/>
      <c r="B4808" s="2"/>
      <c r="C4808" s="2"/>
    </row>
    <row r="4809" spans="1:3" ht="19.2">
      <c r="A4809" s="2"/>
      <c r="B4809" s="2"/>
      <c r="C4809" s="2"/>
    </row>
    <row r="4810" spans="1:3" ht="19.2">
      <c r="A4810" s="2"/>
      <c r="B4810" s="2"/>
      <c r="C4810" s="2"/>
    </row>
    <row r="4811" spans="1:3" ht="19.2">
      <c r="A4811" s="2"/>
      <c r="B4811" s="2"/>
      <c r="C4811" s="2"/>
    </row>
    <row r="4812" spans="1:3" ht="19.2">
      <c r="A4812" s="2"/>
      <c r="B4812" s="2"/>
      <c r="C4812" s="2"/>
    </row>
    <row r="4813" spans="1:3" ht="19.2">
      <c r="A4813" s="2"/>
      <c r="B4813" s="2"/>
      <c r="C4813" s="2"/>
    </row>
    <row r="4814" spans="1:3" ht="19.2">
      <c r="A4814" s="2"/>
      <c r="B4814" s="2"/>
      <c r="C4814" s="2"/>
    </row>
    <row r="4815" spans="1:3" ht="19.2">
      <c r="A4815" s="2"/>
      <c r="B4815" s="2"/>
      <c r="C4815" s="2"/>
    </row>
    <row r="4816" spans="1:3" ht="19.2">
      <c r="A4816" s="2"/>
      <c r="B4816" s="2"/>
      <c r="C4816" s="2"/>
    </row>
    <row r="4817" spans="1:3" ht="19.2">
      <c r="A4817" s="2"/>
      <c r="B4817" s="2"/>
      <c r="C4817" s="2"/>
    </row>
    <row r="4818" spans="1:3" ht="19.2">
      <c r="A4818" s="2"/>
      <c r="B4818" s="2"/>
      <c r="C4818" s="2"/>
    </row>
    <row r="4819" spans="1:3" ht="19.2">
      <c r="A4819" s="2"/>
      <c r="B4819" s="2"/>
      <c r="C4819" s="2"/>
    </row>
    <row r="4820" spans="1:3" ht="19.2">
      <c r="A4820" s="2"/>
      <c r="B4820" s="2"/>
      <c r="C4820" s="2"/>
    </row>
    <row r="4821" spans="1:3" ht="19.2">
      <c r="A4821" s="2"/>
      <c r="B4821" s="2"/>
      <c r="C4821" s="2"/>
    </row>
    <row r="4822" spans="1:3" ht="19.2">
      <c r="A4822" s="2"/>
      <c r="B4822" s="2"/>
      <c r="C4822" s="2"/>
    </row>
    <row r="4823" spans="1:3" ht="19.2">
      <c r="A4823" s="2"/>
      <c r="B4823" s="2"/>
      <c r="C4823" s="2"/>
    </row>
    <row r="4824" spans="1:3" ht="19.2">
      <c r="A4824" s="2"/>
      <c r="B4824" s="2"/>
      <c r="C4824" s="2"/>
    </row>
    <row r="4825" spans="1:3" ht="19.2">
      <c r="A4825" s="2"/>
      <c r="B4825" s="2"/>
      <c r="C4825" s="2"/>
    </row>
    <row r="4826" spans="1:3" ht="19.2">
      <c r="A4826" s="2"/>
      <c r="B4826" s="2"/>
      <c r="C4826" s="2"/>
    </row>
    <row r="4827" spans="1:3" ht="19.2">
      <c r="A4827" s="2"/>
      <c r="B4827" s="2"/>
      <c r="C4827" s="2"/>
    </row>
    <row r="4828" spans="1:3" ht="19.2">
      <c r="A4828" s="2"/>
      <c r="B4828" s="2"/>
      <c r="C4828" s="2"/>
    </row>
    <row r="4829" spans="1:3" ht="19.2">
      <c r="A4829" s="2"/>
      <c r="B4829" s="2"/>
      <c r="C4829" s="2"/>
    </row>
    <row r="4830" spans="1:3" ht="19.2">
      <c r="A4830" s="2"/>
      <c r="B4830" s="2"/>
      <c r="C4830" s="2"/>
    </row>
    <row r="4831" spans="1:3" ht="19.2">
      <c r="A4831" s="2"/>
      <c r="B4831" s="2"/>
      <c r="C4831" s="2"/>
    </row>
    <row r="4832" spans="1:3" ht="19.2">
      <c r="A4832" s="2"/>
      <c r="B4832" s="2"/>
      <c r="C4832" s="2"/>
    </row>
    <row r="4833" spans="1:3" ht="19.2">
      <c r="A4833" s="2"/>
      <c r="B4833" s="2"/>
      <c r="C4833" s="2"/>
    </row>
    <row r="4834" spans="1:3" ht="19.2">
      <c r="A4834" s="2"/>
      <c r="B4834" s="2"/>
      <c r="C4834" s="2"/>
    </row>
    <row r="4835" spans="1:3" ht="19.2">
      <c r="A4835" s="2"/>
      <c r="B4835" s="2"/>
      <c r="C4835" s="2"/>
    </row>
    <row r="4836" spans="1:3" ht="19.2">
      <c r="A4836" s="2"/>
      <c r="B4836" s="2"/>
      <c r="C4836" s="2"/>
    </row>
    <row r="4837" spans="1:3" ht="19.2">
      <c r="A4837" s="2"/>
      <c r="B4837" s="2"/>
      <c r="C4837" s="2"/>
    </row>
    <row r="4838" spans="1:3" ht="19.2">
      <c r="A4838" s="2"/>
      <c r="B4838" s="2"/>
      <c r="C4838" s="2"/>
    </row>
    <row r="4839" spans="1:3" ht="19.2">
      <c r="A4839" s="2"/>
      <c r="B4839" s="2"/>
      <c r="C4839" s="2"/>
    </row>
    <row r="4840" spans="1:3" ht="19.2">
      <c r="A4840" s="2"/>
      <c r="B4840" s="2"/>
      <c r="C4840" s="2"/>
    </row>
    <row r="4841" spans="1:3" ht="19.2">
      <c r="A4841" s="2"/>
      <c r="B4841" s="2"/>
      <c r="C4841" s="2"/>
    </row>
    <row r="4842" spans="1:3" ht="19.2">
      <c r="A4842" s="2"/>
      <c r="B4842" s="2"/>
      <c r="C4842" s="2"/>
    </row>
    <row r="4843" spans="1:3" ht="19.2">
      <c r="A4843" s="2"/>
      <c r="B4843" s="2"/>
      <c r="C4843" s="2"/>
    </row>
    <row r="4844" spans="1:3" ht="19.2">
      <c r="A4844" s="2"/>
      <c r="B4844" s="2"/>
      <c r="C4844" s="2"/>
    </row>
    <row r="4845" spans="1:3" ht="19.2">
      <c r="A4845" s="2"/>
      <c r="B4845" s="2"/>
      <c r="C4845" s="2"/>
    </row>
    <row r="4846" spans="1:3" ht="19.2">
      <c r="A4846" s="2"/>
      <c r="B4846" s="2"/>
      <c r="C4846" s="2"/>
    </row>
    <row r="4847" spans="1:3" ht="19.2">
      <c r="A4847" s="2"/>
      <c r="B4847" s="2"/>
      <c r="C4847" s="2"/>
    </row>
    <row r="4848" spans="1:3" ht="19.2">
      <c r="A4848" s="2"/>
      <c r="B4848" s="2"/>
      <c r="C4848" s="2"/>
    </row>
    <row r="4849" spans="1:3" ht="19.2">
      <c r="A4849" s="2"/>
      <c r="B4849" s="2"/>
      <c r="C4849" s="2"/>
    </row>
    <row r="4850" spans="1:3" ht="19.2">
      <c r="A4850" s="2"/>
      <c r="B4850" s="2"/>
      <c r="C4850" s="2"/>
    </row>
    <row r="4851" spans="1:3" ht="19.2">
      <c r="A4851" s="2"/>
      <c r="B4851" s="2"/>
      <c r="C4851" s="2"/>
    </row>
    <row r="4852" spans="1:3" ht="19.2">
      <c r="A4852" s="2"/>
      <c r="B4852" s="2"/>
      <c r="C4852" s="2"/>
    </row>
    <row r="4853" spans="1:3" ht="19.2">
      <c r="A4853" s="2"/>
      <c r="B4853" s="2"/>
      <c r="C4853" s="2"/>
    </row>
    <row r="4854" spans="1:3" ht="19.2">
      <c r="A4854" s="2"/>
      <c r="B4854" s="2"/>
      <c r="C4854" s="2"/>
    </row>
    <row r="4855" spans="1:3" ht="19.2">
      <c r="A4855" s="2"/>
      <c r="B4855" s="2"/>
      <c r="C4855" s="2"/>
    </row>
    <row r="4856" spans="1:3" ht="19.2">
      <c r="A4856" s="2"/>
      <c r="B4856" s="2"/>
      <c r="C4856" s="2"/>
    </row>
    <row r="4857" spans="1:3" ht="19.2">
      <c r="A4857" s="2"/>
      <c r="B4857" s="2"/>
      <c r="C4857" s="2"/>
    </row>
    <row r="4858" spans="1:3" ht="19.2">
      <c r="A4858" s="2"/>
      <c r="B4858" s="2"/>
      <c r="C4858" s="2"/>
    </row>
    <row r="4859" spans="1:3" ht="19.2">
      <c r="A4859" s="2"/>
      <c r="B4859" s="2"/>
      <c r="C4859" s="2"/>
    </row>
    <row r="4860" spans="1:3" ht="19.2">
      <c r="A4860" s="2"/>
      <c r="B4860" s="2"/>
      <c r="C4860" s="2"/>
    </row>
    <row r="4861" spans="1:3" ht="19.2">
      <c r="A4861" s="2"/>
      <c r="B4861" s="2"/>
      <c r="C4861" s="2"/>
    </row>
    <row r="4862" spans="1:3" ht="19.2">
      <c r="A4862" s="2"/>
      <c r="B4862" s="2"/>
      <c r="C4862" s="2"/>
    </row>
    <row r="4863" spans="1:3" ht="19.2">
      <c r="A4863" s="2"/>
      <c r="B4863" s="2"/>
      <c r="C4863" s="2"/>
    </row>
    <row r="4864" spans="1:3" ht="19.2">
      <c r="A4864" s="2"/>
      <c r="B4864" s="2"/>
      <c r="C4864" s="2"/>
    </row>
    <row r="4865" spans="1:3" ht="19.2">
      <c r="A4865" s="2"/>
      <c r="B4865" s="2"/>
      <c r="C4865" s="2"/>
    </row>
    <row r="4866" spans="1:3" ht="19.2">
      <c r="A4866" s="2"/>
      <c r="B4866" s="2"/>
      <c r="C4866" s="2"/>
    </row>
    <row r="4867" spans="1:3" ht="19.2">
      <c r="A4867" s="2"/>
      <c r="B4867" s="2"/>
      <c r="C4867" s="2"/>
    </row>
    <row r="4868" spans="1:3" ht="19.2">
      <c r="A4868" s="2"/>
      <c r="B4868" s="2"/>
      <c r="C4868" s="2"/>
    </row>
    <row r="4869" spans="1:3" ht="19.2">
      <c r="A4869" s="2"/>
      <c r="B4869" s="2"/>
      <c r="C4869" s="2"/>
    </row>
    <row r="4870" spans="1:3" ht="19.2">
      <c r="A4870" s="2"/>
      <c r="B4870" s="2"/>
      <c r="C4870" s="2"/>
    </row>
    <row r="4871" spans="1:3" ht="19.2">
      <c r="A4871" s="2"/>
      <c r="B4871" s="2"/>
      <c r="C4871" s="2"/>
    </row>
    <row r="4872" spans="1:3" ht="19.2">
      <c r="A4872" s="2"/>
      <c r="B4872" s="2"/>
      <c r="C4872" s="2"/>
    </row>
    <row r="4873" spans="1:3" ht="19.2">
      <c r="A4873" s="2"/>
      <c r="B4873" s="2"/>
      <c r="C4873" s="2"/>
    </row>
    <row r="4874" spans="1:3" ht="19.2">
      <c r="A4874" s="2"/>
      <c r="B4874" s="2"/>
      <c r="C4874" s="2"/>
    </row>
    <row r="4875" spans="1:3" ht="19.2">
      <c r="A4875" s="2"/>
      <c r="B4875" s="2"/>
      <c r="C4875" s="2"/>
    </row>
    <row r="4876" spans="1:3" ht="19.2">
      <c r="A4876" s="2"/>
      <c r="B4876" s="2"/>
      <c r="C4876" s="2"/>
    </row>
    <row r="4877" spans="1:3" ht="19.2">
      <c r="A4877" s="2"/>
      <c r="B4877" s="2"/>
      <c r="C4877" s="2"/>
    </row>
    <row r="4878" spans="1:3" ht="19.2">
      <c r="A4878" s="2"/>
      <c r="B4878" s="2"/>
      <c r="C4878" s="2"/>
    </row>
    <row r="4879" spans="1:3" ht="19.2">
      <c r="A4879" s="2"/>
      <c r="B4879" s="2"/>
      <c r="C4879" s="2"/>
    </row>
    <row r="4880" spans="1:3" ht="19.2">
      <c r="A4880" s="2"/>
      <c r="B4880" s="2"/>
      <c r="C4880" s="2"/>
    </row>
    <row r="4881" spans="1:3" ht="19.2">
      <c r="A4881" s="2"/>
      <c r="B4881" s="2"/>
      <c r="C4881" s="2"/>
    </row>
    <row r="4882" spans="1:3" ht="19.2">
      <c r="A4882" s="2"/>
      <c r="B4882" s="2"/>
      <c r="C4882" s="2"/>
    </row>
    <row r="4883" spans="1:3" ht="19.2">
      <c r="A4883" s="2"/>
      <c r="B4883" s="2"/>
      <c r="C4883" s="2"/>
    </row>
    <row r="4884" spans="1:3" ht="19.2">
      <c r="A4884" s="2"/>
      <c r="B4884" s="2"/>
      <c r="C4884" s="2"/>
    </row>
    <row r="4885" spans="1:3" ht="19.2">
      <c r="A4885" s="2"/>
      <c r="B4885" s="2"/>
      <c r="C4885" s="2"/>
    </row>
    <row r="4886" spans="1:3" ht="19.2">
      <c r="A4886" s="2"/>
      <c r="B4886" s="2"/>
      <c r="C4886" s="2"/>
    </row>
    <row r="4887" spans="1:3" ht="19.2">
      <c r="A4887" s="2"/>
      <c r="B4887" s="2"/>
      <c r="C4887" s="2"/>
    </row>
    <row r="4888" spans="1:3" ht="19.2">
      <c r="A4888" s="2"/>
      <c r="B4888" s="2"/>
      <c r="C4888" s="2"/>
    </row>
    <row r="4889" spans="1:3" ht="19.2">
      <c r="A4889" s="2"/>
      <c r="B4889" s="2"/>
      <c r="C4889" s="2"/>
    </row>
    <row r="4890" spans="1:3" ht="19.2">
      <c r="A4890" s="2"/>
      <c r="B4890" s="2"/>
      <c r="C4890" s="2"/>
    </row>
    <row r="4891" spans="1:3" ht="19.2">
      <c r="A4891" s="2"/>
      <c r="B4891" s="2"/>
      <c r="C4891" s="2"/>
    </row>
    <row r="4892" spans="1:3" ht="19.2">
      <c r="A4892" s="2"/>
      <c r="B4892" s="2"/>
      <c r="C4892" s="2"/>
    </row>
    <row r="4893" spans="1:3" ht="19.2">
      <c r="A4893" s="2"/>
      <c r="B4893" s="2"/>
      <c r="C4893" s="2"/>
    </row>
    <row r="4894" spans="1:3" ht="19.2">
      <c r="A4894" s="2"/>
      <c r="B4894" s="2"/>
      <c r="C4894" s="2"/>
    </row>
    <row r="4895" spans="1:3" ht="19.2">
      <c r="A4895" s="2"/>
      <c r="B4895" s="2"/>
      <c r="C4895" s="2"/>
    </row>
    <row r="4896" spans="1:3" ht="19.2">
      <c r="A4896" s="2"/>
      <c r="B4896" s="2"/>
      <c r="C4896" s="2"/>
    </row>
    <row r="4897" spans="1:3" ht="19.2">
      <c r="A4897" s="2"/>
      <c r="B4897" s="2"/>
      <c r="C4897" s="2"/>
    </row>
    <row r="4898" spans="1:3" ht="19.2">
      <c r="A4898" s="2"/>
      <c r="B4898" s="2"/>
      <c r="C4898" s="2"/>
    </row>
    <row r="4899" spans="1:3" ht="19.2">
      <c r="A4899" s="2"/>
      <c r="B4899" s="2"/>
      <c r="C4899" s="2"/>
    </row>
    <row r="4900" spans="1:3" ht="19.2">
      <c r="A4900" s="2"/>
      <c r="B4900" s="2"/>
      <c r="C4900" s="2"/>
    </row>
    <row r="4901" spans="1:3" ht="19.2">
      <c r="A4901" s="2"/>
      <c r="B4901" s="2"/>
      <c r="C4901" s="2"/>
    </row>
    <row r="4902" spans="1:3" ht="19.2">
      <c r="A4902" s="2"/>
      <c r="B4902" s="2"/>
      <c r="C4902" s="2"/>
    </row>
    <row r="4903" spans="1:3" ht="19.2">
      <c r="A4903" s="2"/>
      <c r="B4903" s="2"/>
      <c r="C4903" s="2"/>
    </row>
    <row r="4904" spans="1:3" ht="19.2">
      <c r="A4904" s="2"/>
      <c r="B4904" s="2"/>
      <c r="C4904" s="2"/>
    </row>
    <row r="4905" spans="1:3" ht="19.2">
      <c r="A4905" s="2"/>
      <c r="B4905" s="2"/>
      <c r="C4905" s="2"/>
    </row>
    <row r="4906" spans="1:3" ht="19.2">
      <c r="A4906" s="2"/>
      <c r="B4906" s="2"/>
      <c r="C4906" s="2"/>
    </row>
    <row r="4907" spans="1:3" ht="19.2">
      <c r="A4907" s="2"/>
      <c r="B4907" s="2"/>
      <c r="C4907" s="2"/>
    </row>
    <row r="4908" spans="1:3" ht="19.2">
      <c r="A4908" s="2"/>
      <c r="B4908" s="2"/>
      <c r="C4908" s="2"/>
    </row>
    <row r="4909" spans="1:3" ht="19.2">
      <c r="A4909" s="2"/>
      <c r="B4909" s="2"/>
      <c r="C4909" s="2"/>
    </row>
    <row r="4910" spans="1:3" ht="19.2">
      <c r="A4910" s="2"/>
      <c r="B4910" s="2"/>
      <c r="C4910" s="2"/>
    </row>
    <row r="4911" spans="1:3" ht="19.2">
      <c r="A4911" s="2"/>
      <c r="B4911" s="2"/>
      <c r="C4911" s="2"/>
    </row>
    <row r="4912" spans="1:3" ht="19.2">
      <c r="A4912" s="2"/>
      <c r="B4912" s="2"/>
      <c r="C4912" s="2"/>
    </row>
    <row r="4913" spans="1:3" ht="19.2">
      <c r="A4913" s="2"/>
      <c r="B4913" s="2"/>
      <c r="C4913" s="2"/>
    </row>
    <row r="4914" spans="1:3" ht="19.2">
      <c r="A4914" s="2"/>
      <c r="B4914" s="2"/>
      <c r="C4914" s="2"/>
    </row>
    <row r="4915" spans="1:3" ht="19.2">
      <c r="A4915" s="2"/>
      <c r="B4915" s="2"/>
      <c r="C4915" s="2"/>
    </row>
    <row r="4916" spans="1:3" ht="19.2">
      <c r="A4916" s="2"/>
      <c r="B4916" s="2"/>
      <c r="C4916" s="2"/>
    </row>
    <row r="4917" spans="1:3" ht="19.2">
      <c r="A4917" s="2"/>
      <c r="B4917" s="2"/>
      <c r="C4917" s="2"/>
    </row>
    <row r="4918" spans="1:3" ht="19.2">
      <c r="A4918" s="2"/>
      <c r="B4918" s="2"/>
      <c r="C4918" s="2"/>
    </row>
    <row r="4919" spans="1:3" ht="19.2">
      <c r="A4919" s="2"/>
      <c r="B4919" s="2"/>
      <c r="C4919" s="2"/>
    </row>
    <row r="4920" spans="1:3" ht="19.2">
      <c r="A4920" s="2"/>
      <c r="B4920" s="2"/>
      <c r="C4920" s="2"/>
    </row>
    <row r="4921" spans="1:3" ht="19.2">
      <c r="A4921" s="2"/>
      <c r="B4921" s="2"/>
      <c r="C4921" s="2"/>
    </row>
    <row r="4922" spans="1:3" ht="19.2">
      <c r="A4922" s="2"/>
      <c r="B4922" s="2"/>
      <c r="C4922" s="2"/>
    </row>
    <row r="4923" spans="1:3" ht="19.2">
      <c r="A4923" s="2"/>
      <c r="B4923" s="2"/>
      <c r="C4923" s="2"/>
    </row>
    <row r="4924" spans="1:3" ht="19.2">
      <c r="A4924" s="2"/>
      <c r="B4924" s="2"/>
      <c r="C4924" s="2"/>
    </row>
    <row r="4925" spans="1:3" ht="19.2">
      <c r="A4925" s="2"/>
      <c r="B4925" s="2"/>
      <c r="C4925" s="2"/>
    </row>
    <row r="4926" spans="1:3" ht="19.2">
      <c r="A4926" s="2"/>
      <c r="B4926" s="2"/>
      <c r="C4926" s="2"/>
    </row>
    <row r="4927" spans="1:3" ht="19.2">
      <c r="A4927" s="2"/>
      <c r="B4927" s="2"/>
      <c r="C4927" s="2"/>
    </row>
    <row r="4928" spans="1:3" ht="19.2">
      <c r="A4928" s="2"/>
      <c r="B4928" s="2"/>
      <c r="C4928" s="2"/>
    </row>
    <row r="4929" spans="1:3" ht="19.2">
      <c r="A4929" s="2"/>
      <c r="B4929" s="2"/>
      <c r="C4929" s="2"/>
    </row>
    <row r="4930" spans="1:3" ht="19.2">
      <c r="A4930" s="2"/>
      <c r="B4930" s="2"/>
      <c r="C4930" s="2"/>
    </row>
    <row r="4931" spans="1:3" ht="19.2">
      <c r="A4931" s="2"/>
      <c r="B4931" s="2"/>
      <c r="C4931" s="2"/>
    </row>
    <row r="4932" spans="1:3" ht="19.2">
      <c r="A4932" s="2"/>
      <c r="B4932" s="2"/>
      <c r="C4932" s="2"/>
    </row>
    <row r="4933" spans="1:3" ht="19.2">
      <c r="A4933" s="2"/>
      <c r="B4933" s="2"/>
      <c r="C4933" s="2"/>
    </row>
    <row r="4934" spans="1:3" ht="19.2">
      <c r="A4934" s="2"/>
      <c r="B4934" s="2"/>
      <c r="C4934" s="2"/>
    </row>
    <row r="4935" spans="1:3" ht="19.2">
      <c r="A4935" s="2"/>
      <c r="B4935" s="2"/>
      <c r="C4935" s="2"/>
    </row>
    <row r="4936" spans="1:3" ht="19.2">
      <c r="A4936" s="2"/>
      <c r="B4936" s="2"/>
      <c r="C4936" s="2"/>
    </row>
    <row r="4937" spans="1:3" ht="19.2">
      <c r="A4937" s="2"/>
      <c r="B4937" s="2"/>
      <c r="C4937" s="2"/>
    </row>
    <row r="4938" spans="1:3" ht="19.2">
      <c r="A4938" s="2"/>
      <c r="B4938" s="2"/>
      <c r="C4938" s="2"/>
    </row>
    <row r="4939" spans="1:3" ht="19.2">
      <c r="A4939" s="2"/>
      <c r="B4939" s="2"/>
      <c r="C4939" s="2"/>
    </row>
    <row r="4940" spans="1:3" ht="19.2">
      <c r="A4940" s="2"/>
      <c r="B4940" s="2"/>
      <c r="C4940" s="2"/>
    </row>
    <row r="4941" spans="1:3" ht="19.2">
      <c r="A4941" s="2"/>
      <c r="B4941" s="2"/>
      <c r="C4941" s="2"/>
    </row>
    <row r="4942" spans="1:3" ht="19.2">
      <c r="A4942" s="2"/>
      <c r="B4942" s="2"/>
      <c r="C4942" s="2"/>
    </row>
    <row r="4943" spans="1:3" ht="19.2">
      <c r="A4943" s="2"/>
      <c r="B4943" s="2"/>
      <c r="C4943" s="2"/>
    </row>
    <row r="4944" spans="1:3" ht="19.2">
      <c r="A4944" s="2"/>
      <c r="B4944" s="2"/>
      <c r="C4944" s="2"/>
    </row>
    <row r="4945" spans="1:3" ht="19.2">
      <c r="A4945" s="2"/>
      <c r="B4945" s="2"/>
      <c r="C4945" s="2"/>
    </row>
    <row r="4946" spans="1:3" ht="19.2">
      <c r="A4946" s="2"/>
      <c r="B4946" s="2"/>
      <c r="C4946" s="2"/>
    </row>
    <row r="4947" spans="1:3" ht="19.2">
      <c r="A4947" s="2"/>
      <c r="B4947" s="2"/>
      <c r="C4947" s="2"/>
    </row>
    <row r="4948" spans="1:3" ht="19.2">
      <c r="A4948" s="2"/>
      <c r="B4948" s="2"/>
      <c r="C4948" s="2"/>
    </row>
    <row r="4949" spans="1:3" ht="19.2">
      <c r="A4949" s="2"/>
      <c r="B4949" s="2"/>
      <c r="C4949" s="2"/>
    </row>
    <row r="4950" spans="1:3" ht="19.2">
      <c r="A4950" s="2"/>
      <c r="B4950" s="2"/>
      <c r="C4950" s="2"/>
    </row>
    <row r="4951" spans="1:3" ht="19.2">
      <c r="A4951" s="2"/>
      <c r="B4951" s="2"/>
      <c r="C4951" s="2"/>
    </row>
    <row r="4952" spans="1:3" ht="19.2">
      <c r="A4952" s="2"/>
      <c r="B4952" s="2"/>
      <c r="C4952" s="2"/>
    </row>
    <row r="4953" spans="1:3" ht="19.2">
      <c r="A4953" s="2"/>
      <c r="B4953" s="2"/>
      <c r="C4953" s="2"/>
    </row>
    <row r="4954" spans="1:3" ht="19.2">
      <c r="A4954" s="2"/>
      <c r="B4954" s="2"/>
      <c r="C4954" s="2"/>
    </row>
    <row r="4955" spans="1:3" ht="19.2">
      <c r="A4955" s="2"/>
      <c r="B4955" s="2"/>
      <c r="C4955" s="2"/>
    </row>
    <row r="4956" spans="1:3" ht="19.2">
      <c r="A4956" s="2"/>
      <c r="B4956" s="2"/>
      <c r="C4956" s="2"/>
    </row>
    <row r="4957" spans="1:3" ht="19.2">
      <c r="A4957" s="2"/>
      <c r="B4957" s="2"/>
      <c r="C4957" s="2"/>
    </row>
    <row r="4958" spans="1:3" ht="19.2">
      <c r="A4958" s="2"/>
      <c r="B4958" s="2"/>
      <c r="C4958" s="2"/>
    </row>
    <row r="4959" spans="1:3" ht="19.2">
      <c r="A4959" s="2"/>
      <c r="B4959" s="2"/>
      <c r="C4959" s="2"/>
    </row>
    <row r="4960" spans="1:3" ht="19.2">
      <c r="A4960" s="2"/>
      <c r="B4960" s="2"/>
      <c r="C4960" s="2"/>
    </row>
    <row r="4961" spans="1:3" ht="19.2">
      <c r="A4961" s="2"/>
      <c r="B4961" s="2"/>
      <c r="C4961" s="2"/>
    </row>
    <row r="4962" spans="1:3" ht="19.2">
      <c r="A4962" s="2"/>
      <c r="B4962" s="2"/>
      <c r="C4962" s="2"/>
    </row>
    <row r="4963" spans="1:3" ht="19.2">
      <c r="A4963" s="2"/>
      <c r="B4963" s="2"/>
      <c r="C4963" s="2"/>
    </row>
    <row r="4964" spans="1:3" ht="19.2">
      <c r="A4964" s="2"/>
      <c r="B4964" s="2"/>
      <c r="C4964" s="2"/>
    </row>
    <row r="4965" spans="1:3" ht="19.2">
      <c r="A4965" s="2"/>
      <c r="B4965" s="2"/>
      <c r="C4965" s="2"/>
    </row>
    <row r="4966" spans="1:3" ht="19.2">
      <c r="A4966" s="2"/>
      <c r="B4966" s="2"/>
      <c r="C4966" s="2"/>
    </row>
    <row r="4967" spans="1:3" ht="19.2">
      <c r="A4967" s="2"/>
      <c r="B4967" s="2"/>
      <c r="C4967" s="2"/>
    </row>
    <row r="4968" spans="1:3" ht="19.2">
      <c r="A4968" s="2"/>
      <c r="B4968" s="2"/>
      <c r="C4968" s="2"/>
    </row>
    <row r="4969" spans="1:3" ht="19.2">
      <c r="A4969" s="2"/>
      <c r="B4969" s="2"/>
      <c r="C4969" s="2"/>
    </row>
    <row r="4970" spans="1:3" ht="19.2">
      <c r="A4970" s="2"/>
      <c r="B4970" s="2"/>
      <c r="C4970" s="2"/>
    </row>
    <row r="4971" spans="1:3" ht="19.2">
      <c r="A4971" s="2"/>
      <c r="B4971" s="2"/>
      <c r="C4971" s="2"/>
    </row>
    <row r="4972" spans="1:3" ht="19.2">
      <c r="A4972" s="2"/>
      <c r="B4972" s="2"/>
      <c r="C4972" s="2"/>
    </row>
    <row r="4973" spans="1:3" ht="19.2">
      <c r="A4973" s="2"/>
      <c r="B4973" s="2"/>
      <c r="C4973" s="2"/>
    </row>
    <row r="4974" spans="1:3" ht="19.2">
      <c r="A4974" s="2"/>
      <c r="B4974" s="2"/>
      <c r="C4974" s="2"/>
    </row>
    <row r="4975" spans="1:3" ht="19.2">
      <c r="A4975" s="2"/>
      <c r="B4975" s="2"/>
      <c r="C4975" s="2"/>
    </row>
    <row r="4976" spans="1:3" ht="19.2">
      <c r="A4976" s="2"/>
      <c r="B4976" s="2"/>
      <c r="C4976" s="2"/>
    </row>
    <row r="4977" spans="1:3" ht="19.2">
      <c r="A4977" s="2"/>
      <c r="B4977" s="2"/>
      <c r="C4977" s="2"/>
    </row>
    <row r="4978" spans="1:3" ht="19.2">
      <c r="A4978" s="2"/>
      <c r="B4978" s="2"/>
      <c r="C4978" s="2"/>
    </row>
    <row r="4979" spans="1:3" ht="19.2">
      <c r="A4979" s="2"/>
      <c r="B4979" s="2"/>
      <c r="C4979" s="2"/>
    </row>
    <row r="4980" spans="1:3" ht="19.2">
      <c r="A4980" s="2"/>
      <c r="B4980" s="2"/>
      <c r="C4980" s="2"/>
    </row>
    <row r="4981" spans="1:3" ht="19.2">
      <c r="A4981" s="2"/>
      <c r="B4981" s="2"/>
      <c r="C4981" s="2"/>
    </row>
    <row r="4982" spans="1:3" ht="19.2">
      <c r="A4982" s="2"/>
      <c r="B4982" s="2"/>
      <c r="C4982" s="2"/>
    </row>
    <row r="4983" spans="1:3" ht="19.2">
      <c r="A4983" s="2"/>
      <c r="B4983" s="2"/>
      <c r="C4983" s="2"/>
    </row>
    <row r="4984" spans="1:3" ht="19.2">
      <c r="A4984" s="2"/>
      <c r="B4984" s="2"/>
      <c r="C4984" s="2"/>
    </row>
    <row r="4985" spans="1:3" ht="19.2">
      <c r="A4985" s="2"/>
      <c r="B4985" s="2"/>
      <c r="C4985" s="2"/>
    </row>
    <row r="4986" spans="1:3" ht="19.2">
      <c r="A4986" s="2"/>
      <c r="B4986" s="2"/>
      <c r="C4986" s="2"/>
    </row>
    <row r="4987" spans="1:3" ht="19.2">
      <c r="A4987" s="2"/>
      <c r="B4987" s="2"/>
      <c r="C4987" s="2"/>
    </row>
    <row r="4988" spans="1:3" ht="19.2">
      <c r="A4988" s="2"/>
      <c r="B4988" s="2"/>
      <c r="C4988" s="2"/>
    </row>
    <row r="4989" spans="1:3" ht="19.2">
      <c r="A4989" s="2"/>
      <c r="B4989" s="2"/>
      <c r="C4989" s="2"/>
    </row>
    <row r="4990" spans="1:3" ht="19.2">
      <c r="A4990" s="2"/>
      <c r="B4990" s="2"/>
      <c r="C4990" s="2"/>
    </row>
    <row r="4991" spans="1:3" ht="19.2">
      <c r="A4991" s="2"/>
      <c r="B4991" s="2"/>
      <c r="C4991" s="2"/>
    </row>
    <row r="4992" spans="1:3" ht="19.2">
      <c r="A4992" s="2"/>
      <c r="B4992" s="2"/>
      <c r="C4992" s="2"/>
    </row>
    <row r="4993" spans="1:3" ht="19.2">
      <c r="A4993" s="2"/>
      <c r="B4993" s="2"/>
      <c r="C4993" s="2"/>
    </row>
    <row r="4994" spans="1:3" ht="19.2">
      <c r="A4994" s="2"/>
      <c r="B4994" s="2"/>
      <c r="C4994" s="2"/>
    </row>
    <row r="4995" spans="1:3" ht="19.2">
      <c r="A4995" s="2"/>
      <c r="B4995" s="2"/>
      <c r="C4995" s="2"/>
    </row>
    <row r="4996" spans="1:3" ht="19.2">
      <c r="A4996" s="2"/>
      <c r="B4996" s="2"/>
      <c r="C4996" s="2"/>
    </row>
    <row r="4997" spans="1:3" ht="19.2">
      <c r="A4997" s="2"/>
      <c r="B4997" s="2"/>
      <c r="C4997" s="2"/>
    </row>
    <row r="4998" spans="1:3" ht="19.2">
      <c r="A4998" s="2"/>
      <c r="B4998" s="2"/>
      <c r="C4998" s="2"/>
    </row>
    <row r="4999" spans="1:3" ht="19.2">
      <c r="A4999" s="2"/>
      <c r="B4999" s="2"/>
      <c r="C4999" s="2"/>
    </row>
    <row r="5000" spans="1:3" ht="19.2">
      <c r="A5000" s="2"/>
      <c r="B5000" s="2"/>
      <c r="C5000" s="2"/>
    </row>
    <row r="5001" spans="1:3" ht="19.2">
      <c r="A5001" s="2"/>
      <c r="B5001" s="2"/>
      <c r="C5001" s="2"/>
    </row>
    <row r="5002" spans="1:3" ht="19.2">
      <c r="A5002" s="2"/>
      <c r="B5002" s="2"/>
      <c r="C5002" s="2"/>
    </row>
    <row r="5003" spans="1:3" ht="19.2">
      <c r="A5003" s="2"/>
      <c r="B5003" s="2"/>
      <c r="C5003" s="2"/>
    </row>
    <row r="5004" spans="1:3" ht="19.2">
      <c r="A5004" s="2"/>
      <c r="B5004" s="2"/>
      <c r="C5004" s="2"/>
    </row>
    <row r="5005" spans="1:3" ht="19.2">
      <c r="A5005" s="2"/>
      <c r="B5005" s="2"/>
      <c r="C5005" s="2"/>
    </row>
    <row r="5006" spans="1:3" ht="19.2">
      <c r="A5006" s="2"/>
      <c r="B5006" s="2"/>
      <c r="C5006" s="2"/>
    </row>
    <row r="5007" spans="1:3" ht="19.2">
      <c r="A5007" s="2"/>
      <c r="B5007" s="2"/>
      <c r="C5007" s="2"/>
    </row>
    <row r="5008" spans="1:3" ht="19.2">
      <c r="A5008" s="2"/>
      <c r="B5008" s="2"/>
      <c r="C5008" s="2"/>
    </row>
    <row r="5009" spans="1:3" ht="19.2">
      <c r="A5009" s="2"/>
      <c r="B5009" s="2"/>
      <c r="C5009" s="2"/>
    </row>
    <row r="5010" spans="1:3" ht="19.2">
      <c r="A5010" s="2"/>
      <c r="B5010" s="2"/>
      <c r="C5010" s="2"/>
    </row>
    <row r="5011" spans="1:3" ht="19.2">
      <c r="A5011" s="2"/>
      <c r="B5011" s="2"/>
      <c r="C5011" s="2"/>
    </row>
    <row r="5012" spans="1:3" ht="19.2">
      <c r="A5012" s="2"/>
      <c r="B5012" s="2"/>
      <c r="C5012" s="2"/>
    </row>
    <row r="5013" spans="1:3" ht="19.2">
      <c r="A5013" s="2"/>
      <c r="B5013" s="2"/>
      <c r="C5013" s="2"/>
    </row>
    <row r="5014" spans="1:3" ht="19.2">
      <c r="A5014" s="2"/>
      <c r="B5014" s="2"/>
      <c r="C5014" s="2"/>
    </row>
    <row r="5015" spans="1:3" ht="19.2">
      <c r="A5015" s="2"/>
      <c r="B5015" s="2"/>
      <c r="C5015" s="2"/>
    </row>
    <row r="5016" spans="1:3" ht="19.2">
      <c r="A5016" s="2"/>
      <c r="B5016" s="2"/>
      <c r="C5016" s="2"/>
    </row>
    <row r="5017" spans="1:3" ht="19.2">
      <c r="A5017" s="2"/>
      <c r="B5017" s="2"/>
      <c r="C5017" s="2"/>
    </row>
    <row r="5018" spans="1:3" ht="19.2">
      <c r="A5018" s="2"/>
      <c r="B5018" s="2"/>
      <c r="C5018" s="2"/>
    </row>
    <row r="5019" spans="1:3" ht="19.2">
      <c r="A5019" s="2"/>
      <c r="B5019" s="2"/>
      <c r="C5019" s="2"/>
    </row>
    <row r="5020" spans="1:3" ht="19.2">
      <c r="A5020" s="2"/>
      <c r="B5020" s="2"/>
      <c r="C5020" s="2"/>
    </row>
    <row r="5021" spans="1:3" ht="19.2">
      <c r="A5021" s="2"/>
      <c r="B5021" s="2"/>
      <c r="C5021" s="2"/>
    </row>
    <row r="5022" spans="1:3" ht="19.2">
      <c r="A5022" s="2"/>
      <c r="B5022" s="2"/>
      <c r="C5022" s="2"/>
    </row>
    <row r="5023" spans="1:3" ht="19.2">
      <c r="A5023" s="2"/>
      <c r="B5023" s="2"/>
      <c r="C5023" s="2"/>
    </row>
    <row r="5024" spans="1:3" ht="19.2">
      <c r="A5024" s="2"/>
      <c r="B5024" s="2"/>
      <c r="C5024" s="2"/>
    </row>
    <row r="5025" spans="1:3" ht="19.2">
      <c r="A5025" s="2"/>
      <c r="B5025" s="2"/>
      <c r="C5025" s="2"/>
    </row>
    <row r="5026" spans="1:3" ht="19.2">
      <c r="A5026" s="2"/>
      <c r="B5026" s="2"/>
      <c r="C5026" s="2"/>
    </row>
    <row r="5027" spans="1:3" ht="19.2">
      <c r="A5027" s="2"/>
      <c r="B5027" s="2"/>
      <c r="C5027" s="2"/>
    </row>
    <row r="5028" spans="1:3" ht="19.2">
      <c r="A5028" s="2"/>
      <c r="B5028" s="2"/>
      <c r="C5028" s="2"/>
    </row>
    <row r="5029" spans="1:3" ht="19.2">
      <c r="A5029" s="2"/>
      <c r="B5029" s="2"/>
      <c r="C5029" s="2"/>
    </row>
    <row r="5030" spans="1:3" ht="19.2">
      <c r="A5030" s="2"/>
      <c r="B5030" s="2"/>
      <c r="C5030" s="2"/>
    </row>
    <row r="5031" spans="1:3" ht="19.2">
      <c r="A5031" s="2"/>
      <c r="B5031" s="2"/>
      <c r="C5031" s="2"/>
    </row>
    <row r="5032" spans="1:3" ht="19.2">
      <c r="A5032" s="2"/>
      <c r="B5032" s="2"/>
      <c r="C5032" s="2"/>
    </row>
    <row r="5033" spans="1:3" ht="19.2">
      <c r="A5033" s="2"/>
      <c r="B5033" s="2"/>
      <c r="C5033" s="2"/>
    </row>
    <row r="5034" spans="1:3" ht="19.2">
      <c r="A5034" s="2"/>
      <c r="B5034" s="2"/>
      <c r="C5034" s="2"/>
    </row>
    <row r="5035" spans="1:3" ht="19.2">
      <c r="A5035" s="2"/>
      <c r="B5035" s="2"/>
      <c r="C5035" s="2"/>
    </row>
    <row r="5036" spans="1:3" ht="19.2">
      <c r="A5036" s="2"/>
      <c r="B5036" s="2"/>
      <c r="C5036" s="2"/>
    </row>
    <row r="5037" spans="1:3" ht="19.2">
      <c r="A5037" s="2"/>
      <c r="B5037" s="2"/>
      <c r="C5037" s="2"/>
    </row>
    <row r="5038" spans="1:3" ht="19.2">
      <c r="A5038" s="2"/>
      <c r="B5038" s="2"/>
      <c r="C5038" s="2"/>
    </row>
    <row r="5039" spans="1:3" ht="19.2">
      <c r="A5039" s="2"/>
      <c r="B5039" s="2"/>
      <c r="C5039" s="2"/>
    </row>
    <row r="5040" spans="1:3" ht="19.2">
      <c r="A5040" s="2"/>
      <c r="B5040" s="2"/>
      <c r="C5040" s="2"/>
    </row>
    <row r="5041" spans="1:3" ht="19.2">
      <c r="A5041" s="2"/>
      <c r="B5041" s="2"/>
      <c r="C5041" s="2"/>
    </row>
    <row r="5042" spans="1:3" ht="19.2">
      <c r="A5042" s="2"/>
      <c r="B5042" s="2"/>
      <c r="C5042" s="2"/>
    </row>
    <row r="5043" spans="1:3" ht="19.2">
      <c r="A5043" s="2"/>
      <c r="B5043" s="2"/>
      <c r="C5043" s="2"/>
    </row>
    <row r="5044" spans="1:3" ht="19.2">
      <c r="A5044" s="2"/>
      <c r="B5044" s="2"/>
      <c r="C5044" s="2"/>
    </row>
    <row r="5045" spans="1:3" ht="19.2">
      <c r="A5045" s="2"/>
      <c r="B5045" s="2"/>
      <c r="C5045" s="2"/>
    </row>
    <row r="5046" spans="1:3" ht="19.2">
      <c r="A5046" s="2"/>
      <c r="B5046" s="2"/>
      <c r="C5046" s="2"/>
    </row>
    <row r="5047" spans="1:3" ht="19.2">
      <c r="A5047" s="2"/>
      <c r="B5047" s="2"/>
      <c r="C5047" s="2"/>
    </row>
    <row r="5048" spans="1:3" ht="19.2">
      <c r="A5048" s="2"/>
      <c r="B5048" s="2"/>
      <c r="C5048" s="2"/>
    </row>
    <row r="5049" spans="1:3" ht="19.2">
      <c r="A5049" s="2"/>
      <c r="B5049" s="2"/>
      <c r="C5049" s="2"/>
    </row>
    <row r="5050" spans="1:3" ht="19.2">
      <c r="A5050" s="2"/>
      <c r="B5050" s="2"/>
      <c r="C5050" s="2"/>
    </row>
    <row r="5051" spans="1:3" ht="19.2">
      <c r="A5051" s="2"/>
      <c r="B5051" s="2"/>
      <c r="C5051" s="2"/>
    </row>
    <row r="5052" spans="1:3" ht="19.2">
      <c r="A5052" s="2"/>
      <c r="B5052" s="2"/>
      <c r="C5052" s="2"/>
    </row>
    <row r="5053" spans="1:3" ht="19.2">
      <c r="A5053" s="2"/>
      <c r="B5053" s="2"/>
      <c r="C5053" s="2"/>
    </row>
    <row r="5054" spans="1:3" ht="19.2">
      <c r="A5054" s="2"/>
      <c r="B5054" s="2"/>
      <c r="C5054" s="2"/>
    </row>
    <row r="5055" spans="1:3" ht="19.2">
      <c r="A5055" s="2"/>
      <c r="B5055" s="2"/>
      <c r="C5055" s="2"/>
    </row>
    <row r="5056" spans="1:3" ht="19.2">
      <c r="A5056" s="2"/>
      <c r="B5056" s="2"/>
      <c r="C5056" s="2"/>
    </row>
    <row r="5057" spans="1:3" ht="19.2">
      <c r="A5057" s="2"/>
      <c r="B5057" s="2"/>
      <c r="C5057" s="2"/>
    </row>
    <row r="5058" spans="1:3" ht="19.2">
      <c r="A5058" s="2"/>
      <c r="B5058" s="2"/>
      <c r="C5058" s="2"/>
    </row>
    <row r="5059" spans="1:3" ht="19.2">
      <c r="A5059" s="2"/>
      <c r="B5059" s="2"/>
      <c r="C5059" s="2"/>
    </row>
    <row r="5060" spans="1:3" ht="19.2">
      <c r="A5060" s="2"/>
      <c r="B5060" s="2"/>
      <c r="C5060" s="2"/>
    </row>
    <row r="5061" spans="1:3" ht="19.2">
      <c r="A5061" s="2"/>
      <c r="B5061" s="2"/>
      <c r="C5061" s="2"/>
    </row>
    <row r="5062" spans="1:3" ht="19.2">
      <c r="A5062" s="2"/>
      <c r="B5062" s="2"/>
      <c r="C5062" s="2"/>
    </row>
    <row r="5063" spans="1:3" ht="19.2">
      <c r="A5063" s="2"/>
      <c r="B5063" s="2"/>
      <c r="C5063" s="2"/>
    </row>
    <row r="5064" spans="1:3" ht="19.2">
      <c r="A5064" s="2"/>
      <c r="B5064" s="2"/>
      <c r="C5064" s="2"/>
    </row>
    <row r="5065" spans="1:3" ht="19.2">
      <c r="A5065" s="2"/>
      <c r="B5065" s="2"/>
      <c r="C5065" s="2"/>
    </row>
    <row r="5066" spans="1:3" ht="19.2">
      <c r="A5066" s="2"/>
      <c r="B5066" s="2"/>
      <c r="C5066" s="2"/>
    </row>
    <row r="5067" spans="1:3" ht="19.2">
      <c r="A5067" s="2"/>
      <c r="B5067" s="2"/>
      <c r="C5067" s="2"/>
    </row>
    <row r="5068" spans="1:3" ht="19.2">
      <c r="A5068" s="2"/>
      <c r="B5068" s="2"/>
      <c r="C5068" s="2"/>
    </row>
    <row r="5069" spans="1:3" ht="19.2">
      <c r="A5069" s="2"/>
      <c r="B5069" s="2"/>
      <c r="C5069" s="2"/>
    </row>
    <row r="5070" spans="1:3" ht="19.2">
      <c r="A5070" s="2"/>
      <c r="B5070" s="2"/>
      <c r="C5070" s="2"/>
    </row>
    <row r="5071" spans="1:3" ht="19.2">
      <c r="A5071" s="2"/>
      <c r="B5071" s="2"/>
      <c r="C5071" s="2"/>
    </row>
    <row r="5072" spans="1:3" ht="19.2">
      <c r="A5072" s="2"/>
      <c r="B5072" s="2"/>
      <c r="C5072" s="2"/>
    </row>
    <row r="5073" spans="1:3" ht="19.2">
      <c r="A5073" s="2"/>
      <c r="B5073" s="2"/>
      <c r="C5073" s="2"/>
    </row>
    <row r="5074" spans="1:3" ht="19.2">
      <c r="A5074" s="2"/>
      <c r="B5074" s="2"/>
      <c r="C5074" s="2"/>
    </row>
    <row r="5075" spans="1:3" ht="19.2">
      <c r="A5075" s="2"/>
      <c r="B5075" s="2"/>
      <c r="C5075" s="2"/>
    </row>
    <row r="5076" spans="1:3" ht="19.2">
      <c r="A5076" s="2"/>
      <c r="B5076" s="2"/>
      <c r="C5076" s="2"/>
    </row>
    <row r="5077" spans="1:3" ht="19.2">
      <c r="A5077" s="2"/>
      <c r="B5077" s="2"/>
      <c r="C5077" s="2"/>
    </row>
    <row r="5078" spans="1:3" ht="19.2">
      <c r="A5078" s="2"/>
      <c r="B5078" s="2"/>
      <c r="C5078" s="2"/>
    </row>
    <row r="5079" spans="1:3" ht="19.2">
      <c r="A5079" s="2"/>
      <c r="B5079" s="2"/>
      <c r="C5079" s="2"/>
    </row>
    <row r="5080" spans="1:3" ht="19.2">
      <c r="A5080" s="2"/>
      <c r="B5080" s="2"/>
      <c r="C5080" s="2"/>
    </row>
    <row r="5081" spans="1:3" ht="19.2">
      <c r="A5081" s="2"/>
      <c r="B5081" s="2"/>
      <c r="C5081" s="2"/>
    </row>
    <row r="5082" spans="1:3" ht="19.2">
      <c r="A5082" s="2"/>
      <c r="B5082" s="2"/>
      <c r="C5082" s="2"/>
    </row>
    <row r="5083" spans="1:3" ht="19.2">
      <c r="A5083" s="2"/>
      <c r="B5083" s="2"/>
      <c r="C5083" s="2"/>
    </row>
    <row r="5084" spans="1:3" ht="19.2">
      <c r="A5084" s="2"/>
      <c r="B5084" s="2"/>
      <c r="C5084" s="2"/>
    </row>
    <row r="5085" spans="1:3" ht="19.2">
      <c r="A5085" s="2"/>
      <c r="B5085" s="2"/>
      <c r="C5085" s="2"/>
    </row>
    <row r="5086" spans="1:3" ht="19.2">
      <c r="A5086" s="2"/>
      <c r="B5086" s="2"/>
      <c r="C5086" s="2"/>
    </row>
    <row r="5087" spans="1:3" ht="19.2">
      <c r="A5087" s="2"/>
      <c r="B5087" s="2"/>
      <c r="C5087" s="2"/>
    </row>
    <row r="5088" spans="1:3" ht="19.2">
      <c r="A5088" s="2"/>
      <c r="B5088" s="2"/>
      <c r="C5088" s="2"/>
    </row>
    <row r="5089" spans="1:3" ht="19.2">
      <c r="A5089" s="2"/>
      <c r="B5089" s="2"/>
      <c r="C5089" s="2"/>
    </row>
    <row r="5090" spans="1:3" ht="19.2">
      <c r="A5090" s="2"/>
      <c r="B5090" s="2"/>
      <c r="C5090" s="2"/>
    </row>
    <row r="5091" spans="1:3" ht="19.2">
      <c r="A5091" s="2"/>
      <c r="B5091" s="2"/>
      <c r="C5091" s="2"/>
    </row>
    <row r="5092" spans="1:3" ht="19.2">
      <c r="A5092" s="2"/>
      <c r="B5092" s="2"/>
      <c r="C5092" s="2"/>
    </row>
    <row r="5093" spans="1:3" ht="19.2">
      <c r="A5093" s="2"/>
      <c r="B5093" s="2"/>
      <c r="C5093" s="2"/>
    </row>
    <row r="5094" spans="1:3" ht="19.2">
      <c r="A5094" s="2"/>
      <c r="B5094" s="2"/>
      <c r="C5094" s="2"/>
    </row>
    <row r="5095" spans="1:3" ht="19.2">
      <c r="A5095" s="2"/>
      <c r="B5095" s="2"/>
      <c r="C5095" s="2"/>
    </row>
    <row r="5096" spans="1:3" ht="19.2">
      <c r="A5096" s="2"/>
      <c r="B5096" s="2"/>
      <c r="C5096" s="2"/>
    </row>
    <row r="5097" spans="1:3" ht="19.2">
      <c r="A5097" s="2"/>
      <c r="B5097" s="2"/>
      <c r="C5097" s="2"/>
    </row>
    <row r="5098" spans="1:3" ht="19.2">
      <c r="A5098" s="2"/>
      <c r="B5098" s="2"/>
      <c r="C5098" s="2"/>
    </row>
    <row r="5099" spans="1:3" ht="19.2">
      <c r="A5099" s="2"/>
      <c r="B5099" s="2"/>
      <c r="C5099" s="2"/>
    </row>
    <row r="5100" spans="1:3" ht="19.2">
      <c r="A5100" s="2"/>
      <c r="B5100" s="2"/>
      <c r="C5100" s="2"/>
    </row>
    <row r="5101" spans="1:3" ht="19.2">
      <c r="A5101" s="2"/>
      <c r="B5101" s="2"/>
      <c r="C5101" s="2"/>
    </row>
    <row r="5102" spans="1:3" ht="19.2">
      <c r="A5102" s="2"/>
      <c r="B5102" s="2"/>
      <c r="C5102" s="2"/>
    </row>
    <row r="5103" spans="1:3" ht="19.2">
      <c r="A5103" s="2"/>
      <c r="B5103" s="2"/>
      <c r="C5103" s="2"/>
    </row>
    <row r="5104" spans="1:3" ht="19.2">
      <c r="A5104" s="2"/>
      <c r="B5104" s="2"/>
      <c r="C5104" s="2"/>
    </row>
    <row r="5105" spans="1:3" ht="19.2">
      <c r="A5105" s="2"/>
      <c r="B5105" s="2"/>
      <c r="C5105" s="2"/>
    </row>
    <row r="5106" spans="1:3" ht="19.2">
      <c r="A5106" s="2"/>
      <c r="B5106" s="2"/>
      <c r="C5106" s="2"/>
    </row>
    <row r="5107" spans="1:3" ht="19.2">
      <c r="A5107" s="2"/>
      <c r="B5107" s="2"/>
      <c r="C5107" s="2"/>
    </row>
    <row r="5108" spans="1:3" ht="19.2">
      <c r="A5108" s="2"/>
      <c r="B5108" s="2"/>
      <c r="C5108" s="2"/>
    </row>
    <row r="5109" spans="1:3" ht="19.2">
      <c r="A5109" s="2"/>
      <c r="B5109" s="2"/>
      <c r="C5109" s="2"/>
    </row>
    <row r="5110" spans="1:3" ht="19.2">
      <c r="A5110" s="2"/>
      <c r="B5110" s="2"/>
      <c r="C5110" s="2"/>
    </row>
    <row r="5111" spans="1:3" ht="19.2">
      <c r="A5111" s="2"/>
      <c r="B5111" s="2"/>
      <c r="C5111" s="2"/>
    </row>
    <row r="5112" spans="1:3" ht="19.2">
      <c r="A5112" s="2"/>
      <c r="B5112" s="2"/>
      <c r="C5112" s="2"/>
    </row>
    <row r="5113" spans="1:3" ht="19.2">
      <c r="A5113" s="2"/>
      <c r="B5113" s="2"/>
      <c r="C5113" s="2"/>
    </row>
    <row r="5114" spans="1:3" ht="19.2">
      <c r="A5114" s="2"/>
      <c r="B5114" s="2"/>
      <c r="C5114" s="2"/>
    </row>
    <row r="5115" spans="1:3" ht="19.2">
      <c r="A5115" s="2"/>
      <c r="B5115" s="2"/>
      <c r="C5115" s="2"/>
    </row>
    <row r="5116" spans="1:3" ht="19.2">
      <c r="A5116" s="2"/>
      <c r="B5116" s="2"/>
      <c r="C5116" s="2"/>
    </row>
    <row r="5117" spans="1:3" ht="19.2">
      <c r="A5117" s="2"/>
      <c r="B5117" s="2"/>
      <c r="C5117" s="2"/>
    </row>
    <row r="5118" spans="1:3" ht="19.2">
      <c r="A5118" s="2"/>
      <c r="B5118" s="2"/>
      <c r="C5118" s="2"/>
    </row>
    <row r="5119" spans="1:3" ht="19.2">
      <c r="A5119" s="2"/>
      <c r="B5119" s="2"/>
      <c r="C5119" s="2"/>
    </row>
    <row r="5120" spans="1:3" ht="19.2">
      <c r="A5120" s="2"/>
      <c r="B5120" s="2"/>
      <c r="C5120" s="2"/>
    </row>
    <row r="5121" spans="1:3" ht="19.2">
      <c r="A5121" s="2"/>
      <c r="B5121" s="2"/>
      <c r="C5121" s="2"/>
    </row>
    <row r="5122" spans="1:3" ht="19.2">
      <c r="A5122" s="2"/>
      <c r="B5122" s="2"/>
      <c r="C5122" s="2"/>
    </row>
    <row r="5123" spans="1:3" ht="19.2">
      <c r="A5123" s="2"/>
      <c r="B5123" s="2"/>
      <c r="C5123" s="2"/>
    </row>
    <row r="5124" spans="1:3" ht="19.2">
      <c r="A5124" s="2"/>
      <c r="B5124" s="2"/>
      <c r="C5124" s="2"/>
    </row>
    <row r="5125" spans="1:3" ht="19.2">
      <c r="A5125" s="2"/>
      <c r="B5125" s="2"/>
      <c r="C5125" s="2"/>
    </row>
    <row r="5126" spans="1:3" ht="19.2">
      <c r="A5126" s="2"/>
      <c r="B5126" s="2"/>
      <c r="C5126" s="2"/>
    </row>
    <row r="5127" spans="1:3" ht="19.2">
      <c r="A5127" s="2"/>
      <c r="B5127" s="2"/>
      <c r="C5127" s="2"/>
    </row>
    <row r="5128" spans="1:3" ht="19.2">
      <c r="A5128" s="2"/>
      <c r="B5128" s="2"/>
      <c r="C5128" s="2"/>
    </row>
    <row r="5129" spans="1:3" ht="19.2">
      <c r="A5129" s="2"/>
      <c r="B5129" s="2"/>
      <c r="C5129" s="2"/>
    </row>
    <row r="5130" spans="1:3" ht="19.2">
      <c r="A5130" s="2"/>
      <c r="B5130" s="2"/>
      <c r="C5130" s="2"/>
    </row>
    <row r="5131" spans="1:3" ht="19.2">
      <c r="A5131" s="2"/>
      <c r="B5131" s="2"/>
      <c r="C5131" s="2"/>
    </row>
    <row r="5132" spans="1:3" ht="19.2">
      <c r="A5132" s="2"/>
      <c r="B5132" s="2"/>
      <c r="C5132" s="2"/>
    </row>
    <row r="5133" spans="1:3" ht="19.2">
      <c r="A5133" s="2"/>
      <c r="B5133" s="2"/>
      <c r="C5133" s="2"/>
    </row>
    <row r="5134" spans="1:3" ht="19.2">
      <c r="A5134" s="2"/>
      <c r="B5134" s="2"/>
      <c r="C5134" s="2"/>
    </row>
    <row r="5135" spans="1:3" ht="19.2">
      <c r="A5135" s="2"/>
      <c r="B5135" s="2"/>
      <c r="C5135" s="2"/>
    </row>
    <row r="5136" spans="1:3" ht="19.2">
      <c r="A5136" s="2"/>
      <c r="B5136" s="2"/>
      <c r="C5136" s="2"/>
    </row>
    <row r="5137" spans="1:3" ht="19.2">
      <c r="A5137" s="2"/>
      <c r="B5137" s="2"/>
      <c r="C5137" s="2"/>
    </row>
    <row r="5138" spans="1:3" ht="19.2">
      <c r="A5138" s="2"/>
      <c r="B5138" s="2"/>
      <c r="C5138" s="2"/>
    </row>
    <row r="5139" spans="1:3" ht="19.2">
      <c r="A5139" s="2"/>
      <c r="B5139" s="2"/>
      <c r="C5139" s="2"/>
    </row>
    <row r="5140" spans="1:3" ht="19.2">
      <c r="A5140" s="2"/>
      <c r="B5140" s="2"/>
      <c r="C5140" s="2"/>
    </row>
    <row r="5141" spans="1:3" ht="19.2">
      <c r="A5141" s="2"/>
      <c r="B5141" s="2"/>
      <c r="C5141" s="2"/>
    </row>
    <row r="5142" spans="1:3" ht="19.2">
      <c r="A5142" s="2"/>
      <c r="B5142" s="2"/>
      <c r="C5142" s="2"/>
    </row>
    <row r="5143" spans="1:3" ht="19.2">
      <c r="A5143" s="2"/>
      <c r="B5143" s="2"/>
      <c r="C5143" s="2"/>
    </row>
    <row r="5144" spans="1:3" ht="19.2">
      <c r="A5144" s="2"/>
      <c r="B5144" s="2"/>
      <c r="C5144" s="2"/>
    </row>
    <row r="5145" spans="1:3" ht="19.2">
      <c r="A5145" s="2"/>
      <c r="B5145" s="2"/>
      <c r="C5145" s="2"/>
    </row>
    <row r="5146" spans="1:3" ht="19.2">
      <c r="A5146" s="2"/>
      <c r="B5146" s="2"/>
      <c r="C5146" s="2"/>
    </row>
    <row r="5147" spans="1:3" ht="19.2">
      <c r="A5147" s="2"/>
      <c r="B5147" s="2"/>
      <c r="C5147" s="2"/>
    </row>
    <row r="5148" spans="1:3" ht="19.2">
      <c r="A5148" s="2"/>
      <c r="B5148" s="2"/>
      <c r="C5148" s="2"/>
    </row>
    <row r="5149" spans="1:3" ht="19.2">
      <c r="A5149" s="2"/>
      <c r="B5149" s="2"/>
      <c r="C5149" s="2"/>
    </row>
    <row r="5150" spans="1:3" ht="19.2">
      <c r="A5150" s="2"/>
      <c r="B5150" s="2"/>
      <c r="C5150" s="2"/>
    </row>
    <row r="5151" spans="1:3" ht="19.2">
      <c r="A5151" s="2"/>
      <c r="B5151" s="2"/>
      <c r="C5151" s="2"/>
    </row>
    <row r="5152" spans="1:3" ht="19.2">
      <c r="A5152" s="2"/>
      <c r="B5152" s="2"/>
      <c r="C5152" s="2"/>
    </row>
    <row r="5153" spans="1:3" ht="19.2">
      <c r="A5153" s="2"/>
      <c r="B5153" s="2"/>
      <c r="C5153" s="2"/>
    </row>
    <row r="5154" spans="1:3" ht="19.2">
      <c r="A5154" s="2"/>
      <c r="B5154" s="2"/>
      <c r="C5154" s="2"/>
    </row>
    <row r="5155" spans="1:3" ht="19.2">
      <c r="A5155" s="2"/>
      <c r="B5155" s="2"/>
      <c r="C5155" s="2"/>
    </row>
    <row r="5156" spans="1:3" ht="19.2">
      <c r="A5156" s="2"/>
      <c r="B5156" s="2"/>
      <c r="C5156" s="2"/>
    </row>
    <row r="5157" spans="1:3" ht="19.2">
      <c r="A5157" s="2"/>
      <c r="B5157" s="2"/>
      <c r="C5157" s="2"/>
    </row>
    <row r="5158" spans="1:3" ht="19.2">
      <c r="A5158" s="2"/>
      <c r="B5158" s="2"/>
      <c r="C5158" s="2"/>
    </row>
    <row r="5159" spans="1:3" ht="19.2">
      <c r="A5159" s="2"/>
      <c r="B5159" s="2"/>
      <c r="C5159" s="2"/>
    </row>
    <row r="5160" spans="1:3" ht="19.2">
      <c r="A5160" s="2"/>
      <c r="B5160" s="2"/>
      <c r="C5160" s="2"/>
    </row>
    <row r="5161" spans="1:3" ht="19.2">
      <c r="A5161" s="2"/>
      <c r="B5161" s="2"/>
      <c r="C5161" s="2"/>
    </row>
    <row r="5162" spans="1:3" ht="19.2">
      <c r="A5162" s="2"/>
      <c r="B5162" s="2"/>
      <c r="C5162" s="2"/>
    </row>
    <row r="5163" spans="1:3" ht="19.2">
      <c r="A5163" s="2"/>
      <c r="B5163" s="2"/>
      <c r="C5163" s="2"/>
    </row>
    <row r="5164" spans="1:3" ht="19.2">
      <c r="A5164" s="2"/>
      <c r="B5164" s="2"/>
      <c r="C5164" s="2"/>
    </row>
    <row r="5165" spans="1:3" ht="19.2">
      <c r="A5165" s="2"/>
      <c r="B5165" s="2"/>
      <c r="C5165" s="2"/>
    </row>
    <row r="5166" spans="1:3" ht="19.2">
      <c r="A5166" s="2"/>
      <c r="B5166" s="2"/>
      <c r="C5166" s="2"/>
    </row>
    <row r="5167" spans="1:3" ht="19.2">
      <c r="A5167" s="2"/>
      <c r="B5167" s="2"/>
      <c r="C5167" s="2"/>
    </row>
    <row r="5168" spans="1:3" ht="19.2">
      <c r="A5168" s="2"/>
      <c r="B5168" s="2"/>
      <c r="C5168" s="2"/>
    </row>
    <row r="5169" spans="1:3" ht="19.2">
      <c r="A5169" s="2"/>
      <c r="B5169" s="2"/>
      <c r="C5169" s="2"/>
    </row>
    <row r="5170" spans="1:3" ht="19.2">
      <c r="A5170" s="2"/>
      <c r="B5170" s="2"/>
      <c r="C5170" s="2"/>
    </row>
    <row r="5171" spans="1:3" ht="19.2">
      <c r="A5171" s="2"/>
      <c r="B5171" s="2"/>
      <c r="C5171" s="2"/>
    </row>
    <row r="5172" spans="1:3" ht="19.2">
      <c r="A5172" s="2"/>
      <c r="B5172" s="2"/>
      <c r="C5172" s="2"/>
    </row>
    <row r="5173" spans="1:3" ht="19.2">
      <c r="A5173" s="2"/>
      <c r="B5173" s="2"/>
      <c r="C5173" s="2"/>
    </row>
    <row r="5174" spans="1:3" ht="19.2">
      <c r="A5174" s="2"/>
      <c r="B5174" s="2"/>
      <c r="C5174" s="2"/>
    </row>
    <row r="5175" spans="1:3" ht="19.2">
      <c r="A5175" s="2"/>
      <c r="B5175" s="2"/>
      <c r="C5175" s="2"/>
    </row>
    <row r="5176" spans="1:3" ht="19.2">
      <c r="A5176" s="2"/>
      <c r="B5176" s="2"/>
      <c r="C5176" s="2"/>
    </row>
    <row r="5177" spans="1:3" ht="19.2">
      <c r="A5177" s="2"/>
      <c r="B5177" s="2"/>
      <c r="C5177" s="2"/>
    </row>
    <row r="5178" spans="1:3" ht="19.2">
      <c r="A5178" s="2"/>
      <c r="B5178" s="2"/>
      <c r="C5178" s="2"/>
    </row>
    <row r="5179" spans="1:3" ht="19.2">
      <c r="A5179" s="2"/>
      <c r="B5179" s="2"/>
      <c r="C5179" s="2"/>
    </row>
    <row r="5180" spans="1:3" ht="19.2">
      <c r="A5180" s="2"/>
      <c r="B5180" s="2"/>
      <c r="C5180" s="2"/>
    </row>
    <row r="5181" spans="1:3" ht="19.2">
      <c r="A5181" s="2"/>
      <c r="B5181" s="2"/>
      <c r="C5181" s="2"/>
    </row>
    <row r="5182" spans="1:3" ht="19.2">
      <c r="A5182" s="2"/>
      <c r="B5182" s="2"/>
      <c r="C5182" s="2"/>
    </row>
    <row r="5183" spans="1:3" ht="19.2">
      <c r="A5183" s="2"/>
      <c r="B5183" s="2"/>
      <c r="C5183" s="2"/>
    </row>
    <row r="5184" spans="1:3" ht="19.2">
      <c r="A5184" s="2"/>
      <c r="B5184" s="2"/>
      <c r="C5184" s="2"/>
    </row>
    <row r="5185" spans="1:3" ht="19.2">
      <c r="A5185" s="2"/>
      <c r="B5185" s="2"/>
      <c r="C5185" s="2"/>
    </row>
    <row r="5186" spans="1:3" ht="19.2">
      <c r="A5186" s="2"/>
      <c r="B5186" s="2"/>
      <c r="C5186" s="2"/>
    </row>
    <row r="5187" spans="1:3" ht="19.2">
      <c r="A5187" s="2"/>
      <c r="B5187" s="2"/>
      <c r="C5187" s="2"/>
    </row>
    <row r="5188" spans="1:3" ht="19.2">
      <c r="A5188" s="2"/>
      <c r="B5188" s="2"/>
      <c r="C5188" s="2"/>
    </row>
    <row r="5189" spans="1:3" ht="19.2">
      <c r="A5189" s="2"/>
      <c r="B5189" s="2"/>
      <c r="C5189" s="2"/>
    </row>
    <row r="5190" spans="1:3" ht="19.2">
      <c r="A5190" s="2"/>
      <c r="B5190" s="2"/>
      <c r="C5190" s="2"/>
    </row>
    <row r="5191" spans="1:3" ht="19.2">
      <c r="A5191" s="2"/>
      <c r="B5191" s="2"/>
      <c r="C5191" s="2"/>
    </row>
    <row r="5192" spans="1:3" ht="19.2">
      <c r="A5192" s="2"/>
      <c r="B5192" s="2"/>
      <c r="C5192" s="2"/>
    </row>
    <row r="5193" spans="1:3" ht="19.2">
      <c r="A5193" s="2"/>
      <c r="B5193" s="2"/>
      <c r="C5193" s="2"/>
    </row>
    <row r="5194" spans="1:3" ht="19.2">
      <c r="A5194" s="2"/>
      <c r="B5194" s="2"/>
      <c r="C5194" s="2"/>
    </row>
    <row r="5195" spans="1:3" ht="19.2">
      <c r="A5195" s="2"/>
      <c r="B5195" s="2"/>
      <c r="C5195" s="2"/>
    </row>
    <row r="5196" spans="1:3" ht="19.2">
      <c r="A5196" s="2"/>
      <c r="B5196" s="2"/>
      <c r="C5196" s="2"/>
    </row>
    <row r="5197" spans="1:3" ht="19.2">
      <c r="A5197" s="2"/>
      <c r="B5197" s="2"/>
      <c r="C5197" s="2"/>
    </row>
    <row r="5198" spans="1:3" ht="19.2">
      <c r="A5198" s="2"/>
      <c r="B5198" s="2"/>
      <c r="C5198" s="2"/>
    </row>
    <row r="5199" spans="1:3" ht="19.2">
      <c r="A5199" s="2"/>
      <c r="B5199" s="2"/>
      <c r="C5199" s="2"/>
    </row>
    <row r="5200" spans="1:3" ht="19.2">
      <c r="A5200" s="2"/>
      <c r="B5200" s="2"/>
      <c r="C5200" s="2"/>
    </row>
    <row r="5201" spans="1:3" ht="19.2">
      <c r="A5201" s="2"/>
      <c r="B5201" s="2"/>
      <c r="C5201" s="2"/>
    </row>
    <row r="5202" spans="1:3" ht="19.2">
      <c r="A5202" s="2"/>
      <c r="B5202" s="2"/>
      <c r="C5202" s="2"/>
    </row>
    <row r="5203" spans="1:3" ht="19.2">
      <c r="A5203" s="2"/>
      <c r="B5203" s="2"/>
      <c r="C5203" s="2"/>
    </row>
    <row r="5204" spans="1:3" ht="19.2">
      <c r="A5204" s="2"/>
      <c r="B5204" s="2"/>
      <c r="C5204" s="2"/>
    </row>
    <row r="5205" spans="1:3" ht="19.2">
      <c r="A5205" s="2"/>
      <c r="B5205" s="2"/>
      <c r="C5205" s="2"/>
    </row>
    <row r="5206" spans="1:3" ht="19.2">
      <c r="A5206" s="2"/>
      <c r="B5206" s="2"/>
      <c r="C5206" s="2"/>
    </row>
    <row r="5207" spans="1:3" ht="19.2">
      <c r="A5207" s="2"/>
      <c r="B5207" s="2"/>
      <c r="C5207" s="2"/>
    </row>
    <row r="5208" spans="1:3" ht="19.2">
      <c r="A5208" s="2"/>
      <c r="B5208" s="2"/>
      <c r="C5208" s="2"/>
    </row>
    <row r="5209" spans="1:3" ht="19.2">
      <c r="A5209" s="2"/>
      <c r="B5209" s="2"/>
      <c r="C5209" s="2"/>
    </row>
    <row r="5210" spans="1:3" ht="19.2">
      <c r="A5210" s="2"/>
      <c r="B5210" s="2"/>
      <c r="C5210" s="2"/>
    </row>
    <row r="5211" spans="1:3" ht="19.2">
      <c r="A5211" s="2"/>
      <c r="B5211" s="2"/>
      <c r="C5211" s="2"/>
    </row>
    <row r="5212" spans="1:3" ht="19.2">
      <c r="A5212" s="2"/>
      <c r="B5212" s="2"/>
      <c r="C5212" s="2"/>
    </row>
    <row r="5213" spans="1:3" ht="19.2">
      <c r="A5213" s="2"/>
      <c r="B5213" s="2"/>
      <c r="C5213" s="2"/>
    </row>
    <row r="5214" spans="1:3" ht="19.2">
      <c r="A5214" s="2"/>
      <c r="B5214" s="2"/>
      <c r="C5214" s="2"/>
    </row>
    <row r="5215" spans="1:3" ht="19.2">
      <c r="A5215" s="2"/>
      <c r="B5215" s="2"/>
      <c r="C5215" s="2"/>
    </row>
    <row r="5216" spans="1:3" ht="19.2">
      <c r="A5216" s="2"/>
      <c r="B5216" s="2"/>
      <c r="C5216" s="2"/>
    </row>
    <row r="5217" spans="1:3" ht="19.2">
      <c r="A5217" s="2"/>
      <c r="B5217" s="2"/>
      <c r="C5217" s="2"/>
    </row>
    <row r="5218" spans="1:3" ht="19.2">
      <c r="A5218" s="2"/>
      <c r="B5218" s="2"/>
      <c r="C5218" s="2"/>
    </row>
    <row r="5219" spans="1:3" ht="19.2">
      <c r="A5219" s="2"/>
      <c r="B5219" s="2"/>
      <c r="C5219" s="2"/>
    </row>
    <row r="5220" spans="1:3" ht="19.2">
      <c r="A5220" s="2"/>
      <c r="B5220" s="2"/>
      <c r="C5220" s="2"/>
    </row>
    <row r="5221" spans="1:3" ht="19.2">
      <c r="A5221" s="2"/>
      <c r="B5221" s="2"/>
      <c r="C5221" s="2"/>
    </row>
    <row r="5222" spans="1:3" ht="19.2">
      <c r="A5222" s="2"/>
      <c r="B5222" s="2"/>
      <c r="C5222" s="2"/>
    </row>
    <row r="5223" spans="1:3" ht="19.2">
      <c r="A5223" s="2"/>
      <c r="B5223" s="2"/>
      <c r="C5223" s="2"/>
    </row>
    <row r="5224" spans="1:3" ht="19.2">
      <c r="A5224" s="2"/>
      <c r="B5224" s="2"/>
      <c r="C5224" s="2"/>
    </row>
    <row r="5225" spans="1:3" ht="19.2">
      <c r="A5225" s="2"/>
      <c r="B5225" s="2"/>
      <c r="C5225" s="2"/>
    </row>
    <row r="5226" spans="1:3" ht="19.2">
      <c r="A5226" s="2"/>
      <c r="B5226" s="2"/>
      <c r="C5226" s="2"/>
    </row>
    <row r="5227" spans="1:3" ht="19.2">
      <c r="A5227" s="2"/>
      <c r="B5227" s="2"/>
      <c r="C5227" s="2"/>
    </row>
    <row r="5228" spans="1:3" ht="19.2">
      <c r="A5228" s="2"/>
      <c r="B5228" s="2"/>
      <c r="C5228" s="2"/>
    </row>
    <row r="5229" spans="1:3" ht="19.2">
      <c r="A5229" s="2"/>
      <c r="B5229" s="2"/>
      <c r="C5229" s="2"/>
    </row>
    <row r="5230" spans="1:3" ht="19.2">
      <c r="A5230" s="2"/>
      <c r="B5230" s="2"/>
      <c r="C5230" s="2"/>
    </row>
    <row r="5231" spans="1:3" ht="19.2">
      <c r="A5231" s="2"/>
      <c r="B5231" s="2"/>
      <c r="C5231" s="2"/>
    </row>
    <row r="5232" spans="1:3" ht="19.2">
      <c r="A5232" s="2"/>
      <c r="B5232" s="2"/>
      <c r="C5232" s="2"/>
    </row>
    <row r="5233" spans="1:3" ht="19.2">
      <c r="A5233" s="2"/>
      <c r="B5233" s="2"/>
      <c r="C5233" s="2"/>
    </row>
    <row r="5234" spans="1:3" ht="19.2">
      <c r="A5234" s="2"/>
      <c r="B5234" s="2"/>
      <c r="C5234" s="2"/>
    </row>
    <row r="5235" spans="1:3" ht="19.2">
      <c r="A5235" s="2"/>
      <c r="B5235" s="2"/>
      <c r="C5235" s="2"/>
    </row>
    <row r="5236" spans="1:3" ht="19.2">
      <c r="A5236" s="2"/>
      <c r="B5236" s="2"/>
      <c r="C5236" s="2"/>
    </row>
    <row r="5237" spans="1:3" ht="19.2">
      <c r="A5237" s="2"/>
      <c r="B5237" s="2"/>
      <c r="C5237" s="2"/>
    </row>
    <row r="5238" spans="1:3" ht="19.2">
      <c r="A5238" s="2"/>
      <c r="B5238" s="2"/>
      <c r="C5238" s="2"/>
    </row>
    <row r="5239" spans="1:3" ht="19.2">
      <c r="A5239" s="2"/>
      <c r="B5239" s="2"/>
      <c r="C5239" s="2"/>
    </row>
    <row r="5240" spans="1:3" ht="19.2">
      <c r="A5240" s="2"/>
      <c r="B5240" s="2"/>
      <c r="C5240" s="2"/>
    </row>
    <row r="5241" spans="1:3" ht="19.2">
      <c r="A5241" s="2"/>
      <c r="B5241" s="2"/>
      <c r="C5241" s="2"/>
    </row>
    <row r="5242" spans="1:3" ht="19.2">
      <c r="A5242" s="2"/>
      <c r="B5242" s="2"/>
      <c r="C5242" s="2"/>
    </row>
    <row r="5243" spans="1:3" ht="19.2">
      <c r="A5243" s="2"/>
      <c r="B5243" s="2"/>
      <c r="C5243" s="2"/>
    </row>
    <row r="5244" spans="1:3" ht="19.2">
      <c r="A5244" s="2"/>
      <c r="B5244" s="2"/>
      <c r="C5244" s="2"/>
    </row>
    <row r="5245" spans="1:3" ht="19.2">
      <c r="A5245" s="2"/>
      <c r="B5245" s="2"/>
      <c r="C5245" s="2"/>
    </row>
    <row r="5246" spans="1:3" ht="19.2">
      <c r="A5246" s="2"/>
      <c r="B5246" s="2"/>
      <c r="C5246" s="2"/>
    </row>
    <row r="5247" spans="1:3" ht="19.2">
      <c r="A5247" s="2"/>
      <c r="B5247" s="2"/>
      <c r="C5247" s="2"/>
    </row>
    <row r="5248" spans="1:3" ht="19.2">
      <c r="A5248" s="2"/>
      <c r="B5248" s="2"/>
      <c r="C5248" s="2"/>
    </row>
    <row r="5249" spans="1:3" ht="19.2">
      <c r="A5249" s="2"/>
      <c r="B5249" s="2"/>
      <c r="C5249" s="2"/>
    </row>
    <row r="5250" spans="1:3" ht="19.2">
      <c r="A5250" s="2"/>
      <c r="B5250" s="2"/>
      <c r="C5250" s="2"/>
    </row>
    <row r="5251" spans="1:3" ht="19.2">
      <c r="A5251" s="2"/>
      <c r="B5251" s="2"/>
      <c r="C5251" s="2"/>
    </row>
    <row r="5252" spans="1:3" ht="19.2">
      <c r="A5252" s="2"/>
      <c r="B5252" s="2"/>
      <c r="C5252" s="2"/>
    </row>
    <row r="5253" spans="1:3" ht="19.2">
      <c r="A5253" s="2"/>
      <c r="B5253" s="2"/>
      <c r="C5253" s="2"/>
    </row>
    <row r="5254" spans="1:3" ht="19.2">
      <c r="A5254" s="2"/>
      <c r="B5254" s="2"/>
      <c r="C5254" s="2"/>
    </row>
    <row r="5255" spans="1:3" ht="19.2">
      <c r="A5255" s="2"/>
      <c r="B5255" s="2"/>
      <c r="C5255" s="2"/>
    </row>
    <row r="5256" spans="1:3" ht="19.2">
      <c r="A5256" s="2"/>
      <c r="B5256" s="2"/>
      <c r="C5256" s="2"/>
    </row>
    <row r="5257" spans="1:3" ht="19.2">
      <c r="A5257" s="2"/>
      <c r="B5257" s="2"/>
      <c r="C5257" s="2"/>
    </row>
    <row r="5258" spans="1:3" ht="19.2">
      <c r="A5258" s="2"/>
      <c r="B5258" s="2"/>
      <c r="C5258" s="2"/>
    </row>
    <row r="5259" spans="1:3" ht="19.2">
      <c r="A5259" s="2"/>
      <c r="B5259" s="2"/>
      <c r="C5259" s="2"/>
    </row>
    <row r="5260" spans="1:3" ht="19.2">
      <c r="A5260" s="2"/>
      <c r="B5260" s="2"/>
      <c r="C5260" s="2"/>
    </row>
    <row r="5261" spans="1:3" ht="19.2">
      <c r="A5261" s="2"/>
      <c r="B5261" s="2"/>
      <c r="C5261" s="2"/>
    </row>
    <row r="5262" spans="1:3" ht="19.2">
      <c r="A5262" s="2"/>
      <c r="B5262" s="2"/>
      <c r="C5262" s="2"/>
    </row>
    <row r="5263" spans="1:3" ht="19.2">
      <c r="A5263" s="2"/>
      <c r="B5263" s="2"/>
      <c r="C5263" s="2"/>
    </row>
    <row r="5264" spans="1:3" ht="19.2">
      <c r="A5264" s="2"/>
      <c r="B5264" s="2"/>
      <c r="C5264" s="2"/>
    </row>
    <row r="5265" spans="1:3" ht="19.2">
      <c r="A5265" s="2"/>
      <c r="B5265" s="2"/>
      <c r="C5265" s="2"/>
    </row>
    <row r="5266" spans="1:3" ht="19.2">
      <c r="A5266" s="2"/>
      <c r="B5266" s="2"/>
      <c r="C5266" s="2"/>
    </row>
    <row r="5267" spans="1:3" ht="19.2">
      <c r="A5267" s="2"/>
      <c r="B5267" s="2"/>
      <c r="C5267" s="2"/>
    </row>
    <row r="5268" spans="1:3" ht="19.2">
      <c r="A5268" s="2"/>
      <c r="B5268" s="2"/>
      <c r="C5268" s="2"/>
    </row>
    <row r="5269" spans="1:3" ht="19.2">
      <c r="A5269" s="2"/>
      <c r="B5269" s="2"/>
      <c r="C5269" s="2"/>
    </row>
    <row r="5270" spans="1:3" ht="19.2">
      <c r="A5270" s="2"/>
      <c r="B5270" s="2"/>
      <c r="C5270" s="2"/>
    </row>
    <row r="5271" spans="1:3" ht="19.2">
      <c r="A5271" s="2"/>
      <c r="B5271" s="2"/>
      <c r="C5271" s="2"/>
    </row>
    <row r="5272" spans="1:3" ht="19.2">
      <c r="A5272" s="2"/>
      <c r="B5272" s="2"/>
      <c r="C5272" s="2"/>
    </row>
    <row r="5273" spans="1:3" ht="19.2">
      <c r="A5273" s="2"/>
      <c r="B5273" s="2"/>
      <c r="C5273" s="2"/>
    </row>
    <row r="5274" spans="1:3" ht="19.2">
      <c r="A5274" s="2"/>
      <c r="B5274" s="2"/>
      <c r="C5274" s="2"/>
    </row>
    <row r="5275" spans="1:3" ht="19.2">
      <c r="A5275" s="2"/>
      <c r="B5275" s="2"/>
      <c r="C5275" s="2"/>
    </row>
    <row r="5276" spans="1:3" ht="19.2">
      <c r="A5276" s="2"/>
      <c r="B5276" s="2"/>
      <c r="C5276" s="2"/>
    </row>
    <row r="5277" spans="1:3" ht="19.2">
      <c r="A5277" s="2"/>
      <c r="B5277" s="2"/>
      <c r="C5277" s="2"/>
    </row>
    <row r="5278" spans="1:3" ht="19.2">
      <c r="A5278" s="2"/>
      <c r="B5278" s="2"/>
      <c r="C5278" s="2"/>
    </row>
    <row r="5279" spans="1:3" ht="19.2">
      <c r="A5279" s="2"/>
      <c r="B5279" s="2"/>
      <c r="C5279" s="2"/>
    </row>
    <row r="5280" spans="1:3" ht="19.2">
      <c r="A5280" s="2"/>
      <c r="B5280" s="2"/>
      <c r="C5280" s="2"/>
    </row>
    <row r="5281" spans="1:3" ht="19.2">
      <c r="A5281" s="2"/>
      <c r="B5281" s="2"/>
      <c r="C5281" s="2"/>
    </row>
    <row r="5282" spans="1:3" ht="19.2">
      <c r="A5282" s="2"/>
      <c r="B5282" s="2"/>
      <c r="C5282" s="2"/>
    </row>
    <row r="5283" spans="1:3" ht="19.2">
      <c r="A5283" s="2"/>
      <c r="B5283" s="2"/>
      <c r="C5283" s="2"/>
    </row>
    <row r="5284" spans="1:3" ht="19.2">
      <c r="A5284" s="2"/>
      <c r="B5284" s="2"/>
      <c r="C5284" s="2"/>
    </row>
    <row r="5285" spans="1:3" ht="19.2">
      <c r="A5285" s="2"/>
      <c r="B5285" s="2"/>
      <c r="C5285" s="2"/>
    </row>
    <row r="5286" spans="1:3" ht="19.2">
      <c r="A5286" s="2"/>
      <c r="B5286" s="2"/>
      <c r="C5286" s="2"/>
    </row>
    <row r="5287" spans="1:3" ht="19.2">
      <c r="A5287" s="2"/>
      <c r="B5287" s="2"/>
      <c r="C5287" s="2"/>
    </row>
    <row r="5288" spans="1:3" ht="19.2">
      <c r="A5288" s="2"/>
      <c r="B5288" s="2"/>
      <c r="C5288" s="2"/>
    </row>
    <row r="5289" spans="1:3" ht="19.2">
      <c r="A5289" s="2"/>
      <c r="B5289" s="2"/>
      <c r="C5289" s="2"/>
    </row>
    <row r="5290" spans="1:3" ht="19.2">
      <c r="A5290" s="2"/>
      <c r="B5290" s="2"/>
      <c r="C5290" s="2"/>
    </row>
    <row r="5291" spans="1:3" ht="19.2">
      <c r="A5291" s="2"/>
      <c r="B5291" s="2"/>
      <c r="C5291" s="2"/>
    </row>
    <row r="5292" spans="1:3" ht="19.2">
      <c r="A5292" s="2"/>
      <c r="B5292" s="2"/>
      <c r="C5292" s="2"/>
    </row>
    <row r="5293" spans="1:3" ht="19.2">
      <c r="A5293" s="2"/>
      <c r="B5293" s="2"/>
      <c r="C5293" s="2"/>
    </row>
    <row r="5294" spans="1:3" ht="19.2">
      <c r="A5294" s="2"/>
      <c r="B5294" s="2"/>
      <c r="C5294" s="2"/>
    </row>
    <row r="5295" spans="1:3" ht="19.2">
      <c r="A5295" s="2"/>
      <c r="B5295" s="2"/>
      <c r="C5295" s="2"/>
    </row>
    <row r="5296" spans="1:3" ht="19.2">
      <c r="A5296" s="2"/>
      <c r="B5296" s="2"/>
      <c r="C5296" s="2"/>
    </row>
    <row r="5297" spans="1:3" ht="19.2">
      <c r="A5297" s="2"/>
      <c r="B5297" s="2"/>
      <c r="C5297" s="2"/>
    </row>
    <row r="5298" spans="1:3" ht="19.2">
      <c r="A5298" s="2"/>
      <c r="B5298" s="2"/>
      <c r="C5298" s="2"/>
    </row>
    <row r="5299" spans="1:3" ht="19.2">
      <c r="A5299" s="2"/>
      <c r="B5299" s="2"/>
      <c r="C5299" s="2"/>
    </row>
    <row r="5300" spans="1:3" ht="19.2">
      <c r="A5300" s="2"/>
      <c r="B5300" s="2"/>
      <c r="C5300" s="2"/>
    </row>
    <row r="5301" spans="1:3" ht="19.2">
      <c r="A5301" s="2"/>
      <c r="B5301" s="2"/>
      <c r="C5301" s="2"/>
    </row>
    <row r="5302" spans="1:3" ht="19.2">
      <c r="A5302" s="2"/>
      <c r="B5302" s="2"/>
      <c r="C5302" s="2"/>
    </row>
    <row r="5303" spans="1:3" ht="19.2">
      <c r="A5303" s="2"/>
      <c r="B5303" s="2"/>
      <c r="C5303" s="2"/>
    </row>
    <row r="5304" spans="1:3" ht="19.2">
      <c r="A5304" s="2"/>
      <c r="B5304" s="2"/>
      <c r="C5304" s="2"/>
    </row>
    <row r="5305" spans="1:3" ht="19.2">
      <c r="A5305" s="2"/>
      <c r="B5305" s="2"/>
      <c r="C5305" s="2"/>
    </row>
    <row r="5306" spans="1:3" ht="19.2">
      <c r="A5306" s="2"/>
      <c r="B5306" s="2"/>
      <c r="C5306" s="2"/>
    </row>
    <row r="5307" spans="1:3" ht="19.2">
      <c r="A5307" s="2"/>
      <c r="B5307" s="2"/>
      <c r="C5307" s="2"/>
    </row>
    <row r="5308" spans="1:3" ht="19.2">
      <c r="A5308" s="2"/>
      <c r="B5308" s="2"/>
      <c r="C5308" s="2"/>
    </row>
    <row r="5309" spans="1:3" ht="19.2">
      <c r="A5309" s="2"/>
      <c r="B5309" s="2"/>
      <c r="C5309" s="2"/>
    </row>
    <row r="5310" spans="1:3" ht="19.2">
      <c r="A5310" s="2"/>
      <c r="B5310" s="2"/>
      <c r="C5310" s="2"/>
    </row>
    <row r="5311" spans="1:3" ht="19.2">
      <c r="A5311" s="2"/>
      <c r="B5311" s="2"/>
      <c r="C5311" s="2"/>
    </row>
    <row r="5312" spans="1:3" ht="19.2">
      <c r="A5312" s="2"/>
      <c r="B5312" s="2"/>
      <c r="C5312" s="2"/>
    </row>
    <row r="5313" spans="1:3" ht="19.2">
      <c r="A5313" s="2"/>
      <c r="B5313" s="2"/>
      <c r="C5313" s="2"/>
    </row>
    <row r="5314" spans="1:3" ht="19.2">
      <c r="A5314" s="2"/>
      <c r="B5314" s="2"/>
      <c r="C5314" s="2"/>
    </row>
    <row r="5315" spans="1:3" ht="19.2">
      <c r="A5315" s="2"/>
      <c r="B5315" s="2"/>
      <c r="C5315" s="2"/>
    </row>
    <row r="5316" spans="1:3" ht="19.2">
      <c r="A5316" s="2"/>
      <c r="B5316" s="2"/>
      <c r="C5316" s="2"/>
    </row>
    <row r="5317" spans="1:3" ht="19.2">
      <c r="A5317" s="2"/>
      <c r="B5317" s="2"/>
      <c r="C5317" s="2"/>
    </row>
    <row r="5318" spans="1:3" ht="19.2">
      <c r="A5318" s="2"/>
      <c r="B5318" s="2"/>
      <c r="C5318" s="2"/>
    </row>
    <row r="5319" spans="1:3" ht="19.2">
      <c r="A5319" s="2"/>
      <c r="B5319" s="2"/>
      <c r="C5319" s="2"/>
    </row>
    <row r="5320" spans="1:3" ht="19.2">
      <c r="A5320" s="2"/>
      <c r="B5320" s="2"/>
      <c r="C5320" s="2"/>
    </row>
    <row r="5321" spans="1:3" ht="19.2">
      <c r="A5321" s="2"/>
      <c r="B5321" s="2"/>
      <c r="C5321" s="2"/>
    </row>
    <row r="5322" spans="1:3" ht="19.2">
      <c r="A5322" s="2"/>
      <c r="B5322" s="2"/>
      <c r="C5322" s="2"/>
    </row>
    <row r="5323" spans="1:3" ht="19.2">
      <c r="A5323" s="2"/>
      <c r="B5323" s="2"/>
      <c r="C5323" s="2"/>
    </row>
    <row r="5324" spans="1:3" ht="19.2">
      <c r="A5324" s="2"/>
      <c r="B5324" s="2"/>
      <c r="C5324" s="2"/>
    </row>
    <row r="5325" spans="1:3" ht="19.2">
      <c r="A5325" s="2"/>
      <c r="B5325" s="2"/>
      <c r="C5325" s="2"/>
    </row>
    <row r="5326" spans="1:3" ht="19.2">
      <c r="A5326" s="2"/>
      <c r="B5326" s="2"/>
      <c r="C5326" s="2"/>
    </row>
    <row r="5327" spans="1:3" ht="19.2">
      <c r="A5327" s="2"/>
      <c r="B5327" s="2"/>
      <c r="C5327" s="2"/>
    </row>
    <row r="5328" spans="1:3" ht="19.2">
      <c r="A5328" s="2"/>
      <c r="B5328" s="2"/>
      <c r="C5328" s="2"/>
    </row>
    <row r="5329" spans="1:3" ht="19.2">
      <c r="A5329" s="2"/>
      <c r="B5329" s="2"/>
      <c r="C5329" s="2"/>
    </row>
    <row r="5330" spans="1:3" ht="19.2">
      <c r="A5330" s="2"/>
      <c r="B5330" s="2"/>
      <c r="C5330" s="2"/>
    </row>
    <row r="5331" spans="1:3" ht="19.2">
      <c r="A5331" s="2"/>
      <c r="B5331" s="2"/>
      <c r="C5331" s="2"/>
    </row>
    <row r="5332" spans="1:3" ht="19.2">
      <c r="A5332" s="2"/>
      <c r="B5332" s="2"/>
      <c r="C5332" s="2"/>
    </row>
    <row r="5333" spans="1:3" ht="19.2">
      <c r="A5333" s="2"/>
      <c r="B5333" s="2"/>
      <c r="C5333" s="2"/>
    </row>
    <row r="5334" spans="1:3" ht="19.2">
      <c r="A5334" s="2"/>
      <c r="B5334" s="2"/>
      <c r="C5334" s="2"/>
    </row>
    <row r="5335" spans="1:3" ht="19.2">
      <c r="A5335" s="2"/>
      <c r="B5335" s="2"/>
      <c r="C5335" s="2"/>
    </row>
    <row r="5336" spans="1:3" ht="19.2">
      <c r="A5336" s="2"/>
      <c r="B5336" s="2"/>
      <c r="C5336" s="2"/>
    </row>
    <row r="5337" spans="1:3" ht="19.2">
      <c r="A5337" s="2"/>
      <c r="B5337" s="2"/>
      <c r="C5337" s="2"/>
    </row>
    <row r="5338" spans="1:3" ht="19.2">
      <c r="A5338" s="2"/>
      <c r="B5338" s="2"/>
      <c r="C5338" s="2"/>
    </row>
    <row r="5339" spans="1:3" ht="19.2">
      <c r="A5339" s="2"/>
      <c r="B5339" s="2"/>
      <c r="C5339" s="2"/>
    </row>
    <row r="5340" spans="1:3" ht="19.2">
      <c r="A5340" s="2"/>
      <c r="B5340" s="2"/>
      <c r="C5340" s="2"/>
    </row>
    <row r="5341" spans="1:3" ht="19.2">
      <c r="A5341" s="2"/>
      <c r="B5341" s="2"/>
      <c r="C5341" s="2"/>
    </row>
    <row r="5342" spans="1:3" ht="19.2">
      <c r="A5342" s="2"/>
      <c r="B5342" s="2"/>
      <c r="C5342" s="2"/>
    </row>
    <row r="5343" spans="1:3" ht="19.2">
      <c r="A5343" s="2"/>
      <c r="B5343" s="2"/>
      <c r="C5343" s="2"/>
    </row>
    <row r="5344" spans="1:3" ht="19.2">
      <c r="A5344" s="2"/>
      <c r="B5344" s="2"/>
      <c r="C5344" s="2"/>
    </row>
    <row r="5345" spans="1:3" ht="19.2">
      <c r="A5345" s="2"/>
      <c r="B5345" s="2"/>
      <c r="C5345" s="2"/>
    </row>
    <row r="5346" spans="1:3" ht="19.2">
      <c r="A5346" s="2"/>
      <c r="B5346" s="2"/>
      <c r="C5346" s="2"/>
    </row>
    <row r="5347" spans="1:3" ht="19.2">
      <c r="A5347" s="2"/>
      <c r="B5347" s="2"/>
      <c r="C5347" s="2"/>
    </row>
    <row r="5348" spans="1:3" ht="19.2">
      <c r="A5348" s="2"/>
      <c r="B5348" s="2"/>
      <c r="C5348" s="2"/>
    </row>
    <row r="5349" spans="1:3" ht="19.2">
      <c r="A5349" s="2"/>
      <c r="B5349" s="2"/>
      <c r="C5349" s="2"/>
    </row>
    <row r="5350" spans="1:3" ht="19.2">
      <c r="A5350" s="2"/>
      <c r="B5350" s="2"/>
      <c r="C5350" s="2"/>
    </row>
    <row r="5351" spans="1:3" ht="19.2">
      <c r="A5351" s="2"/>
      <c r="B5351" s="2"/>
      <c r="C5351" s="2"/>
    </row>
    <row r="5352" spans="1:3" ht="19.2">
      <c r="A5352" s="2"/>
      <c r="B5352" s="2"/>
      <c r="C5352" s="2"/>
    </row>
    <row r="5353" spans="1:3" ht="19.2">
      <c r="A5353" s="2"/>
      <c r="B5353" s="2"/>
      <c r="C5353" s="2"/>
    </row>
    <row r="5354" spans="1:3" ht="19.2">
      <c r="A5354" s="2"/>
      <c r="B5354" s="2"/>
      <c r="C5354" s="2"/>
    </row>
    <row r="5355" spans="1:3" ht="19.2">
      <c r="A5355" s="2"/>
      <c r="B5355" s="2"/>
      <c r="C5355" s="2"/>
    </row>
    <row r="5356" spans="1:3" ht="19.2">
      <c r="A5356" s="2"/>
      <c r="B5356" s="2"/>
      <c r="C5356" s="2"/>
    </row>
    <row r="5357" spans="1:3" ht="19.2">
      <c r="A5357" s="2"/>
      <c r="B5357" s="2"/>
      <c r="C5357" s="2"/>
    </row>
    <row r="5358" spans="1:3" ht="19.2">
      <c r="A5358" s="2"/>
      <c r="B5358" s="2"/>
      <c r="C5358" s="2"/>
    </row>
    <row r="5359" spans="1:3" ht="19.2">
      <c r="A5359" s="2"/>
      <c r="B5359" s="2"/>
      <c r="C5359" s="2"/>
    </row>
    <row r="5360" spans="1:3" ht="19.2">
      <c r="A5360" s="2"/>
      <c r="B5360" s="2"/>
      <c r="C5360" s="2"/>
    </row>
    <row r="5361" spans="1:3" ht="19.2">
      <c r="A5361" s="2"/>
      <c r="B5361" s="2"/>
      <c r="C5361" s="2"/>
    </row>
    <row r="5362" spans="1:3" ht="19.2">
      <c r="A5362" s="2"/>
      <c r="B5362" s="2"/>
      <c r="C5362" s="2"/>
    </row>
    <row r="5363" spans="1:3" ht="19.2">
      <c r="A5363" s="2"/>
      <c r="B5363" s="2"/>
      <c r="C5363" s="2"/>
    </row>
    <row r="5364" spans="1:3" ht="19.2">
      <c r="A5364" s="2"/>
      <c r="B5364" s="2"/>
      <c r="C5364" s="2"/>
    </row>
    <row r="5365" spans="1:3" ht="19.2">
      <c r="A5365" s="2"/>
      <c r="B5365" s="2"/>
      <c r="C5365" s="2"/>
    </row>
    <row r="5366" spans="1:3" ht="19.2">
      <c r="A5366" s="2"/>
      <c r="B5366" s="2"/>
      <c r="C5366" s="2"/>
    </row>
    <row r="5367" spans="1:3" ht="19.2">
      <c r="A5367" s="2"/>
      <c r="B5367" s="2"/>
      <c r="C5367" s="2"/>
    </row>
    <row r="5368" spans="1:3" ht="19.2">
      <c r="A5368" s="2"/>
      <c r="B5368" s="2"/>
      <c r="C5368" s="2"/>
    </row>
    <row r="5369" spans="1:3" ht="19.2">
      <c r="A5369" s="2"/>
      <c r="B5369" s="2"/>
      <c r="C5369" s="2"/>
    </row>
    <row r="5370" spans="1:3" ht="19.2">
      <c r="A5370" s="2"/>
      <c r="B5370" s="2"/>
      <c r="C5370" s="2"/>
    </row>
    <row r="5371" spans="1:3" ht="19.2">
      <c r="A5371" s="2"/>
      <c r="B5371" s="2"/>
      <c r="C5371" s="2"/>
    </row>
    <row r="5372" spans="1:3" ht="19.2">
      <c r="A5372" s="2"/>
      <c r="B5372" s="2"/>
      <c r="C5372" s="2"/>
    </row>
    <row r="5373" spans="1:3" ht="19.2">
      <c r="A5373" s="2"/>
      <c r="B5373" s="2"/>
      <c r="C5373" s="2"/>
    </row>
    <row r="5374" spans="1:3" ht="19.2">
      <c r="A5374" s="2"/>
      <c r="B5374" s="2"/>
      <c r="C5374" s="2"/>
    </row>
    <row r="5375" spans="1:3" ht="19.2">
      <c r="A5375" s="2"/>
      <c r="B5375" s="2"/>
      <c r="C5375" s="2"/>
    </row>
    <row r="5376" spans="1:3" ht="19.2">
      <c r="A5376" s="2"/>
      <c r="B5376" s="2"/>
      <c r="C5376" s="2"/>
    </row>
    <row r="5377" spans="1:3" ht="19.2">
      <c r="A5377" s="2"/>
      <c r="B5377" s="2"/>
      <c r="C5377" s="2"/>
    </row>
    <row r="5378" spans="1:3" ht="19.2">
      <c r="A5378" s="2"/>
      <c r="B5378" s="2"/>
      <c r="C5378" s="2"/>
    </row>
    <row r="5379" spans="1:3" ht="19.2">
      <c r="A5379" s="2"/>
      <c r="B5379" s="2"/>
      <c r="C5379" s="2"/>
    </row>
    <row r="5380" spans="1:3" ht="19.2">
      <c r="A5380" s="2"/>
      <c r="B5380" s="2"/>
      <c r="C5380" s="2"/>
    </row>
    <row r="5381" spans="1:3" ht="19.2">
      <c r="A5381" s="2"/>
      <c r="B5381" s="2"/>
      <c r="C5381" s="2"/>
    </row>
    <row r="5382" spans="1:3" ht="19.2">
      <c r="A5382" s="2"/>
      <c r="B5382" s="2"/>
      <c r="C5382" s="2"/>
    </row>
    <row r="5383" spans="1:3" ht="19.2">
      <c r="A5383" s="2"/>
      <c r="B5383" s="2"/>
      <c r="C5383" s="2"/>
    </row>
    <row r="5384" spans="1:3" ht="19.2">
      <c r="A5384" s="2"/>
      <c r="B5384" s="2"/>
      <c r="C5384" s="2"/>
    </row>
    <row r="5385" spans="1:3" ht="19.2">
      <c r="A5385" s="2"/>
      <c r="B5385" s="2"/>
      <c r="C5385" s="2"/>
    </row>
    <row r="5386" spans="1:3" ht="19.2">
      <c r="A5386" s="2"/>
      <c r="B5386" s="2"/>
      <c r="C5386" s="2"/>
    </row>
    <row r="5387" spans="1:3" ht="19.2">
      <c r="A5387" s="2"/>
      <c r="B5387" s="2"/>
      <c r="C5387" s="2"/>
    </row>
    <row r="5388" spans="1:3" ht="19.2">
      <c r="A5388" s="2"/>
      <c r="B5388" s="2"/>
      <c r="C5388" s="2"/>
    </row>
    <row r="5389" spans="1:3" ht="19.2">
      <c r="A5389" s="2"/>
      <c r="B5389" s="2"/>
      <c r="C5389" s="2"/>
    </row>
    <row r="5390" spans="1:3" ht="19.2">
      <c r="A5390" s="2"/>
      <c r="B5390" s="2"/>
      <c r="C5390" s="2"/>
    </row>
    <row r="5391" spans="1:3" ht="19.2">
      <c r="A5391" s="2"/>
      <c r="B5391" s="2"/>
      <c r="C5391" s="2"/>
    </row>
    <row r="5392" spans="1:3" ht="19.2">
      <c r="A5392" s="2"/>
      <c r="B5392" s="2"/>
      <c r="C5392" s="2"/>
    </row>
    <row r="5393" spans="1:3" ht="19.2">
      <c r="A5393" s="2"/>
      <c r="B5393" s="2"/>
      <c r="C5393" s="2"/>
    </row>
    <row r="5394" spans="1:3" ht="19.2">
      <c r="A5394" s="2"/>
      <c r="B5394" s="2"/>
      <c r="C5394" s="2"/>
    </row>
    <row r="5395" spans="1:3" ht="19.2">
      <c r="A5395" s="2"/>
      <c r="B5395" s="2"/>
      <c r="C5395" s="2"/>
    </row>
    <row r="5396" spans="1:3" ht="19.2">
      <c r="A5396" s="2"/>
      <c r="B5396" s="2"/>
      <c r="C5396" s="2"/>
    </row>
    <row r="5397" spans="1:3" ht="19.2">
      <c r="A5397" s="2"/>
      <c r="B5397" s="2"/>
      <c r="C5397" s="2"/>
    </row>
    <row r="5398" spans="1:3" ht="19.2">
      <c r="A5398" s="2"/>
      <c r="B5398" s="2"/>
      <c r="C5398" s="2"/>
    </row>
    <row r="5399" spans="1:3" ht="19.2">
      <c r="A5399" s="2"/>
      <c r="B5399" s="2"/>
      <c r="C5399" s="2"/>
    </row>
    <row r="5400" spans="1:3" ht="19.2">
      <c r="A5400" s="2"/>
      <c r="B5400" s="2"/>
      <c r="C5400" s="2"/>
    </row>
    <row r="5401" spans="1:3" ht="19.2">
      <c r="A5401" s="2"/>
      <c r="B5401" s="2"/>
      <c r="C5401" s="2"/>
    </row>
    <row r="5402" spans="1:3" ht="19.2">
      <c r="A5402" s="2"/>
      <c r="B5402" s="2"/>
      <c r="C5402" s="2"/>
    </row>
    <row r="5403" spans="1:3" ht="19.2">
      <c r="A5403" s="2"/>
      <c r="B5403" s="2"/>
      <c r="C5403" s="2"/>
    </row>
    <row r="5404" spans="1:3" ht="19.2">
      <c r="A5404" s="2"/>
      <c r="B5404" s="2"/>
      <c r="C5404" s="2"/>
    </row>
    <row r="5405" spans="1:3" ht="19.2">
      <c r="A5405" s="2"/>
      <c r="B5405" s="2"/>
      <c r="C5405" s="2"/>
    </row>
    <row r="5406" spans="1:3" ht="19.2">
      <c r="A5406" s="2"/>
      <c r="B5406" s="2"/>
      <c r="C5406" s="2"/>
    </row>
    <row r="5407" spans="1:3" ht="19.2">
      <c r="A5407" s="2"/>
      <c r="B5407" s="2"/>
      <c r="C5407" s="2"/>
    </row>
    <row r="5408" spans="1:3" ht="19.2">
      <c r="A5408" s="2"/>
      <c r="B5408" s="2"/>
      <c r="C5408" s="2"/>
    </row>
    <row r="5409" spans="1:3" ht="19.2">
      <c r="A5409" s="2"/>
      <c r="B5409" s="2"/>
      <c r="C5409" s="2"/>
    </row>
    <row r="5410" spans="1:3" ht="19.2">
      <c r="A5410" s="2"/>
      <c r="B5410" s="2"/>
      <c r="C5410" s="2"/>
    </row>
    <row r="5411" spans="1:3" ht="19.2">
      <c r="A5411" s="2"/>
      <c r="B5411" s="2"/>
      <c r="C5411" s="2"/>
    </row>
    <row r="5412" spans="1:3" ht="19.2">
      <c r="A5412" s="2"/>
      <c r="B5412" s="2"/>
      <c r="C5412" s="2"/>
    </row>
    <row r="5413" spans="1:3" ht="19.2">
      <c r="A5413" s="2"/>
      <c r="B5413" s="2"/>
      <c r="C5413" s="2"/>
    </row>
    <row r="5414" spans="1:3" ht="19.2">
      <c r="A5414" s="2"/>
      <c r="B5414" s="2"/>
      <c r="C5414" s="2"/>
    </row>
    <row r="5415" spans="1:3" ht="19.2">
      <c r="A5415" s="2"/>
      <c r="B5415" s="2"/>
      <c r="C5415" s="2"/>
    </row>
    <row r="5416" spans="1:3" ht="19.2">
      <c r="A5416" s="2"/>
      <c r="B5416" s="2"/>
      <c r="C5416" s="2"/>
    </row>
    <row r="5417" spans="1:3" ht="19.2">
      <c r="A5417" s="2"/>
      <c r="B5417" s="2"/>
      <c r="C5417" s="2"/>
    </row>
    <row r="5418" spans="1:3" ht="19.2">
      <c r="A5418" s="2"/>
      <c r="B5418" s="2"/>
      <c r="C5418" s="2"/>
    </row>
    <row r="5419" spans="1:3" ht="19.2">
      <c r="A5419" s="2"/>
      <c r="B5419" s="2"/>
      <c r="C5419" s="2"/>
    </row>
    <row r="5420" spans="1:3" ht="19.2">
      <c r="A5420" s="2"/>
      <c r="B5420" s="2"/>
      <c r="C5420" s="2"/>
    </row>
    <row r="5421" spans="1:3" ht="19.2">
      <c r="A5421" s="2"/>
      <c r="B5421" s="2"/>
      <c r="C5421" s="2"/>
    </row>
    <row r="5422" spans="1:3" ht="19.2">
      <c r="A5422" s="2"/>
      <c r="B5422" s="2"/>
      <c r="C5422" s="2"/>
    </row>
    <row r="5423" spans="1:3" ht="19.2">
      <c r="A5423" s="2"/>
      <c r="B5423" s="2"/>
      <c r="C5423" s="2"/>
    </row>
    <row r="5424" spans="1:3" ht="19.2">
      <c r="A5424" s="2"/>
      <c r="B5424" s="2"/>
      <c r="C5424" s="2"/>
    </row>
    <row r="5425" spans="1:3" ht="19.2">
      <c r="A5425" s="2"/>
      <c r="B5425" s="2"/>
      <c r="C5425" s="2"/>
    </row>
    <row r="5426" spans="1:3" ht="19.2">
      <c r="A5426" s="2"/>
      <c r="B5426" s="2"/>
      <c r="C5426" s="2"/>
    </row>
    <row r="5427" spans="1:3" ht="19.2">
      <c r="A5427" s="2"/>
      <c r="B5427" s="2"/>
      <c r="C5427" s="2"/>
    </row>
    <row r="5428" spans="1:3" ht="19.2">
      <c r="A5428" s="2"/>
      <c r="B5428" s="2"/>
      <c r="C5428" s="2"/>
    </row>
    <row r="5429" spans="1:3" ht="19.2">
      <c r="A5429" s="2"/>
      <c r="B5429" s="2"/>
      <c r="C5429" s="2"/>
    </row>
    <row r="5430" spans="1:3" ht="19.2">
      <c r="A5430" s="2"/>
      <c r="B5430" s="2"/>
      <c r="C5430" s="2"/>
    </row>
    <row r="5431" spans="1:3" ht="19.2">
      <c r="A5431" s="2"/>
      <c r="B5431" s="2"/>
      <c r="C5431" s="2"/>
    </row>
    <row r="5432" spans="1:3" ht="19.2">
      <c r="A5432" s="2"/>
      <c r="B5432" s="2"/>
      <c r="C5432" s="2"/>
    </row>
    <row r="5433" spans="1:3" ht="19.2">
      <c r="A5433" s="2"/>
      <c r="B5433" s="2"/>
      <c r="C5433" s="2"/>
    </row>
    <row r="5434" spans="1:3" ht="19.2">
      <c r="A5434" s="2"/>
      <c r="B5434" s="2"/>
      <c r="C5434" s="2"/>
    </row>
    <row r="5435" spans="1:3" ht="19.2">
      <c r="A5435" s="2"/>
      <c r="B5435" s="2"/>
      <c r="C5435" s="2"/>
    </row>
    <row r="5436" spans="1:3" ht="19.2">
      <c r="A5436" s="2"/>
      <c r="B5436" s="2"/>
      <c r="C5436" s="2"/>
    </row>
    <row r="5437" spans="1:3" ht="19.2">
      <c r="A5437" s="2"/>
      <c r="B5437" s="2"/>
      <c r="C5437" s="2"/>
    </row>
    <row r="5438" spans="1:3" ht="19.2">
      <c r="A5438" s="2"/>
      <c r="B5438" s="2"/>
      <c r="C5438" s="2"/>
    </row>
    <row r="5439" spans="1:3" ht="19.2">
      <c r="A5439" s="2"/>
      <c r="B5439" s="2"/>
      <c r="C5439" s="2"/>
    </row>
    <row r="5440" spans="1:3" ht="19.2">
      <c r="A5440" s="2"/>
      <c r="B5440" s="2"/>
      <c r="C5440" s="2"/>
    </row>
    <row r="5441" spans="1:3" ht="19.2">
      <c r="A5441" s="2"/>
      <c r="B5441" s="2"/>
      <c r="C5441" s="2"/>
    </row>
    <row r="5442" spans="1:3" ht="19.2">
      <c r="A5442" s="2"/>
      <c r="B5442" s="2"/>
      <c r="C5442" s="2"/>
    </row>
    <row r="5443" spans="1:3" ht="19.2">
      <c r="A5443" s="2"/>
      <c r="B5443" s="2"/>
      <c r="C5443" s="2"/>
    </row>
    <row r="5444" spans="1:3" ht="19.2">
      <c r="A5444" s="2"/>
      <c r="B5444" s="2"/>
      <c r="C5444" s="2"/>
    </row>
    <row r="5445" spans="1:3" ht="19.2">
      <c r="A5445" s="2"/>
      <c r="B5445" s="2"/>
      <c r="C5445" s="2"/>
    </row>
    <row r="5446" spans="1:3" ht="19.2">
      <c r="A5446" s="2"/>
      <c r="B5446" s="2"/>
      <c r="C5446" s="2"/>
    </row>
    <row r="5447" spans="1:3" ht="19.2">
      <c r="A5447" s="2"/>
      <c r="B5447" s="2"/>
      <c r="C5447" s="2"/>
    </row>
    <row r="5448" spans="1:3" ht="19.2">
      <c r="A5448" s="2"/>
      <c r="B5448" s="2"/>
      <c r="C5448" s="2"/>
    </row>
    <row r="5449" spans="1:3" ht="19.2">
      <c r="A5449" s="2"/>
      <c r="B5449" s="2"/>
      <c r="C5449" s="2"/>
    </row>
    <row r="5450" spans="1:3" ht="19.2">
      <c r="A5450" s="2"/>
      <c r="B5450" s="2"/>
      <c r="C5450" s="2"/>
    </row>
    <row r="5451" spans="1:3" ht="19.2">
      <c r="A5451" s="2"/>
      <c r="B5451" s="2"/>
      <c r="C5451" s="2"/>
    </row>
    <row r="5452" spans="1:3" ht="19.2">
      <c r="A5452" s="2"/>
      <c r="B5452" s="2"/>
      <c r="C5452" s="2"/>
    </row>
    <row r="5453" spans="1:3" ht="19.2">
      <c r="A5453" s="2"/>
      <c r="B5453" s="2"/>
      <c r="C5453" s="2"/>
    </row>
    <row r="5454" spans="1:3" ht="19.2">
      <c r="A5454" s="2"/>
      <c r="B5454" s="2"/>
      <c r="C5454" s="2"/>
    </row>
    <row r="5455" spans="1:3" ht="19.2">
      <c r="A5455" s="2"/>
      <c r="B5455" s="2"/>
      <c r="C5455" s="2"/>
    </row>
    <row r="5456" spans="1:3" ht="19.2">
      <c r="A5456" s="2"/>
      <c r="B5456" s="2"/>
      <c r="C5456" s="2"/>
    </row>
    <row r="5457" spans="1:3" ht="19.2">
      <c r="A5457" s="2"/>
      <c r="B5457" s="2"/>
      <c r="C5457" s="2"/>
    </row>
    <row r="5458" spans="1:3" ht="19.2">
      <c r="A5458" s="2"/>
      <c r="B5458" s="2"/>
      <c r="C5458" s="2"/>
    </row>
    <row r="5459" spans="1:3" ht="19.2">
      <c r="A5459" s="2"/>
      <c r="B5459" s="2"/>
      <c r="C5459" s="2"/>
    </row>
    <row r="5460" spans="1:3" ht="19.2">
      <c r="A5460" s="2"/>
      <c r="B5460" s="2"/>
      <c r="C5460" s="2"/>
    </row>
    <row r="5461" spans="1:3" ht="19.2">
      <c r="A5461" s="2"/>
      <c r="B5461" s="2"/>
      <c r="C5461" s="2"/>
    </row>
    <row r="5462" spans="1:3" ht="19.2">
      <c r="A5462" s="2"/>
      <c r="B5462" s="2"/>
      <c r="C5462" s="2"/>
    </row>
    <row r="5463" spans="1:3" ht="19.2">
      <c r="A5463" s="2"/>
      <c r="B5463" s="2"/>
      <c r="C5463" s="2"/>
    </row>
    <row r="5464" spans="1:3" ht="19.2">
      <c r="A5464" s="2"/>
      <c r="B5464" s="2"/>
      <c r="C5464" s="2"/>
    </row>
    <row r="5465" spans="1:3" ht="19.2">
      <c r="A5465" s="2"/>
      <c r="B5465" s="2"/>
      <c r="C5465" s="2"/>
    </row>
    <row r="5466" spans="1:3" ht="19.2">
      <c r="A5466" s="2"/>
      <c r="B5466" s="2"/>
      <c r="C5466" s="2"/>
    </row>
    <row r="5467" spans="1:3" ht="19.2">
      <c r="A5467" s="2"/>
      <c r="B5467" s="2"/>
      <c r="C5467" s="2"/>
    </row>
    <row r="5468" spans="1:3" ht="19.2">
      <c r="A5468" s="2"/>
      <c r="B5468" s="2"/>
      <c r="C5468" s="2"/>
    </row>
    <row r="5469" spans="1:3" ht="19.2">
      <c r="A5469" s="2"/>
      <c r="B5469" s="2"/>
      <c r="C5469" s="2"/>
    </row>
    <row r="5470" spans="1:3" ht="19.2">
      <c r="A5470" s="2"/>
      <c r="B5470" s="2"/>
      <c r="C5470" s="2"/>
    </row>
    <row r="5471" spans="1:3" ht="19.2">
      <c r="A5471" s="2"/>
      <c r="B5471" s="2"/>
      <c r="C5471" s="2"/>
    </row>
    <row r="5472" spans="1:3" ht="19.2">
      <c r="A5472" s="2"/>
      <c r="B5472" s="2"/>
      <c r="C5472" s="2"/>
    </row>
    <row r="5473" spans="1:3" ht="19.2">
      <c r="A5473" s="2"/>
      <c r="B5473" s="2"/>
      <c r="C5473" s="2"/>
    </row>
    <row r="5474" spans="1:3" ht="19.2">
      <c r="A5474" s="2"/>
      <c r="B5474" s="2"/>
      <c r="C5474" s="2"/>
    </row>
    <row r="5475" spans="1:3" ht="19.2">
      <c r="A5475" s="2"/>
      <c r="B5475" s="2"/>
      <c r="C5475" s="2"/>
    </row>
    <row r="5476" spans="1:3" ht="19.2">
      <c r="A5476" s="2"/>
      <c r="B5476" s="2"/>
      <c r="C5476" s="2"/>
    </row>
    <row r="5477" spans="1:3" ht="19.2">
      <c r="A5477" s="2"/>
      <c r="B5477" s="2"/>
      <c r="C5477" s="2"/>
    </row>
    <row r="5478" spans="1:3" ht="19.2">
      <c r="A5478" s="2"/>
      <c r="B5478" s="2"/>
      <c r="C5478" s="2"/>
    </row>
    <row r="5479" spans="1:3" ht="19.2">
      <c r="A5479" s="2"/>
      <c r="B5479" s="2"/>
      <c r="C5479" s="2"/>
    </row>
    <row r="5480" spans="1:3" ht="19.2">
      <c r="A5480" s="2"/>
      <c r="B5480" s="2"/>
      <c r="C5480" s="2"/>
    </row>
    <row r="5481" spans="1:3" ht="19.2">
      <c r="A5481" s="2"/>
      <c r="B5481" s="2"/>
      <c r="C5481" s="2"/>
    </row>
    <row r="5482" spans="1:3" ht="19.2">
      <c r="A5482" s="2"/>
      <c r="B5482" s="2"/>
      <c r="C5482" s="2"/>
    </row>
    <row r="5483" spans="1:3" ht="19.2">
      <c r="A5483" s="2"/>
      <c r="B5483" s="2"/>
      <c r="C5483" s="2"/>
    </row>
    <row r="5484" spans="1:3" ht="19.2">
      <c r="A5484" s="2"/>
      <c r="B5484" s="2"/>
      <c r="C5484" s="2"/>
    </row>
    <row r="5485" spans="1:3" ht="19.2">
      <c r="A5485" s="2"/>
      <c r="B5485" s="2"/>
      <c r="C5485" s="2"/>
    </row>
    <row r="5486" spans="1:3" ht="19.2">
      <c r="A5486" s="2"/>
      <c r="B5486" s="2"/>
      <c r="C5486" s="2"/>
    </row>
    <row r="5487" spans="1:3" ht="19.2">
      <c r="A5487" s="2"/>
      <c r="B5487" s="2"/>
      <c r="C5487" s="2"/>
    </row>
    <row r="5488" spans="1:3" ht="19.2">
      <c r="A5488" s="2"/>
      <c r="B5488" s="2"/>
      <c r="C5488" s="2"/>
    </row>
    <row r="5489" spans="1:3" ht="19.2">
      <c r="A5489" s="2"/>
      <c r="B5489" s="2"/>
      <c r="C5489" s="2"/>
    </row>
    <row r="5490" spans="1:3" ht="19.2">
      <c r="A5490" s="2"/>
      <c r="B5490" s="2"/>
      <c r="C5490" s="2"/>
    </row>
    <row r="5491" spans="1:3" ht="19.2">
      <c r="A5491" s="2"/>
      <c r="B5491" s="2"/>
      <c r="C5491" s="2"/>
    </row>
    <row r="5492" spans="1:3" ht="19.2">
      <c r="A5492" s="2"/>
      <c r="B5492" s="2"/>
      <c r="C5492" s="2"/>
    </row>
    <row r="5493" spans="1:3" ht="19.2">
      <c r="A5493" s="2"/>
      <c r="B5493" s="2"/>
      <c r="C5493" s="2"/>
    </row>
    <row r="5494" spans="1:3" ht="19.2">
      <c r="A5494" s="2"/>
      <c r="B5494" s="2"/>
      <c r="C5494" s="2"/>
    </row>
    <row r="5495" spans="1:3" ht="19.2">
      <c r="A5495" s="2"/>
      <c r="B5495" s="2"/>
      <c r="C5495" s="2"/>
    </row>
    <row r="5496" spans="1:3" ht="19.2">
      <c r="A5496" s="2"/>
      <c r="B5496" s="2"/>
      <c r="C5496" s="2"/>
    </row>
    <row r="5497" spans="1:3" ht="19.2">
      <c r="A5497" s="2"/>
      <c r="B5497" s="2"/>
      <c r="C5497" s="2"/>
    </row>
    <row r="5498" spans="1:3" ht="19.2">
      <c r="A5498" s="2"/>
      <c r="B5498" s="2"/>
      <c r="C5498" s="2"/>
    </row>
    <row r="5499" spans="1:3" ht="19.2">
      <c r="A5499" s="2"/>
      <c r="B5499" s="2"/>
      <c r="C5499" s="2"/>
    </row>
    <row r="5500" spans="1:3" ht="19.2">
      <c r="A5500" s="2"/>
      <c r="B5500" s="2"/>
      <c r="C5500" s="2"/>
    </row>
    <row r="5501" spans="1:3" ht="19.2">
      <c r="A5501" s="2"/>
      <c r="B5501" s="2"/>
      <c r="C5501" s="2"/>
    </row>
    <row r="5502" spans="1:3" ht="19.2">
      <c r="A5502" s="2"/>
      <c r="B5502" s="2"/>
      <c r="C5502" s="2"/>
    </row>
    <row r="5503" spans="1:3" ht="19.2">
      <c r="A5503" s="2"/>
      <c r="B5503" s="2"/>
      <c r="C5503" s="2"/>
    </row>
    <row r="5504" spans="1:3" ht="19.2">
      <c r="A5504" s="2"/>
      <c r="B5504" s="2"/>
      <c r="C5504" s="2"/>
    </row>
    <row r="5505" spans="1:3" ht="19.2">
      <c r="A5505" s="2"/>
      <c r="B5505" s="2"/>
      <c r="C5505" s="2"/>
    </row>
    <row r="5506" spans="1:3" ht="19.2">
      <c r="A5506" s="2"/>
      <c r="B5506" s="2"/>
      <c r="C5506" s="2"/>
    </row>
    <row r="5507" spans="1:3" ht="19.2">
      <c r="A5507" s="2"/>
      <c r="B5507" s="2"/>
      <c r="C5507" s="2"/>
    </row>
    <row r="5508" spans="1:3" ht="19.2">
      <c r="A5508" s="2"/>
      <c r="B5508" s="2"/>
      <c r="C5508" s="2"/>
    </row>
    <row r="5509" spans="1:3" ht="19.2">
      <c r="A5509" s="2"/>
      <c r="B5509" s="2"/>
      <c r="C5509" s="2"/>
    </row>
    <row r="5510" spans="1:3" ht="19.2">
      <c r="A5510" s="2"/>
      <c r="B5510" s="2"/>
      <c r="C5510" s="2"/>
    </row>
    <row r="5511" spans="1:3" ht="19.2">
      <c r="A5511" s="2"/>
      <c r="B5511" s="2"/>
      <c r="C5511" s="2"/>
    </row>
    <row r="5512" spans="1:3" ht="19.2">
      <c r="A5512" s="2"/>
      <c r="B5512" s="2"/>
      <c r="C5512" s="2"/>
    </row>
    <row r="5513" spans="1:3" ht="19.2">
      <c r="A5513" s="2"/>
      <c r="B5513" s="2"/>
      <c r="C5513" s="2"/>
    </row>
    <row r="5514" spans="1:3" ht="19.2">
      <c r="A5514" s="2"/>
      <c r="B5514" s="2"/>
      <c r="C5514" s="2"/>
    </row>
    <row r="5515" spans="1:3" ht="19.2">
      <c r="A5515" s="2"/>
      <c r="B5515" s="2"/>
      <c r="C5515" s="2"/>
    </row>
    <row r="5516" spans="1:3" ht="19.2">
      <c r="A5516" s="2"/>
      <c r="B5516" s="2"/>
      <c r="C5516" s="2"/>
    </row>
    <row r="5517" spans="1:3" ht="19.2">
      <c r="A5517" s="2"/>
      <c r="B5517" s="2"/>
      <c r="C5517" s="2"/>
    </row>
    <row r="5518" spans="1:3" ht="19.2">
      <c r="A5518" s="2"/>
      <c r="B5518" s="2"/>
      <c r="C5518" s="2"/>
    </row>
    <row r="5519" spans="1:3" ht="19.2">
      <c r="A5519" s="2"/>
      <c r="B5519" s="2"/>
      <c r="C5519" s="2"/>
    </row>
    <row r="5520" spans="1:3" ht="19.2">
      <c r="A5520" s="2"/>
      <c r="B5520" s="2"/>
      <c r="C5520" s="2"/>
    </row>
    <row r="5521" spans="1:3" ht="19.2">
      <c r="A5521" s="2"/>
      <c r="B5521" s="2"/>
      <c r="C5521" s="2"/>
    </row>
    <row r="5522" spans="1:3" ht="19.2">
      <c r="A5522" s="2"/>
      <c r="B5522" s="2"/>
      <c r="C5522" s="2"/>
    </row>
    <row r="5523" spans="1:3" ht="19.2">
      <c r="A5523" s="2"/>
      <c r="B5523" s="2"/>
      <c r="C5523" s="2"/>
    </row>
    <row r="5524" spans="1:3" ht="19.2">
      <c r="A5524" s="2"/>
      <c r="B5524" s="2"/>
      <c r="C5524" s="2"/>
    </row>
    <row r="5525" spans="1:3" ht="19.2">
      <c r="A5525" s="2"/>
      <c r="B5525" s="2"/>
      <c r="C5525" s="2"/>
    </row>
    <row r="5526" spans="1:3" ht="19.2">
      <c r="A5526" s="2"/>
      <c r="B5526" s="2"/>
      <c r="C5526" s="2"/>
    </row>
    <row r="5527" spans="1:3" ht="19.2">
      <c r="A5527" s="2"/>
      <c r="B5527" s="2"/>
      <c r="C5527" s="2"/>
    </row>
    <row r="5528" spans="1:3" ht="19.2">
      <c r="A5528" s="2"/>
      <c r="B5528" s="2"/>
      <c r="C5528" s="2"/>
    </row>
    <row r="5529" spans="1:3" ht="19.2">
      <c r="A5529" s="2"/>
      <c r="B5529" s="2"/>
      <c r="C5529" s="2"/>
    </row>
    <row r="5530" spans="1:3" ht="19.2">
      <c r="A5530" s="2"/>
      <c r="B5530" s="2"/>
      <c r="C5530" s="2"/>
    </row>
    <row r="5531" spans="1:3" ht="19.2">
      <c r="A5531" s="2"/>
      <c r="B5531" s="2"/>
      <c r="C5531" s="2"/>
    </row>
    <row r="5532" spans="1:3" ht="19.2">
      <c r="A5532" s="2"/>
      <c r="B5532" s="2"/>
      <c r="C5532" s="2"/>
    </row>
    <row r="5533" spans="1:3" ht="19.2">
      <c r="A5533" s="2"/>
      <c r="B5533" s="2"/>
      <c r="C5533" s="2"/>
    </row>
    <row r="5534" spans="1:3" ht="19.2">
      <c r="A5534" s="2"/>
      <c r="B5534" s="2"/>
      <c r="C5534" s="2"/>
    </row>
    <row r="5535" spans="1:3" ht="19.2">
      <c r="A5535" s="2"/>
      <c r="B5535" s="2"/>
      <c r="C5535" s="2"/>
    </row>
    <row r="5536" spans="1:3" ht="19.2">
      <c r="A5536" s="2"/>
      <c r="B5536" s="2"/>
      <c r="C5536" s="2"/>
    </row>
    <row r="5537" spans="1:3" ht="19.2">
      <c r="A5537" s="2"/>
      <c r="B5537" s="2"/>
      <c r="C5537" s="2"/>
    </row>
    <row r="5538" spans="1:3" ht="19.2">
      <c r="A5538" s="2"/>
      <c r="B5538" s="2"/>
      <c r="C5538" s="2"/>
    </row>
    <row r="5539" spans="1:3" ht="19.2">
      <c r="A5539" s="2"/>
      <c r="B5539" s="2"/>
      <c r="C5539" s="2"/>
    </row>
    <row r="5540" spans="1:3" ht="19.2">
      <c r="A5540" s="2"/>
      <c r="B5540" s="2"/>
      <c r="C5540" s="2"/>
    </row>
    <row r="5541" spans="1:3" ht="19.2">
      <c r="A5541" s="2"/>
      <c r="B5541" s="2"/>
      <c r="C5541" s="2"/>
    </row>
    <row r="5542" spans="1:3" ht="19.2">
      <c r="A5542" s="2"/>
      <c r="B5542" s="2"/>
      <c r="C5542" s="2"/>
    </row>
    <row r="5543" spans="1:3" ht="19.2">
      <c r="A5543" s="2"/>
      <c r="B5543" s="2"/>
      <c r="C5543" s="2"/>
    </row>
    <row r="5544" spans="1:3" ht="19.2">
      <c r="A5544" s="2"/>
      <c r="B5544" s="2"/>
      <c r="C5544" s="2"/>
    </row>
    <row r="5545" spans="1:3" ht="19.2">
      <c r="A5545" s="2"/>
      <c r="B5545" s="2"/>
      <c r="C5545" s="2"/>
    </row>
    <row r="5546" spans="1:3" ht="19.2">
      <c r="A5546" s="2"/>
      <c r="B5546" s="2"/>
      <c r="C5546" s="2"/>
    </row>
    <row r="5547" spans="1:3" ht="19.2">
      <c r="A5547" s="2"/>
      <c r="B5547" s="2"/>
      <c r="C5547" s="2"/>
    </row>
    <row r="5548" spans="1:3" ht="19.2">
      <c r="A5548" s="2"/>
      <c r="B5548" s="2"/>
      <c r="C5548" s="2"/>
    </row>
    <row r="5549" spans="1:3" ht="19.2">
      <c r="A5549" s="2"/>
      <c r="B5549" s="2"/>
      <c r="C5549" s="2"/>
    </row>
    <row r="5550" spans="1:3" ht="19.2">
      <c r="A5550" s="2"/>
      <c r="B5550" s="2"/>
      <c r="C5550" s="2"/>
    </row>
    <row r="5551" spans="1:3" ht="19.2">
      <c r="A5551" s="2"/>
      <c r="B5551" s="2"/>
      <c r="C5551" s="2"/>
    </row>
    <row r="5552" spans="1:3" ht="19.2">
      <c r="A5552" s="2"/>
      <c r="B5552" s="2"/>
      <c r="C5552" s="2"/>
    </row>
    <row r="5553" spans="1:3" ht="19.2">
      <c r="A5553" s="2"/>
      <c r="B5553" s="2"/>
      <c r="C5553" s="2"/>
    </row>
    <row r="5554" spans="1:3" ht="19.2">
      <c r="A5554" s="2"/>
      <c r="B5554" s="2"/>
      <c r="C5554" s="2"/>
    </row>
    <row r="5555" spans="1:3" ht="19.2">
      <c r="A5555" s="2"/>
      <c r="B5555" s="2"/>
      <c r="C5555" s="2"/>
    </row>
    <row r="5556" spans="1:3" ht="19.2">
      <c r="A5556" s="2"/>
      <c r="B5556" s="2"/>
      <c r="C5556" s="2"/>
    </row>
    <row r="5557" spans="1:3" ht="19.2">
      <c r="A5557" s="2"/>
      <c r="B5557" s="2"/>
      <c r="C5557" s="2"/>
    </row>
    <row r="5558" spans="1:3" ht="19.2">
      <c r="A5558" s="2"/>
      <c r="B5558" s="2"/>
      <c r="C5558" s="2"/>
    </row>
    <row r="5559" spans="1:3" ht="19.2">
      <c r="A5559" s="2"/>
      <c r="B5559" s="2"/>
      <c r="C5559" s="2"/>
    </row>
    <row r="5560" spans="1:3" ht="19.2">
      <c r="A5560" s="2"/>
      <c r="B5560" s="2"/>
      <c r="C5560" s="2"/>
    </row>
    <row r="5561" spans="1:3" ht="19.2">
      <c r="A5561" s="2"/>
      <c r="B5561" s="2"/>
      <c r="C5561" s="2"/>
    </row>
    <row r="5562" spans="1:3" ht="19.2">
      <c r="A5562" s="2"/>
      <c r="B5562" s="2"/>
      <c r="C5562" s="2"/>
    </row>
    <row r="5563" spans="1:3" ht="19.2">
      <c r="A5563" s="2"/>
      <c r="B5563" s="2"/>
      <c r="C5563" s="2"/>
    </row>
    <row r="5564" spans="1:3" ht="19.2">
      <c r="A5564" s="2"/>
      <c r="B5564" s="2"/>
      <c r="C5564" s="2"/>
    </row>
    <row r="5565" spans="1:3" ht="19.2">
      <c r="A5565" s="2"/>
      <c r="B5565" s="2"/>
      <c r="C5565" s="2"/>
    </row>
    <row r="5566" spans="1:3" ht="19.2">
      <c r="A5566" s="2"/>
      <c r="B5566" s="2"/>
      <c r="C5566" s="2"/>
    </row>
    <row r="5567" spans="1:3" ht="19.2">
      <c r="A5567" s="2"/>
      <c r="B5567" s="2"/>
      <c r="C5567" s="2"/>
    </row>
    <row r="5568" spans="1:3" ht="19.2">
      <c r="A5568" s="2"/>
      <c r="B5568" s="2"/>
      <c r="C5568" s="2"/>
    </row>
    <row r="5569" spans="1:3" ht="19.2">
      <c r="A5569" s="2"/>
      <c r="B5569" s="2"/>
      <c r="C5569" s="2"/>
    </row>
    <row r="5570" spans="1:3" ht="19.2">
      <c r="A5570" s="2"/>
      <c r="B5570" s="2"/>
      <c r="C5570" s="2"/>
    </row>
    <row r="5571" spans="1:3" ht="19.2">
      <c r="A5571" s="2"/>
      <c r="B5571" s="2"/>
      <c r="C5571" s="2"/>
    </row>
    <row r="5572" spans="1:3" ht="19.2">
      <c r="A5572" s="2"/>
      <c r="B5572" s="2"/>
      <c r="C5572" s="2"/>
    </row>
    <row r="5573" spans="1:3" ht="19.2">
      <c r="A5573" s="2"/>
      <c r="B5573" s="2"/>
      <c r="C5573" s="2"/>
    </row>
    <row r="5574" spans="1:3" ht="19.2">
      <c r="A5574" s="2"/>
      <c r="B5574" s="2"/>
      <c r="C5574" s="2"/>
    </row>
    <row r="5575" spans="1:3" ht="19.2">
      <c r="A5575" s="2"/>
      <c r="B5575" s="2"/>
      <c r="C5575" s="2"/>
    </row>
    <row r="5576" spans="1:3" ht="19.2">
      <c r="A5576" s="2"/>
      <c r="B5576" s="2"/>
      <c r="C5576" s="2"/>
    </row>
    <row r="5577" spans="1:3" ht="19.2">
      <c r="A5577" s="2"/>
      <c r="B5577" s="2"/>
      <c r="C5577" s="2"/>
    </row>
    <row r="5578" spans="1:3" ht="19.2">
      <c r="A5578" s="2"/>
      <c r="B5578" s="2"/>
      <c r="C5578" s="2"/>
    </row>
    <row r="5579" spans="1:3" ht="19.2">
      <c r="A5579" s="2"/>
      <c r="B5579" s="2"/>
      <c r="C5579" s="2"/>
    </row>
    <row r="5580" spans="1:3" ht="19.2">
      <c r="A5580" s="2"/>
      <c r="B5580" s="2"/>
      <c r="C5580" s="2"/>
    </row>
    <row r="5581" spans="1:3" ht="19.2">
      <c r="A5581" s="2"/>
      <c r="B5581" s="2"/>
      <c r="C5581" s="2"/>
    </row>
    <row r="5582" spans="1:3" ht="19.2">
      <c r="A5582" s="2"/>
      <c r="B5582" s="2"/>
      <c r="C5582" s="2"/>
    </row>
    <row r="5583" spans="1:3" ht="19.2">
      <c r="A5583" s="2"/>
      <c r="B5583" s="2"/>
      <c r="C5583" s="2"/>
    </row>
    <row r="5584" spans="1:3" ht="19.2">
      <c r="A5584" s="2"/>
      <c r="B5584" s="2"/>
      <c r="C5584" s="2"/>
    </row>
    <row r="5585" spans="1:3" ht="19.2">
      <c r="A5585" s="2"/>
      <c r="B5585" s="2"/>
      <c r="C5585" s="2"/>
    </row>
    <row r="5586" spans="1:3" ht="19.2">
      <c r="A5586" s="2"/>
      <c r="B5586" s="2"/>
      <c r="C5586" s="2"/>
    </row>
    <row r="5587" spans="1:3" ht="19.2">
      <c r="A5587" s="2"/>
      <c r="B5587" s="2"/>
      <c r="C5587" s="2"/>
    </row>
    <row r="5588" spans="1:3" ht="19.2">
      <c r="A5588" s="2"/>
      <c r="B5588" s="2"/>
      <c r="C5588" s="2"/>
    </row>
    <row r="5589" spans="1:3" ht="19.2">
      <c r="A5589" s="2"/>
      <c r="B5589" s="2"/>
      <c r="C5589" s="2"/>
    </row>
    <row r="5590" spans="1:3" ht="19.2">
      <c r="A5590" s="2"/>
      <c r="B5590" s="2"/>
      <c r="C5590" s="2"/>
    </row>
    <row r="5591" spans="1:3" ht="19.2">
      <c r="A5591" s="2"/>
      <c r="B5591" s="2"/>
      <c r="C5591" s="2"/>
    </row>
    <row r="5592" spans="1:3" ht="19.2">
      <c r="A5592" s="2"/>
      <c r="B5592" s="2"/>
      <c r="C5592" s="2"/>
    </row>
    <row r="5593" spans="1:3" ht="19.2">
      <c r="A5593" s="2"/>
      <c r="B5593" s="2"/>
      <c r="C5593" s="2"/>
    </row>
    <row r="5594" spans="1:3" ht="19.2">
      <c r="A5594" s="2"/>
      <c r="B5594" s="2"/>
      <c r="C5594" s="2"/>
    </row>
    <row r="5595" spans="1:3" ht="19.2">
      <c r="A5595" s="2"/>
      <c r="B5595" s="2"/>
      <c r="C5595" s="2"/>
    </row>
    <row r="5596" spans="1:3" ht="19.2">
      <c r="A5596" s="2"/>
      <c r="B5596" s="2"/>
      <c r="C5596" s="2"/>
    </row>
    <row r="5597" spans="1:3" ht="19.2">
      <c r="A5597" s="2"/>
      <c r="B5597" s="2"/>
      <c r="C5597" s="2"/>
    </row>
    <row r="5598" spans="1:3" ht="19.2">
      <c r="A5598" s="2"/>
      <c r="B5598" s="2"/>
      <c r="C5598" s="2"/>
    </row>
    <row r="5599" spans="1:3" ht="19.2">
      <c r="A5599" s="2"/>
      <c r="B5599" s="2"/>
      <c r="C5599" s="2"/>
    </row>
    <row r="5600" spans="1:3" ht="19.2">
      <c r="A5600" s="2"/>
      <c r="B5600" s="2"/>
      <c r="C5600" s="2"/>
    </row>
    <row r="5601" spans="1:3" ht="19.2">
      <c r="A5601" s="2"/>
      <c r="B5601" s="2"/>
      <c r="C5601" s="2"/>
    </row>
    <row r="5602" spans="1:3" ht="19.2">
      <c r="A5602" s="2"/>
      <c r="B5602" s="2"/>
      <c r="C5602" s="2"/>
    </row>
    <row r="5603" spans="1:3" ht="19.2">
      <c r="A5603" s="2"/>
      <c r="B5603" s="2"/>
      <c r="C5603" s="2"/>
    </row>
    <row r="5604" spans="1:3" ht="19.2">
      <c r="A5604" s="2"/>
      <c r="B5604" s="2"/>
      <c r="C5604" s="2"/>
    </row>
    <row r="5605" spans="1:3" ht="19.2">
      <c r="A5605" s="2"/>
      <c r="B5605" s="2"/>
      <c r="C5605" s="2"/>
    </row>
    <row r="5606" spans="1:3" ht="19.2">
      <c r="A5606" s="2"/>
      <c r="B5606" s="2"/>
      <c r="C5606" s="2"/>
    </row>
    <row r="5607" spans="1:3" ht="19.2">
      <c r="A5607" s="2"/>
      <c r="B5607" s="2"/>
      <c r="C5607" s="2"/>
    </row>
    <row r="5608" spans="1:3" ht="19.2">
      <c r="A5608" s="2"/>
      <c r="B5608" s="2"/>
      <c r="C5608" s="2"/>
    </row>
    <row r="5609" spans="1:3" ht="19.2">
      <c r="A5609" s="2"/>
      <c r="B5609" s="2"/>
      <c r="C5609" s="2"/>
    </row>
    <row r="5610" spans="1:3" ht="19.2">
      <c r="A5610" s="2"/>
      <c r="B5610" s="2"/>
      <c r="C5610" s="2"/>
    </row>
    <row r="5611" spans="1:3" ht="19.2">
      <c r="A5611" s="2"/>
      <c r="B5611" s="2"/>
      <c r="C5611" s="2"/>
    </row>
    <row r="5612" spans="1:3" ht="19.2">
      <c r="A5612" s="2"/>
      <c r="B5612" s="2"/>
      <c r="C5612" s="2"/>
    </row>
    <row r="5613" spans="1:3" ht="19.2">
      <c r="A5613" s="2"/>
      <c r="B5613" s="2"/>
      <c r="C5613" s="2"/>
    </row>
    <row r="5614" spans="1:3" ht="19.2">
      <c r="A5614" s="2"/>
      <c r="B5614" s="2"/>
      <c r="C5614" s="2"/>
    </row>
    <row r="5615" spans="1:3" ht="19.2">
      <c r="A5615" s="2"/>
      <c r="B5615" s="2"/>
      <c r="C5615" s="2"/>
    </row>
    <row r="5616" spans="1:3" ht="19.2">
      <c r="A5616" s="2"/>
      <c r="B5616" s="2"/>
      <c r="C5616" s="2"/>
    </row>
    <row r="5617" spans="1:3" ht="19.2">
      <c r="A5617" s="2"/>
      <c r="B5617" s="2"/>
      <c r="C5617" s="2"/>
    </row>
    <row r="5618" spans="1:3" ht="19.2">
      <c r="A5618" s="2"/>
      <c r="B5618" s="2"/>
      <c r="C5618" s="2"/>
    </row>
    <row r="5619" spans="1:3" ht="19.2">
      <c r="A5619" s="2"/>
      <c r="B5619" s="2"/>
      <c r="C5619" s="2"/>
    </row>
    <row r="5620" spans="1:3" ht="19.2">
      <c r="A5620" s="2"/>
      <c r="B5620" s="2"/>
      <c r="C5620" s="2"/>
    </row>
    <row r="5621" spans="1:3" ht="19.2">
      <c r="A5621" s="2"/>
      <c r="B5621" s="2"/>
      <c r="C5621" s="2"/>
    </row>
    <row r="5622" spans="1:3" ht="19.2">
      <c r="A5622" s="2"/>
      <c r="B5622" s="2"/>
      <c r="C5622" s="2"/>
    </row>
    <row r="5623" spans="1:3" ht="19.2">
      <c r="A5623" s="2"/>
      <c r="B5623" s="2"/>
      <c r="C5623" s="2"/>
    </row>
    <row r="5624" spans="1:3" ht="19.2">
      <c r="A5624" s="2"/>
      <c r="B5624" s="2"/>
      <c r="C5624" s="2"/>
    </row>
    <row r="5625" spans="1:3" ht="19.2">
      <c r="A5625" s="2"/>
      <c r="B5625" s="2"/>
      <c r="C5625" s="2"/>
    </row>
    <row r="5626" spans="1:3" ht="19.2">
      <c r="A5626" s="2"/>
      <c r="B5626" s="2"/>
      <c r="C5626" s="2"/>
    </row>
    <row r="5627" spans="1:3" ht="19.2">
      <c r="A5627" s="2"/>
      <c r="B5627" s="2"/>
      <c r="C5627" s="2"/>
    </row>
    <row r="5628" spans="1:3" ht="19.2">
      <c r="A5628" s="2"/>
      <c r="B5628" s="2"/>
      <c r="C5628" s="2"/>
    </row>
    <row r="5629" spans="1:3" ht="19.2">
      <c r="A5629" s="2"/>
      <c r="B5629" s="2"/>
      <c r="C5629" s="2"/>
    </row>
    <row r="5630" spans="1:3" ht="19.2">
      <c r="A5630" s="2"/>
      <c r="B5630" s="2"/>
      <c r="C5630" s="2"/>
    </row>
    <row r="5631" spans="1:3" ht="19.2">
      <c r="A5631" s="2"/>
      <c r="B5631" s="2"/>
      <c r="C5631" s="2"/>
    </row>
    <row r="5632" spans="1:3" ht="19.2">
      <c r="A5632" s="2"/>
      <c r="B5632" s="2"/>
      <c r="C5632" s="2"/>
    </row>
    <row r="5633" spans="1:3" ht="19.2">
      <c r="A5633" s="2"/>
      <c r="B5633" s="2"/>
      <c r="C5633" s="2"/>
    </row>
    <row r="5634" spans="1:3" ht="19.2">
      <c r="A5634" s="2"/>
      <c r="B5634" s="2"/>
      <c r="C5634" s="2"/>
    </row>
    <row r="5635" spans="1:3" ht="19.2">
      <c r="A5635" s="2"/>
      <c r="B5635" s="2"/>
      <c r="C5635" s="2"/>
    </row>
    <row r="5636" spans="1:3" ht="19.2">
      <c r="A5636" s="2"/>
      <c r="B5636" s="2"/>
      <c r="C5636" s="2"/>
    </row>
    <row r="5637" spans="1:3" ht="19.2">
      <c r="A5637" s="2"/>
      <c r="B5637" s="2"/>
      <c r="C5637" s="2"/>
    </row>
    <row r="5638" spans="1:3" ht="19.2">
      <c r="A5638" s="2"/>
      <c r="B5638" s="2"/>
      <c r="C5638" s="2"/>
    </row>
    <row r="5639" spans="1:3" ht="19.2">
      <c r="A5639" s="2"/>
      <c r="B5639" s="2"/>
      <c r="C5639" s="2"/>
    </row>
    <row r="5640" spans="1:3" ht="19.2">
      <c r="A5640" s="2"/>
      <c r="B5640" s="2"/>
      <c r="C5640" s="2"/>
    </row>
    <row r="5641" spans="1:3" ht="19.2">
      <c r="A5641" s="2"/>
      <c r="B5641" s="2"/>
      <c r="C5641" s="2"/>
    </row>
    <row r="5642" spans="1:3" ht="19.2">
      <c r="A5642" s="2"/>
      <c r="B5642" s="2"/>
      <c r="C5642" s="2"/>
    </row>
    <row r="5643" spans="1:3" ht="19.2">
      <c r="A5643" s="2"/>
      <c r="B5643" s="2"/>
      <c r="C5643" s="2"/>
    </row>
    <row r="5644" spans="1:3" ht="19.2">
      <c r="A5644" s="2"/>
      <c r="B5644" s="2"/>
      <c r="C5644" s="2"/>
    </row>
    <row r="5645" spans="1:3" ht="19.2">
      <c r="A5645" s="2"/>
      <c r="B5645" s="2"/>
      <c r="C5645" s="2"/>
    </row>
    <row r="5646" spans="1:3" ht="19.2">
      <c r="A5646" s="2"/>
      <c r="B5646" s="2"/>
      <c r="C5646" s="2"/>
    </row>
    <row r="5647" spans="1:3" ht="19.2">
      <c r="A5647" s="2"/>
      <c r="B5647" s="2"/>
      <c r="C5647" s="2"/>
    </row>
    <row r="5648" spans="1:3" ht="19.2">
      <c r="A5648" s="2"/>
      <c r="B5648" s="2"/>
      <c r="C5648" s="2"/>
    </row>
    <row r="5649" spans="1:3" ht="19.2">
      <c r="A5649" s="2"/>
      <c r="B5649" s="2"/>
      <c r="C5649" s="2"/>
    </row>
    <row r="5650" spans="1:3" ht="19.2">
      <c r="A5650" s="2"/>
      <c r="B5650" s="2"/>
      <c r="C5650" s="2"/>
    </row>
    <row r="5651" spans="1:3" ht="19.2">
      <c r="A5651" s="2"/>
      <c r="B5651" s="2"/>
      <c r="C5651" s="2"/>
    </row>
    <row r="5652" spans="1:3" ht="19.2">
      <c r="A5652" s="2"/>
      <c r="B5652" s="2"/>
      <c r="C5652" s="2"/>
    </row>
    <row r="5653" spans="1:3" ht="19.2">
      <c r="A5653" s="2"/>
      <c r="B5653" s="2"/>
      <c r="C5653" s="2"/>
    </row>
    <row r="5654" spans="1:3" ht="19.2">
      <c r="A5654" s="2"/>
      <c r="B5654" s="2"/>
      <c r="C5654" s="2"/>
    </row>
    <row r="5655" spans="1:3" ht="19.2">
      <c r="A5655" s="2"/>
      <c r="B5655" s="2"/>
      <c r="C5655" s="2"/>
    </row>
    <row r="5656" spans="1:3" ht="19.2">
      <c r="A5656" s="2"/>
      <c r="B5656" s="2"/>
      <c r="C5656" s="2"/>
    </row>
    <row r="5657" spans="1:3" ht="19.2">
      <c r="A5657" s="2"/>
      <c r="B5657" s="2"/>
      <c r="C5657" s="2"/>
    </row>
    <row r="5658" spans="1:3" ht="19.2">
      <c r="A5658" s="2"/>
      <c r="B5658" s="2"/>
      <c r="C5658" s="2"/>
    </row>
    <row r="5659" spans="1:3" ht="19.2">
      <c r="A5659" s="2"/>
      <c r="B5659" s="2"/>
      <c r="C5659" s="2"/>
    </row>
    <row r="5660" spans="1:3" ht="19.2">
      <c r="A5660" s="2"/>
      <c r="B5660" s="2"/>
      <c r="C5660" s="2"/>
    </row>
    <row r="5661" spans="1:3" ht="19.2">
      <c r="A5661" s="2"/>
      <c r="B5661" s="2"/>
      <c r="C5661" s="2"/>
    </row>
    <row r="5662" spans="1:3" ht="19.2">
      <c r="A5662" s="2"/>
      <c r="B5662" s="2"/>
      <c r="C5662" s="2"/>
    </row>
    <row r="5663" spans="1:3" ht="19.2">
      <c r="A5663" s="2"/>
      <c r="B5663" s="2"/>
      <c r="C5663" s="2"/>
    </row>
    <row r="5664" spans="1:3" ht="19.2">
      <c r="A5664" s="2"/>
      <c r="B5664" s="2"/>
      <c r="C5664" s="2"/>
    </row>
    <row r="5665" spans="1:3" ht="19.2">
      <c r="A5665" s="2"/>
      <c r="B5665" s="2"/>
      <c r="C5665" s="2"/>
    </row>
    <row r="5666" spans="1:3" ht="19.2">
      <c r="A5666" s="2"/>
      <c r="B5666" s="2"/>
      <c r="C5666" s="2"/>
    </row>
    <row r="5667" spans="1:3" ht="19.2">
      <c r="A5667" s="2"/>
      <c r="B5667" s="2"/>
      <c r="C5667" s="2"/>
    </row>
    <row r="5668" spans="1:3" ht="19.2">
      <c r="A5668" s="2"/>
      <c r="B5668" s="2"/>
      <c r="C5668" s="2"/>
    </row>
    <row r="5669" spans="1:3" ht="19.2">
      <c r="A5669" s="2"/>
      <c r="B5669" s="2"/>
      <c r="C5669" s="2"/>
    </row>
    <row r="5670" spans="1:3" ht="19.2">
      <c r="A5670" s="2"/>
      <c r="B5670" s="2"/>
      <c r="C5670" s="2"/>
    </row>
    <row r="5671" spans="1:3" ht="19.2">
      <c r="A5671" s="2"/>
      <c r="B5671" s="2"/>
      <c r="C5671" s="2"/>
    </row>
    <row r="5672" spans="1:3" ht="19.2">
      <c r="A5672" s="2"/>
      <c r="B5672" s="2"/>
      <c r="C5672" s="2"/>
    </row>
    <row r="5673" spans="1:3" ht="19.2">
      <c r="A5673" s="2"/>
      <c r="B5673" s="2"/>
      <c r="C5673" s="2"/>
    </row>
    <row r="5674" spans="1:3" ht="19.2">
      <c r="A5674" s="2"/>
      <c r="B5674" s="2"/>
      <c r="C5674" s="2"/>
    </row>
    <row r="5675" spans="1:3" ht="19.2">
      <c r="A5675" s="2"/>
      <c r="B5675" s="2"/>
      <c r="C5675" s="2"/>
    </row>
    <row r="5676" spans="1:3" ht="19.2">
      <c r="A5676" s="2"/>
      <c r="B5676" s="2"/>
      <c r="C5676" s="2"/>
    </row>
    <row r="5677" spans="1:3" ht="19.2">
      <c r="A5677" s="2"/>
      <c r="B5677" s="2"/>
      <c r="C5677" s="2"/>
    </row>
    <row r="5678" spans="1:3" ht="19.2">
      <c r="A5678" s="2"/>
      <c r="B5678" s="2"/>
      <c r="C5678" s="2"/>
    </row>
    <row r="5679" spans="1:3" ht="19.2">
      <c r="A5679" s="2"/>
      <c r="B5679" s="2"/>
      <c r="C5679" s="2"/>
    </row>
    <row r="5680" spans="1:3" ht="19.2">
      <c r="A5680" s="2"/>
      <c r="B5680" s="2"/>
      <c r="C5680" s="2"/>
    </row>
    <row r="5681" spans="1:3" ht="19.2">
      <c r="A5681" s="2"/>
      <c r="B5681" s="2"/>
      <c r="C5681" s="2"/>
    </row>
    <row r="5682" spans="1:3" ht="19.2">
      <c r="A5682" s="2"/>
      <c r="B5682" s="2"/>
      <c r="C5682" s="2"/>
    </row>
    <row r="5683" spans="1:3" ht="19.2">
      <c r="A5683" s="2"/>
      <c r="B5683" s="2"/>
      <c r="C5683" s="2"/>
    </row>
    <row r="5684" spans="1:3" ht="19.2">
      <c r="A5684" s="2"/>
      <c r="B5684" s="2"/>
      <c r="C5684" s="2"/>
    </row>
    <row r="5685" spans="1:3" ht="19.2">
      <c r="A5685" s="2"/>
      <c r="B5685" s="2"/>
      <c r="C5685" s="2"/>
    </row>
    <row r="5686" spans="1:3" ht="19.2">
      <c r="A5686" s="2"/>
      <c r="B5686" s="2"/>
      <c r="C5686" s="2"/>
    </row>
    <row r="5687" spans="1:3" ht="19.2">
      <c r="A5687" s="2"/>
      <c r="B5687" s="2"/>
      <c r="C5687" s="2"/>
    </row>
    <row r="5688" spans="1:3" ht="19.2">
      <c r="A5688" s="2"/>
      <c r="B5688" s="2"/>
      <c r="C5688" s="2"/>
    </row>
    <row r="5689" spans="1:3" ht="19.2">
      <c r="A5689" s="2"/>
      <c r="B5689" s="2"/>
      <c r="C5689" s="2"/>
    </row>
    <row r="5690" spans="1:3" ht="19.2">
      <c r="A5690" s="2"/>
      <c r="B5690" s="2"/>
      <c r="C5690" s="2"/>
    </row>
    <row r="5691" spans="1:3" ht="19.2">
      <c r="A5691" s="2"/>
      <c r="B5691" s="2"/>
      <c r="C5691" s="2"/>
    </row>
    <row r="5692" spans="1:3" ht="19.2">
      <c r="A5692" s="2"/>
      <c r="B5692" s="2"/>
      <c r="C5692" s="2"/>
    </row>
    <row r="5693" spans="1:3" ht="19.2">
      <c r="A5693" s="2"/>
      <c r="B5693" s="2"/>
      <c r="C5693" s="2"/>
    </row>
    <row r="5694" spans="1:3" ht="19.2">
      <c r="A5694" s="2"/>
      <c r="B5694" s="2"/>
      <c r="C5694" s="2"/>
    </row>
    <row r="5695" spans="1:3" ht="19.2">
      <c r="A5695" s="2"/>
      <c r="B5695" s="2"/>
      <c r="C5695" s="2"/>
    </row>
    <row r="5696" spans="1:3" ht="19.2">
      <c r="A5696" s="2"/>
      <c r="B5696" s="2"/>
      <c r="C5696" s="2"/>
    </row>
    <row r="5697" spans="1:3" ht="19.2">
      <c r="A5697" s="2"/>
      <c r="B5697" s="2"/>
      <c r="C5697" s="2"/>
    </row>
    <row r="5698" spans="1:3" ht="19.2">
      <c r="A5698" s="2"/>
      <c r="B5698" s="2"/>
      <c r="C5698" s="2"/>
    </row>
    <row r="5699" spans="1:3" ht="19.2">
      <c r="A5699" s="2"/>
      <c r="B5699" s="2"/>
      <c r="C5699" s="2"/>
    </row>
    <row r="5700" spans="1:3" ht="19.2">
      <c r="A5700" s="2"/>
      <c r="B5700" s="2"/>
      <c r="C5700" s="2"/>
    </row>
    <row r="5701" spans="1:3" ht="19.2">
      <c r="A5701" s="2"/>
      <c r="B5701" s="2"/>
      <c r="C5701" s="2"/>
    </row>
    <row r="5702" spans="1:3" ht="19.2">
      <c r="A5702" s="2"/>
      <c r="B5702" s="2"/>
      <c r="C5702" s="2"/>
    </row>
    <row r="5703" spans="1:3" ht="19.2">
      <c r="A5703" s="2"/>
      <c r="B5703" s="2"/>
      <c r="C5703" s="2"/>
    </row>
    <row r="5704" spans="1:3" ht="19.2">
      <c r="A5704" s="2"/>
      <c r="B5704" s="2"/>
      <c r="C5704" s="2"/>
    </row>
    <row r="5705" spans="1:3" ht="19.2">
      <c r="A5705" s="2"/>
      <c r="B5705" s="2"/>
      <c r="C5705" s="2"/>
    </row>
    <row r="5706" spans="1:3" ht="19.2">
      <c r="A5706" s="2"/>
      <c r="B5706" s="2"/>
      <c r="C5706" s="2"/>
    </row>
    <row r="5707" spans="1:3" ht="19.2">
      <c r="A5707" s="2"/>
      <c r="B5707" s="2"/>
      <c r="C5707" s="2"/>
    </row>
    <row r="5708" spans="1:3" ht="19.2">
      <c r="A5708" s="2"/>
      <c r="B5708" s="2"/>
      <c r="C5708" s="2"/>
    </row>
    <row r="5709" spans="1:3" ht="19.2">
      <c r="A5709" s="2"/>
      <c r="B5709" s="2"/>
      <c r="C5709" s="2"/>
    </row>
    <row r="5710" spans="1:3" ht="19.2">
      <c r="A5710" s="2"/>
      <c r="B5710" s="2"/>
      <c r="C5710" s="2"/>
    </row>
    <row r="5711" spans="1:3" ht="19.2">
      <c r="A5711" s="2"/>
      <c r="B5711" s="2"/>
      <c r="C5711" s="2"/>
    </row>
    <row r="5712" spans="1:3" ht="19.2">
      <c r="A5712" s="2"/>
      <c r="B5712" s="2"/>
      <c r="C5712" s="2"/>
    </row>
    <row r="5713" spans="1:3" ht="19.2">
      <c r="A5713" s="2"/>
      <c r="B5713" s="2"/>
      <c r="C5713" s="2"/>
    </row>
    <row r="5714" spans="1:3" ht="19.2">
      <c r="A5714" s="2"/>
      <c r="B5714" s="2"/>
      <c r="C5714" s="2"/>
    </row>
    <row r="5715" spans="1:3" ht="19.2">
      <c r="A5715" s="2"/>
      <c r="B5715" s="2"/>
      <c r="C5715" s="2"/>
    </row>
    <row r="5716" spans="1:3" ht="19.2">
      <c r="A5716" s="2"/>
      <c r="B5716" s="2"/>
      <c r="C5716" s="2"/>
    </row>
    <row r="5717" spans="1:3" ht="19.2">
      <c r="A5717" s="2"/>
      <c r="B5717" s="2"/>
      <c r="C5717" s="2"/>
    </row>
    <row r="5718" spans="1:3" ht="19.2">
      <c r="A5718" s="2"/>
      <c r="B5718" s="2"/>
      <c r="C5718" s="2"/>
    </row>
    <row r="5719" spans="1:3" ht="19.2">
      <c r="A5719" s="2"/>
      <c r="B5719" s="2"/>
      <c r="C5719" s="2"/>
    </row>
    <row r="5720" spans="1:3" ht="19.2">
      <c r="A5720" s="2"/>
      <c r="B5720" s="2"/>
      <c r="C5720" s="2"/>
    </row>
    <row r="5721" spans="1:3" ht="19.2">
      <c r="A5721" s="2"/>
      <c r="B5721" s="2"/>
      <c r="C5721" s="2"/>
    </row>
    <row r="5722" spans="1:3" ht="19.2">
      <c r="A5722" s="2"/>
      <c r="B5722" s="2"/>
      <c r="C5722" s="2"/>
    </row>
    <row r="5723" spans="1:3" ht="19.2">
      <c r="A5723" s="2"/>
      <c r="B5723" s="2"/>
      <c r="C5723" s="2"/>
    </row>
    <row r="5724" spans="1:3" ht="19.2">
      <c r="A5724" s="2"/>
      <c r="B5724" s="2"/>
      <c r="C5724" s="2"/>
    </row>
    <row r="5725" spans="1:3" ht="19.2">
      <c r="A5725" s="2"/>
      <c r="B5725" s="2"/>
      <c r="C5725" s="2"/>
    </row>
    <row r="5726" spans="1:3" ht="19.2">
      <c r="A5726" s="2"/>
      <c r="B5726" s="2"/>
      <c r="C5726" s="2"/>
    </row>
    <row r="5727" spans="1:3" ht="19.2">
      <c r="A5727" s="2"/>
      <c r="B5727" s="2"/>
      <c r="C5727" s="2"/>
    </row>
    <row r="5728" spans="1:3" ht="19.2">
      <c r="A5728" s="2"/>
      <c r="B5728" s="2"/>
      <c r="C5728" s="2"/>
    </row>
    <row r="5729" spans="1:3" ht="19.2">
      <c r="A5729" s="2"/>
      <c r="B5729" s="2"/>
      <c r="C5729" s="2"/>
    </row>
    <row r="5730" spans="1:3" ht="19.2">
      <c r="A5730" s="2"/>
      <c r="B5730" s="2"/>
      <c r="C5730" s="2"/>
    </row>
    <row r="5731" spans="1:3" ht="19.2">
      <c r="A5731" s="2"/>
      <c r="B5731" s="2"/>
      <c r="C5731" s="2"/>
    </row>
    <row r="5732" spans="1:3" ht="19.2">
      <c r="A5732" s="2"/>
      <c r="B5732" s="2"/>
      <c r="C5732" s="2"/>
    </row>
    <row r="5733" spans="1:3" ht="19.2">
      <c r="A5733" s="2"/>
      <c r="B5733" s="2"/>
      <c r="C5733" s="2"/>
    </row>
    <row r="5734" spans="1:3" ht="19.2">
      <c r="A5734" s="2"/>
      <c r="B5734" s="2"/>
      <c r="C5734" s="2"/>
    </row>
    <row r="5735" spans="1:3" ht="19.2">
      <c r="A5735" s="2"/>
      <c r="B5735" s="2"/>
      <c r="C5735" s="2"/>
    </row>
    <row r="5736" spans="1:3" ht="19.2">
      <c r="A5736" s="2"/>
      <c r="B5736" s="2"/>
      <c r="C5736" s="2"/>
    </row>
    <row r="5737" spans="1:3" ht="19.2">
      <c r="A5737" s="2"/>
      <c r="B5737" s="2"/>
      <c r="C5737" s="2"/>
    </row>
    <row r="5738" spans="1:3" ht="19.2">
      <c r="A5738" s="2"/>
      <c r="B5738" s="2"/>
      <c r="C5738" s="2"/>
    </row>
    <row r="5739" spans="1:3" ht="19.2">
      <c r="A5739" s="2"/>
      <c r="B5739" s="2"/>
      <c r="C5739" s="2"/>
    </row>
    <row r="5740" spans="1:3" ht="19.2">
      <c r="A5740" s="2"/>
      <c r="B5740" s="2"/>
      <c r="C5740" s="2"/>
    </row>
    <row r="5741" spans="1:3" ht="19.2">
      <c r="A5741" s="2"/>
      <c r="B5741" s="2"/>
      <c r="C5741" s="2"/>
    </row>
    <row r="5742" spans="1:3" ht="19.2">
      <c r="A5742" s="2"/>
      <c r="B5742" s="2"/>
      <c r="C5742" s="2"/>
    </row>
    <row r="5743" spans="1:3" ht="19.2">
      <c r="A5743" s="2"/>
      <c r="B5743" s="2"/>
      <c r="C5743" s="2"/>
    </row>
    <row r="5744" spans="1:3" ht="19.2">
      <c r="A5744" s="2"/>
      <c r="B5744" s="2"/>
      <c r="C5744" s="2"/>
    </row>
    <row r="5745" spans="1:3" ht="19.2">
      <c r="A5745" s="2"/>
      <c r="B5745" s="2"/>
      <c r="C5745" s="2"/>
    </row>
    <row r="5746" spans="1:3" ht="19.2">
      <c r="A5746" s="2"/>
      <c r="B5746" s="2"/>
      <c r="C5746" s="2"/>
    </row>
    <row r="5747" spans="1:3" ht="19.2">
      <c r="A5747" s="2"/>
      <c r="B5747" s="2"/>
      <c r="C5747" s="2"/>
    </row>
    <row r="5748" spans="1:3" ht="19.2">
      <c r="A5748" s="2"/>
      <c r="B5748" s="2"/>
      <c r="C5748" s="2"/>
    </row>
    <row r="5749" spans="1:3" ht="19.2">
      <c r="A5749" s="2"/>
      <c r="B5749" s="2"/>
      <c r="C5749" s="2"/>
    </row>
    <row r="5750" spans="1:3" ht="19.2">
      <c r="A5750" s="2"/>
      <c r="B5750" s="2"/>
      <c r="C5750" s="2"/>
    </row>
    <row r="5751" spans="1:3" ht="19.2">
      <c r="A5751" s="2"/>
      <c r="B5751" s="2"/>
      <c r="C5751" s="2"/>
    </row>
    <row r="5752" spans="1:3" ht="19.2">
      <c r="A5752" s="2"/>
      <c r="B5752" s="2"/>
      <c r="C5752" s="2"/>
    </row>
    <row r="5753" spans="1:3" ht="19.2">
      <c r="A5753" s="2"/>
      <c r="B5753" s="2"/>
      <c r="C5753" s="2"/>
    </row>
    <row r="5754" spans="1:3" ht="19.2">
      <c r="A5754" s="2"/>
      <c r="B5754" s="2"/>
      <c r="C5754" s="2"/>
    </row>
    <row r="5755" spans="1:3" ht="19.2">
      <c r="A5755" s="2"/>
      <c r="B5755" s="2"/>
      <c r="C5755" s="2"/>
    </row>
    <row r="5756" spans="1:3" ht="19.2">
      <c r="A5756" s="2"/>
      <c r="B5756" s="2"/>
      <c r="C5756" s="2"/>
    </row>
    <row r="5757" spans="1:3" ht="19.2">
      <c r="A5757" s="2"/>
      <c r="B5757" s="2"/>
      <c r="C5757" s="2"/>
    </row>
    <row r="5758" spans="1:3" ht="19.2">
      <c r="A5758" s="2"/>
      <c r="B5758" s="2"/>
      <c r="C5758" s="2"/>
    </row>
    <row r="5759" spans="1:3" ht="19.2">
      <c r="A5759" s="2"/>
      <c r="B5759" s="2"/>
      <c r="C5759" s="2"/>
    </row>
    <row r="5760" spans="1:3" ht="19.2">
      <c r="A5760" s="2"/>
      <c r="B5760" s="2"/>
      <c r="C5760" s="2"/>
    </row>
    <row r="5761" spans="1:3" ht="19.2">
      <c r="A5761" s="2"/>
      <c r="B5761" s="2"/>
      <c r="C5761" s="2"/>
    </row>
    <row r="5762" spans="1:3" ht="19.2">
      <c r="A5762" s="2"/>
      <c r="B5762" s="2"/>
      <c r="C5762" s="2"/>
    </row>
    <row r="5763" spans="1:3" ht="19.2">
      <c r="A5763" s="2"/>
      <c r="B5763" s="2"/>
      <c r="C5763" s="2"/>
    </row>
    <row r="5764" spans="1:3" ht="19.2">
      <c r="A5764" s="2"/>
      <c r="B5764" s="2"/>
      <c r="C5764" s="2"/>
    </row>
    <row r="5765" spans="1:3" ht="19.2">
      <c r="A5765" s="2"/>
      <c r="B5765" s="2"/>
      <c r="C5765" s="2"/>
    </row>
    <row r="5766" spans="1:3" ht="19.2">
      <c r="A5766" s="2"/>
      <c r="B5766" s="2"/>
      <c r="C5766" s="2"/>
    </row>
    <row r="5767" spans="1:3" ht="19.2">
      <c r="A5767" s="2"/>
      <c r="B5767" s="2"/>
      <c r="C5767" s="2"/>
    </row>
    <row r="5768" spans="1:3" ht="19.2">
      <c r="A5768" s="2"/>
      <c r="B5768" s="2"/>
      <c r="C5768" s="2"/>
    </row>
    <row r="5769" spans="1:3" ht="19.2">
      <c r="A5769" s="2"/>
      <c r="B5769" s="2"/>
      <c r="C5769" s="2"/>
    </row>
    <row r="5770" spans="1:3" ht="19.2">
      <c r="A5770" s="2"/>
      <c r="B5770" s="2"/>
      <c r="C5770" s="2"/>
    </row>
    <row r="5771" spans="1:3" ht="19.2">
      <c r="A5771" s="2"/>
      <c r="B5771" s="2"/>
      <c r="C5771" s="2"/>
    </row>
    <row r="5772" spans="1:3" ht="19.2">
      <c r="A5772" s="2"/>
      <c r="B5772" s="2"/>
      <c r="C5772" s="2"/>
    </row>
    <row r="5773" spans="1:3" ht="19.2">
      <c r="A5773" s="2"/>
      <c r="B5773" s="2"/>
      <c r="C5773" s="2"/>
    </row>
    <row r="5774" spans="1:3" ht="19.2">
      <c r="A5774" s="2"/>
      <c r="B5774" s="2"/>
      <c r="C5774" s="2"/>
    </row>
    <row r="5775" spans="1:3" ht="19.2">
      <c r="A5775" s="2"/>
      <c r="B5775" s="2"/>
      <c r="C5775" s="2"/>
    </row>
    <row r="5776" spans="1:3" ht="19.2">
      <c r="A5776" s="2"/>
      <c r="B5776" s="2"/>
      <c r="C5776" s="2"/>
    </row>
    <row r="5777" spans="1:3" ht="19.2">
      <c r="A5777" s="2"/>
      <c r="B5777" s="2"/>
      <c r="C5777" s="2"/>
    </row>
    <row r="5778" spans="1:3" ht="19.2">
      <c r="A5778" s="2"/>
      <c r="B5778" s="2"/>
      <c r="C5778" s="2"/>
    </row>
    <row r="5779" spans="1:3" ht="19.2">
      <c r="A5779" s="2"/>
      <c r="B5779" s="2"/>
      <c r="C5779" s="2"/>
    </row>
    <row r="5780" spans="1:3" ht="19.2">
      <c r="A5780" s="2"/>
      <c r="B5780" s="2"/>
      <c r="C5780" s="2"/>
    </row>
    <row r="5781" spans="1:3" ht="19.2">
      <c r="A5781" s="2"/>
      <c r="B5781" s="2"/>
      <c r="C5781" s="2"/>
    </row>
    <row r="5782" spans="1:3" ht="19.2">
      <c r="A5782" s="2"/>
      <c r="B5782" s="2"/>
      <c r="C5782" s="2"/>
    </row>
    <row r="5783" spans="1:3" ht="19.2">
      <c r="A5783" s="2"/>
      <c r="B5783" s="2"/>
      <c r="C5783" s="2"/>
    </row>
    <row r="5784" spans="1:3" ht="19.2">
      <c r="A5784" s="2"/>
      <c r="B5784" s="2"/>
      <c r="C5784" s="2"/>
    </row>
    <row r="5785" spans="1:3" ht="19.2">
      <c r="A5785" s="2"/>
      <c r="B5785" s="2"/>
      <c r="C5785" s="2"/>
    </row>
    <row r="5786" spans="1:3" ht="19.2">
      <c r="A5786" s="2"/>
      <c r="B5786" s="2"/>
      <c r="C5786" s="2"/>
    </row>
    <row r="5787" spans="1:3" ht="19.2">
      <c r="A5787" s="2"/>
      <c r="B5787" s="2"/>
      <c r="C5787" s="2"/>
    </row>
    <row r="5788" spans="1:3" ht="19.2">
      <c r="A5788" s="2"/>
      <c r="B5788" s="2"/>
      <c r="C5788" s="2"/>
    </row>
    <row r="5789" spans="1:3" ht="19.2">
      <c r="A5789" s="2"/>
      <c r="B5789" s="2"/>
      <c r="C5789" s="2"/>
    </row>
    <row r="5790" spans="1:3" ht="19.2">
      <c r="A5790" s="2"/>
      <c r="B5790" s="2"/>
      <c r="C5790" s="2"/>
    </row>
    <row r="5791" spans="1:3" ht="19.2">
      <c r="A5791" s="2"/>
      <c r="B5791" s="2"/>
      <c r="C5791" s="2"/>
    </row>
    <row r="5792" spans="1:3" ht="19.2">
      <c r="A5792" s="2"/>
      <c r="B5792" s="2"/>
      <c r="C5792" s="2"/>
    </row>
    <row r="5793" spans="1:3" ht="19.2">
      <c r="A5793" s="2"/>
      <c r="B5793" s="2"/>
      <c r="C5793" s="2"/>
    </row>
    <row r="5794" spans="1:3" ht="19.2">
      <c r="A5794" s="2"/>
      <c r="B5794" s="2"/>
      <c r="C5794" s="2"/>
    </row>
    <row r="5795" spans="1:3" ht="19.2">
      <c r="A5795" s="2"/>
      <c r="B5795" s="2"/>
      <c r="C5795" s="2"/>
    </row>
    <row r="5796" spans="1:3" ht="19.2">
      <c r="A5796" s="2"/>
      <c r="B5796" s="2"/>
      <c r="C5796" s="2"/>
    </row>
    <row r="5797" spans="1:3" ht="19.2">
      <c r="A5797" s="2"/>
      <c r="B5797" s="2"/>
      <c r="C5797" s="2"/>
    </row>
    <row r="5798" spans="1:3" ht="19.2">
      <c r="A5798" s="2"/>
      <c r="B5798" s="2"/>
      <c r="C5798" s="2"/>
    </row>
    <row r="5799" spans="1:3" ht="19.2">
      <c r="A5799" s="2"/>
      <c r="B5799" s="2"/>
      <c r="C5799" s="2"/>
    </row>
    <row r="5800" spans="1:3" ht="19.2">
      <c r="A5800" s="2"/>
      <c r="B5800" s="2"/>
      <c r="C5800" s="2"/>
    </row>
    <row r="5801" spans="1:3" ht="19.2">
      <c r="A5801" s="2"/>
      <c r="B5801" s="2"/>
      <c r="C5801" s="2"/>
    </row>
    <row r="5802" spans="1:3" ht="19.2">
      <c r="A5802" s="2"/>
      <c r="B5802" s="2"/>
      <c r="C5802" s="2"/>
    </row>
    <row r="5803" spans="1:3" ht="19.2">
      <c r="A5803" s="2"/>
      <c r="B5803" s="2"/>
      <c r="C5803" s="2"/>
    </row>
    <row r="5804" spans="1:3" ht="19.2">
      <c r="A5804" s="2"/>
      <c r="B5804" s="2"/>
      <c r="C5804" s="2"/>
    </row>
    <row r="5805" spans="1:3" ht="19.2">
      <c r="A5805" s="2"/>
      <c r="B5805" s="2"/>
      <c r="C5805" s="2"/>
    </row>
    <row r="5806" spans="1:3" ht="19.2">
      <c r="A5806" s="2"/>
      <c r="B5806" s="2"/>
      <c r="C5806" s="2"/>
    </row>
    <row r="5807" spans="1:3" ht="19.2">
      <c r="A5807" s="2"/>
      <c r="B5807" s="2"/>
      <c r="C5807" s="2"/>
    </row>
    <row r="5808" spans="1:3" ht="19.2">
      <c r="A5808" s="2"/>
      <c r="B5808" s="2"/>
      <c r="C5808" s="2"/>
    </row>
    <row r="5809" spans="1:3" ht="19.2">
      <c r="A5809" s="2"/>
      <c r="B5809" s="2"/>
      <c r="C5809" s="2"/>
    </row>
    <row r="5810" spans="1:3" ht="19.2">
      <c r="A5810" s="2"/>
      <c r="B5810" s="2"/>
      <c r="C5810" s="2"/>
    </row>
    <row r="5811" spans="1:3" ht="19.2">
      <c r="A5811" s="2"/>
      <c r="B5811" s="2"/>
      <c r="C5811" s="2"/>
    </row>
    <row r="5812" spans="1:3" ht="19.2">
      <c r="A5812" s="2"/>
      <c r="B5812" s="2"/>
      <c r="C5812" s="2"/>
    </row>
    <row r="5813" spans="1:3" ht="19.2">
      <c r="A5813" s="2"/>
      <c r="B5813" s="2"/>
      <c r="C5813" s="2"/>
    </row>
    <row r="5814" spans="1:3" ht="19.2">
      <c r="A5814" s="2"/>
      <c r="B5814" s="2"/>
      <c r="C5814" s="2"/>
    </row>
    <row r="5815" spans="1:3" ht="19.2">
      <c r="A5815" s="2"/>
      <c r="B5815" s="2"/>
      <c r="C5815" s="2"/>
    </row>
    <row r="5816" spans="1:3" ht="19.2">
      <c r="A5816" s="2"/>
      <c r="B5816" s="2"/>
      <c r="C5816" s="2"/>
    </row>
    <row r="5817" spans="1:3" ht="19.2">
      <c r="A5817" s="2"/>
      <c r="B5817" s="2"/>
      <c r="C5817" s="2"/>
    </row>
    <row r="5818" spans="1:3" ht="19.2">
      <c r="A5818" s="2"/>
      <c r="B5818" s="2"/>
      <c r="C5818" s="2"/>
    </row>
    <row r="5819" spans="1:3" ht="19.2">
      <c r="A5819" s="2"/>
      <c r="B5819" s="2"/>
      <c r="C5819" s="2"/>
    </row>
    <row r="5820" spans="1:3" ht="19.2">
      <c r="A5820" s="2"/>
      <c r="B5820" s="2"/>
      <c r="C5820" s="2"/>
    </row>
    <row r="5821" spans="1:3" ht="19.2">
      <c r="A5821" s="2"/>
      <c r="B5821" s="2"/>
      <c r="C5821" s="2"/>
    </row>
    <row r="5822" spans="1:3" ht="19.2">
      <c r="A5822" s="2"/>
      <c r="B5822" s="2"/>
      <c r="C5822" s="2"/>
    </row>
    <row r="5823" spans="1:3" ht="19.2">
      <c r="A5823" s="2"/>
      <c r="B5823" s="2"/>
      <c r="C5823" s="2"/>
    </row>
    <row r="5824" spans="1:3" ht="19.2">
      <c r="A5824" s="2"/>
      <c r="B5824" s="2"/>
      <c r="C5824" s="2"/>
    </row>
    <row r="5825" spans="1:3" ht="19.2">
      <c r="A5825" s="2"/>
      <c r="B5825" s="2"/>
      <c r="C5825" s="2"/>
    </row>
    <row r="5826" spans="1:3" ht="19.2">
      <c r="A5826" s="2"/>
      <c r="B5826" s="2"/>
      <c r="C5826" s="2"/>
    </row>
    <row r="5827" spans="1:3" ht="19.2">
      <c r="A5827" s="2"/>
      <c r="B5827" s="2"/>
      <c r="C5827" s="2"/>
    </row>
    <row r="5828" spans="1:3" ht="19.2">
      <c r="A5828" s="2"/>
      <c r="B5828" s="2"/>
      <c r="C5828" s="2"/>
    </row>
    <row r="5829" spans="1:3" ht="19.2">
      <c r="A5829" s="2"/>
      <c r="B5829" s="2"/>
      <c r="C5829" s="2"/>
    </row>
    <row r="5830" spans="1:3" ht="19.2">
      <c r="A5830" s="2"/>
      <c r="B5830" s="2"/>
      <c r="C5830" s="2"/>
    </row>
    <row r="5831" spans="1:3" ht="19.2">
      <c r="A5831" s="2"/>
      <c r="B5831" s="2"/>
      <c r="C5831" s="2"/>
    </row>
    <row r="5832" spans="1:3" ht="19.2">
      <c r="A5832" s="2"/>
      <c r="B5832" s="2"/>
      <c r="C5832" s="2"/>
    </row>
    <row r="5833" spans="1:3" ht="19.2">
      <c r="A5833" s="2"/>
      <c r="B5833" s="2"/>
      <c r="C5833" s="2"/>
    </row>
    <row r="5834" spans="1:3" ht="19.2">
      <c r="A5834" s="2"/>
      <c r="B5834" s="2"/>
      <c r="C5834" s="2"/>
    </row>
    <row r="5835" spans="1:3" ht="19.2">
      <c r="A5835" s="2"/>
      <c r="B5835" s="2"/>
      <c r="C5835" s="2"/>
    </row>
    <row r="5836" spans="1:3" ht="19.2">
      <c r="A5836" s="2"/>
      <c r="B5836" s="2"/>
      <c r="C5836" s="2"/>
    </row>
    <row r="5837" spans="1:3" ht="19.2">
      <c r="A5837" s="2"/>
      <c r="B5837" s="2"/>
      <c r="C5837" s="2"/>
    </row>
    <row r="5838" spans="1:3" ht="19.2">
      <c r="A5838" s="2"/>
      <c r="B5838" s="2"/>
      <c r="C5838" s="2"/>
    </row>
    <row r="5839" spans="1:3" ht="19.2">
      <c r="A5839" s="2"/>
      <c r="B5839" s="2"/>
      <c r="C5839" s="2"/>
    </row>
    <row r="5840" spans="1:3" ht="19.2">
      <c r="A5840" s="2"/>
      <c r="B5840" s="2"/>
      <c r="C5840" s="2"/>
    </row>
    <row r="5841" spans="1:3" ht="19.2">
      <c r="A5841" s="2"/>
      <c r="B5841" s="2"/>
      <c r="C5841" s="2"/>
    </row>
    <row r="5842" spans="1:3" ht="19.2">
      <c r="A5842" s="2"/>
      <c r="B5842" s="2"/>
      <c r="C5842" s="2"/>
    </row>
    <row r="5843" spans="1:3" ht="19.2">
      <c r="A5843" s="2"/>
      <c r="B5843" s="2"/>
      <c r="C5843" s="2"/>
    </row>
    <row r="5844" spans="1:3" ht="19.2">
      <c r="A5844" s="2"/>
      <c r="B5844" s="2"/>
      <c r="C5844" s="2"/>
    </row>
    <row r="5845" spans="1:3" ht="19.2">
      <c r="A5845" s="2"/>
      <c r="B5845" s="2"/>
      <c r="C5845" s="2"/>
    </row>
    <row r="5846" spans="1:3" ht="19.2">
      <c r="A5846" s="2"/>
      <c r="B5846" s="2"/>
      <c r="C5846" s="2"/>
    </row>
    <row r="5847" spans="1:3" ht="19.2">
      <c r="A5847" s="2"/>
      <c r="B5847" s="2"/>
      <c r="C5847" s="2"/>
    </row>
    <row r="5848" spans="1:3" ht="19.2">
      <c r="A5848" s="2"/>
      <c r="B5848" s="2"/>
      <c r="C5848" s="2"/>
    </row>
    <row r="5849" spans="1:3" ht="19.2">
      <c r="A5849" s="2"/>
      <c r="B5849" s="2"/>
      <c r="C5849" s="2"/>
    </row>
    <row r="5850" spans="1:3" ht="19.2">
      <c r="A5850" s="2"/>
      <c r="B5850" s="2"/>
      <c r="C5850" s="2"/>
    </row>
    <row r="5851" spans="1:3" ht="19.2">
      <c r="A5851" s="2"/>
      <c r="B5851" s="2"/>
      <c r="C5851" s="2"/>
    </row>
    <row r="5852" spans="1:3" ht="19.2">
      <c r="A5852" s="2"/>
      <c r="B5852" s="2"/>
      <c r="C5852" s="2"/>
    </row>
    <row r="5853" spans="1:3" ht="19.2">
      <c r="A5853" s="2"/>
      <c r="B5853" s="2"/>
      <c r="C5853" s="2"/>
    </row>
    <row r="5854" spans="1:3" ht="19.2">
      <c r="A5854" s="2"/>
      <c r="B5854" s="2"/>
      <c r="C5854" s="2"/>
    </row>
    <row r="5855" spans="1:3" ht="19.2">
      <c r="A5855" s="2"/>
      <c r="B5855" s="2"/>
      <c r="C5855" s="2"/>
    </row>
    <row r="5856" spans="1:3" ht="19.2">
      <c r="A5856" s="2"/>
      <c r="B5856" s="2"/>
      <c r="C5856" s="2"/>
    </row>
    <row r="5857" spans="1:3" ht="19.2">
      <c r="A5857" s="2"/>
      <c r="B5857" s="2"/>
      <c r="C5857" s="2"/>
    </row>
    <row r="5858" spans="1:3" ht="19.2">
      <c r="A5858" s="2"/>
      <c r="B5858" s="2"/>
      <c r="C5858" s="2"/>
    </row>
    <row r="5859" spans="1:3" ht="19.2">
      <c r="A5859" s="2"/>
      <c r="B5859" s="2"/>
      <c r="C5859" s="2"/>
    </row>
    <row r="5860" spans="1:3" ht="19.2">
      <c r="A5860" s="2"/>
      <c r="B5860" s="2"/>
      <c r="C5860" s="2"/>
    </row>
    <row r="5861" spans="1:3" ht="19.2">
      <c r="A5861" s="2"/>
      <c r="B5861" s="2"/>
      <c r="C5861" s="2"/>
    </row>
    <row r="5862" spans="1:3" ht="19.2">
      <c r="A5862" s="2"/>
      <c r="B5862" s="2"/>
      <c r="C5862" s="2"/>
    </row>
    <row r="5863" spans="1:3" ht="19.2">
      <c r="A5863" s="2"/>
      <c r="B5863" s="2"/>
      <c r="C5863" s="2"/>
    </row>
    <row r="5864" spans="1:3" ht="19.2">
      <c r="A5864" s="2"/>
      <c r="B5864" s="2"/>
      <c r="C5864" s="2"/>
    </row>
    <row r="5865" spans="1:3" ht="19.2">
      <c r="A5865" s="2"/>
      <c r="B5865" s="2"/>
      <c r="C5865" s="2"/>
    </row>
    <row r="5866" spans="1:3" ht="19.2">
      <c r="A5866" s="2"/>
      <c r="B5866" s="2"/>
      <c r="C5866" s="2"/>
    </row>
    <row r="5867" spans="1:3" ht="19.2">
      <c r="A5867" s="2"/>
      <c r="B5867" s="2"/>
      <c r="C5867" s="2"/>
    </row>
    <row r="5868" spans="1:3" ht="19.2">
      <c r="A5868" s="2"/>
      <c r="B5868" s="2"/>
      <c r="C5868" s="2"/>
    </row>
    <row r="5869" spans="1:3" ht="19.2">
      <c r="A5869" s="2"/>
      <c r="B5869" s="2"/>
      <c r="C5869" s="2"/>
    </row>
    <row r="5870" spans="1:3" ht="19.2">
      <c r="A5870" s="2"/>
      <c r="B5870" s="2"/>
      <c r="C5870" s="2"/>
    </row>
    <row r="5871" spans="1:3" ht="19.2">
      <c r="A5871" s="2"/>
      <c r="B5871" s="2"/>
      <c r="C5871" s="2"/>
    </row>
    <row r="5872" spans="1:3" ht="19.2">
      <c r="A5872" s="2"/>
      <c r="B5872" s="2"/>
      <c r="C5872" s="2"/>
    </row>
    <row r="5873" spans="1:3" ht="19.2">
      <c r="A5873" s="2"/>
      <c r="B5873" s="2"/>
      <c r="C5873" s="2"/>
    </row>
    <row r="5874" spans="1:3" ht="19.2">
      <c r="A5874" s="2"/>
      <c r="B5874" s="2"/>
      <c r="C5874" s="2"/>
    </row>
    <row r="5875" spans="1:3" ht="19.2">
      <c r="A5875" s="2"/>
      <c r="B5875" s="2"/>
      <c r="C5875" s="2"/>
    </row>
    <row r="5876" spans="1:3" ht="19.2">
      <c r="A5876" s="2"/>
      <c r="B5876" s="2"/>
      <c r="C5876" s="2"/>
    </row>
    <row r="5877" spans="1:3" ht="19.2">
      <c r="A5877" s="2"/>
      <c r="B5877" s="2"/>
      <c r="C5877" s="2"/>
    </row>
    <row r="5878" spans="1:3" ht="19.2">
      <c r="A5878" s="2"/>
      <c r="B5878" s="2"/>
      <c r="C5878" s="2"/>
    </row>
    <row r="5879" spans="1:3" ht="19.2">
      <c r="A5879" s="2"/>
      <c r="B5879" s="2"/>
      <c r="C5879" s="2"/>
    </row>
    <row r="5880" spans="1:3" ht="19.2">
      <c r="A5880" s="2"/>
      <c r="B5880" s="2"/>
      <c r="C5880" s="2"/>
    </row>
    <row r="5881" spans="1:3" ht="19.2">
      <c r="A5881" s="2"/>
      <c r="B5881" s="2"/>
      <c r="C5881" s="2"/>
    </row>
    <row r="5882" spans="1:3" ht="19.2">
      <c r="A5882" s="2"/>
      <c r="B5882" s="2"/>
      <c r="C5882" s="2"/>
    </row>
    <row r="5883" spans="1:3" ht="19.2">
      <c r="A5883" s="2"/>
      <c r="B5883" s="2"/>
      <c r="C5883" s="2"/>
    </row>
    <row r="5884" spans="1:3" ht="19.2">
      <c r="A5884" s="2"/>
      <c r="B5884" s="2"/>
      <c r="C5884" s="2"/>
    </row>
    <row r="5885" spans="1:3" ht="19.2">
      <c r="A5885" s="2"/>
      <c r="B5885" s="2"/>
      <c r="C5885" s="2"/>
    </row>
    <row r="5886" spans="1:3" ht="19.2">
      <c r="A5886" s="2"/>
      <c r="B5886" s="2"/>
      <c r="C5886" s="2"/>
    </row>
    <row r="5887" spans="1:3" ht="19.2">
      <c r="A5887" s="2"/>
      <c r="B5887" s="2"/>
      <c r="C5887" s="2"/>
    </row>
    <row r="5888" spans="1:3" ht="19.2">
      <c r="A5888" s="2"/>
      <c r="B5888" s="2"/>
      <c r="C5888" s="2"/>
    </row>
    <row r="5889" spans="1:3" ht="19.2">
      <c r="A5889" s="2"/>
      <c r="B5889" s="2"/>
      <c r="C5889" s="2"/>
    </row>
    <row r="5890" spans="1:3" ht="19.2">
      <c r="A5890" s="2"/>
      <c r="B5890" s="2"/>
      <c r="C5890" s="2"/>
    </row>
    <row r="5891" spans="1:3" ht="19.2">
      <c r="A5891" s="2"/>
      <c r="B5891" s="2"/>
      <c r="C5891" s="2"/>
    </row>
    <row r="5892" spans="1:3" ht="19.2">
      <c r="A5892" s="2"/>
      <c r="B5892" s="2"/>
      <c r="C5892" s="2"/>
    </row>
    <row r="5893" spans="1:3" ht="19.2">
      <c r="A5893" s="2"/>
      <c r="B5893" s="2"/>
      <c r="C5893" s="2"/>
    </row>
    <row r="5894" spans="1:3" ht="19.2">
      <c r="A5894" s="2"/>
      <c r="B5894" s="2"/>
      <c r="C5894" s="2"/>
    </row>
    <row r="5895" spans="1:3" ht="19.2">
      <c r="A5895" s="2"/>
      <c r="B5895" s="2"/>
      <c r="C5895" s="2"/>
    </row>
    <row r="5896" spans="1:3" ht="19.2">
      <c r="A5896" s="2"/>
      <c r="B5896" s="2"/>
      <c r="C5896" s="2"/>
    </row>
    <row r="5897" spans="1:3" ht="19.2">
      <c r="A5897" s="2"/>
      <c r="B5897" s="2"/>
      <c r="C5897" s="2"/>
    </row>
    <row r="5898" spans="1:3" ht="19.2">
      <c r="A5898" s="2"/>
      <c r="B5898" s="2"/>
      <c r="C5898" s="2"/>
    </row>
    <row r="5899" spans="1:3" ht="19.2">
      <c r="A5899" s="2"/>
      <c r="B5899" s="2"/>
      <c r="C5899" s="2"/>
    </row>
    <row r="5900" spans="1:3" ht="19.2">
      <c r="A5900" s="2"/>
      <c r="B5900" s="2"/>
      <c r="C5900" s="2"/>
    </row>
    <row r="5901" spans="1:3" ht="19.2">
      <c r="A5901" s="2"/>
      <c r="B5901" s="2"/>
      <c r="C5901" s="2"/>
    </row>
    <row r="5902" spans="1:3" ht="19.2">
      <c r="A5902" s="2"/>
      <c r="B5902" s="2"/>
      <c r="C5902" s="2"/>
    </row>
    <row r="5903" spans="1:3" ht="19.2">
      <c r="A5903" s="2"/>
      <c r="B5903" s="2"/>
      <c r="C5903" s="2"/>
    </row>
    <row r="5904" spans="1:3" ht="19.2">
      <c r="A5904" s="2"/>
      <c r="B5904" s="2"/>
      <c r="C5904" s="2"/>
    </row>
    <row r="5905" spans="1:3" ht="19.2">
      <c r="A5905" s="2"/>
      <c r="B5905" s="2"/>
      <c r="C5905" s="2"/>
    </row>
    <row r="5906" spans="1:3" ht="19.2">
      <c r="A5906" s="2"/>
      <c r="B5906" s="2"/>
      <c r="C5906" s="2"/>
    </row>
    <row r="5907" spans="1:3" ht="19.2">
      <c r="A5907" s="2"/>
      <c r="B5907" s="2"/>
      <c r="C5907" s="2"/>
    </row>
    <row r="5908" spans="1:3" ht="19.2">
      <c r="A5908" s="2"/>
      <c r="B5908" s="2"/>
      <c r="C5908" s="2"/>
    </row>
    <row r="5909" spans="1:3" ht="19.2">
      <c r="A5909" s="2"/>
      <c r="B5909" s="2"/>
      <c r="C5909" s="2"/>
    </row>
    <row r="5910" spans="1:3" ht="19.2">
      <c r="A5910" s="2"/>
      <c r="B5910" s="2"/>
      <c r="C5910" s="2"/>
    </row>
    <row r="5911" spans="1:3" ht="19.2">
      <c r="A5911" s="2"/>
      <c r="B5911" s="2"/>
      <c r="C5911" s="2"/>
    </row>
    <row r="5912" spans="1:3" ht="19.2">
      <c r="A5912" s="2"/>
      <c r="B5912" s="2"/>
      <c r="C5912" s="2"/>
    </row>
    <row r="5913" spans="1:3" ht="19.2">
      <c r="A5913" s="2"/>
      <c r="B5913" s="2"/>
      <c r="C5913" s="2"/>
    </row>
    <row r="5914" spans="1:3" ht="19.2">
      <c r="A5914" s="2"/>
      <c r="B5914" s="2"/>
      <c r="C5914" s="2"/>
    </row>
    <row r="5915" spans="1:3" ht="19.2">
      <c r="A5915" s="2"/>
      <c r="B5915" s="2"/>
      <c r="C5915" s="2"/>
    </row>
    <row r="5916" spans="1:3" ht="19.2">
      <c r="A5916" s="2"/>
      <c r="B5916" s="2"/>
      <c r="C5916" s="2"/>
    </row>
    <row r="5917" spans="1:3" ht="19.2">
      <c r="A5917" s="2"/>
      <c r="B5917" s="2"/>
      <c r="C5917" s="2"/>
    </row>
    <row r="5918" spans="1:3" ht="19.2">
      <c r="A5918" s="2"/>
      <c r="B5918" s="2"/>
      <c r="C5918" s="2"/>
    </row>
    <row r="5919" spans="1:3" ht="19.2">
      <c r="A5919" s="2"/>
      <c r="B5919" s="2"/>
      <c r="C5919" s="2"/>
    </row>
    <row r="5920" spans="1:3" ht="19.2">
      <c r="A5920" s="2"/>
      <c r="B5920" s="2"/>
      <c r="C5920" s="2"/>
    </row>
    <row r="5921" spans="1:3" ht="19.2">
      <c r="A5921" s="2"/>
      <c r="B5921" s="2"/>
      <c r="C5921" s="2"/>
    </row>
    <row r="5922" spans="1:3" ht="19.2">
      <c r="A5922" s="2"/>
      <c r="B5922" s="2"/>
      <c r="C5922" s="2"/>
    </row>
    <row r="5923" spans="1:3" ht="19.2">
      <c r="A5923" s="2"/>
      <c r="B5923" s="2"/>
      <c r="C5923" s="2"/>
    </row>
    <row r="5924" spans="1:3" ht="19.2">
      <c r="A5924" s="2"/>
      <c r="B5924" s="2"/>
      <c r="C5924" s="2"/>
    </row>
    <row r="5925" spans="1:3" ht="19.2">
      <c r="A5925" s="2"/>
      <c r="B5925" s="2"/>
      <c r="C5925" s="2"/>
    </row>
    <row r="5926" spans="1:3" ht="19.2">
      <c r="A5926" s="2"/>
      <c r="B5926" s="2"/>
      <c r="C5926" s="2"/>
    </row>
    <row r="5927" spans="1:3" ht="19.2">
      <c r="A5927" s="2"/>
      <c r="B5927" s="2"/>
      <c r="C5927" s="2"/>
    </row>
    <row r="5928" spans="1:3" ht="19.2">
      <c r="A5928" s="2"/>
      <c r="B5928" s="2"/>
      <c r="C5928" s="2"/>
    </row>
    <row r="5929" spans="1:3" ht="19.2">
      <c r="A5929" s="2"/>
      <c r="B5929" s="2"/>
      <c r="C5929" s="2"/>
    </row>
    <row r="5930" spans="1:3" ht="19.2">
      <c r="A5930" s="2"/>
      <c r="B5930" s="2"/>
      <c r="C5930" s="2"/>
    </row>
    <row r="5931" spans="1:3" ht="19.2">
      <c r="A5931" s="2"/>
      <c r="B5931" s="2"/>
      <c r="C5931" s="2"/>
    </row>
    <row r="5932" spans="1:3" ht="19.2">
      <c r="A5932" s="2"/>
      <c r="B5932" s="2"/>
      <c r="C5932" s="2"/>
    </row>
    <row r="5933" spans="1:3" ht="19.2">
      <c r="A5933" s="2"/>
      <c r="B5933" s="2"/>
      <c r="C5933" s="2"/>
    </row>
    <row r="5934" spans="1:3" ht="19.2">
      <c r="A5934" s="2"/>
      <c r="B5934" s="2"/>
      <c r="C5934" s="2"/>
    </row>
    <row r="5935" spans="1:3" ht="19.2">
      <c r="A5935" s="2"/>
      <c r="B5935" s="2"/>
      <c r="C5935" s="2"/>
    </row>
    <row r="5936" spans="1:3" ht="19.2">
      <c r="A5936" s="2"/>
      <c r="B5936" s="2"/>
      <c r="C5936" s="2"/>
    </row>
    <row r="5937" spans="1:3" ht="19.2">
      <c r="A5937" s="2"/>
      <c r="B5937" s="2"/>
      <c r="C5937" s="2"/>
    </row>
    <row r="5938" spans="1:3" ht="19.2">
      <c r="A5938" s="2"/>
      <c r="B5938" s="2"/>
      <c r="C5938" s="2"/>
    </row>
    <row r="5939" spans="1:3" ht="19.2">
      <c r="A5939" s="2"/>
      <c r="B5939" s="2"/>
      <c r="C5939" s="2"/>
    </row>
    <row r="5940" spans="1:3" ht="19.2">
      <c r="A5940" s="2"/>
      <c r="B5940" s="2"/>
      <c r="C5940" s="2"/>
    </row>
    <row r="5941" spans="1:3" ht="19.2">
      <c r="A5941" s="2"/>
      <c r="B5941" s="2"/>
      <c r="C5941" s="2"/>
    </row>
    <row r="5942" spans="1:3" ht="19.2">
      <c r="A5942" s="2"/>
      <c r="B5942" s="2"/>
      <c r="C5942" s="2"/>
    </row>
    <row r="5943" spans="1:3" ht="19.2">
      <c r="A5943" s="2"/>
      <c r="B5943" s="2"/>
      <c r="C5943" s="2"/>
    </row>
    <row r="5944" spans="1:3" ht="19.2">
      <c r="A5944" s="2"/>
      <c r="B5944" s="2"/>
      <c r="C5944" s="2"/>
    </row>
    <row r="5945" spans="1:3" ht="19.2">
      <c r="A5945" s="2"/>
      <c r="B5945" s="2"/>
      <c r="C5945" s="2"/>
    </row>
    <row r="5946" spans="1:3" ht="19.2">
      <c r="A5946" s="2"/>
      <c r="B5946" s="2"/>
      <c r="C5946" s="2"/>
    </row>
    <row r="5947" spans="1:3" ht="19.2">
      <c r="A5947" s="2"/>
      <c r="B5947" s="2"/>
      <c r="C5947" s="2"/>
    </row>
    <row r="5948" spans="1:3" ht="19.2">
      <c r="A5948" s="2"/>
      <c r="B5948" s="2"/>
      <c r="C5948" s="2"/>
    </row>
    <row r="5949" spans="1:3" ht="19.2">
      <c r="A5949" s="2"/>
      <c r="B5949" s="2"/>
      <c r="C5949" s="2"/>
    </row>
    <row r="5950" spans="1:3" ht="19.2">
      <c r="A5950" s="2"/>
      <c r="B5950" s="2"/>
      <c r="C5950" s="2"/>
    </row>
    <row r="5951" spans="1:3" ht="19.2">
      <c r="A5951" s="2"/>
      <c r="B5951" s="2"/>
      <c r="C5951" s="2"/>
    </row>
    <row r="5952" spans="1:3" ht="19.2">
      <c r="A5952" s="2"/>
      <c r="B5952" s="2"/>
      <c r="C5952" s="2"/>
    </row>
    <row r="5953" spans="1:3" ht="19.2">
      <c r="A5953" s="2"/>
      <c r="B5953" s="2"/>
      <c r="C5953" s="2"/>
    </row>
    <row r="5954" spans="1:3" ht="19.2">
      <c r="A5954" s="2"/>
      <c r="B5954" s="2"/>
      <c r="C5954" s="2"/>
    </row>
    <row r="5955" spans="1:3" ht="19.2">
      <c r="A5955" s="2"/>
      <c r="B5955" s="2"/>
      <c r="C5955" s="2"/>
    </row>
    <row r="5956" spans="1:3" ht="19.2">
      <c r="A5956" s="2"/>
      <c r="B5956" s="2"/>
      <c r="C5956" s="2"/>
    </row>
    <row r="5957" spans="1:3" ht="19.2">
      <c r="A5957" s="2"/>
      <c r="B5957" s="2"/>
      <c r="C5957" s="2"/>
    </row>
    <row r="5958" spans="1:3" ht="19.2">
      <c r="A5958" s="2"/>
      <c r="B5958" s="2"/>
      <c r="C5958" s="2"/>
    </row>
    <row r="5959" spans="1:3" ht="19.2">
      <c r="A5959" s="2"/>
      <c r="B5959" s="2"/>
      <c r="C5959" s="2"/>
    </row>
    <row r="5960" spans="1:3" ht="19.2">
      <c r="A5960" s="2"/>
      <c r="B5960" s="2"/>
      <c r="C5960" s="2"/>
    </row>
    <row r="5961" spans="1:3" ht="19.2">
      <c r="A5961" s="2"/>
      <c r="B5961" s="2"/>
      <c r="C5961" s="2"/>
    </row>
    <row r="5962" spans="1:3" ht="19.2">
      <c r="A5962" s="2"/>
      <c r="B5962" s="2"/>
      <c r="C5962" s="2"/>
    </row>
    <row r="5963" spans="1:3" ht="19.2">
      <c r="A5963" s="2"/>
      <c r="B5963" s="2"/>
      <c r="C5963" s="2"/>
    </row>
    <row r="5964" spans="1:3" ht="19.2">
      <c r="A5964" s="2"/>
      <c r="B5964" s="2"/>
      <c r="C5964" s="2"/>
    </row>
    <row r="5965" spans="1:3" ht="19.2">
      <c r="A5965" s="2"/>
      <c r="B5965" s="2"/>
      <c r="C5965" s="2"/>
    </row>
    <row r="5966" spans="1:3" ht="19.2">
      <c r="A5966" s="2"/>
      <c r="B5966" s="2"/>
      <c r="C5966" s="2"/>
    </row>
    <row r="5967" spans="1:3" ht="19.2">
      <c r="A5967" s="2"/>
      <c r="B5967" s="2"/>
      <c r="C5967" s="2"/>
    </row>
    <row r="5968" spans="1:3" ht="19.2">
      <c r="A5968" s="2"/>
      <c r="B5968" s="2"/>
      <c r="C5968" s="2"/>
    </row>
    <row r="5969" spans="1:3" ht="19.2">
      <c r="A5969" s="2"/>
      <c r="B5969" s="2"/>
      <c r="C5969" s="2"/>
    </row>
    <row r="5970" spans="1:3" ht="19.2">
      <c r="A5970" s="2"/>
      <c r="B5970" s="2"/>
      <c r="C5970" s="2"/>
    </row>
    <row r="5971" spans="1:3" ht="19.2">
      <c r="A5971" s="2"/>
      <c r="B5971" s="2"/>
      <c r="C5971" s="2"/>
    </row>
    <row r="5972" spans="1:3" ht="19.2">
      <c r="A5972" s="2"/>
      <c r="B5972" s="2"/>
      <c r="C5972" s="2"/>
    </row>
    <row r="5973" spans="1:3" ht="19.2">
      <c r="A5973" s="2"/>
      <c r="B5973" s="2"/>
      <c r="C5973" s="2"/>
    </row>
    <row r="5974" spans="1:3" ht="19.2">
      <c r="A5974" s="2"/>
      <c r="B5974" s="2"/>
      <c r="C5974" s="2"/>
    </row>
    <row r="5975" spans="1:3" ht="19.2">
      <c r="A5975" s="2"/>
      <c r="B5975" s="2"/>
      <c r="C5975" s="2"/>
    </row>
    <row r="5976" spans="1:3" ht="19.2">
      <c r="A5976" s="2"/>
      <c r="B5976" s="2"/>
      <c r="C5976" s="2"/>
    </row>
    <row r="5977" spans="1:3" ht="19.2">
      <c r="A5977" s="2"/>
      <c r="B5977" s="2"/>
      <c r="C5977" s="2"/>
    </row>
    <row r="5978" spans="1:3" ht="19.2">
      <c r="A5978" s="2"/>
      <c r="B5978" s="2"/>
      <c r="C5978" s="2"/>
    </row>
    <row r="5979" spans="1:3" ht="19.2">
      <c r="A5979" s="2"/>
      <c r="B5979" s="2"/>
      <c r="C5979" s="2"/>
    </row>
    <row r="5980" spans="1:3" ht="19.2">
      <c r="A5980" s="2"/>
      <c r="B5980" s="2"/>
      <c r="C5980" s="2"/>
    </row>
    <row r="5981" spans="1:3" ht="19.2">
      <c r="A5981" s="2"/>
      <c r="B5981" s="2"/>
      <c r="C5981" s="2"/>
    </row>
    <row r="5982" spans="1:3" ht="19.2">
      <c r="A5982" s="2"/>
      <c r="B5982" s="2"/>
      <c r="C5982" s="2"/>
    </row>
    <row r="5983" spans="1:3" ht="19.2">
      <c r="A5983" s="2"/>
      <c r="B5983" s="2"/>
      <c r="C5983" s="2"/>
    </row>
    <row r="5984" spans="1:3" ht="19.2">
      <c r="A5984" s="2"/>
      <c r="B5984" s="2"/>
      <c r="C5984" s="2"/>
    </row>
    <row r="5985" spans="1:3" ht="19.2">
      <c r="A5985" s="2"/>
      <c r="B5985" s="2"/>
      <c r="C5985" s="2"/>
    </row>
    <row r="5986" spans="1:3" ht="19.2">
      <c r="A5986" s="2"/>
      <c r="B5986" s="2"/>
      <c r="C5986" s="2"/>
    </row>
    <row r="5987" spans="1:3" ht="19.2">
      <c r="A5987" s="2"/>
      <c r="B5987" s="2"/>
      <c r="C5987" s="2"/>
    </row>
    <row r="5988" spans="1:3" ht="19.2">
      <c r="A5988" s="2"/>
      <c r="B5988" s="2"/>
      <c r="C5988" s="2"/>
    </row>
    <row r="5989" spans="1:3" ht="19.2">
      <c r="A5989" s="2"/>
      <c r="B5989" s="2"/>
      <c r="C5989" s="2"/>
    </row>
    <row r="5990" spans="1:3" ht="19.2">
      <c r="A5990" s="2"/>
      <c r="B5990" s="2"/>
      <c r="C5990" s="2"/>
    </row>
    <row r="5991" spans="1:3" ht="19.2">
      <c r="A5991" s="2"/>
      <c r="B5991" s="2"/>
      <c r="C5991" s="2"/>
    </row>
    <row r="5992" spans="1:3" ht="19.2">
      <c r="A5992" s="2"/>
      <c r="B5992" s="2"/>
      <c r="C5992" s="2"/>
    </row>
    <row r="5993" spans="1:3" ht="19.2">
      <c r="A5993" s="2"/>
      <c r="B5993" s="2"/>
      <c r="C5993" s="2"/>
    </row>
    <row r="5994" spans="1:3" ht="19.2">
      <c r="A5994" s="2"/>
      <c r="B5994" s="2"/>
      <c r="C5994" s="2"/>
    </row>
    <row r="5995" spans="1:3" ht="19.2">
      <c r="A5995" s="2"/>
      <c r="B5995" s="2"/>
      <c r="C5995" s="2"/>
    </row>
    <row r="5996" spans="1:3" ht="19.2">
      <c r="A5996" s="2"/>
      <c r="B5996" s="2"/>
      <c r="C5996" s="2"/>
    </row>
    <row r="5997" spans="1:3" ht="19.2">
      <c r="A5997" s="2"/>
      <c r="B5997" s="2"/>
      <c r="C5997" s="2"/>
    </row>
    <row r="5998" spans="1:3" ht="19.2">
      <c r="A5998" s="2"/>
      <c r="B5998" s="2"/>
      <c r="C5998" s="2"/>
    </row>
    <row r="5999" spans="1:3" ht="19.2">
      <c r="A5999" s="2"/>
      <c r="B5999" s="2"/>
      <c r="C5999" s="2"/>
    </row>
    <row r="6000" spans="1:3" ht="19.2">
      <c r="A6000" s="2"/>
      <c r="B6000" s="2"/>
      <c r="C6000" s="2"/>
    </row>
    <row r="6001" spans="1:3" ht="19.2">
      <c r="A6001" s="2"/>
      <c r="B6001" s="2"/>
      <c r="C6001" s="2"/>
    </row>
    <row r="6002" spans="1:3" ht="19.2">
      <c r="A6002" s="2"/>
      <c r="B6002" s="2"/>
      <c r="C6002" s="2"/>
    </row>
    <row r="6003" spans="1:3" ht="19.2">
      <c r="A6003" s="2"/>
      <c r="B6003" s="2"/>
      <c r="C6003" s="2"/>
    </row>
    <row r="6004" spans="1:3" ht="19.2">
      <c r="A6004" s="2"/>
      <c r="B6004" s="2"/>
      <c r="C6004" s="2"/>
    </row>
    <row r="6005" spans="1:3" ht="19.2">
      <c r="A6005" s="2"/>
      <c r="B6005" s="2"/>
      <c r="C6005" s="2"/>
    </row>
    <row r="6006" spans="1:3" ht="19.2">
      <c r="A6006" s="2"/>
      <c r="B6006" s="2"/>
      <c r="C6006" s="2"/>
    </row>
    <row r="6007" spans="1:3" ht="19.2">
      <c r="A6007" s="2"/>
      <c r="B6007" s="2"/>
      <c r="C6007" s="2"/>
    </row>
    <row r="6008" spans="1:3" ht="19.2">
      <c r="A6008" s="2"/>
      <c r="B6008" s="2"/>
      <c r="C6008" s="2"/>
    </row>
    <row r="6009" spans="1:3" ht="19.2">
      <c r="A6009" s="2"/>
      <c r="B6009" s="2"/>
      <c r="C6009" s="2"/>
    </row>
    <row r="6010" spans="1:3" ht="19.2">
      <c r="A6010" s="2"/>
      <c r="B6010" s="2"/>
      <c r="C6010" s="2"/>
    </row>
    <row r="6011" spans="1:3" ht="19.2">
      <c r="A6011" s="2"/>
      <c r="B6011" s="2"/>
      <c r="C6011" s="2"/>
    </row>
    <row r="6012" spans="1:3" ht="19.2">
      <c r="A6012" s="2"/>
      <c r="B6012" s="2"/>
      <c r="C6012" s="2"/>
    </row>
    <row r="6013" spans="1:3" ht="19.2">
      <c r="A6013" s="2"/>
      <c r="B6013" s="2"/>
      <c r="C6013" s="2"/>
    </row>
    <row r="6014" spans="1:3" ht="19.2">
      <c r="A6014" s="2"/>
      <c r="B6014" s="2"/>
      <c r="C6014" s="2"/>
    </row>
    <row r="6015" spans="1:3" ht="19.2">
      <c r="A6015" s="2"/>
      <c r="B6015" s="2"/>
      <c r="C6015" s="2"/>
    </row>
    <row r="6016" spans="1:3" ht="19.2">
      <c r="A6016" s="2"/>
      <c r="B6016" s="2"/>
      <c r="C6016" s="2"/>
    </row>
    <row r="6017" spans="1:3" ht="19.2">
      <c r="A6017" s="2"/>
      <c r="B6017" s="2"/>
      <c r="C6017" s="2"/>
    </row>
    <row r="6018" spans="1:3" ht="19.2">
      <c r="A6018" s="2"/>
      <c r="B6018" s="2"/>
      <c r="C6018" s="2"/>
    </row>
    <row r="6019" spans="1:3" ht="19.2">
      <c r="A6019" s="2"/>
      <c r="B6019" s="2"/>
      <c r="C6019" s="2"/>
    </row>
    <row r="6020" spans="1:3" ht="19.2">
      <c r="A6020" s="2"/>
      <c r="B6020" s="2"/>
      <c r="C6020" s="2"/>
    </row>
    <row r="6021" spans="1:3" ht="19.2">
      <c r="A6021" s="2"/>
      <c r="B6021" s="2"/>
      <c r="C6021" s="2"/>
    </row>
    <row r="6022" spans="1:3" ht="19.2">
      <c r="A6022" s="2"/>
      <c r="B6022" s="2"/>
      <c r="C6022" s="2"/>
    </row>
    <row r="6023" spans="1:3" ht="19.2">
      <c r="A6023" s="2"/>
      <c r="B6023" s="2"/>
      <c r="C6023" s="2"/>
    </row>
    <row r="6024" spans="1:3" ht="19.2">
      <c r="A6024" s="2"/>
      <c r="B6024" s="2"/>
      <c r="C6024" s="2"/>
    </row>
    <row r="6025" spans="1:3" ht="19.2">
      <c r="A6025" s="2"/>
      <c r="B6025" s="2"/>
      <c r="C6025" s="2"/>
    </row>
    <row r="6026" spans="1:3" ht="19.2">
      <c r="A6026" s="2"/>
      <c r="B6026" s="2"/>
      <c r="C6026" s="2"/>
    </row>
    <row r="6027" spans="1:3" ht="19.2">
      <c r="A6027" s="2"/>
      <c r="B6027" s="2"/>
      <c r="C6027" s="2"/>
    </row>
    <row r="6028" spans="1:3" ht="19.2">
      <c r="A6028" s="2"/>
      <c r="B6028" s="2"/>
      <c r="C6028" s="2"/>
    </row>
    <row r="6029" spans="1:3" ht="19.2">
      <c r="A6029" s="2"/>
      <c r="B6029" s="2"/>
      <c r="C6029" s="2"/>
    </row>
    <row r="6030" spans="1:3" ht="19.2">
      <c r="A6030" s="2"/>
      <c r="B6030" s="2"/>
      <c r="C6030" s="2"/>
    </row>
    <row r="6031" spans="1:3" ht="19.2">
      <c r="A6031" s="2"/>
      <c r="B6031" s="2"/>
      <c r="C6031" s="2"/>
    </row>
    <row r="6032" spans="1:3" ht="19.2">
      <c r="A6032" s="2"/>
      <c r="B6032" s="2"/>
      <c r="C6032" s="2"/>
    </row>
    <row r="6033" spans="1:3" ht="19.2">
      <c r="A6033" s="2"/>
      <c r="B6033" s="2"/>
      <c r="C6033" s="2"/>
    </row>
    <row r="6034" spans="1:3" ht="19.2">
      <c r="A6034" s="2"/>
      <c r="B6034" s="2"/>
      <c r="C6034" s="2"/>
    </row>
    <row r="6035" spans="1:3" ht="19.2">
      <c r="A6035" s="2"/>
      <c r="B6035" s="2"/>
      <c r="C6035" s="2"/>
    </row>
    <row r="6036" spans="1:3" ht="19.2">
      <c r="A6036" s="2"/>
      <c r="B6036" s="2"/>
      <c r="C6036" s="2"/>
    </row>
    <row r="6037" spans="1:3" ht="19.2">
      <c r="A6037" s="2"/>
      <c r="B6037" s="2"/>
      <c r="C6037" s="2"/>
    </row>
    <row r="6038" spans="1:3" ht="19.2">
      <c r="A6038" s="2"/>
      <c r="B6038" s="2"/>
      <c r="C6038" s="2"/>
    </row>
    <row r="6039" spans="1:3" ht="19.2">
      <c r="A6039" s="2"/>
      <c r="B6039" s="2"/>
      <c r="C6039" s="2"/>
    </row>
    <row r="6040" spans="1:3" ht="19.2">
      <c r="A6040" s="2"/>
      <c r="B6040" s="2"/>
      <c r="C6040" s="2"/>
    </row>
    <row r="6041" spans="1:3" ht="19.2">
      <c r="A6041" s="2"/>
      <c r="B6041" s="2"/>
      <c r="C6041" s="2"/>
    </row>
    <row r="6042" spans="1:3" ht="19.2">
      <c r="A6042" s="2"/>
      <c r="B6042" s="2"/>
      <c r="C6042" s="2"/>
    </row>
    <row r="6043" spans="1:3" ht="19.2">
      <c r="A6043" s="2"/>
      <c r="B6043" s="2"/>
      <c r="C6043" s="2"/>
    </row>
    <row r="6044" spans="1:3" ht="19.2">
      <c r="A6044" s="2"/>
      <c r="B6044" s="2"/>
      <c r="C6044" s="2"/>
    </row>
    <row r="6045" spans="1:3" ht="19.2">
      <c r="A6045" s="2"/>
      <c r="B6045" s="2"/>
      <c r="C6045" s="2"/>
    </row>
    <row r="6046" spans="1:3" ht="19.2">
      <c r="A6046" s="2"/>
      <c r="B6046" s="2"/>
      <c r="C6046" s="2"/>
    </row>
    <row r="6047" spans="1:3" ht="19.2">
      <c r="A6047" s="2"/>
      <c r="B6047" s="2"/>
      <c r="C6047" s="2"/>
    </row>
    <row r="6048" spans="1:3" ht="19.2">
      <c r="A6048" s="2"/>
      <c r="B6048" s="2"/>
      <c r="C6048" s="2"/>
    </row>
    <row r="6049" spans="1:3" ht="19.2">
      <c r="A6049" s="2"/>
      <c r="B6049" s="2"/>
      <c r="C6049" s="2"/>
    </row>
    <row r="6050" spans="1:3" ht="19.2">
      <c r="A6050" s="2"/>
      <c r="B6050" s="2"/>
      <c r="C6050" s="2"/>
    </row>
    <row r="6051" spans="1:3" ht="19.2">
      <c r="A6051" s="2"/>
      <c r="B6051" s="2"/>
      <c r="C6051" s="2"/>
    </row>
    <row r="6052" spans="1:3" ht="19.2">
      <c r="A6052" s="2"/>
      <c r="B6052" s="2"/>
      <c r="C6052" s="2"/>
    </row>
    <row r="6053" spans="1:3" ht="19.2">
      <c r="A6053" s="2"/>
      <c r="B6053" s="2"/>
      <c r="C6053" s="2"/>
    </row>
    <row r="6054" spans="1:3" ht="19.2">
      <c r="A6054" s="2"/>
      <c r="B6054" s="2"/>
      <c r="C6054" s="2"/>
    </row>
    <row r="6055" spans="1:3" ht="19.2">
      <c r="A6055" s="2"/>
      <c r="B6055" s="2"/>
      <c r="C6055" s="2"/>
    </row>
    <row r="6056" spans="1:3" ht="19.2">
      <c r="A6056" s="2"/>
      <c r="B6056" s="2"/>
      <c r="C6056" s="2"/>
    </row>
    <row r="6057" spans="1:3" ht="19.2">
      <c r="A6057" s="2"/>
      <c r="B6057" s="2"/>
      <c r="C6057" s="2"/>
    </row>
    <row r="6058" spans="1:3" ht="19.2">
      <c r="A6058" s="2"/>
      <c r="B6058" s="2"/>
      <c r="C6058" s="2"/>
    </row>
    <row r="6059" spans="1:3" ht="19.2">
      <c r="A6059" s="2"/>
      <c r="B6059" s="2"/>
      <c r="C6059" s="2"/>
    </row>
    <row r="6060" spans="1:3" ht="19.2">
      <c r="A6060" s="2"/>
      <c r="B6060" s="2"/>
      <c r="C6060" s="2"/>
    </row>
    <row r="6061" spans="1:3" ht="19.2">
      <c r="A6061" s="2"/>
      <c r="B6061" s="2"/>
      <c r="C6061" s="2"/>
    </row>
    <row r="6062" spans="1:3" ht="19.2">
      <c r="A6062" s="2"/>
      <c r="B6062" s="2"/>
      <c r="C6062" s="2"/>
    </row>
    <row r="6063" spans="1:3" ht="19.2">
      <c r="A6063" s="2"/>
      <c r="B6063" s="2"/>
      <c r="C6063" s="2"/>
    </row>
    <row r="6064" spans="1:3" ht="19.2">
      <c r="A6064" s="2"/>
      <c r="B6064" s="2"/>
      <c r="C6064" s="2"/>
    </row>
    <row r="6065" spans="1:3" ht="19.2">
      <c r="A6065" s="2"/>
      <c r="B6065" s="2"/>
      <c r="C6065" s="2"/>
    </row>
    <row r="6066" spans="1:3" ht="19.2">
      <c r="A6066" s="2"/>
      <c r="B6066" s="2"/>
      <c r="C6066" s="2"/>
    </row>
    <row r="6067" spans="1:3" ht="19.2">
      <c r="A6067" s="2"/>
      <c r="B6067" s="2"/>
      <c r="C6067" s="2"/>
    </row>
    <row r="6068" spans="1:3" ht="19.2">
      <c r="A6068" s="2"/>
      <c r="B6068" s="2"/>
      <c r="C6068" s="2"/>
    </row>
    <row r="6069" spans="1:3" ht="19.2">
      <c r="A6069" s="2"/>
      <c r="B6069" s="2"/>
      <c r="C6069" s="2"/>
    </row>
    <row r="6070" spans="1:3" ht="19.2">
      <c r="A6070" s="2"/>
      <c r="B6070" s="2"/>
      <c r="C6070" s="2"/>
    </row>
    <row r="6071" spans="1:3" ht="19.2">
      <c r="A6071" s="2"/>
      <c r="B6071" s="2"/>
      <c r="C6071" s="2"/>
    </row>
    <row r="6072" spans="1:3" ht="19.2">
      <c r="A6072" s="2"/>
      <c r="B6072" s="2"/>
      <c r="C6072" s="2"/>
    </row>
    <row r="6073" spans="1:3" ht="19.2">
      <c r="A6073" s="2"/>
      <c r="B6073" s="2"/>
      <c r="C6073" s="2"/>
    </row>
    <row r="6074" spans="1:3" ht="19.2">
      <c r="A6074" s="2"/>
      <c r="B6074" s="2"/>
      <c r="C6074" s="2"/>
    </row>
    <row r="6075" spans="1:3" ht="19.2">
      <c r="A6075" s="2"/>
      <c r="B6075" s="2"/>
      <c r="C6075" s="2"/>
    </row>
    <row r="6076" spans="1:3" ht="19.2">
      <c r="A6076" s="2"/>
      <c r="B6076" s="2"/>
      <c r="C6076" s="2"/>
    </row>
    <row r="6077" spans="1:3" ht="19.2">
      <c r="A6077" s="2"/>
      <c r="B6077" s="2"/>
      <c r="C6077" s="2"/>
    </row>
    <row r="6078" spans="1:3" ht="19.2">
      <c r="A6078" s="2"/>
      <c r="B6078" s="2"/>
      <c r="C6078" s="2"/>
    </row>
    <row r="6079" spans="1:3" ht="19.2">
      <c r="A6079" s="2"/>
      <c r="B6079" s="2"/>
      <c r="C6079" s="2"/>
    </row>
    <row r="6080" spans="1:3" ht="19.2">
      <c r="A6080" s="2"/>
      <c r="B6080" s="2"/>
      <c r="C6080" s="2"/>
    </row>
    <row r="6081" spans="1:3" ht="19.2">
      <c r="A6081" s="2"/>
      <c r="B6081" s="2"/>
      <c r="C6081" s="2"/>
    </row>
    <row r="6082" spans="1:3" ht="19.2">
      <c r="A6082" s="2"/>
      <c r="B6082" s="2"/>
      <c r="C6082" s="2"/>
    </row>
    <row r="6083" spans="1:3" ht="19.2">
      <c r="A6083" s="2"/>
      <c r="B6083" s="2"/>
      <c r="C6083" s="2"/>
    </row>
    <row r="6084" spans="1:3" ht="19.2">
      <c r="A6084" s="2"/>
      <c r="B6084" s="2"/>
      <c r="C6084" s="2"/>
    </row>
    <row r="6085" spans="1:3" ht="19.2">
      <c r="A6085" s="2"/>
      <c r="B6085" s="2"/>
      <c r="C6085" s="2"/>
    </row>
    <row r="6086" spans="1:3" ht="19.2">
      <c r="A6086" s="2"/>
      <c r="B6086" s="2"/>
      <c r="C6086" s="2"/>
    </row>
    <row r="6087" spans="1:3" ht="19.2">
      <c r="A6087" s="2"/>
      <c r="B6087" s="2"/>
      <c r="C6087" s="2"/>
    </row>
    <row r="6088" spans="1:3" ht="19.2">
      <c r="A6088" s="2"/>
      <c r="B6088" s="2"/>
      <c r="C6088" s="2"/>
    </row>
    <row r="6089" spans="1:3" ht="19.2">
      <c r="A6089" s="2"/>
      <c r="B6089" s="2"/>
      <c r="C6089" s="2"/>
    </row>
    <row r="6090" spans="1:3" ht="19.2">
      <c r="A6090" s="2"/>
      <c r="B6090" s="2"/>
      <c r="C6090" s="2"/>
    </row>
    <row r="6091" spans="1:3" ht="19.2">
      <c r="A6091" s="2"/>
      <c r="B6091" s="2"/>
      <c r="C6091" s="2"/>
    </row>
    <row r="6092" spans="1:3" ht="19.2">
      <c r="A6092" s="2"/>
      <c r="B6092" s="2"/>
      <c r="C6092" s="2"/>
    </row>
    <row r="6093" spans="1:3" ht="19.2">
      <c r="A6093" s="2"/>
      <c r="B6093" s="2"/>
      <c r="C6093" s="2"/>
    </row>
    <row r="6094" spans="1:3" ht="19.2">
      <c r="A6094" s="2"/>
      <c r="B6094" s="2"/>
      <c r="C6094" s="2"/>
    </row>
    <row r="6095" spans="1:3" ht="19.2">
      <c r="A6095" s="2"/>
      <c r="B6095" s="2"/>
      <c r="C6095" s="2"/>
    </row>
    <row r="6096" spans="1:3" ht="19.2">
      <c r="A6096" s="2"/>
      <c r="B6096" s="2"/>
      <c r="C6096" s="2"/>
    </row>
    <row r="6097" spans="1:3" ht="19.2">
      <c r="A6097" s="2"/>
      <c r="B6097" s="2"/>
      <c r="C6097" s="2"/>
    </row>
    <row r="6098" spans="1:3" ht="19.2">
      <c r="A6098" s="2"/>
      <c r="B6098" s="2"/>
      <c r="C6098" s="2"/>
    </row>
    <row r="6099" spans="1:3" ht="19.2">
      <c r="A6099" s="2"/>
      <c r="B6099" s="2"/>
      <c r="C6099" s="2"/>
    </row>
    <row r="6100" spans="1:3" ht="19.2">
      <c r="A6100" s="2"/>
      <c r="B6100" s="2"/>
      <c r="C6100" s="2"/>
    </row>
    <row r="6101" spans="1:3" ht="19.2">
      <c r="A6101" s="2"/>
      <c r="B6101" s="2"/>
      <c r="C6101" s="2"/>
    </row>
    <row r="6102" spans="1:3" ht="19.2">
      <c r="A6102" s="2"/>
      <c r="B6102" s="2"/>
      <c r="C6102" s="2"/>
    </row>
    <row r="6103" spans="1:3" ht="19.2">
      <c r="A6103" s="2"/>
      <c r="B6103" s="2"/>
      <c r="C6103" s="2"/>
    </row>
    <row r="6104" spans="1:3" ht="19.2">
      <c r="A6104" s="2"/>
      <c r="B6104" s="2"/>
      <c r="C6104" s="2"/>
    </row>
    <row r="6105" spans="1:3" ht="19.2">
      <c r="A6105" s="2"/>
      <c r="B6105" s="2"/>
      <c r="C6105" s="2"/>
    </row>
    <row r="6106" spans="1:3" ht="19.2">
      <c r="A6106" s="2"/>
      <c r="B6106" s="2"/>
      <c r="C6106" s="2"/>
    </row>
    <row r="6107" spans="1:3" ht="19.2">
      <c r="A6107" s="2"/>
      <c r="B6107" s="2"/>
      <c r="C6107" s="2"/>
    </row>
    <row r="6108" spans="1:3" ht="19.2">
      <c r="A6108" s="2"/>
      <c r="B6108" s="2"/>
      <c r="C6108" s="2"/>
    </row>
    <row r="6109" spans="1:3" ht="19.2">
      <c r="A6109" s="2"/>
      <c r="B6109" s="2"/>
      <c r="C6109" s="2"/>
    </row>
    <row r="6110" spans="1:3" ht="19.2">
      <c r="A6110" s="2"/>
      <c r="B6110" s="2"/>
      <c r="C6110" s="2"/>
    </row>
    <row r="6111" spans="1:3" ht="19.2">
      <c r="A6111" s="2"/>
      <c r="B6111" s="2"/>
      <c r="C6111" s="2"/>
    </row>
    <row r="6112" spans="1:3" ht="19.2">
      <c r="A6112" s="2"/>
      <c r="B6112" s="2"/>
      <c r="C6112" s="2"/>
    </row>
    <row r="6113" spans="1:3" ht="19.2">
      <c r="A6113" s="2"/>
      <c r="B6113" s="2"/>
      <c r="C6113" s="2"/>
    </row>
    <row r="6114" spans="1:3" ht="19.2">
      <c r="A6114" s="2"/>
      <c r="B6114" s="2"/>
      <c r="C6114" s="2"/>
    </row>
    <row r="6115" spans="1:3" ht="19.2">
      <c r="A6115" s="2"/>
      <c r="B6115" s="2"/>
      <c r="C6115" s="2"/>
    </row>
    <row r="6116" spans="1:3" ht="19.2">
      <c r="A6116" s="2"/>
      <c r="B6116" s="2"/>
      <c r="C6116" s="2"/>
    </row>
    <row r="6117" spans="1:3" ht="19.2">
      <c r="A6117" s="2"/>
      <c r="B6117" s="2"/>
      <c r="C6117" s="2"/>
    </row>
    <row r="6118" spans="1:3" ht="19.2">
      <c r="A6118" s="2"/>
      <c r="B6118" s="2"/>
      <c r="C6118" s="2"/>
    </row>
    <row r="6119" spans="1:3" ht="19.2">
      <c r="A6119" s="2"/>
      <c r="B6119" s="2"/>
      <c r="C6119" s="2"/>
    </row>
    <row r="6120" spans="1:3" ht="19.2">
      <c r="A6120" s="2"/>
      <c r="B6120" s="2"/>
      <c r="C6120" s="2"/>
    </row>
    <row r="6121" spans="1:3" ht="19.2">
      <c r="A6121" s="2"/>
      <c r="B6121" s="2"/>
      <c r="C6121" s="2"/>
    </row>
    <row r="6122" spans="1:3" ht="19.2">
      <c r="A6122" s="2"/>
      <c r="B6122" s="2"/>
      <c r="C6122" s="2"/>
    </row>
    <row r="6123" spans="1:3" ht="19.2">
      <c r="A6123" s="2"/>
      <c r="B6123" s="2"/>
      <c r="C6123" s="2"/>
    </row>
    <row r="6124" spans="1:3" ht="19.2">
      <c r="A6124" s="2"/>
      <c r="B6124" s="2"/>
      <c r="C6124" s="2"/>
    </row>
    <row r="6125" spans="1:3" ht="19.2">
      <c r="A6125" s="2"/>
      <c r="B6125" s="2"/>
      <c r="C6125" s="2"/>
    </row>
    <row r="6126" spans="1:3" ht="19.2">
      <c r="A6126" s="2"/>
      <c r="B6126" s="2"/>
      <c r="C6126" s="2"/>
    </row>
    <row r="6127" spans="1:3" ht="19.2">
      <c r="A6127" s="2"/>
      <c r="B6127" s="2"/>
      <c r="C6127" s="2"/>
    </row>
    <row r="6128" spans="1:3" ht="19.2">
      <c r="A6128" s="2"/>
      <c r="B6128" s="2"/>
      <c r="C6128" s="2"/>
    </row>
    <row r="6129" spans="1:3" ht="19.2">
      <c r="A6129" s="2"/>
      <c r="B6129" s="2"/>
      <c r="C6129" s="2"/>
    </row>
    <row r="6130" spans="1:3" ht="19.2">
      <c r="A6130" s="2"/>
      <c r="B6130" s="2"/>
      <c r="C6130" s="2"/>
    </row>
    <row r="6131" spans="1:3" ht="19.2">
      <c r="A6131" s="2"/>
      <c r="B6131" s="2"/>
      <c r="C6131" s="2"/>
    </row>
    <row r="6132" spans="1:3" ht="19.2">
      <c r="A6132" s="2"/>
      <c r="B6132" s="2"/>
      <c r="C6132" s="2"/>
    </row>
    <row r="6133" spans="1:3" ht="19.2">
      <c r="A6133" s="2"/>
      <c r="B6133" s="2"/>
      <c r="C6133" s="2"/>
    </row>
    <row r="6134" spans="1:3" ht="19.2">
      <c r="A6134" s="2"/>
      <c r="B6134" s="2"/>
      <c r="C6134" s="2"/>
    </row>
    <row r="6135" spans="1:3" ht="19.2">
      <c r="A6135" s="2"/>
      <c r="B6135" s="2"/>
      <c r="C6135" s="2"/>
    </row>
    <row r="6136" spans="1:3" ht="19.2">
      <c r="A6136" s="2"/>
      <c r="B6136" s="2"/>
      <c r="C6136" s="2"/>
    </row>
    <row r="6137" spans="1:3" ht="19.2">
      <c r="A6137" s="2"/>
      <c r="B6137" s="2"/>
      <c r="C6137" s="2"/>
    </row>
    <row r="6138" spans="1:3" ht="19.2">
      <c r="A6138" s="2"/>
      <c r="B6138" s="2"/>
      <c r="C6138" s="2"/>
    </row>
    <row r="6139" spans="1:3" ht="19.2">
      <c r="A6139" s="2"/>
      <c r="B6139" s="2"/>
      <c r="C6139" s="2"/>
    </row>
    <row r="6140" spans="1:3" ht="19.2">
      <c r="A6140" s="2"/>
      <c r="B6140" s="2"/>
      <c r="C6140" s="2"/>
    </row>
    <row r="6141" spans="1:3" ht="19.2">
      <c r="A6141" s="2"/>
      <c r="B6141" s="2"/>
      <c r="C6141" s="2"/>
    </row>
    <row r="6142" spans="1:3" ht="19.2">
      <c r="A6142" s="2"/>
      <c r="B6142" s="2"/>
      <c r="C6142" s="2"/>
    </row>
    <row r="6143" spans="1:3" ht="19.2">
      <c r="A6143" s="2"/>
      <c r="B6143" s="2"/>
      <c r="C6143" s="2"/>
    </row>
    <row r="6144" spans="1:3" ht="19.2">
      <c r="A6144" s="2"/>
      <c r="B6144" s="2"/>
      <c r="C6144" s="2"/>
    </row>
    <row r="6145" spans="1:3" ht="19.2">
      <c r="A6145" s="2"/>
      <c r="B6145" s="2"/>
      <c r="C6145" s="2"/>
    </row>
    <row r="6146" spans="1:3" ht="19.2">
      <c r="A6146" s="2"/>
      <c r="B6146" s="2"/>
      <c r="C6146" s="2"/>
    </row>
    <row r="6147" spans="1:3" ht="19.2">
      <c r="A6147" s="2"/>
      <c r="B6147" s="2"/>
      <c r="C6147" s="2"/>
    </row>
    <row r="6148" spans="1:3" ht="19.2">
      <c r="A6148" s="2"/>
      <c r="B6148" s="2"/>
      <c r="C6148" s="2"/>
    </row>
    <row r="6149" spans="1:3" ht="19.2">
      <c r="A6149" s="2"/>
      <c r="B6149" s="2"/>
      <c r="C6149" s="2"/>
    </row>
    <row r="6150" spans="1:3" ht="19.2">
      <c r="A6150" s="2"/>
      <c r="B6150" s="2"/>
      <c r="C6150" s="2"/>
    </row>
    <row r="6151" spans="1:3" ht="19.2">
      <c r="A6151" s="2"/>
      <c r="B6151" s="2"/>
      <c r="C6151" s="2"/>
    </row>
    <row r="6152" spans="1:3" ht="19.2">
      <c r="A6152" s="2"/>
      <c r="B6152" s="2"/>
      <c r="C6152" s="2"/>
    </row>
    <row r="6153" spans="1:3" ht="19.2">
      <c r="A6153" s="2"/>
      <c r="B6153" s="2"/>
      <c r="C6153" s="2"/>
    </row>
    <row r="6154" spans="1:3" ht="19.2">
      <c r="A6154" s="2"/>
      <c r="B6154" s="2"/>
      <c r="C6154" s="2"/>
    </row>
    <row r="6155" spans="1:3" ht="19.2">
      <c r="A6155" s="2"/>
      <c r="B6155" s="2"/>
      <c r="C6155" s="2"/>
    </row>
    <row r="6156" spans="1:3" ht="19.2">
      <c r="A6156" s="2"/>
      <c r="B6156" s="2"/>
      <c r="C6156" s="2"/>
    </row>
    <row r="6157" spans="1:3" ht="19.2">
      <c r="A6157" s="2"/>
      <c r="B6157" s="2"/>
      <c r="C6157" s="2"/>
    </row>
    <row r="6158" spans="1:3" ht="19.2">
      <c r="A6158" s="2"/>
      <c r="B6158" s="2"/>
      <c r="C6158" s="2"/>
    </row>
    <row r="6159" spans="1:3" ht="19.2">
      <c r="A6159" s="2"/>
      <c r="B6159" s="2"/>
      <c r="C6159" s="2"/>
    </row>
    <row r="6160" spans="1:3" ht="19.2">
      <c r="A6160" s="2"/>
      <c r="B6160" s="2"/>
      <c r="C6160" s="2"/>
    </row>
    <row r="6161" spans="1:3" ht="19.2">
      <c r="A6161" s="2"/>
      <c r="B6161" s="2"/>
      <c r="C6161" s="2"/>
    </row>
    <row r="6162" spans="1:3" ht="19.2">
      <c r="A6162" s="2"/>
      <c r="B6162" s="2"/>
      <c r="C6162" s="2"/>
    </row>
    <row r="6163" spans="1:3" ht="19.2">
      <c r="A6163" s="2"/>
      <c r="B6163" s="2"/>
      <c r="C6163" s="2"/>
    </row>
    <row r="6164" spans="1:3" ht="19.2">
      <c r="A6164" s="2"/>
      <c r="B6164" s="2"/>
      <c r="C6164" s="2"/>
    </row>
    <row r="6165" spans="1:3" ht="19.2">
      <c r="A6165" s="2"/>
      <c r="B6165" s="2"/>
      <c r="C6165" s="2"/>
    </row>
    <row r="6166" spans="1:3" ht="19.2">
      <c r="A6166" s="2"/>
      <c r="B6166" s="2"/>
      <c r="C6166" s="2"/>
    </row>
    <row r="6167" spans="1:3" ht="19.2">
      <c r="A6167" s="2"/>
      <c r="B6167" s="2"/>
      <c r="C6167" s="2"/>
    </row>
    <row r="6168" spans="1:3" ht="19.2">
      <c r="A6168" s="2"/>
      <c r="B6168" s="2"/>
      <c r="C6168" s="2"/>
    </row>
    <row r="6169" spans="1:3" ht="19.2">
      <c r="A6169" s="2"/>
      <c r="B6169" s="2"/>
      <c r="C6169" s="2"/>
    </row>
    <row r="6170" spans="1:3" ht="19.2">
      <c r="A6170" s="2"/>
      <c r="B6170" s="2"/>
      <c r="C6170" s="2"/>
    </row>
    <row r="6171" spans="1:3" ht="19.2">
      <c r="A6171" s="2"/>
      <c r="B6171" s="2"/>
      <c r="C6171" s="2"/>
    </row>
    <row r="6172" spans="1:3" ht="19.2">
      <c r="A6172" s="2"/>
      <c r="B6172" s="2"/>
      <c r="C6172" s="2"/>
    </row>
    <row r="6173" spans="1:3" ht="19.2">
      <c r="A6173" s="2"/>
      <c r="B6173" s="2"/>
      <c r="C6173" s="2"/>
    </row>
    <row r="6174" spans="1:3" ht="19.2">
      <c r="A6174" s="2"/>
      <c r="B6174" s="2"/>
      <c r="C6174" s="2"/>
    </row>
    <row r="6175" spans="1:3" ht="19.2">
      <c r="A6175" s="2"/>
      <c r="B6175" s="2"/>
      <c r="C6175" s="2"/>
    </row>
    <row r="6176" spans="1:3" ht="19.2">
      <c r="A6176" s="2"/>
      <c r="B6176" s="2"/>
      <c r="C6176" s="2"/>
    </row>
    <row r="6177" spans="1:3" ht="19.2">
      <c r="A6177" s="2"/>
      <c r="B6177" s="2"/>
      <c r="C6177" s="2"/>
    </row>
    <row r="6178" spans="1:3" ht="19.2">
      <c r="A6178" s="2"/>
      <c r="B6178" s="2"/>
      <c r="C6178" s="2"/>
    </row>
    <row r="6179" spans="1:3" ht="19.2">
      <c r="A6179" s="2"/>
      <c r="B6179" s="2"/>
      <c r="C6179" s="2"/>
    </row>
    <row r="6180" spans="1:3" ht="19.2">
      <c r="A6180" s="2"/>
      <c r="B6180" s="2"/>
      <c r="C6180" s="2"/>
    </row>
    <row r="6181" spans="1:3" ht="19.2">
      <c r="A6181" s="2"/>
      <c r="B6181" s="2"/>
      <c r="C6181" s="2"/>
    </row>
    <row r="6182" spans="1:3" ht="19.2">
      <c r="A6182" s="2"/>
      <c r="B6182" s="2"/>
      <c r="C6182" s="2"/>
    </row>
    <row r="6183" spans="1:3" ht="19.2">
      <c r="A6183" s="2"/>
      <c r="B6183" s="2"/>
      <c r="C6183" s="2"/>
    </row>
    <row r="6184" spans="1:3" ht="19.2">
      <c r="A6184" s="2"/>
      <c r="B6184" s="2"/>
      <c r="C6184" s="2"/>
    </row>
    <row r="6185" spans="1:3" ht="19.2">
      <c r="A6185" s="2"/>
      <c r="B6185" s="2"/>
      <c r="C6185" s="2"/>
    </row>
    <row r="6186" spans="1:3" ht="19.2">
      <c r="A6186" s="2"/>
      <c r="B6186" s="2"/>
      <c r="C6186" s="2"/>
    </row>
    <row r="6187" spans="1:3" ht="19.2">
      <c r="A6187" s="2"/>
      <c r="B6187" s="2"/>
      <c r="C6187" s="2"/>
    </row>
    <row r="6188" spans="1:3" ht="19.2">
      <c r="A6188" s="2"/>
      <c r="B6188" s="2"/>
      <c r="C6188" s="2"/>
    </row>
    <row r="6189" spans="1:3" ht="19.2">
      <c r="A6189" s="2"/>
      <c r="B6189" s="2"/>
      <c r="C6189" s="2"/>
    </row>
    <row r="6190" spans="1:3" ht="19.2">
      <c r="A6190" s="2"/>
      <c r="B6190" s="2"/>
      <c r="C6190" s="2"/>
    </row>
    <row r="6191" spans="1:3" ht="19.2">
      <c r="A6191" s="2"/>
      <c r="B6191" s="2"/>
      <c r="C6191" s="2"/>
    </row>
    <row r="6192" spans="1:3" ht="19.2">
      <c r="A6192" s="2"/>
      <c r="B6192" s="2"/>
      <c r="C6192" s="2"/>
    </row>
    <row r="6193" spans="1:3" ht="19.2">
      <c r="A6193" s="2"/>
      <c r="B6193" s="2"/>
      <c r="C6193" s="2"/>
    </row>
    <row r="6194" spans="1:3" ht="19.2">
      <c r="A6194" s="2"/>
      <c r="B6194" s="2"/>
      <c r="C6194" s="2"/>
    </row>
    <row r="6195" spans="1:3" ht="19.2">
      <c r="A6195" s="2"/>
      <c r="B6195" s="2"/>
      <c r="C6195" s="2"/>
    </row>
    <row r="6196" spans="1:3" ht="19.2">
      <c r="A6196" s="2"/>
      <c r="B6196" s="2"/>
      <c r="C6196" s="2"/>
    </row>
    <row r="6197" spans="1:3" ht="19.2">
      <c r="A6197" s="2"/>
      <c r="B6197" s="2"/>
      <c r="C6197" s="2"/>
    </row>
    <row r="6198" spans="1:3" ht="19.2">
      <c r="A6198" s="2"/>
      <c r="B6198" s="2"/>
      <c r="C6198" s="2"/>
    </row>
    <row r="6199" spans="1:3" ht="19.2">
      <c r="A6199" s="2"/>
      <c r="B6199" s="2"/>
      <c r="C6199" s="2"/>
    </row>
    <row r="6200" spans="1:3" ht="19.2">
      <c r="A6200" s="2"/>
      <c r="B6200" s="2"/>
      <c r="C6200" s="2"/>
    </row>
    <row r="6201" spans="1:3" ht="19.2">
      <c r="A6201" s="2"/>
      <c r="B6201" s="2"/>
      <c r="C6201" s="2"/>
    </row>
    <row r="6202" spans="1:3" ht="19.2">
      <c r="A6202" s="2"/>
      <c r="B6202" s="2"/>
      <c r="C6202" s="2"/>
    </row>
    <row r="6203" spans="1:3" ht="19.2">
      <c r="A6203" s="2"/>
      <c r="B6203" s="2"/>
      <c r="C6203" s="2"/>
    </row>
    <row r="6204" spans="1:3" ht="19.2">
      <c r="A6204" s="2"/>
      <c r="B6204" s="2"/>
      <c r="C6204" s="2"/>
    </row>
    <row r="6205" spans="1:3" ht="19.2">
      <c r="A6205" s="2"/>
      <c r="B6205" s="2"/>
      <c r="C6205" s="2"/>
    </row>
    <row r="6206" spans="1:3" ht="19.2">
      <c r="A6206" s="2"/>
      <c r="B6206" s="2"/>
      <c r="C6206" s="2"/>
    </row>
    <row r="6207" spans="1:3" ht="19.2">
      <c r="A6207" s="2"/>
      <c r="B6207" s="2"/>
      <c r="C6207" s="2"/>
    </row>
    <row r="6208" spans="1:3" ht="19.2">
      <c r="A6208" s="2"/>
      <c r="B6208" s="2"/>
      <c r="C6208" s="2"/>
    </row>
    <row r="6209" spans="1:3" ht="19.2">
      <c r="A6209" s="2"/>
      <c r="B6209" s="2"/>
      <c r="C6209" s="2"/>
    </row>
    <row r="6210" spans="1:3" ht="19.2">
      <c r="A6210" s="2"/>
      <c r="B6210" s="2"/>
      <c r="C6210" s="2"/>
    </row>
    <row r="6211" spans="1:3" ht="19.2">
      <c r="A6211" s="2"/>
      <c r="B6211" s="2"/>
      <c r="C6211" s="2"/>
    </row>
    <row r="6212" spans="1:3" ht="19.2">
      <c r="A6212" s="2"/>
      <c r="B6212" s="2"/>
      <c r="C6212" s="2"/>
    </row>
    <row r="6213" spans="1:3" ht="19.2">
      <c r="A6213" s="2"/>
      <c r="B6213" s="2"/>
      <c r="C6213" s="2"/>
    </row>
    <row r="6214" spans="1:3" ht="19.2">
      <c r="A6214" s="2"/>
      <c r="B6214" s="2"/>
      <c r="C6214" s="2"/>
    </row>
    <row r="6215" spans="1:3" ht="19.2">
      <c r="A6215" s="2"/>
      <c r="B6215" s="2"/>
      <c r="C6215" s="2"/>
    </row>
    <row r="6216" spans="1:3" ht="19.2">
      <c r="A6216" s="2"/>
      <c r="B6216" s="2"/>
      <c r="C6216" s="2"/>
    </row>
    <row r="6217" spans="1:3" ht="19.2">
      <c r="A6217" s="2"/>
      <c r="B6217" s="2"/>
      <c r="C6217" s="2"/>
    </row>
    <row r="6218" spans="1:3" ht="19.2">
      <c r="A6218" s="2"/>
      <c r="B6218" s="2"/>
      <c r="C6218" s="2"/>
    </row>
    <row r="6219" spans="1:3" ht="19.2">
      <c r="A6219" s="2"/>
      <c r="B6219" s="2"/>
      <c r="C6219" s="2"/>
    </row>
    <row r="6220" spans="1:3" ht="19.2">
      <c r="A6220" s="2"/>
      <c r="B6220" s="2"/>
      <c r="C6220" s="2"/>
    </row>
    <row r="6221" spans="1:3" ht="19.2">
      <c r="A6221" s="2"/>
      <c r="B6221" s="2"/>
      <c r="C6221" s="2"/>
    </row>
    <row r="6222" spans="1:3" ht="19.2">
      <c r="A6222" s="2"/>
      <c r="B6222" s="2"/>
      <c r="C6222" s="2"/>
    </row>
    <row r="6223" spans="1:3" ht="19.2">
      <c r="A6223" s="2"/>
      <c r="B6223" s="2"/>
      <c r="C6223" s="2"/>
    </row>
    <row r="6224" spans="1:3" ht="19.2">
      <c r="A6224" s="2"/>
      <c r="B6224" s="2"/>
      <c r="C6224" s="2"/>
    </row>
    <row r="6225" spans="1:3" ht="19.2">
      <c r="A6225" s="2"/>
      <c r="B6225" s="2"/>
      <c r="C6225" s="2"/>
    </row>
    <row r="6226" spans="1:3" ht="19.2">
      <c r="A6226" s="2"/>
      <c r="B6226" s="2"/>
      <c r="C6226" s="2"/>
    </row>
    <row r="6227" spans="1:3" ht="19.2">
      <c r="A6227" s="2"/>
      <c r="B6227" s="2"/>
      <c r="C6227" s="2"/>
    </row>
    <row r="6228" spans="1:3" ht="19.2">
      <c r="A6228" s="2"/>
      <c r="B6228" s="2"/>
      <c r="C6228" s="2"/>
    </row>
    <row r="6229" spans="1:3" ht="19.2">
      <c r="A6229" s="2"/>
      <c r="B6229" s="2"/>
      <c r="C6229" s="2"/>
    </row>
    <row r="6230" spans="1:3" ht="19.2">
      <c r="A6230" s="2"/>
      <c r="B6230" s="2"/>
      <c r="C6230" s="2"/>
    </row>
    <row r="6231" spans="1:3" ht="19.2">
      <c r="A6231" s="2"/>
      <c r="B6231" s="2"/>
      <c r="C6231" s="2"/>
    </row>
    <row r="6232" spans="1:3" ht="19.2">
      <c r="A6232" s="2"/>
      <c r="B6232" s="2"/>
      <c r="C6232" s="2"/>
    </row>
    <row r="6233" spans="1:3" ht="19.2">
      <c r="A6233" s="2"/>
      <c r="B6233" s="2"/>
      <c r="C6233" s="2"/>
    </row>
    <row r="6234" spans="1:3" ht="19.2">
      <c r="A6234" s="2"/>
      <c r="B6234" s="2"/>
      <c r="C6234" s="2"/>
    </row>
    <row r="6235" spans="1:3" ht="19.2">
      <c r="A6235" s="2"/>
      <c r="B6235" s="2"/>
      <c r="C6235" s="2"/>
    </row>
    <row r="6236" spans="1:3" ht="19.2">
      <c r="A6236" s="2"/>
      <c r="B6236" s="2"/>
      <c r="C6236" s="2"/>
    </row>
    <row r="6237" spans="1:3" ht="19.2">
      <c r="A6237" s="2"/>
      <c r="B6237" s="2"/>
      <c r="C6237" s="2"/>
    </row>
    <row r="6238" spans="1:3" ht="19.2">
      <c r="A6238" s="2"/>
      <c r="B6238" s="2"/>
      <c r="C6238" s="2"/>
    </row>
    <row r="6239" spans="1:3" ht="19.2">
      <c r="A6239" s="2"/>
      <c r="B6239" s="2"/>
      <c r="C6239" s="2"/>
    </row>
    <row r="6240" spans="1:3" ht="19.2">
      <c r="A6240" s="2"/>
      <c r="B6240" s="2"/>
      <c r="C6240" s="2"/>
    </row>
    <row r="6241" spans="1:3" ht="19.2">
      <c r="A6241" s="2"/>
      <c r="B6241" s="2"/>
      <c r="C6241" s="2"/>
    </row>
    <row r="6242" spans="1:3" ht="19.2">
      <c r="A6242" s="2"/>
      <c r="B6242" s="2"/>
      <c r="C6242" s="2"/>
    </row>
    <row r="6243" spans="1:3" ht="19.2">
      <c r="A6243" s="2"/>
      <c r="B6243" s="2"/>
      <c r="C6243" s="2"/>
    </row>
    <row r="6244" spans="1:3" ht="19.2">
      <c r="A6244" s="2"/>
      <c r="B6244" s="2"/>
      <c r="C6244" s="2"/>
    </row>
    <row r="6245" spans="1:3" ht="19.2">
      <c r="A6245" s="2"/>
      <c r="B6245" s="2"/>
      <c r="C6245" s="2"/>
    </row>
    <row r="6246" spans="1:3" ht="19.2">
      <c r="A6246" s="2"/>
      <c r="B6246" s="2"/>
      <c r="C6246" s="2"/>
    </row>
    <row r="6247" spans="1:3" ht="19.2">
      <c r="A6247" s="2"/>
      <c r="B6247" s="2"/>
      <c r="C6247" s="2"/>
    </row>
    <row r="6248" spans="1:3" ht="19.2">
      <c r="A6248" s="2"/>
      <c r="B6248" s="2"/>
      <c r="C6248" s="2"/>
    </row>
    <row r="6249" spans="1:3" ht="19.2">
      <c r="A6249" s="2"/>
      <c r="B6249" s="2"/>
      <c r="C6249" s="2"/>
    </row>
    <row r="6250" spans="1:3" ht="19.2">
      <c r="A6250" s="2"/>
      <c r="B6250" s="2"/>
      <c r="C6250" s="2"/>
    </row>
    <row r="6251" spans="1:3" ht="19.2">
      <c r="A6251" s="2"/>
      <c r="B6251" s="2"/>
      <c r="C6251" s="2"/>
    </row>
    <row r="6252" spans="1:3" ht="19.2">
      <c r="A6252" s="2"/>
      <c r="B6252" s="2"/>
      <c r="C6252" s="2"/>
    </row>
    <row r="6253" spans="1:3" ht="19.2">
      <c r="A6253" s="2"/>
      <c r="B6253" s="2"/>
      <c r="C6253" s="2"/>
    </row>
    <row r="6254" spans="1:3" ht="19.2">
      <c r="A6254" s="2"/>
      <c r="B6254" s="2"/>
      <c r="C6254" s="2"/>
    </row>
    <row r="6255" spans="1:3" ht="19.2">
      <c r="A6255" s="2"/>
      <c r="B6255" s="2"/>
      <c r="C6255" s="2"/>
    </row>
    <row r="6256" spans="1:3" ht="19.2">
      <c r="A6256" s="2"/>
      <c r="B6256" s="2"/>
      <c r="C6256" s="2"/>
    </row>
    <row r="6257" spans="1:3" ht="19.2">
      <c r="A6257" s="2"/>
      <c r="B6257" s="2"/>
      <c r="C6257" s="2"/>
    </row>
    <row r="6258" spans="1:3" ht="19.2">
      <c r="A6258" s="2"/>
      <c r="B6258" s="2"/>
      <c r="C6258" s="2"/>
    </row>
    <row r="6259" spans="1:3" ht="19.2">
      <c r="A6259" s="2"/>
      <c r="B6259" s="2"/>
      <c r="C6259" s="2"/>
    </row>
    <row r="6260" spans="1:3" ht="19.2">
      <c r="A6260" s="2"/>
      <c r="B6260" s="2"/>
      <c r="C6260" s="2"/>
    </row>
    <row r="6261" spans="1:3" ht="19.2">
      <c r="A6261" s="2"/>
      <c r="B6261" s="2"/>
      <c r="C6261" s="2"/>
    </row>
    <row r="6262" spans="1:3" ht="19.2">
      <c r="A6262" s="2"/>
      <c r="B6262" s="2"/>
      <c r="C6262" s="2"/>
    </row>
    <row r="6263" spans="1:3" ht="19.2">
      <c r="A6263" s="2"/>
      <c r="B6263" s="2"/>
      <c r="C6263" s="2"/>
    </row>
    <row r="6264" spans="1:3" ht="19.2">
      <c r="A6264" s="2"/>
      <c r="B6264" s="2"/>
      <c r="C6264" s="2"/>
    </row>
    <row r="6265" spans="1:3" ht="19.2">
      <c r="A6265" s="2"/>
      <c r="B6265" s="2"/>
      <c r="C6265" s="2"/>
    </row>
    <row r="6266" spans="1:3" ht="19.2">
      <c r="A6266" s="2"/>
      <c r="B6266" s="2"/>
      <c r="C6266" s="2"/>
    </row>
    <row r="6267" spans="1:3" ht="19.2">
      <c r="A6267" s="2"/>
      <c r="B6267" s="2"/>
      <c r="C6267" s="2"/>
    </row>
    <row r="6268" spans="1:3" ht="19.2">
      <c r="A6268" s="2"/>
      <c r="B6268" s="2"/>
      <c r="C6268" s="2"/>
    </row>
    <row r="6269" spans="1:3" ht="19.2">
      <c r="A6269" s="2"/>
      <c r="B6269" s="2"/>
      <c r="C6269" s="2"/>
    </row>
    <row r="6270" spans="1:3" ht="19.2">
      <c r="A6270" s="2"/>
      <c r="B6270" s="2"/>
      <c r="C6270" s="2"/>
    </row>
    <row r="6271" spans="1:3" ht="19.2">
      <c r="A6271" s="2"/>
      <c r="B6271" s="2"/>
      <c r="C6271" s="2"/>
    </row>
    <row r="6272" spans="1:3" ht="19.2">
      <c r="A6272" s="2"/>
      <c r="B6272" s="2"/>
      <c r="C6272" s="2"/>
    </row>
    <row r="6273" spans="1:3" ht="19.2">
      <c r="A6273" s="2"/>
      <c r="B6273" s="2"/>
      <c r="C6273" s="2"/>
    </row>
    <row r="6274" spans="1:3" ht="19.2">
      <c r="A6274" s="2"/>
      <c r="B6274" s="2"/>
      <c r="C6274" s="2"/>
    </row>
    <row r="6275" spans="1:3" ht="19.2">
      <c r="A6275" s="2"/>
      <c r="B6275" s="2"/>
      <c r="C6275" s="2"/>
    </row>
    <row r="6276" spans="1:3" ht="19.2">
      <c r="A6276" s="2"/>
      <c r="B6276" s="2"/>
      <c r="C6276" s="2"/>
    </row>
    <row r="6277" spans="1:3" ht="19.2">
      <c r="A6277" s="2"/>
      <c r="B6277" s="2"/>
      <c r="C6277" s="2"/>
    </row>
    <row r="6278" spans="1:3" ht="19.2">
      <c r="A6278" s="2"/>
      <c r="B6278" s="2"/>
      <c r="C6278" s="2"/>
    </row>
    <row r="6279" spans="1:3" ht="19.2">
      <c r="A6279" s="2"/>
      <c r="B6279" s="2"/>
      <c r="C6279" s="2"/>
    </row>
    <row r="6280" spans="1:3" ht="19.2">
      <c r="A6280" s="2"/>
      <c r="B6280" s="2"/>
      <c r="C6280" s="2"/>
    </row>
    <row r="6281" spans="1:3" ht="19.2">
      <c r="A6281" s="2"/>
      <c r="B6281" s="2"/>
      <c r="C6281" s="2"/>
    </row>
    <row r="6282" spans="1:3" ht="19.2">
      <c r="A6282" s="2"/>
      <c r="B6282" s="2"/>
      <c r="C6282" s="2"/>
    </row>
    <row r="6283" spans="1:3" ht="19.2">
      <c r="A6283" s="2"/>
      <c r="B6283" s="2"/>
      <c r="C6283" s="2"/>
    </row>
    <row r="6284" spans="1:3" ht="19.2">
      <c r="A6284" s="2"/>
      <c r="B6284" s="2"/>
      <c r="C6284" s="2"/>
    </row>
    <row r="6285" spans="1:3" ht="19.2">
      <c r="A6285" s="2"/>
      <c r="B6285" s="2"/>
      <c r="C6285" s="2"/>
    </row>
    <row r="6286" spans="1:3" ht="19.2">
      <c r="A6286" s="2"/>
      <c r="B6286" s="2"/>
      <c r="C6286" s="2"/>
    </row>
    <row r="6287" spans="1:3" ht="19.2">
      <c r="A6287" s="2"/>
      <c r="B6287" s="2"/>
      <c r="C6287" s="2"/>
    </row>
    <row r="6288" spans="1:3" ht="19.2">
      <c r="A6288" s="2"/>
      <c r="B6288" s="2"/>
      <c r="C6288" s="2"/>
    </row>
    <row r="6289" spans="1:3" ht="19.2">
      <c r="A6289" s="2"/>
      <c r="B6289" s="2"/>
      <c r="C6289" s="2"/>
    </row>
    <row r="6290" spans="1:3" ht="19.2">
      <c r="A6290" s="2"/>
      <c r="B6290" s="2"/>
      <c r="C6290" s="2"/>
    </row>
    <row r="6291" spans="1:3" ht="19.2">
      <c r="A6291" s="2"/>
      <c r="B6291" s="2"/>
      <c r="C6291" s="2"/>
    </row>
    <row r="6292" spans="1:3" ht="19.2">
      <c r="A6292" s="2"/>
      <c r="B6292" s="2"/>
      <c r="C6292" s="2"/>
    </row>
    <row r="6293" spans="1:3" ht="19.2">
      <c r="A6293" s="2"/>
      <c r="B6293" s="2"/>
      <c r="C6293" s="2"/>
    </row>
    <row r="6294" spans="1:3" ht="19.2">
      <c r="A6294" s="2"/>
      <c r="B6294" s="2"/>
      <c r="C6294" s="2"/>
    </row>
    <row r="6295" spans="1:3" ht="19.2">
      <c r="A6295" s="2"/>
      <c r="B6295" s="2"/>
      <c r="C6295" s="2"/>
    </row>
    <row r="6296" spans="1:3" ht="19.2">
      <c r="A6296" s="2"/>
      <c r="B6296" s="2"/>
      <c r="C6296" s="2"/>
    </row>
    <row r="6297" spans="1:3" ht="19.2">
      <c r="A6297" s="2"/>
      <c r="B6297" s="2"/>
      <c r="C6297" s="2"/>
    </row>
    <row r="6298" spans="1:3" ht="19.2">
      <c r="A6298" s="2"/>
      <c r="B6298" s="2"/>
      <c r="C6298" s="2"/>
    </row>
    <row r="6299" spans="1:3" ht="19.2">
      <c r="A6299" s="2"/>
      <c r="B6299" s="2"/>
      <c r="C6299" s="2"/>
    </row>
    <row r="6300" spans="1:3" ht="19.2">
      <c r="A6300" s="2"/>
      <c r="B6300" s="2"/>
      <c r="C6300" s="2"/>
    </row>
    <row r="6301" spans="1:3" ht="19.2">
      <c r="A6301" s="2"/>
      <c r="B6301" s="2"/>
      <c r="C6301" s="2"/>
    </row>
    <row r="6302" spans="1:3" ht="19.2">
      <c r="A6302" s="2"/>
      <c r="B6302" s="2"/>
      <c r="C6302" s="2"/>
    </row>
    <row r="6303" spans="1:3" ht="19.2">
      <c r="A6303" s="2"/>
      <c r="B6303" s="2"/>
      <c r="C6303" s="2"/>
    </row>
    <row r="6304" spans="1:3" ht="19.2">
      <c r="A6304" s="2"/>
      <c r="B6304" s="2"/>
      <c r="C6304" s="2"/>
    </row>
    <row r="6305" spans="1:3" ht="19.2">
      <c r="A6305" s="2"/>
      <c r="B6305" s="2"/>
      <c r="C6305" s="2"/>
    </row>
    <row r="6306" spans="1:3" ht="19.2">
      <c r="A6306" s="2"/>
      <c r="B6306" s="2"/>
      <c r="C6306" s="2"/>
    </row>
    <row r="6307" spans="1:3" ht="19.2">
      <c r="A6307" s="2"/>
      <c r="B6307" s="2"/>
      <c r="C6307" s="2"/>
    </row>
    <row r="6308" spans="1:3" ht="19.2">
      <c r="A6308" s="2"/>
      <c r="B6308" s="2"/>
      <c r="C6308" s="2"/>
    </row>
    <row r="6309" spans="1:3" ht="19.2">
      <c r="A6309" s="2"/>
      <c r="B6309" s="2"/>
      <c r="C6309" s="2"/>
    </row>
    <row r="6310" spans="1:3" ht="19.2">
      <c r="A6310" s="2"/>
      <c r="B6310" s="2"/>
      <c r="C6310" s="2"/>
    </row>
    <row r="6311" spans="1:3" ht="19.2">
      <c r="A6311" s="2"/>
      <c r="B6311" s="2"/>
      <c r="C6311" s="2"/>
    </row>
    <row r="6312" spans="1:3" ht="19.2">
      <c r="A6312" s="2"/>
      <c r="B6312" s="2"/>
      <c r="C6312" s="2"/>
    </row>
    <row r="6313" spans="1:3" ht="19.2">
      <c r="A6313" s="2"/>
      <c r="B6313" s="2"/>
      <c r="C6313" s="2"/>
    </row>
    <row r="6314" spans="1:3" ht="19.2">
      <c r="A6314" s="2"/>
      <c r="B6314" s="2"/>
      <c r="C6314" s="2"/>
    </row>
    <row r="6315" spans="1:3" ht="19.2">
      <c r="A6315" s="2"/>
      <c r="B6315" s="2"/>
      <c r="C6315" s="2"/>
    </row>
    <row r="6316" spans="1:3" ht="19.2">
      <c r="A6316" s="2"/>
      <c r="B6316" s="2"/>
      <c r="C6316" s="2"/>
    </row>
    <row r="6317" spans="1:3" ht="19.2">
      <c r="A6317" s="2"/>
      <c r="B6317" s="2"/>
      <c r="C6317" s="2"/>
    </row>
    <row r="6318" spans="1:3" ht="19.2">
      <c r="A6318" s="2"/>
      <c r="B6318" s="2"/>
      <c r="C6318" s="2"/>
    </row>
    <row r="6319" spans="1:3" ht="19.2">
      <c r="A6319" s="2"/>
      <c r="B6319" s="2"/>
      <c r="C6319" s="2"/>
    </row>
    <row r="6320" spans="1:3" ht="19.2">
      <c r="A6320" s="2"/>
      <c r="B6320" s="2"/>
      <c r="C6320" s="2"/>
    </row>
    <row r="6321" spans="1:3" ht="19.2">
      <c r="A6321" s="2"/>
      <c r="B6321" s="2"/>
      <c r="C6321" s="2"/>
    </row>
    <row r="6322" spans="1:3" ht="19.2">
      <c r="A6322" s="2"/>
      <c r="B6322" s="2"/>
      <c r="C6322" s="2"/>
    </row>
    <row r="6323" spans="1:3" ht="19.2">
      <c r="A6323" s="2"/>
      <c r="B6323" s="2"/>
      <c r="C6323" s="2"/>
    </row>
    <row r="6324" spans="1:3" ht="19.2">
      <c r="A6324" s="2"/>
      <c r="B6324" s="2"/>
      <c r="C6324" s="2"/>
    </row>
    <row r="6325" spans="1:3" ht="19.2">
      <c r="A6325" s="2"/>
      <c r="B6325" s="2"/>
      <c r="C6325" s="2"/>
    </row>
    <row r="6326" spans="1:3" ht="19.2">
      <c r="A6326" s="2"/>
      <c r="B6326" s="2"/>
      <c r="C6326" s="2"/>
    </row>
    <row r="6327" spans="1:3" ht="19.2">
      <c r="A6327" s="2"/>
      <c r="B6327" s="2"/>
      <c r="C6327" s="2"/>
    </row>
    <row r="6328" spans="1:3" ht="19.2">
      <c r="A6328" s="2"/>
      <c r="B6328" s="2"/>
      <c r="C6328" s="2"/>
    </row>
    <row r="6329" spans="1:3" ht="19.2">
      <c r="A6329" s="2"/>
      <c r="B6329" s="2"/>
      <c r="C6329" s="2"/>
    </row>
    <row r="6330" spans="1:3" ht="19.2">
      <c r="A6330" s="2"/>
      <c r="B6330" s="2"/>
      <c r="C6330" s="2"/>
    </row>
    <row r="6331" spans="1:3" ht="19.2">
      <c r="A6331" s="2"/>
      <c r="B6331" s="2"/>
      <c r="C6331" s="2"/>
    </row>
    <row r="6332" spans="1:3" ht="19.2">
      <c r="A6332" s="2"/>
      <c r="B6332" s="2"/>
      <c r="C6332" s="2"/>
    </row>
    <row r="6333" spans="1:3" ht="19.2">
      <c r="A6333" s="2"/>
      <c r="B6333" s="2"/>
      <c r="C6333" s="2"/>
    </row>
    <row r="6334" spans="1:3" ht="19.2">
      <c r="A6334" s="2"/>
      <c r="B6334" s="2"/>
      <c r="C6334" s="2"/>
    </row>
    <row r="6335" spans="1:3" ht="19.2">
      <c r="A6335" s="2"/>
      <c r="B6335" s="2"/>
      <c r="C6335" s="2"/>
    </row>
    <row r="6336" spans="1:3" ht="19.2">
      <c r="A6336" s="2"/>
      <c r="B6336" s="2"/>
      <c r="C6336" s="2"/>
    </row>
    <row r="6337" spans="1:3" ht="19.2">
      <c r="A6337" s="2"/>
      <c r="B6337" s="2"/>
      <c r="C6337" s="2"/>
    </row>
    <row r="6338" spans="1:3" ht="19.2">
      <c r="A6338" s="2"/>
      <c r="B6338" s="2"/>
      <c r="C6338" s="2"/>
    </row>
    <row r="6339" spans="1:3" ht="19.2">
      <c r="A6339" s="2"/>
      <c r="B6339" s="2"/>
      <c r="C6339" s="2"/>
    </row>
    <row r="6340" spans="1:3" ht="19.2">
      <c r="A6340" s="2"/>
      <c r="B6340" s="2"/>
      <c r="C6340" s="2"/>
    </row>
    <row r="6341" spans="1:3" ht="19.2">
      <c r="A6341" s="2"/>
      <c r="B6341" s="2"/>
      <c r="C6341" s="2"/>
    </row>
    <row r="6342" spans="1:3" ht="19.2">
      <c r="A6342" s="2"/>
      <c r="B6342" s="2"/>
      <c r="C6342" s="2"/>
    </row>
    <row r="6343" spans="1:3" ht="19.2">
      <c r="A6343" s="2"/>
      <c r="B6343" s="2"/>
      <c r="C6343" s="2"/>
    </row>
    <row r="6344" spans="1:3" ht="19.2">
      <c r="A6344" s="2"/>
      <c r="B6344" s="2"/>
      <c r="C6344" s="2"/>
    </row>
    <row r="6345" spans="1:3" ht="19.2">
      <c r="A6345" s="2"/>
      <c r="B6345" s="2"/>
      <c r="C6345" s="2"/>
    </row>
    <row r="6346" spans="1:3" ht="19.2">
      <c r="A6346" s="2"/>
      <c r="B6346" s="2"/>
      <c r="C6346" s="2"/>
    </row>
    <row r="6347" spans="1:3" ht="19.2">
      <c r="A6347" s="2"/>
      <c r="B6347" s="2"/>
      <c r="C6347" s="2"/>
    </row>
    <row r="6348" spans="1:3" ht="19.2">
      <c r="A6348" s="2"/>
      <c r="B6348" s="2"/>
      <c r="C6348" s="2"/>
    </row>
    <row r="6349" spans="1:3" ht="19.2">
      <c r="A6349" s="2"/>
      <c r="B6349" s="2"/>
      <c r="C6349" s="2"/>
    </row>
    <row r="6350" spans="1:3" ht="19.2">
      <c r="A6350" s="2"/>
      <c r="B6350" s="2"/>
      <c r="C6350" s="2"/>
    </row>
    <row r="6351" spans="1:3" ht="19.2">
      <c r="A6351" s="2"/>
      <c r="B6351" s="2"/>
      <c r="C6351" s="2"/>
    </row>
    <row r="6352" spans="1:3" ht="19.2">
      <c r="A6352" s="2"/>
      <c r="B6352" s="2"/>
      <c r="C6352" s="2"/>
    </row>
    <row r="6353" spans="1:3" ht="19.2">
      <c r="A6353" s="2"/>
      <c r="B6353" s="2"/>
      <c r="C6353" s="2"/>
    </row>
    <row r="6354" spans="1:3" ht="19.2">
      <c r="A6354" s="2"/>
      <c r="B6354" s="2"/>
      <c r="C6354" s="2"/>
    </row>
    <row r="6355" spans="1:3" ht="19.2">
      <c r="A6355" s="2"/>
      <c r="B6355" s="2"/>
      <c r="C6355" s="2"/>
    </row>
    <row r="6356" spans="1:3" ht="19.2">
      <c r="A6356" s="2"/>
      <c r="B6356" s="2"/>
      <c r="C6356" s="2"/>
    </row>
    <row r="6357" spans="1:3" ht="19.2">
      <c r="A6357" s="2"/>
      <c r="B6357" s="2"/>
      <c r="C6357" s="2"/>
    </row>
    <row r="6358" spans="1:3" ht="19.2">
      <c r="A6358" s="2"/>
      <c r="B6358" s="2"/>
      <c r="C6358" s="2"/>
    </row>
    <row r="6359" spans="1:3" ht="19.2">
      <c r="A6359" s="2"/>
      <c r="B6359" s="2"/>
      <c r="C6359" s="2"/>
    </row>
    <row r="6360" spans="1:3" ht="19.2">
      <c r="A6360" s="2"/>
      <c r="B6360" s="2"/>
      <c r="C6360" s="2"/>
    </row>
    <row r="6361" spans="1:3" ht="19.2">
      <c r="A6361" s="2"/>
      <c r="B6361" s="2"/>
      <c r="C6361" s="2"/>
    </row>
    <row r="6362" spans="1:3" ht="19.2">
      <c r="A6362" s="2"/>
      <c r="B6362" s="2"/>
      <c r="C6362" s="2"/>
    </row>
    <row r="6363" spans="1:3" ht="19.2">
      <c r="A6363" s="2"/>
      <c r="B6363" s="2"/>
      <c r="C6363" s="2"/>
    </row>
    <row r="6364" spans="1:3" ht="19.2">
      <c r="A6364" s="2"/>
      <c r="B6364" s="2"/>
      <c r="C6364" s="2"/>
    </row>
    <row r="6365" spans="1:3" ht="19.2">
      <c r="A6365" s="2"/>
      <c r="B6365" s="2"/>
      <c r="C6365" s="2"/>
    </row>
    <row r="6366" spans="1:3" ht="19.2">
      <c r="A6366" s="2"/>
      <c r="B6366" s="2"/>
      <c r="C6366" s="2"/>
    </row>
    <row r="6367" spans="1:3" ht="19.2">
      <c r="A6367" s="2"/>
      <c r="B6367" s="2"/>
      <c r="C6367" s="2"/>
    </row>
    <row r="6368" spans="1:3" ht="19.2">
      <c r="A6368" s="2"/>
      <c r="B6368" s="2"/>
      <c r="C6368" s="2"/>
    </row>
    <row r="6369" spans="1:3" ht="19.2">
      <c r="A6369" s="2"/>
      <c r="B6369" s="2"/>
      <c r="C6369" s="2"/>
    </row>
    <row r="6370" spans="1:3" ht="19.2">
      <c r="A6370" s="2"/>
      <c r="B6370" s="2"/>
      <c r="C6370" s="2"/>
    </row>
    <row r="6371" spans="1:3" ht="19.2">
      <c r="A6371" s="2"/>
      <c r="B6371" s="2"/>
      <c r="C6371" s="2"/>
    </row>
    <row r="6372" spans="1:3" ht="19.2">
      <c r="A6372" s="2"/>
      <c r="B6372" s="2"/>
      <c r="C6372" s="2"/>
    </row>
    <row r="6373" spans="1:3" ht="19.2">
      <c r="A6373" s="2"/>
      <c r="B6373" s="2"/>
      <c r="C6373" s="2"/>
    </row>
    <row r="6374" spans="1:3" ht="19.2">
      <c r="A6374" s="2"/>
      <c r="B6374" s="2"/>
      <c r="C6374" s="2"/>
    </row>
    <row r="6375" spans="1:3" ht="19.2">
      <c r="A6375" s="2"/>
      <c r="B6375" s="2"/>
      <c r="C6375" s="2"/>
    </row>
    <row r="6376" spans="1:3" ht="19.2">
      <c r="A6376" s="2"/>
      <c r="B6376" s="2"/>
      <c r="C6376" s="2"/>
    </row>
    <row r="6377" spans="1:3" ht="19.2">
      <c r="A6377" s="2"/>
      <c r="B6377" s="2"/>
      <c r="C6377" s="2"/>
    </row>
    <row r="6378" spans="1:3" ht="19.2">
      <c r="A6378" s="2"/>
      <c r="B6378" s="2"/>
      <c r="C6378" s="2"/>
    </row>
    <row r="6379" spans="1:3" ht="19.2">
      <c r="A6379" s="2"/>
      <c r="B6379" s="2"/>
      <c r="C6379" s="2"/>
    </row>
    <row r="6380" spans="1:3" ht="19.2">
      <c r="A6380" s="2"/>
      <c r="B6380" s="2"/>
      <c r="C6380" s="2"/>
    </row>
    <row r="6381" spans="1:3" ht="19.2">
      <c r="A6381" s="2"/>
      <c r="B6381" s="2"/>
      <c r="C6381" s="2"/>
    </row>
    <row r="6382" spans="1:3" ht="19.2">
      <c r="A6382" s="2"/>
      <c r="B6382" s="2"/>
      <c r="C6382" s="2"/>
    </row>
    <row r="6383" spans="1:3" ht="19.2">
      <c r="A6383" s="2"/>
      <c r="B6383" s="2"/>
      <c r="C6383" s="2"/>
    </row>
    <row r="6384" spans="1:3" ht="19.2">
      <c r="A6384" s="2"/>
      <c r="B6384" s="2"/>
      <c r="C6384" s="2"/>
    </row>
    <row r="6385" spans="1:3" ht="19.2">
      <c r="A6385" s="2"/>
      <c r="B6385" s="2"/>
      <c r="C6385" s="2"/>
    </row>
    <row r="6386" spans="1:3" ht="19.2">
      <c r="A6386" s="2"/>
      <c r="B6386" s="2"/>
      <c r="C6386" s="2"/>
    </row>
    <row r="6387" spans="1:3" ht="19.2">
      <c r="A6387" s="2"/>
      <c r="B6387" s="2"/>
      <c r="C6387" s="2"/>
    </row>
    <row r="6388" spans="1:3" ht="19.2">
      <c r="A6388" s="2"/>
      <c r="B6388" s="2"/>
      <c r="C6388" s="2"/>
    </row>
    <row r="6389" spans="1:3" ht="19.2">
      <c r="A6389" s="2"/>
      <c r="B6389" s="2"/>
      <c r="C6389" s="2"/>
    </row>
    <row r="6390" spans="1:3" ht="19.2">
      <c r="A6390" s="2"/>
      <c r="B6390" s="2"/>
      <c r="C6390" s="2"/>
    </row>
    <row r="6391" spans="1:3" ht="19.2">
      <c r="A6391" s="2"/>
      <c r="B6391" s="2"/>
      <c r="C6391" s="2"/>
    </row>
    <row r="6392" spans="1:3" ht="19.2">
      <c r="A6392" s="2"/>
      <c r="B6392" s="2"/>
      <c r="C6392" s="2"/>
    </row>
    <row r="6393" spans="1:3" ht="19.2">
      <c r="A6393" s="2"/>
      <c r="B6393" s="2"/>
      <c r="C6393" s="2"/>
    </row>
    <row r="6394" spans="1:3" ht="19.2">
      <c r="A6394" s="2"/>
      <c r="B6394" s="2"/>
      <c r="C6394" s="2"/>
    </row>
    <row r="6395" spans="1:3" ht="19.2">
      <c r="A6395" s="2"/>
      <c r="B6395" s="2"/>
      <c r="C6395" s="2"/>
    </row>
    <row r="6396" spans="1:3" ht="19.2">
      <c r="A6396" s="2"/>
      <c r="B6396" s="2"/>
      <c r="C6396" s="2"/>
    </row>
    <row r="6397" spans="1:3" ht="19.2">
      <c r="A6397" s="2"/>
      <c r="B6397" s="2"/>
      <c r="C6397" s="2"/>
    </row>
    <row r="6398" spans="1:3" ht="19.2">
      <c r="A6398" s="2"/>
      <c r="B6398" s="2"/>
      <c r="C6398" s="2"/>
    </row>
    <row r="6399" spans="1:3" ht="19.2">
      <c r="A6399" s="2"/>
      <c r="B6399" s="2"/>
      <c r="C6399" s="2"/>
    </row>
    <row r="6400" spans="1:3" ht="19.2">
      <c r="A6400" s="2"/>
      <c r="B6400" s="2"/>
      <c r="C6400" s="2"/>
    </row>
    <row r="6401" spans="1:3" ht="19.2">
      <c r="A6401" s="2"/>
      <c r="B6401" s="2"/>
      <c r="C6401" s="2"/>
    </row>
    <row r="6402" spans="1:3" ht="19.2">
      <c r="A6402" s="2"/>
      <c r="B6402" s="2"/>
      <c r="C6402" s="2"/>
    </row>
    <row r="6403" spans="1:3" ht="19.2">
      <c r="A6403" s="2"/>
      <c r="B6403" s="2"/>
      <c r="C6403" s="2"/>
    </row>
    <row r="6404" spans="1:3" ht="19.2">
      <c r="A6404" s="2"/>
      <c r="B6404" s="2"/>
      <c r="C6404" s="2"/>
    </row>
    <row r="6405" spans="1:3" ht="19.2">
      <c r="A6405" s="2"/>
      <c r="B6405" s="2"/>
      <c r="C6405" s="2"/>
    </row>
    <row r="6406" spans="1:3" ht="19.2">
      <c r="A6406" s="2"/>
      <c r="B6406" s="2"/>
      <c r="C6406" s="2"/>
    </row>
    <row r="6407" spans="1:3" ht="19.2">
      <c r="A6407" s="2"/>
      <c r="B6407" s="2"/>
      <c r="C6407" s="2"/>
    </row>
    <row r="6408" spans="1:3" ht="19.2">
      <c r="A6408" s="2"/>
      <c r="B6408" s="2"/>
      <c r="C6408" s="2"/>
    </row>
    <row r="6409" spans="1:3" ht="19.2">
      <c r="A6409" s="2"/>
      <c r="B6409" s="2"/>
      <c r="C6409" s="2"/>
    </row>
    <row r="6410" spans="1:3" ht="19.2">
      <c r="A6410" s="2"/>
      <c r="B6410" s="2"/>
      <c r="C6410" s="2"/>
    </row>
    <row r="6411" spans="1:3" ht="19.2">
      <c r="A6411" s="2"/>
      <c r="B6411" s="2"/>
      <c r="C6411" s="2"/>
    </row>
    <row r="6412" spans="1:3" ht="19.2">
      <c r="A6412" s="2"/>
      <c r="B6412" s="2"/>
      <c r="C6412" s="2"/>
    </row>
    <row r="6413" spans="1:3" ht="19.2">
      <c r="A6413" s="2"/>
      <c r="B6413" s="2"/>
      <c r="C6413" s="2"/>
    </row>
    <row r="6414" spans="1:3" ht="19.2">
      <c r="A6414" s="2"/>
      <c r="B6414" s="2"/>
      <c r="C6414" s="2"/>
    </row>
    <row r="6415" spans="1:3" ht="19.2">
      <c r="A6415" s="2"/>
      <c r="B6415" s="2"/>
      <c r="C6415" s="2"/>
    </row>
    <row r="6416" spans="1:3" ht="19.2">
      <c r="A6416" s="2"/>
      <c r="B6416" s="2"/>
      <c r="C6416" s="2"/>
    </row>
    <row r="6417" spans="1:3" ht="19.2">
      <c r="A6417" s="2"/>
      <c r="B6417" s="2"/>
      <c r="C6417" s="2"/>
    </row>
    <row r="6418" spans="1:3" ht="19.2">
      <c r="A6418" s="2"/>
      <c r="B6418" s="2"/>
      <c r="C6418" s="2"/>
    </row>
    <row r="6419" spans="1:3" ht="19.2">
      <c r="A6419" s="2"/>
      <c r="B6419" s="2"/>
      <c r="C6419" s="2"/>
    </row>
    <row r="6420" spans="1:3" ht="19.2">
      <c r="A6420" s="2"/>
      <c r="B6420" s="2"/>
      <c r="C6420" s="2"/>
    </row>
    <row r="6421" spans="1:3" ht="19.2">
      <c r="A6421" s="2"/>
      <c r="B6421" s="2"/>
      <c r="C6421" s="2"/>
    </row>
    <row r="6422" spans="1:3" ht="19.2">
      <c r="A6422" s="2"/>
      <c r="B6422" s="2"/>
      <c r="C6422" s="2"/>
    </row>
    <row r="6423" spans="1:3" ht="19.2">
      <c r="A6423" s="2"/>
      <c r="B6423" s="2"/>
      <c r="C6423" s="2"/>
    </row>
    <row r="6424" spans="1:3" ht="19.2">
      <c r="A6424" s="2"/>
      <c r="B6424" s="2"/>
      <c r="C6424" s="2"/>
    </row>
    <row r="6425" spans="1:3" ht="19.2">
      <c r="A6425" s="2"/>
      <c r="B6425" s="2"/>
      <c r="C6425" s="2"/>
    </row>
    <row r="6426" spans="1:3" ht="19.2">
      <c r="A6426" s="2"/>
      <c r="B6426" s="2"/>
      <c r="C6426" s="2"/>
    </row>
    <row r="6427" spans="1:3" ht="19.2">
      <c r="A6427" s="2"/>
      <c r="B6427" s="2"/>
      <c r="C6427" s="2"/>
    </row>
    <row r="6428" spans="1:3" ht="19.2">
      <c r="A6428" s="2"/>
      <c r="B6428" s="2"/>
      <c r="C6428" s="2"/>
    </row>
    <row r="6429" spans="1:3" ht="19.2">
      <c r="A6429" s="2"/>
      <c r="B6429" s="2"/>
      <c r="C6429" s="2"/>
    </row>
    <row r="6430" spans="1:3" ht="19.2">
      <c r="A6430" s="2"/>
      <c r="B6430" s="2"/>
      <c r="C6430" s="2"/>
    </row>
    <row r="6431" spans="1:3" ht="19.2">
      <c r="A6431" s="2"/>
      <c r="B6431" s="2"/>
      <c r="C6431" s="2"/>
    </row>
    <row r="6432" spans="1:3" ht="19.2">
      <c r="A6432" s="2"/>
      <c r="B6432" s="2"/>
      <c r="C6432" s="2"/>
    </row>
    <row r="6433" spans="1:3" ht="19.2">
      <c r="A6433" s="2"/>
      <c r="B6433" s="2"/>
      <c r="C6433" s="2"/>
    </row>
    <row r="6434" spans="1:3" ht="19.2">
      <c r="A6434" s="2"/>
      <c r="B6434" s="2"/>
      <c r="C6434" s="2"/>
    </row>
    <row r="6435" spans="1:3" ht="19.2">
      <c r="A6435" s="2"/>
      <c r="B6435" s="2"/>
      <c r="C6435" s="2"/>
    </row>
    <row r="6436" spans="1:3" ht="19.2">
      <c r="A6436" s="2"/>
      <c r="B6436" s="2"/>
      <c r="C6436" s="2"/>
    </row>
    <row r="6437" spans="1:3" ht="19.2">
      <c r="A6437" s="2"/>
      <c r="B6437" s="2"/>
      <c r="C6437" s="2"/>
    </row>
    <row r="6438" spans="1:3" ht="19.2">
      <c r="A6438" s="2"/>
      <c r="B6438" s="2"/>
      <c r="C6438" s="2"/>
    </row>
    <row r="6439" spans="1:3" ht="19.2">
      <c r="A6439" s="2"/>
      <c r="B6439" s="2"/>
      <c r="C6439" s="2"/>
    </row>
    <row r="6440" spans="1:3" ht="19.2">
      <c r="A6440" s="2"/>
      <c r="B6440" s="2"/>
      <c r="C6440" s="2"/>
    </row>
    <row r="6441" spans="1:3" ht="19.2">
      <c r="A6441" s="2"/>
      <c r="B6441" s="2"/>
      <c r="C6441" s="2"/>
    </row>
    <row r="6442" spans="1:3" ht="19.2">
      <c r="A6442" s="2"/>
      <c r="B6442" s="2"/>
      <c r="C6442" s="2"/>
    </row>
    <row r="6443" spans="1:3" ht="19.2">
      <c r="A6443" s="2"/>
      <c r="B6443" s="2"/>
      <c r="C6443" s="2"/>
    </row>
    <row r="6444" spans="1:3" ht="19.2">
      <c r="A6444" s="2"/>
      <c r="B6444" s="2"/>
      <c r="C6444" s="2"/>
    </row>
    <row r="6445" spans="1:3" ht="19.2">
      <c r="A6445" s="2"/>
      <c r="B6445" s="2"/>
      <c r="C6445" s="2"/>
    </row>
    <row r="6446" spans="1:3" ht="19.2">
      <c r="A6446" s="2"/>
      <c r="B6446" s="2"/>
      <c r="C6446" s="2"/>
    </row>
    <row r="6447" spans="1:3" ht="19.2">
      <c r="A6447" s="2"/>
      <c r="B6447" s="2"/>
      <c r="C6447" s="2"/>
    </row>
    <row r="6448" spans="1:3" ht="19.2">
      <c r="A6448" s="2"/>
      <c r="B6448" s="2"/>
      <c r="C6448" s="2"/>
    </row>
    <row r="6449" spans="1:3" ht="19.2">
      <c r="A6449" s="2"/>
      <c r="B6449" s="2"/>
      <c r="C6449" s="2"/>
    </row>
    <row r="6450" spans="1:3" ht="19.2">
      <c r="A6450" s="2"/>
      <c r="B6450" s="2"/>
      <c r="C6450" s="2"/>
    </row>
    <row r="6451" spans="1:3" ht="19.2">
      <c r="A6451" s="2"/>
      <c r="B6451" s="2"/>
      <c r="C6451" s="2"/>
    </row>
    <row r="6452" spans="1:3" ht="19.2">
      <c r="A6452" s="2"/>
      <c r="B6452" s="2"/>
      <c r="C6452" s="2"/>
    </row>
    <row r="6453" spans="1:3" ht="19.2">
      <c r="A6453" s="2"/>
      <c r="B6453" s="2"/>
      <c r="C6453" s="2"/>
    </row>
    <row r="6454" spans="1:3" ht="19.2">
      <c r="A6454" s="2"/>
      <c r="B6454" s="2"/>
      <c r="C6454" s="2"/>
    </row>
    <row r="6455" spans="1:3" ht="19.2">
      <c r="A6455" s="2"/>
      <c r="B6455" s="2"/>
      <c r="C6455" s="2"/>
    </row>
    <row r="6456" spans="1:3" ht="19.2">
      <c r="A6456" s="2"/>
      <c r="B6456" s="2"/>
      <c r="C6456" s="2"/>
    </row>
    <row r="6457" spans="1:3" ht="19.2">
      <c r="A6457" s="2"/>
      <c r="B6457" s="2"/>
      <c r="C6457" s="2"/>
    </row>
    <row r="6458" spans="1:3" ht="19.2">
      <c r="A6458" s="2"/>
      <c r="B6458" s="2"/>
      <c r="C6458" s="2"/>
    </row>
    <row r="6459" spans="1:3" ht="19.2">
      <c r="A6459" s="2"/>
      <c r="B6459" s="2"/>
      <c r="C6459" s="2"/>
    </row>
    <row r="6460" spans="1:3" ht="19.2">
      <c r="A6460" s="2"/>
      <c r="B6460" s="2"/>
      <c r="C6460" s="2"/>
    </row>
    <row r="6461" spans="1:3" ht="19.2">
      <c r="A6461" s="2"/>
      <c r="B6461" s="2"/>
      <c r="C6461" s="2"/>
    </row>
    <row r="6462" spans="1:3" ht="19.2">
      <c r="A6462" s="2"/>
      <c r="B6462" s="2"/>
      <c r="C6462" s="2"/>
    </row>
    <row r="6463" spans="1:3" ht="19.2">
      <c r="A6463" s="2"/>
      <c r="B6463" s="2"/>
      <c r="C6463" s="2"/>
    </row>
    <row r="6464" spans="1:3" ht="19.2">
      <c r="A6464" s="2"/>
      <c r="B6464" s="2"/>
      <c r="C6464" s="2"/>
    </row>
    <row r="6465" spans="1:3" ht="19.2">
      <c r="A6465" s="2"/>
      <c r="B6465" s="2"/>
      <c r="C6465" s="2"/>
    </row>
    <row r="6466" spans="1:3" ht="19.2">
      <c r="A6466" s="2"/>
      <c r="B6466" s="2"/>
      <c r="C6466" s="2"/>
    </row>
    <row r="6467" spans="1:3" ht="19.2">
      <c r="A6467" s="2"/>
      <c r="B6467" s="2"/>
      <c r="C6467" s="2"/>
    </row>
    <row r="6468" spans="1:3" ht="19.2">
      <c r="A6468" s="2"/>
      <c r="B6468" s="2"/>
      <c r="C6468" s="2"/>
    </row>
    <row r="6469" spans="1:3" ht="19.2">
      <c r="A6469" s="2"/>
      <c r="B6469" s="2"/>
      <c r="C6469" s="2"/>
    </row>
    <row r="6470" spans="1:3" ht="19.2">
      <c r="A6470" s="2"/>
      <c r="B6470" s="2"/>
      <c r="C6470" s="2"/>
    </row>
    <row r="6471" spans="1:3" ht="19.2">
      <c r="A6471" s="2"/>
      <c r="B6471" s="2"/>
      <c r="C6471" s="2"/>
    </row>
    <row r="6472" spans="1:3" ht="19.2">
      <c r="A6472" s="2"/>
      <c r="B6472" s="2"/>
      <c r="C6472" s="2"/>
    </row>
    <row r="6473" spans="1:3" ht="19.2">
      <c r="A6473" s="2"/>
      <c r="B6473" s="2"/>
      <c r="C6473" s="2"/>
    </row>
    <row r="6474" spans="1:3" ht="19.2">
      <c r="A6474" s="2"/>
      <c r="B6474" s="2"/>
      <c r="C6474" s="2"/>
    </row>
    <row r="6475" spans="1:3" ht="19.2">
      <c r="A6475" s="2"/>
      <c r="B6475" s="2"/>
      <c r="C6475" s="2"/>
    </row>
    <row r="6476" spans="1:3" ht="19.2">
      <c r="A6476" s="2"/>
      <c r="B6476" s="2"/>
      <c r="C6476" s="2"/>
    </row>
    <row r="6477" spans="1:3" ht="19.2">
      <c r="A6477" s="2"/>
      <c r="B6477" s="2"/>
      <c r="C6477" s="2"/>
    </row>
    <row r="6478" spans="1:3" ht="19.2">
      <c r="A6478" s="2"/>
      <c r="B6478" s="2"/>
      <c r="C6478" s="2"/>
    </row>
    <row r="6479" spans="1:3" ht="19.2">
      <c r="A6479" s="2"/>
      <c r="B6479" s="2"/>
      <c r="C6479" s="2"/>
    </row>
    <row r="6480" spans="1:3" ht="19.2">
      <c r="A6480" s="2"/>
      <c r="B6480" s="2"/>
      <c r="C6480" s="2"/>
    </row>
    <row r="6481" spans="1:3" ht="19.2">
      <c r="A6481" s="2"/>
      <c r="B6481" s="2"/>
      <c r="C6481" s="2"/>
    </row>
    <row r="6482" spans="1:3" ht="19.2">
      <c r="A6482" s="2"/>
      <c r="B6482" s="2"/>
      <c r="C6482" s="2"/>
    </row>
    <row r="6483" spans="1:3" ht="19.2">
      <c r="A6483" s="2"/>
      <c r="B6483" s="2"/>
      <c r="C6483" s="2"/>
    </row>
    <row r="6484" spans="1:3" ht="19.2">
      <c r="A6484" s="2"/>
      <c r="B6484" s="2"/>
      <c r="C6484" s="2"/>
    </row>
    <row r="6485" spans="1:3" ht="19.2">
      <c r="A6485" s="2"/>
      <c r="B6485" s="2"/>
      <c r="C6485" s="2"/>
    </row>
    <row r="6486" spans="1:3" ht="19.2">
      <c r="A6486" s="2"/>
      <c r="B6486" s="2"/>
      <c r="C6486" s="2"/>
    </row>
    <row r="6487" spans="1:3" ht="19.2">
      <c r="A6487" s="2"/>
      <c r="B6487" s="2"/>
      <c r="C6487" s="2"/>
    </row>
    <row r="6488" spans="1:3" ht="19.2">
      <c r="A6488" s="2"/>
      <c r="B6488" s="2"/>
      <c r="C6488" s="2"/>
    </row>
    <row r="6489" spans="1:3" ht="19.2">
      <c r="A6489" s="2"/>
      <c r="B6489" s="2"/>
      <c r="C6489" s="2"/>
    </row>
    <row r="6490" spans="1:3" ht="19.2">
      <c r="A6490" s="2"/>
      <c r="B6490" s="2"/>
      <c r="C6490" s="2"/>
    </row>
    <row r="6491" spans="1:3" ht="19.2">
      <c r="A6491" s="2"/>
      <c r="B6491" s="2"/>
      <c r="C6491" s="2"/>
    </row>
    <row r="6492" spans="1:3" ht="19.2">
      <c r="A6492" s="2"/>
      <c r="B6492" s="2"/>
      <c r="C6492" s="2"/>
    </row>
    <row r="6493" spans="1:3" ht="19.2">
      <c r="A6493" s="2"/>
      <c r="B6493" s="2"/>
      <c r="C6493" s="2"/>
    </row>
    <row r="6494" spans="1:3" ht="19.2">
      <c r="A6494" s="2"/>
      <c r="B6494" s="2"/>
      <c r="C6494" s="2"/>
    </row>
    <row r="6495" spans="1:3" ht="19.2">
      <c r="A6495" s="2"/>
      <c r="B6495" s="2"/>
      <c r="C6495" s="2"/>
    </row>
    <row r="6496" spans="1:3" ht="19.2">
      <c r="A6496" s="2"/>
      <c r="B6496" s="2"/>
      <c r="C6496" s="2"/>
    </row>
    <row r="6497" spans="1:3" ht="19.2">
      <c r="A6497" s="2"/>
      <c r="B6497" s="2"/>
      <c r="C6497" s="2"/>
    </row>
    <row r="6498" spans="1:3" ht="19.2">
      <c r="A6498" s="2"/>
      <c r="B6498" s="2"/>
      <c r="C6498" s="2"/>
    </row>
    <row r="6499" spans="1:3" ht="19.2">
      <c r="A6499" s="2"/>
      <c r="B6499" s="2"/>
      <c r="C6499" s="2"/>
    </row>
    <row r="6500" spans="1:3" ht="19.2">
      <c r="A6500" s="2"/>
      <c r="B6500" s="2"/>
      <c r="C6500" s="2"/>
    </row>
    <row r="6501" spans="1:3" ht="19.2">
      <c r="A6501" s="2"/>
      <c r="B6501" s="2"/>
      <c r="C6501" s="2"/>
    </row>
    <row r="6502" spans="1:3" ht="19.2">
      <c r="A6502" s="2"/>
      <c r="B6502" s="2"/>
      <c r="C6502" s="2"/>
    </row>
    <row r="6503" spans="1:3" ht="19.2">
      <c r="A6503" s="2"/>
      <c r="B6503" s="2"/>
      <c r="C6503" s="2"/>
    </row>
    <row r="6504" spans="1:3" ht="19.2">
      <c r="A6504" s="2"/>
      <c r="B6504" s="2"/>
      <c r="C6504" s="2"/>
    </row>
    <row r="6505" spans="1:3" ht="19.2">
      <c r="A6505" s="2"/>
      <c r="B6505" s="2"/>
      <c r="C6505" s="2"/>
    </row>
    <row r="6506" spans="1:3" ht="19.2">
      <c r="A6506" s="2"/>
      <c r="B6506" s="2"/>
      <c r="C6506" s="2"/>
    </row>
    <row r="6507" spans="1:3" ht="19.2">
      <c r="A6507" s="2"/>
      <c r="B6507" s="2"/>
      <c r="C6507" s="2"/>
    </row>
    <row r="6508" spans="1:3" ht="19.2">
      <c r="A6508" s="2"/>
      <c r="B6508" s="2"/>
      <c r="C6508" s="2"/>
    </row>
    <row r="6509" spans="1:3" ht="19.2">
      <c r="A6509" s="2"/>
      <c r="B6509" s="2"/>
      <c r="C6509" s="2"/>
    </row>
    <row r="6510" spans="1:3" ht="19.2">
      <c r="A6510" s="2"/>
      <c r="B6510" s="2"/>
      <c r="C6510" s="2"/>
    </row>
    <row r="6511" spans="1:3" ht="19.2">
      <c r="A6511" s="2"/>
      <c r="B6511" s="2"/>
      <c r="C6511" s="2"/>
    </row>
    <row r="6512" spans="1:3" ht="19.2">
      <c r="A6512" s="2"/>
      <c r="B6512" s="2"/>
      <c r="C6512" s="2"/>
    </row>
    <row r="6513" spans="1:3" ht="19.2">
      <c r="A6513" s="2"/>
      <c r="B6513" s="2"/>
      <c r="C6513" s="2"/>
    </row>
    <row r="6514" spans="1:3" ht="19.2">
      <c r="A6514" s="2"/>
      <c r="B6514" s="2"/>
      <c r="C6514" s="2"/>
    </row>
    <row r="6515" spans="1:3" ht="19.2">
      <c r="A6515" s="2"/>
      <c r="B6515" s="2"/>
      <c r="C6515" s="2"/>
    </row>
    <row r="6516" spans="1:3" ht="19.2">
      <c r="A6516" s="2"/>
      <c r="B6516" s="2"/>
      <c r="C6516" s="2"/>
    </row>
    <row r="6517" spans="1:3" ht="19.2">
      <c r="A6517" s="2"/>
      <c r="B6517" s="2"/>
      <c r="C6517" s="2"/>
    </row>
    <row r="6518" spans="1:3" ht="19.2">
      <c r="A6518" s="2"/>
      <c r="B6518" s="2"/>
      <c r="C6518" s="2"/>
    </row>
    <row r="6519" spans="1:3" ht="19.2">
      <c r="A6519" s="2"/>
      <c r="B6519" s="2"/>
      <c r="C6519" s="2"/>
    </row>
    <row r="6520" spans="1:3" ht="19.2">
      <c r="A6520" s="2"/>
      <c r="B6520" s="2"/>
      <c r="C6520" s="2"/>
    </row>
    <row r="6521" spans="1:3" ht="19.2">
      <c r="A6521" s="2"/>
      <c r="B6521" s="2"/>
      <c r="C6521" s="2"/>
    </row>
    <row r="6522" spans="1:3" ht="19.2">
      <c r="A6522" s="2"/>
      <c r="B6522" s="2"/>
      <c r="C6522" s="2"/>
    </row>
    <row r="6523" spans="1:3" ht="19.2">
      <c r="A6523" s="2"/>
      <c r="B6523" s="2"/>
      <c r="C6523" s="2"/>
    </row>
    <row r="6524" spans="1:3" ht="19.2">
      <c r="A6524" s="2"/>
      <c r="B6524" s="2"/>
      <c r="C6524" s="2"/>
    </row>
    <row r="6525" spans="1:3" ht="19.2">
      <c r="A6525" s="2"/>
      <c r="B6525" s="2"/>
      <c r="C6525" s="2"/>
    </row>
    <row r="6526" spans="1:3" ht="19.2">
      <c r="A6526" s="2"/>
      <c r="B6526" s="2"/>
      <c r="C6526" s="2"/>
    </row>
    <row r="6527" spans="1:3" ht="19.2">
      <c r="A6527" s="2"/>
      <c r="B6527" s="2"/>
      <c r="C6527" s="2"/>
    </row>
    <row r="6528" spans="1:3" ht="19.2">
      <c r="A6528" s="2"/>
      <c r="B6528" s="2"/>
      <c r="C6528" s="2"/>
    </row>
    <row r="6529" spans="1:3" ht="19.2">
      <c r="A6529" s="2"/>
      <c r="B6529" s="2"/>
      <c r="C6529" s="2"/>
    </row>
    <row r="6530" spans="1:3" ht="19.2">
      <c r="A6530" s="2"/>
      <c r="B6530" s="2"/>
      <c r="C6530" s="2"/>
    </row>
    <row r="6531" spans="1:3" ht="19.2">
      <c r="A6531" s="2"/>
      <c r="B6531" s="2"/>
      <c r="C6531" s="2"/>
    </row>
    <row r="6532" spans="1:3" ht="19.2">
      <c r="A6532" s="2"/>
      <c r="B6532" s="2"/>
      <c r="C6532" s="2"/>
    </row>
    <row r="6533" spans="1:3" ht="19.2">
      <c r="A6533" s="2"/>
      <c r="B6533" s="2"/>
      <c r="C6533" s="2"/>
    </row>
    <row r="6534" spans="1:3" ht="19.2">
      <c r="A6534" s="2"/>
      <c r="B6534" s="2"/>
      <c r="C6534" s="2"/>
    </row>
    <row r="6535" spans="1:3" ht="19.2">
      <c r="A6535" s="2"/>
      <c r="B6535" s="2"/>
      <c r="C6535" s="2"/>
    </row>
    <row r="6536" spans="1:3" ht="19.2">
      <c r="A6536" s="2"/>
      <c r="B6536" s="2"/>
      <c r="C6536" s="2"/>
    </row>
    <row r="6537" spans="1:3" ht="19.2">
      <c r="A6537" s="2"/>
      <c r="B6537" s="2"/>
      <c r="C6537" s="2"/>
    </row>
    <row r="6538" spans="1:3" ht="19.2">
      <c r="A6538" s="2"/>
      <c r="B6538" s="2"/>
      <c r="C6538" s="2"/>
    </row>
    <row r="6539" spans="1:3" ht="19.2">
      <c r="A6539" s="2"/>
      <c r="B6539" s="2"/>
      <c r="C6539" s="2"/>
    </row>
    <row r="6540" spans="1:3" ht="19.2">
      <c r="A6540" s="2"/>
      <c r="B6540" s="2"/>
      <c r="C6540" s="2"/>
    </row>
    <row r="6541" spans="1:3" ht="19.2">
      <c r="A6541" s="2"/>
      <c r="B6541" s="2"/>
      <c r="C6541" s="2"/>
    </row>
    <row r="6542" spans="1:3" ht="19.2">
      <c r="A6542" s="2"/>
      <c r="B6542" s="2"/>
      <c r="C6542" s="2"/>
    </row>
    <row r="6543" spans="1:3" ht="19.2">
      <c r="A6543" s="2"/>
      <c r="B6543" s="2"/>
      <c r="C6543" s="2"/>
    </row>
    <row r="6544" spans="1:3" ht="19.2">
      <c r="A6544" s="2"/>
      <c r="B6544" s="2"/>
      <c r="C6544" s="2"/>
    </row>
    <row r="6545" spans="1:3" ht="19.2">
      <c r="A6545" s="2"/>
      <c r="B6545" s="2"/>
      <c r="C6545" s="2"/>
    </row>
    <row r="6546" spans="1:3" ht="19.2">
      <c r="A6546" s="2"/>
      <c r="B6546" s="2"/>
      <c r="C6546" s="2"/>
    </row>
    <row r="6547" spans="1:3" ht="19.2">
      <c r="A6547" s="2"/>
      <c r="B6547" s="2"/>
      <c r="C6547" s="2"/>
    </row>
    <row r="6548" spans="1:3" ht="19.2">
      <c r="A6548" s="2"/>
      <c r="B6548" s="2"/>
      <c r="C6548" s="2"/>
    </row>
    <row r="6549" spans="1:3" ht="19.2">
      <c r="A6549" s="2"/>
      <c r="B6549" s="2"/>
      <c r="C6549" s="2"/>
    </row>
    <row r="6550" spans="1:3" ht="19.2">
      <c r="A6550" s="2"/>
      <c r="B6550" s="2"/>
      <c r="C6550" s="2"/>
    </row>
    <row r="6551" spans="1:3" ht="19.2">
      <c r="A6551" s="2"/>
      <c r="B6551" s="2"/>
      <c r="C6551" s="2"/>
    </row>
    <row r="6552" spans="1:3" ht="19.2">
      <c r="A6552" s="2"/>
      <c r="B6552" s="2"/>
      <c r="C6552" s="2"/>
    </row>
    <row r="6553" spans="1:3" ht="19.2">
      <c r="A6553" s="2"/>
      <c r="B6553" s="2"/>
      <c r="C6553" s="2"/>
    </row>
    <row r="6554" spans="1:3" ht="19.2">
      <c r="A6554" s="2"/>
      <c r="B6554" s="2"/>
      <c r="C6554" s="2"/>
    </row>
    <row r="6555" spans="1:3" ht="19.2">
      <c r="A6555" s="2"/>
      <c r="B6555" s="2"/>
      <c r="C6555" s="2"/>
    </row>
    <row r="6556" spans="1:3" ht="19.2">
      <c r="A6556" s="2"/>
      <c r="B6556" s="2"/>
      <c r="C6556" s="2"/>
    </row>
    <row r="6557" spans="1:3" ht="19.2">
      <c r="A6557" s="2"/>
      <c r="B6557" s="2"/>
      <c r="C6557" s="2"/>
    </row>
    <row r="6558" spans="1:3" ht="19.2">
      <c r="A6558" s="2"/>
      <c r="B6558" s="2"/>
      <c r="C6558" s="2"/>
    </row>
    <row r="6559" spans="1:3" ht="19.2">
      <c r="A6559" s="2"/>
      <c r="B6559" s="2"/>
      <c r="C6559" s="2"/>
    </row>
    <row r="6560" spans="1:3" ht="19.2">
      <c r="A6560" s="2"/>
      <c r="B6560" s="2"/>
      <c r="C6560" s="2"/>
    </row>
    <row r="6561" spans="1:3" ht="19.2">
      <c r="A6561" s="2"/>
      <c r="B6561" s="2"/>
      <c r="C6561" s="2"/>
    </row>
    <row r="6562" spans="1:3" ht="19.2">
      <c r="A6562" s="2"/>
      <c r="B6562" s="2"/>
      <c r="C6562" s="2"/>
    </row>
    <row r="6563" spans="1:3" ht="19.2">
      <c r="A6563" s="2"/>
      <c r="B6563" s="2"/>
      <c r="C6563" s="2"/>
    </row>
    <row r="6564" spans="1:3" ht="19.2">
      <c r="A6564" s="2"/>
      <c r="B6564" s="2"/>
      <c r="C6564" s="2"/>
    </row>
    <row r="6565" spans="1:3" ht="19.2">
      <c r="A6565" s="2"/>
      <c r="B6565" s="2"/>
      <c r="C6565" s="2"/>
    </row>
    <row r="6566" spans="1:3" ht="19.2">
      <c r="A6566" s="2"/>
      <c r="B6566" s="2"/>
      <c r="C6566" s="2"/>
    </row>
    <row r="6567" spans="1:3" ht="19.2">
      <c r="A6567" s="2"/>
      <c r="B6567" s="2"/>
      <c r="C6567" s="2"/>
    </row>
    <row r="6568" spans="1:3" ht="19.2">
      <c r="A6568" s="2"/>
      <c r="B6568" s="2"/>
      <c r="C6568" s="2"/>
    </row>
    <row r="6569" spans="1:3" ht="19.2">
      <c r="A6569" s="2"/>
      <c r="B6569" s="2"/>
      <c r="C6569" s="2"/>
    </row>
    <row r="6570" spans="1:3" ht="19.2">
      <c r="A6570" s="2"/>
      <c r="B6570" s="2"/>
      <c r="C6570" s="2"/>
    </row>
    <row r="6571" spans="1:3" ht="19.2">
      <c r="A6571" s="2"/>
      <c r="B6571" s="2"/>
      <c r="C6571" s="2"/>
    </row>
    <row r="6572" spans="1:3" ht="19.2">
      <c r="A6572" s="2"/>
      <c r="B6572" s="2"/>
      <c r="C6572" s="2"/>
    </row>
    <row r="6573" spans="1:3" ht="19.2">
      <c r="A6573" s="2"/>
      <c r="B6573" s="2"/>
      <c r="C6573" s="2"/>
    </row>
    <row r="6574" spans="1:3" ht="19.2">
      <c r="A6574" s="2"/>
      <c r="B6574" s="2"/>
      <c r="C6574" s="2"/>
    </row>
    <row r="6575" spans="1:3" ht="19.2">
      <c r="A6575" s="2"/>
      <c r="B6575" s="2"/>
      <c r="C6575" s="2"/>
    </row>
    <row r="6576" spans="1:3" ht="19.2">
      <c r="A6576" s="2"/>
      <c r="B6576" s="2"/>
      <c r="C6576" s="2"/>
    </row>
    <row r="6577" spans="1:3" ht="19.2">
      <c r="A6577" s="2"/>
      <c r="B6577" s="2"/>
      <c r="C6577" s="2"/>
    </row>
    <row r="6578" spans="1:3" ht="19.2">
      <c r="A6578" s="2"/>
      <c r="B6578" s="2"/>
      <c r="C6578" s="2"/>
    </row>
    <row r="6579" spans="1:3" ht="19.2">
      <c r="A6579" s="2"/>
      <c r="B6579" s="2"/>
      <c r="C6579" s="2"/>
    </row>
    <row r="6580" spans="1:3" ht="19.2">
      <c r="A6580" s="2"/>
      <c r="B6580" s="2"/>
      <c r="C6580" s="2"/>
    </row>
    <row r="6581" spans="1:3" ht="19.2">
      <c r="A6581" s="2"/>
      <c r="B6581" s="2"/>
      <c r="C6581" s="2"/>
    </row>
    <row r="6582" spans="1:3" ht="19.2">
      <c r="A6582" s="2"/>
      <c r="B6582" s="2"/>
      <c r="C6582" s="2"/>
    </row>
    <row r="6583" spans="1:3" ht="19.2">
      <c r="A6583" s="2"/>
      <c r="B6583" s="2"/>
      <c r="C6583" s="2"/>
    </row>
    <row r="6584" spans="1:3" ht="19.2">
      <c r="A6584" s="2"/>
      <c r="B6584" s="2"/>
      <c r="C6584" s="2"/>
    </row>
    <row r="6585" spans="1:3" ht="19.2">
      <c r="A6585" s="2"/>
      <c r="B6585" s="2"/>
      <c r="C6585" s="2"/>
    </row>
    <row r="6586" spans="1:3" ht="19.2">
      <c r="A6586" s="2"/>
      <c r="B6586" s="2"/>
      <c r="C6586" s="2"/>
    </row>
    <row r="6587" spans="1:3" ht="19.2">
      <c r="A6587" s="2"/>
      <c r="B6587" s="2"/>
      <c r="C6587" s="2"/>
    </row>
    <row r="6588" spans="1:3" ht="19.2">
      <c r="A6588" s="2"/>
      <c r="B6588" s="2"/>
      <c r="C6588" s="2"/>
    </row>
    <row r="6589" spans="1:3" ht="19.2">
      <c r="A6589" s="2"/>
      <c r="B6589" s="2"/>
      <c r="C6589" s="2"/>
    </row>
    <row r="6590" spans="1:3" ht="19.2">
      <c r="A6590" s="2"/>
      <c r="B6590" s="2"/>
      <c r="C6590" s="2"/>
    </row>
    <row r="6591" spans="1:3" ht="19.2">
      <c r="A6591" s="2"/>
      <c r="B6591" s="2"/>
      <c r="C6591" s="2"/>
    </row>
    <row r="6592" spans="1:3" ht="19.2">
      <c r="A6592" s="2"/>
      <c r="B6592" s="2"/>
      <c r="C6592" s="2"/>
    </row>
    <row r="6593" spans="1:3" ht="19.2">
      <c r="A6593" s="2"/>
      <c r="B6593" s="2"/>
      <c r="C6593" s="2"/>
    </row>
    <row r="6594" spans="1:3" ht="19.2">
      <c r="A6594" s="2"/>
      <c r="B6594" s="2"/>
      <c r="C6594" s="2"/>
    </row>
    <row r="6595" spans="1:3" ht="19.2">
      <c r="A6595" s="2"/>
      <c r="B6595" s="2"/>
      <c r="C6595" s="2"/>
    </row>
    <row r="6596" spans="1:3" ht="19.2">
      <c r="A6596" s="2"/>
      <c r="B6596" s="2"/>
      <c r="C6596" s="2"/>
    </row>
    <row r="6597" spans="1:3" ht="19.2">
      <c r="A6597" s="2"/>
      <c r="B6597" s="2"/>
      <c r="C6597" s="2"/>
    </row>
    <row r="6598" spans="1:3" ht="19.2">
      <c r="A6598" s="2"/>
      <c r="B6598" s="2"/>
      <c r="C6598" s="2"/>
    </row>
    <row r="6599" spans="1:3" ht="19.2">
      <c r="A6599" s="2"/>
      <c r="B6599" s="2"/>
      <c r="C6599" s="2"/>
    </row>
    <row r="6600" spans="1:3" ht="19.2">
      <c r="A6600" s="2"/>
      <c r="B6600" s="2"/>
      <c r="C6600" s="2"/>
    </row>
    <row r="6601" spans="1:3" ht="19.2">
      <c r="A6601" s="2"/>
      <c r="B6601" s="2"/>
      <c r="C6601" s="2"/>
    </row>
    <row r="6602" spans="1:3" ht="19.2">
      <c r="A6602" s="2"/>
      <c r="B6602" s="2"/>
      <c r="C6602" s="2"/>
    </row>
    <row r="6603" spans="1:3" ht="19.2">
      <c r="A6603" s="2"/>
      <c r="B6603" s="2"/>
      <c r="C6603" s="2"/>
    </row>
    <row r="6604" spans="1:3" ht="19.2">
      <c r="A6604" s="2"/>
      <c r="B6604" s="2"/>
      <c r="C6604" s="2"/>
    </row>
    <row r="6605" spans="1:3" ht="19.2">
      <c r="A6605" s="2"/>
      <c r="B6605" s="2"/>
      <c r="C6605" s="2"/>
    </row>
    <row r="6606" spans="1:3" ht="19.2">
      <c r="A6606" s="2"/>
      <c r="B6606" s="2"/>
      <c r="C6606" s="2"/>
    </row>
    <row r="6607" spans="1:3" ht="19.2">
      <c r="A6607" s="2"/>
      <c r="B6607" s="2"/>
      <c r="C6607" s="2"/>
    </row>
    <row r="6608" spans="1:3" ht="19.2">
      <c r="A6608" s="2"/>
      <c r="B6608" s="2"/>
      <c r="C6608" s="2"/>
    </row>
    <row r="6609" spans="1:3" ht="19.2">
      <c r="A6609" s="2"/>
      <c r="B6609" s="2"/>
      <c r="C6609" s="2"/>
    </row>
    <row r="6610" spans="1:3" ht="19.2">
      <c r="A6610" s="2"/>
      <c r="B6610" s="2"/>
      <c r="C6610" s="2"/>
    </row>
    <row r="6611" spans="1:3" ht="19.2">
      <c r="A6611" s="2"/>
      <c r="B6611" s="2"/>
      <c r="C6611" s="2"/>
    </row>
    <row r="6612" spans="1:3" ht="19.2">
      <c r="A6612" s="2"/>
      <c r="B6612" s="2"/>
      <c r="C6612" s="2"/>
    </row>
    <row r="6613" spans="1:3" ht="19.2">
      <c r="A6613" s="2"/>
      <c r="B6613" s="2"/>
      <c r="C6613" s="2"/>
    </row>
    <row r="6614" spans="1:3" ht="19.2">
      <c r="A6614" s="2"/>
      <c r="B6614" s="2"/>
      <c r="C6614" s="2"/>
    </row>
    <row r="6615" spans="1:3" ht="19.2">
      <c r="A6615" s="2"/>
      <c r="B6615" s="2"/>
      <c r="C6615" s="2"/>
    </row>
    <row r="6616" spans="1:3" ht="19.2">
      <c r="A6616" s="2"/>
      <c r="B6616" s="2"/>
      <c r="C6616" s="2"/>
    </row>
    <row r="6617" spans="1:3" ht="19.2">
      <c r="A6617" s="2"/>
      <c r="B6617" s="2"/>
      <c r="C6617" s="2"/>
    </row>
    <row r="6618" spans="1:3" ht="19.2">
      <c r="A6618" s="2"/>
      <c r="B6618" s="2"/>
      <c r="C6618" s="2"/>
    </row>
    <row r="6619" spans="1:3" ht="19.2">
      <c r="A6619" s="2"/>
      <c r="B6619" s="2"/>
      <c r="C6619" s="2"/>
    </row>
    <row r="6620" spans="1:3" ht="19.2">
      <c r="A6620" s="2"/>
      <c r="B6620" s="2"/>
      <c r="C6620" s="2"/>
    </row>
    <row r="6621" spans="1:3" ht="19.2">
      <c r="A6621" s="2"/>
      <c r="B6621" s="2"/>
      <c r="C6621" s="2"/>
    </row>
    <row r="6622" spans="1:3" ht="19.2">
      <c r="A6622" s="2"/>
      <c r="B6622" s="2"/>
      <c r="C6622" s="2"/>
    </row>
    <row r="6623" spans="1:3" ht="19.2">
      <c r="A6623" s="2"/>
      <c r="B6623" s="2"/>
      <c r="C6623" s="2"/>
    </row>
    <row r="6624" spans="1:3" ht="19.2">
      <c r="A6624" s="2"/>
      <c r="B6624" s="2"/>
      <c r="C6624" s="2"/>
    </row>
    <row r="6625" spans="1:3" ht="19.2">
      <c r="A6625" s="2"/>
      <c r="B6625" s="2"/>
      <c r="C6625" s="2"/>
    </row>
    <row r="6626" spans="1:3" ht="19.2">
      <c r="A6626" s="2"/>
      <c r="B6626" s="2"/>
      <c r="C6626" s="2"/>
    </row>
    <row r="6627" spans="1:3" ht="19.2">
      <c r="A6627" s="2"/>
      <c r="B6627" s="2"/>
      <c r="C6627" s="2"/>
    </row>
    <row r="6628" spans="1:3" ht="19.2">
      <c r="A6628" s="2"/>
      <c r="B6628" s="2"/>
      <c r="C6628" s="2"/>
    </row>
    <row r="6629" spans="1:3" ht="19.2">
      <c r="A6629" s="2"/>
      <c r="B6629" s="2"/>
      <c r="C6629" s="2"/>
    </row>
    <row r="6630" spans="1:3" ht="19.2">
      <c r="A6630" s="2"/>
      <c r="B6630" s="2"/>
      <c r="C6630" s="2"/>
    </row>
    <row r="6631" spans="1:3" ht="19.2">
      <c r="A6631" s="2"/>
      <c r="B6631" s="2"/>
      <c r="C6631" s="2"/>
    </row>
    <row r="6632" spans="1:3" ht="19.2">
      <c r="A6632" s="2"/>
      <c r="B6632" s="2"/>
      <c r="C6632" s="2"/>
    </row>
    <row r="6633" spans="1:3" ht="19.2">
      <c r="A6633" s="2"/>
      <c r="B6633" s="2"/>
      <c r="C6633" s="2"/>
    </row>
    <row r="6634" spans="1:3" ht="19.2">
      <c r="A6634" s="2"/>
      <c r="B6634" s="2"/>
      <c r="C6634" s="2"/>
    </row>
    <row r="6635" spans="1:3" ht="19.2">
      <c r="A6635" s="2"/>
      <c r="B6635" s="2"/>
      <c r="C6635" s="2"/>
    </row>
    <row r="6636" spans="1:3" ht="19.2">
      <c r="A6636" s="2"/>
      <c r="B6636" s="2"/>
      <c r="C6636" s="2"/>
    </row>
    <row r="6637" spans="1:3" ht="19.2">
      <c r="A6637" s="2"/>
      <c r="B6637" s="2"/>
      <c r="C6637" s="2"/>
    </row>
    <row r="6638" spans="1:3" ht="19.2">
      <c r="A6638" s="2"/>
      <c r="B6638" s="2"/>
      <c r="C6638" s="2"/>
    </row>
    <row r="6639" spans="1:3" ht="19.2">
      <c r="A6639" s="2"/>
      <c r="B6639" s="2"/>
      <c r="C6639" s="2"/>
    </row>
    <row r="6640" spans="1:3" ht="19.2">
      <c r="A6640" s="2"/>
      <c r="B6640" s="2"/>
      <c r="C6640" s="2"/>
    </row>
    <row r="6641" spans="1:3" ht="19.2">
      <c r="A6641" s="2"/>
      <c r="B6641" s="2"/>
      <c r="C6641" s="2"/>
    </row>
    <row r="6642" spans="1:3" ht="19.2">
      <c r="A6642" s="2"/>
      <c r="B6642" s="2"/>
      <c r="C6642" s="2"/>
    </row>
    <row r="6643" spans="1:3" ht="19.2">
      <c r="A6643" s="2"/>
      <c r="B6643" s="2"/>
      <c r="C6643" s="2"/>
    </row>
    <row r="6644" spans="1:3" ht="19.2">
      <c r="A6644" s="2"/>
      <c r="B6644" s="2"/>
      <c r="C6644" s="2"/>
    </row>
    <row r="6645" spans="1:3" ht="19.2">
      <c r="A6645" s="2"/>
      <c r="B6645" s="2"/>
      <c r="C6645" s="2"/>
    </row>
    <row r="6646" spans="1:3" ht="19.2">
      <c r="A6646" s="2"/>
      <c r="B6646" s="2"/>
      <c r="C6646" s="2"/>
    </row>
    <row r="6647" spans="1:3" ht="19.2">
      <c r="A6647" s="2"/>
      <c r="B6647" s="2"/>
      <c r="C6647" s="2"/>
    </row>
    <row r="6648" spans="1:3" ht="19.2">
      <c r="A6648" s="2"/>
      <c r="B6648" s="2"/>
      <c r="C6648" s="2"/>
    </row>
    <row r="6649" spans="1:3" ht="19.2">
      <c r="A6649" s="2"/>
      <c r="B6649" s="2"/>
      <c r="C6649" s="2"/>
    </row>
    <row r="6650" spans="1:3" ht="19.2">
      <c r="A6650" s="2"/>
      <c r="B6650" s="2"/>
      <c r="C6650" s="2"/>
    </row>
    <row r="6651" spans="1:3" ht="19.2">
      <c r="A6651" s="2"/>
      <c r="B6651" s="2"/>
      <c r="C6651" s="2"/>
    </row>
    <row r="6652" spans="1:3" ht="19.2">
      <c r="A6652" s="2"/>
      <c r="B6652" s="2"/>
      <c r="C6652" s="2"/>
    </row>
    <row r="6653" spans="1:3" ht="19.2">
      <c r="A6653" s="2"/>
      <c r="B6653" s="2"/>
      <c r="C6653" s="2"/>
    </row>
    <row r="6654" spans="1:3" ht="19.2">
      <c r="A6654" s="2"/>
      <c r="B6654" s="2"/>
      <c r="C6654" s="2"/>
    </row>
    <row r="6655" spans="1:3" ht="19.2">
      <c r="A6655" s="2"/>
      <c r="B6655" s="2"/>
      <c r="C6655" s="2"/>
    </row>
    <row r="6656" spans="1:3" ht="19.2">
      <c r="A6656" s="2"/>
      <c r="B6656" s="2"/>
      <c r="C6656" s="2"/>
    </row>
    <row r="6657" spans="1:3" ht="19.2">
      <c r="A6657" s="2"/>
      <c r="B6657" s="2"/>
      <c r="C6657" s="2"/>
    </row>
    <row r="6658" spans="1:3" ht="19.2">
      <c r="A6658" s="2"/>
      <c r="B6658" s="2"/>
      <c r="C6658" s="2"/>
    </row>
    <row r="6659" spans="1:3" ht="19.2">
      <c r="A6659" s="2"/>
      <c r="B6659" s="2"/>
      <c r="C6659" s="2"/>
    </row>
    <row r="6660" spans="1:3" ht="19.2">
      <c r="A6660" s="2"/>
      <c r="B6660" s="2"/>
      <c r="C6660" s="2"/>
    </row>
    <row r="6661" spans="1:3" ht="19.2">
      <c r="A6661" s="2"/>
      <c r="B6661" s="2"/>
      <c r="C6661" s="2"/>
    </row>
    <row r="6662" spans="1:3" ht="19.2">
      <c r="A6662" s="2"/>
      <c r="B6662" s="2"/>
      <c r="C6662" s="2"/>
    </row>
    <row r="6663" spans="1:3" ht="19.2">
      <c r="A6663" s="2"/>
      <c r="B6663" s="2"/>
      <c r="C6663" s="2"/>
    </row>
    <row r="6664" spans="1:3" ht="19.2">
      <c r="A6664" s="2"/>
      <c r="B6664" s="2"/>
      <c r="C6664" s="2"/>
    </row>
    <row r="6665" spans="1:3" ht="19.2">
      <c r="A6665" s="2"/>
      <c r="B6665" s="2"/>
      <c r="C6665" s="2"/>
    </row>
    <row r="6666" spans="1:3" ht="19.2">
      <c r="A6666" s="2"/>
      <c r="B6666" s="2"/>
      <c r="C6666" s="2"/>
    </row>
    <row r="6667" spans="1:3" ht="19.2">
      <c r="A6667" s="2"/>
      <c r="B6667" s="2"/>
      <c r="C6667" s="2"/>
    </row>
    <row r="6668" spans="1:3" ht="19.2">
      <c r="A6668" s="2"/>
      <c r="B6668" s="2"/>
      <c r="C6668" s="2"/>
    </row>
    <row r="6669" spans="1:3" ht="19.2">
      <c r="A6669" s="2"/>
      <c r="B6669" s="2"/>
      <c r="C6669" s="2"/>
    </row>
    <row r="6670" spans="1:3" ht="19.2">
      <c r="A6670" s="2"/>
      <c r="B6670" s="2"/>
      <c r="C6670" s="2"/>
    </row>
    <row r="6671" spans="1:3" ht="19.2">
      <c r="A6671" s="2"/>
      <c r="B6671" s="2"/>
      <c r="C6671" s="2"/>
    </row>
    <row r="6672" spans="1:3" ht="19.2">
      <c r="A6672" s="2"/>
      <c r="B6672" s="2"/>
      <c r="C6672" s="2"/>
    </row>
    <row r="6673" spans="1:3" ht="19.2">
      <c r="A6673" s="2"/>
      <c r="B6673" s="2"/>
      <c r="C6673" s="2"/>
    </row>
    <row r="6674" spans="1:3" ht="19.2">
      <c r="A6674" s="2"/>
      <c r="B6674" s="2"/>
      <c r="C6674" s="2"/>
    </row>
    <row r="6675" spans="1:3" ht="19.2">
      <c r="A6675" s="2"/>
      <c r="B6675" s="2"/>
      <c r="C6675" s="2"/>
    </row>
    <row r="6676" spans="1:3" ht="19.2">
      <c r="A6676" s="2"/>
      <c r="B6676" s="2"/>
      <c r="C6676" s="2"/>
    </row>
    <row r="6677" spans="1:3" ht="19.2">
      <c r="A6677" s="2"/>
      <c r="B6677" s="2"/>
      <c r="C6677" s="2"/>
    </row>
    <row r="6678" spans="1:3" ht="19.2">
      <c r="A6678" s="2"/>
      <c r="B6678" s="2"/>
      <c r="C6678" s="2"/>
    </row>
    <row r="6679" spans="1:3" ht="19.2">
      <c r="A6679" s="2"/>
      <c r="B6679" s="2"/>
      <c r="C6679" s="2"/>
    </row>
    <row r="6680" spans="1:3" ht="19.2">
      <c r="A6680" s="2"/>
      <c r="B6680" s="2"/>
      <c r="C6680" s="2"/>
    </row>
    <row r="6681" spans="1:3" ht="19.2">
      <c r="A6681" s="2"/>
      <c r="B6681" s="2"/>
      <c r="C6681" s="2"/>
    </row>
    <row r="6682" spans="1:3" ht="19.2">
      <c r="A6682" s="2"/>
      <c r="B6682" s="2"/>
      <c r="C6682" s="2"/>
    </row>
    <row r="6683" spans="1:3" ht="19.2">
      <c r="A6683" s="2"/>
      <c r="B6683" s="2"/>
      <c r="C6683" s="2"/>
    </row>
    <row r="6684" spans="1:3" ht="19.2">
      <c r="A6684" s="2"/>
      <c r="B6684" s="2"/>
      <c r="C6684" s="2"/>
    </row>
    <row r="6685" spans="1:3" ht="19.2">
      <c r="A6685" s="2"/>
      <c r="B6685" s="2"/>
      <c r="C6685" s="2"/>
    </row>
    <row r="6686" spans="1:3" ht="19.2">
      <c r="A6686" s="2"/>
      <c r="B6686" s="2"/>
      <c r="C6686" s="2"/>
    </row>
    <row r="6687" spans="1:3" ht="19.2">
      <c r="A6687" s="2"/>
      <c r="B6687" s="2"/>
      <c r="C6687" s="2"/>
    </row>
    <row r="6688" spans="1:3" ht="19.2">
      <c r="A6688" s="2"/>
      <c r="B6688" s="2"/>
      <c r="C6688" s="2"/>
    </row>
    <row r="6689" spans="1:3" ht="19.2">
      <c r="A6689" s="2"/>
      <c r="B6689" s="2"/>
      <c r="C6689" s="2"/>
    </row>
    <row r="6690" spans="1:3" ht="19.2">
      <c r="A6690" s="2"/>
      <c r="B6690" s="2"/>
      <c r="C6690" s="2"/>
    </row>
    <row r="6691" spans="1:3" ht="19.2">
      <c r="A6691" s="2"/>
      <c r="B6691" s="2"/>
      <c r="C6691" s="2"/>
    </row>
    <row r="6692" spans="1:3" ht="19.2">
      <c r="A6692" s="2"/>
      <c r="B6692" s="2"/>
      <c r="C6692" s="2"/>
    </row>
    <row r="6693" spans="1:3" ht="19.2">
      <c r="A6693" s="2"/>
      <c r="B6693" s="2"/>
      <c r="C6693" s="2"/>
    </row>
    <row r="6694" spans="1:3" ht="19.2">
      <c r="A6694" s="2"/>
      <c r="B6694" s="2"/>
      <c r="C6694" s="2"/>
    </row>
    <row r="6695" spans="1:3" ht="19.2">
      <c r="A6695" s="2"/>
      <c r="B6695" s="2"/>
      <c r="C6695" s="2"/>
    </row>
    <row r="6696" spans="1:3" ht="19.2">
      <c r="A6696" s="2"/>
      <c r="B6696" s="2"/>
      <c r="C6696" s="2"/>
    </row>
    <row r="6697" spans="1:3" ht="19.2">
      <c r="A6697" s="2"/>
      <c r="B6697" s="2"/>
      <c r="C6697" s="2"/>
    </row>
    <row r="6698" spans="1:3" ht="19.2">
      <c r="A6698" s="2"/>
      <c r="B6698" s="2"/>
      <c r="C6698" s="2"/>
    </row>
    <row r="6699" spans="1:3" ht="19.2">
      <c r="A6699" s="2"/>
      <c r="B6699" s="2"/>
      <c r="C6699" s="2"/>
    </row>
    <row r="6700" spans="1:3" ht="19.2">
      <c r="A6700" s="2"/>
      <c r="B6700" s="2"/>
      <c r="C6700" s="2"/>
    </row>
    <row r="6701" spans="1:3" ht="19.2">
      <c r="A6701" s="2"/>
      <c r="B6701" s="2"/>
      <c r="C6701" s="2"/>
    </row>
    <row r="6702" spans="1:3" ht="19.2">
      <c r="A6702" s="2"/>
      <c r="B6702" s="2"/>
      <c r="C6702" s="2"/>
    </row>
    <row r="6703" spans="1:3" ht="19.2">
      <c r="A6703" s="2"/>
      <c r="B6703" s="2"/>
      <c r="C6703" s="2"/>
    </row>
    <row r="6704" spans="1:3" ht="19.2">
      <c r="A6704" s="2"/>
      <c r="B6704" s="2"/>
      <c r="C6704" s="2"/>
    </row>
    <row r="6705" spans="1:3" ht="19.2">
      <c r="A6705" s="2"/>
      <c r="B6705" s="2"/>
      <c r="C6705" s="2"/>
    </row>
    <row r="6706" spans="1:3" ht="19.2">
      <c r="A6706" s="2"/>
      <c r="B6706" s="2"/>
      <c r="C6706" s="2"/>
    </row>
    <row r="6707" spans="1:3" ht="19.2">
      <c r="A6707" s="2"/>
      <c r="B6707" s="2"/>
      <c r="C6707" s="2"/>
    </row>
    <row r="6708" spans="1:3" ht="19.2">
      <c r="A6708" s="2"/>
      <c r="B6708" s="2"/>
      <c r="C6708" s="2"/>
    </row>
    <row r="6709" spans="1:3" ht="19.2">
      <c r="A6709" s="2"/>
      <c r="B6709" s="2"/>
      <c r="C6709" s="2"/>
    </row>
    <row r="6710" spans="1:3" ht="19.2">
      <c r="A6710" s="2"/>
      <c r="B6710" s="2"/>
      <c r="C6710" s="2"/>
    </row>
    <row r="6711" spans="1:3" ht="19.2">
      <c r="A6711" s="2"/>
      <c r="B6711" s="2"/>
      <c r="C6711" s="2"/>
    </row>
    <row r="6712" spans="1:3" ht="19.2">
      <c r="A6712" s="2"/>
      <c r="B6712" s="2"/>
      <c r="C6712" s="2"/>
    </row>
    <row r="6713" spans="1:3" ht="19.2">
      <c r="A6713" s="2"/>
      <c r="B6713" s="2"/>
      <c r="C6713" s="2"/>
    </row>
    <row r="6714" spans="1:3" ht="19.2">
      <c r="A6714" s="2"/>
      <c r="B6714" s="2"/>
      <c r="C6714" s="2"/>
    </row>
    <row r="6715" spans="1:3" ht="19.2">
      <c r="A6715" s="2"/>
      <c r="B6715" s="2"/>
      <c r="C6715" s="2"/>
    </row>
    <row r="6716" spans="1:3" ht="19.2">
      <c r="A6716" s="2"/>
      <c r="B6716" s="2"/>
      <c r="C6716" s="2"/>
    </row>
    <row r="6717" spans="1:3" ht="19.2">
      <c r="A6717" s="2"/>
      <c r="B6717" s="2"/>
      <c r="C6717" s="2"/>
    </row>
    <row r="6718" spans="1:3" ht="19.2">
      <c r="A6718" s="2"/>
      <c r="B6718" s="2"/>
      <c r="C6718" s="2"/>
    </row>
    <row r="6719" spans="1:3" ht="19.2">
      <c r="A6719" s="2"/>
      <c r="B6719" s="2"/>
      <c r="C6719" s="2"/>
    </row>
    <row r="6720" spans="1:3" ht="19.2">
      <c r="A6720" s="2"/>
      <c r="B6720" s="2"/>
      <c r="C6720" s="2"/>
    </row>
    <row r="6721" spans="1:3" ht="19.2">
      <c r="A6721" s="2"/>
      <c r="B6721" s="2"/>
      <c r="C6721" s="2"/>
    </row>
    <row r="6722" spans="1:3" ht="19.2">
      <c r="A6722" s="2"/>
      <c r="B6722" s="2"/>
      <c r="C6722" s="2"/>
    </row>
    <row r="6723" spans="1:3" ht="19.2">
      <c r="A6723" s="2"/>
      <c r="B6723" s="2"/>
      <c r="C6723" s="2"/>
    </row>
    <row r="6724" spans="1:3" ht="19.2">
      <c r="A6724" s="2"/>
      <c r="B6724" s="2"/>
      <c r="C6724" s="2"/>
    </row>
    <row r="6725" spans="1:3" ht="19.2">
      <c r="A6725" s="2"/>
      <c r="B6725" s="2"/>
      <c r="C6725" s="2"/>
    </row>
    <row r="6726" spans="1:3" ht="19.2">
      <c r="A6726" s="2"/>
      <c r="B6726" s="2"/>
      <c r="C6726" s="2"/>
    </row>
    <row r="6727" spans="1:3" ht="19.2">
      <c r="A6727" s="2"/>
      <c r="B6727" s="2"/>
      <c r="C6727" s="2"/>
    </row>
    <row r="6728" spans="1:3" ht="19.2">
      <c r="A6728" s="2"/>
      <c r="B6728" s="2"/>
      <c r="C6728" s="2"/>
    </row>
    <row r="6729" spans="1:3" ht="19.2">
      <c r="A6729" s="2"/>
      <c r="B6729" s="2"/>
      <c r="C6729" s="2"/>
    </row>
    <row r="6730" spans="1:3" ht="19.2">
      <c r="A6730" s="2"/>
      <c r="B6730" s="2"/>
      <c r="C6730" s="2"/>
    </row>
    <row r="6731" spans="1:3" ht="19.2">
      <c r="A6731" s="2"/>
      <c r="B6731" s="2"/>
      <c r="C6731" s="2"/>
    </row>
    <row r="6732" spans="1:3" ht="19.2">
      <c r="A6732" s="2"/>
      <c r="B6732" s="2"/>
      <c r="C6732" s="2"/>
    </row>
    <row r="6733" spans="1:3" ht="19.2">
      <c r="A6733" s="2"/>
      <c r="B6733" s="2"/>
      <c r="C6733" s="2"/>
    </row>
    <row r="6734" spans="1:3" ht="19.2">
      <c r="A6734" s="2"/>
      <c r="B6734" s="2"/>
      <c r="C6734" s="2"/>
    </row>
    <row r="6735" spans="1:3" ht="19.2">
      <c r="A6735" s="2"/>
      <c r="B6735" s="2"/>
      <c r="C6735" s="2"/>
    </row>
    <row r="6736" spans="1:3" ht="19.2">
      <c r="A6736" s="2"/>
      <c r="B6736" s="2"/>
      <c r="C6736" s="2"/>
    </row>
    <row r="6737" spans="1:3" ht="19.2">
      <c r="A6737" s="2"/>
      <c r="B6737" s="2"/>
      <c r="C6737" s="2"/>
    </row>
    <row r="6738" spans="1:3" ht="19.2">
      <c r="A6738" s="2"/>
      <c r="B6738" s="2"/>
      <c r="C6738" s="2"/>
    </row>
    <row r="6739" spans="1:3" ht="19.2">
      <c r="A6739" s="2"/>
      <c r="B6739" s="2"/>
      <c r="C6739" s="2"/>
    </row>
    <row r="6740" spans="1:3" ht="19.2">
      <c r="A6740" s="2"/>
      <c r="B6740" s="2"/>
      <c r="C6740" s="2"/>
    </row>
    <row r="6741" spans="1:3" ht="19.2">
      <c r="A6741" s="2"/>
      <c r="B6741" s="2"/>
      <c r="C6741" s="2"/>
    </row>
    <row r="6742" spans="1:3" ht="19.2">
      <c r="A6742" s="2"/>
      <c r="B6742" s="2"/>
      <c r="C6742" s="2"/>
    </row>
    <row r="6743" spans="1:3" ht="19.2">
      <c r="A6743" s="2"/>
      <c r="B6743" s="2"/>
      <c r="C6743" s="2"/>
    </row>
    <row r="6744" spans="1:3" ht="19.2">
      <c r="A6744" s="2"/>
      <c r="B6744" s="2"/>
      <c r="C6744" s="2"/>
    </row>
    <row r="6745" spans="1:3" ht="19.2">
      <c r="A6745" s="2"/>
      <c r="B6745" s="2"/>
      <c r="C6745" s="2"/>
    </row>
    <row r="6746" spans="1:3" ht="19.2">
      <c r="A6746" s="2"/>
      <c r="B6746" s="2"/>
      <c r="C6746" s="2"/>
    </row>
    <row r="6747" spans="1:3" ht="19.2">
      <c r="A6747" s="2"/>
      <c r="B6747" s="2"/>
      <c r="C6747" s="2"/>
    </row>
    <row r="6748" spans="1:3" ht="19.2">
      <c r="A6748" s="2"/>
      <c r="B6748" s="2"/>
      <c r="C6748" s="2"/>
    </row>
    <row r="6749" spans="1:3" ht="19.2">
      <c r="A6749" s="2"/>
      <c r="B6749" s="2"/>
      <c r="C6749" s="2"/>
    </row>
    <row r="6750" spans="1:3" ht="19.2">
      <c r="A6750" s="2"/>
      <c r="B6750" s="2"/>
      <c r="C6750" s="2"/>
    </row>
    <row r="6751" spans="1:3" ht="19.2">
      <c r="A6751" s="2"/>
      <c r="B6751" s="2"/>
      <c r="C6751" s="2"/>
    </row>
    <row r="6752" spans="1:3" ht="19.2">
      <c r="A6752" s="2"/>
      <c r="B6752" s="2"/>
      <c r="C6752" s="2"/>
    </row>
    <row r="6753" spans="1:3" ht="19.2">
      <c r="A6753" s="2"/>
      <c r="B6753" s="2"/>
      <c r="C6753" s="2"/>
    </row>
    <row r="6754" spans="1:3" ht="19.2">
      <c r="A6754" s="2"/>
      <c r="B6754" s="2"/>
      <c r="C6754" s="2"/>
    </row>
    <row r="6755" spans="1:3" ht="19.2">
      <c r="A6755" s="2"/>
      <c r="B6755" s="2"/>
      <c r="C6755" s="2"/>
    </row>
    <row r="6756" spans="1:3" ht="19.2">
      <c r="A6756" s="2"/>
      <c r="B6756" s="2"/>
      <c r="C6756" s="2"/>
    </row>
    <row r="6757" spans="1:3" ht="19.2">
      <c r="A6757" s="2"/>
      <c r="B6757" s="2"/>
      <c r="C6757" s="2"/>
    </row>
    <row r="6758" spans="1:3" ht="19.2">
      <c r="A6758" s="2"/>
      <c r="B6758" s="2"/>
      <c r="C6758" s="2"/>
    </row>
    <row r="6759" spans="1:3" ht="19.2">
      <c r="A6759" s="2"/>
      <c r="B6759" s="2"/>
      <c r="C6759" s="2"/>
    </row>
    <row r="6760" spans="1:3" ht="19.2">
      <c r="A6760" s="2"/>
      <c r="B6760" s="2"/>
      <c r="C6760" s="2"/>
    </row>
    <row r="6761" spans="1:3" ht="19.2">
      <c r="A6761" s="2"/>
      <c r="B6761" s="2"/>
      <c r="C6761" s="2"/>
    </row>
    <row r="6762" spans="1:3" ht="19.2">
      <c r="A6762" s="2"/>
      <c r="B6762" s="2"/>
      <c r="C6762" s="2"/>
    </row>
    <row r="6763" spans="1:3" ht="19.2">
      <c r="A6763" s="2"/>
      <c r="B6763" s="2"/>
      <c r="C6763" s="2"/>
    </row>
    <row r="6764" spans="1:3" ht="19.2">
      <c r="A6764" s="2"/>
      <c r="B6764" s="2"/>
      <c r="C6764" s="2"/>
    </row>
    <row r="6765" spans="1:3" ht="19.2">
      <c r="A6765" s="2"/>
      <c r="B6765" s="2"/>
      <c r="C6765" s="2"/>
    </row>
    <row r="6766" spans="1:3" ht="19.2">
      <c r="A6766" s="2"/>
      <c r="B6766" s="2"/>
      <c r="C6766" s="2"/>
    </row>
    <row r="6767" spans="1:3" ht="19.2">
      <c r="A6767" s="2"/>
      <c r="B6767" s="2"/>
      <c r="C6767" s="2"/>
    </row>
    <row r="6768" spans="1:3" ht="19.2">
      <c r="A6768" s="2"/>
      <c r="B6768" s="2"/>
      <c r="C6768" s="2"/>
    </row>
    <row r="6769" spans="1:3" ht="19.2">
      <c r="A6769" s="2"/>
      <c r="B6769" s="2"/>
      <c r="C6769" s="2"/>
    </row>
    <row r="6770" spans="1:3" ht="19.2">
      <c r="A6770" s="2"/>
      <c r="B6770" s="2"/>
      <c r="C6770" s="2"/>
    </row>
    <row r="6771" spans="1:3" ht="19.2">
      <c r="A6771" s="2"/>
      <c r="B6771" s="2"/>
      <c r="C6771" s="2"/>
    </row>
    <row r="6772" spans="1:3" ht="19.2">
      <c r="A6772" s="2"/>
      <c r="B6772" s="2"/>
      <c r="C6772" s="2"/>
    </row>
    <row r="6773" spans="1:3" ht="19.2">
      <c r="A6773" s="2"/>
      <c r="B6773" s="2"/>
      <c r="C6773" s="2"/>
    </row>
    <row r="6774" spans="1:3" ht="19.2">
      <c r="A6774" s="2"/>
      <c r="B6774" s="2"/>
      <c r="C6774" s="2"/>
    </row>
    <row r="6775" spans="1:3" ht="19.2">
      <c r="A6775" s="2"/>
      <c r="B6775" s="2"/>
      <c r="C6775" s="2"/>
    </row>
    <row r="6776" spans="1:3" ht="19.2">
      <c r="A6776" s="2"/>
      <c r="B6776" s="2"/>
      <c r="C6776" s="2"/>
    </row>
    <row r="6777" spans="1:3" ht="19.2">
      <c r="A6777" s="2"/>
      <c r="B6777" s="2"/>
      <c r="C6777" s="2"/>
    </row>
    <row r="6778" spans="1:3" ht="19.2">
      <c r="A6778" s="2"/>
      <c r="B6778" s="2"/>
      <c r="C6778" s="2"/>
    </row>
    <row r="6779" spans="1:3" ht="19.2">
      <c r="A6779" s="2"/>
      <c r="B6779" s="2"/>
      <c r="C6779" s="2"/>
    </row>
    <row r="6780" spans="1:3" ht="19.2">
      <c r="A6780" s="2"/>
      <c r="B6780" s="2"/>
      <c r="C6780" s="2"/>
    </row>
    <row r="6781" spans="1:3" ht="19.2">
      <c r="A6781" s="2"/>
      <c r="B6781" s="2"/>
      <c r="C6781" s="2"/>
    </row>
    <row r="6782" spans="1:3" ht="19.2">
      <c r="A6782" s="2"/>
      <c r="B6782" s="2"/>
      <c r="C6782" s="2"/>
    </row>
    <row r="6783" spans="1:3" ht="19.2">
      <c r="A6783" s="2"/>
      <c r="B6783" s="2"/>
      <c r="C6783" s="2"/>
    </row>
    <row r="6784" spans="1:3" ht="19.2">
      <c r="A6784" s="2"/>
      <c r="B6784" s="2"/>
      <c r="C6784" s="2"/>
    </row>
    <row r="6785" spans="1:3" ht="19.2">
      <c r="A6785" s="2"/>
      <c r="B6785" s="2"/>
      <c r="C6785" s="2"/>
    </row>
    <row r="6786" spans="1:3" ht="19.2">
      <c r="A6786" s="2"/>
      <c r="B6786" s="2"/>
      <c r="C6786" s="2"/>
    </row>
    <row r="6787" spans="1:3" ht="19.2">
      <c r="A6787" s="2"/>
      <c r="B6787" s="2"/>
      <c r="C6787" s="2"/>
    </row>
    <row r="6788" spans="1:3" ht="19.2">
      <c r="A6788" s="2"/>
      <c r="B6788" s="2"/>
      <c r="C6788" s="2"/>
    </row>
    <row r="6789" spans="1:3" ht="19.2">
      <c r="A6789" s="2"/>
      <c r="B6789" s="2"/>
      <c r="C6789" s="2"/>
    </row>
    <row r="6790" spans="1:3" ht="19.2">
      <c r="A6790" s="2"/>
      <c r="B6790" s="2"/>
      <c r="C6790" s="2"/>
    </row>
    <row r="6791" spans="1:3" ht="19.2">
      <c r="A6791" s="2"/>
      <c r="B6791" s="2"/>
      <c r="C6791" s="2"/>
    </row>
    <row r="6792" spans="1:3" ht="19.2">
      <c r="A6792" s="2"/>
      <c r="B6792" s="2"/>
      <c r="C6792" s="2"/>
    </row>
    <row r="6793" spans="1:3" ht="19.2">
      <c r="A6793" s="2"/>
      <c r="B6793" s="2"/>
      <c r="C6793" s="2"/>
    </row>
    <row r="6794" spans="1:3" ht="19.2">
      <c r="A6794" s="2"/>
      <c r="B6794" s="2"/>
      <c r="C6794" s="2"/>
    </row>
    <row r="6795" spans="1:3" ht="19.2">
      <c r="A6795" s="2"/>
      <c r="B6795" s="2"/>
      <c r="C6795" s="2"/>
    </row>
    <row r="6796" spans="1:3" ht="19.2">
      <c r="A6796" s="2"/>
      <c r="B6796" s="2"/>
      <c r="C6796" s="2"/>
    </row>
    <row r="6797" spans="1:3" ht="19.2">
      <c r="A6797" s="2"/>
      <c r="B6797" s="2"/>
      <c r="C6797" s="2"/>
    </row>
    <row r="6798" spans="1:3" ht="19.2">
      <c r="A6798" s="2"/>
      <c r="B6798" s="2"/>
      <c r="C6798" s="2"/>
    </row>
    <row r="6799" spans="1:3" ht="19.2">
      <c r="A6799" s="2"/>
      <c r="B6799" s="2"/>
      <c r="C6799" s="2"/>
    </row>
    <row r="6800" spans="1:3" ht="19.2">
      <c r="A6800" s="2"/>
      <c r="B6800" s="2"/>
      <c r="C6800" s="2"/>
    </row>
    <row r="6801" spans="1:3" ht="19.2">
      <c r="A6801" s="2"/>
      <c r="B6801" s="2"/>
      <c r="C6801" s="2"/>
    </row>
    <row r="6802" spans="1:3" ht="19.2">
      <c r="A6802" s="2"/>
      <c r="B6802" s="2"/>
      <c r="C6802" s="2"/>
    </row>
    <row r="6803" spans="1:3" ht="19.2">
      <c r="A6803" s="2"/>
      <c r="B6803" s="2"/>
      <c r="C6803" s="2"/>
    </row>
    <row r="6804" spans="1:3" ht="19.2">
      <c r="A6804" s="2"/>
      <c r="B6804" s="2"/>
      <c r="C6804" s="2"/>
    </row>
    <row r="6805" spans="1:3" ht="19.2">
      <c r="A6805" s="2"/>
      <c r="B6805" s="2"/>
      <c r="C6805" s="2"/>
    </row>
    <row r="6806" spans="1:3" ht="19.2">
      <c r="A6806" s="2"/>
      <c r="B6806" s="2"/>
      <c r="C6806" s="2"/>
    </row>
    <row r="6807" spans="1:3" ht="19.2">
      <c r="A6807" s="2"/>
      <c r="B6807" s="2"/>
      <c r="C6807" s="2"/>
    </row>
    <row r="6808" spans="1:3" ht="19.2">
      <c r="A6808" s="2"/>
      <c r="B6808" s="2"/>
      <c r="C6808" s="2"/>
    </row>
    <row r="6809" spans="1:3" ht="19.2">
      <c r="A6809" s="2"/>
      <c r="B6809" s="2"/>
      <c r="C6809" s="2"/>
    </row>
    <row r="6810" spans="1:3" ht="19.2">
      <c r="A6810" s="2"/>
      <c r="B6810" s="2"/>
      <c r="C6810" s="2"/>
    </row>
    <row r="6811" spans="1:3" ht="19.2">
      <c r="A6811" s="2"/>
      <c r="B6811" s="2"/>
      <c r="C6811" s="2"/>
    </row>
    <row r="6812" spans="1:3" ht="19.2">
      <c r="A6812" s="2"/>
      <c r="B6812" s="2"/>
      <c r="C6812" s="2"/>
    </row>
    <row r="6813" spans="1:3" ht="19.2">
      <c r="A6813" s="2"/>
      <c r="B6813" s="2"/>
      <c r="C6813" s="2"/>
    </row>
    <row r="6814" spans="1:3" ht="19.2">
      <c r="A6814" s="2"/>
      <c r="B6814" s="2"/>
      <c r="C6814" s="2"/>
    </row>
    <row r="6815" spans="1:3" ht="19.2">
      <c r="A6815" s="2"/>
      <c r="B6815" s="2"/>
      <c r="C6815" s="2"/>
    </row>
    <row r="6816" spans="1:3" ht="19.2">
      <c r="A6816" s="2"/>
      <c r="B6816" s="2"/>
      <c r="C6816" s="2"/>
    </row>
    <row r="6817" spans="1:3" ht="19.2">
      <c r="A6817" s="2"/>
      <c r="B6817" s="2"/>
      <c r="C6817" s="2"/>
    </row>
    <row r="6818" spans="1:3" ht="19.2">
      <c r="A6818" s="2"/>
      <c r="B6818" s="2"/>
      <c r="C6818" s="2"/>
    </row>
    <row r="6819" spans="1:3" ht="19.2">
      <c r="A6819" s="2"/>
      <c r="B6819" s="2"/>
      <c r="C6819" s="2"/>
    </row>
    <row r="6820" spans="1:3" ht="19.2">
      <c r="A6820" s="2"/>
      <c r="B6820" s="2"/>
      <c r="C6820" s="2"/>
    </row>
    <row r="6821" spans="1:3" ht="19.2">
      <c r="A6821" s="2"/>
      <c r="B6821" s="2"/>
      <c r="C6821" s="2"/>
    </row>
    <row r="6822" spans="1:3" ht="19.2">
      <c r="A6822" s="2"/>
      <c r="B6822" s="2"/>
      <c r="C6822" s="2"/>
    </row>
    <row r="6823" spans="1:3" ht="19.2">
      <c r="A6823" s="2"/>
      <c r="B6823" s="2"/>
      <c r="C6823" s="2"/>
    </row>
    <row r="6824" spans="1:3" ht="19.2">
      <c r="A6824" s="2"/>
      <c r="B6824" s="2"/>
      <c r="C6824" s="2"/>
    </row>
    <row r="6825" spans="1:3" ht="19.2">
      <c r="A6825" s="2"/>
      <c r="B6825" s="2"/>
      <c r="C6825" s="2"/>
    </row>
    <row r="6826" spans="1:3" ht="19.2">
      <c r="A6826" s="2"/>
      <c r="B6826" s="2"/>
      <c r="C6826" s="2"/>
    </row>
    <row r="6827" spans="1:3" ht="19.2">
      <c r="A6827" s="2"/>
      <c r="B6827" s="2"/>
      <c r="C6827" s="2"/>
    </row>
    <row r="6828" spans="1:3" ht="19.2">
      <c r="A6828" s="2"/>
      <c r="B6828" s="2"/>
      <c r="C6828" s="2"/>
    </row>
    <row r="6829" spans="1:3" ht="19.2">
      <c r="A6829" s="2"/>
      <c r="B6829" s="2"/>
      <c r="C6829" s="2"/>
    </row>
    <row r="6830" spans="1:3" ht="19.2">
      <c r="A6830" s="2"/>
      <c r="B6830" s="2"/>
      <c r="C6830" s="2"/>
    </row>
    <row r="6831" spans="1:3" ht="19.2">
      <c r="A6831" s="2"/>
      <c r="B6831" s="2"/>
      <c r="C6831" s="2"/>
    </row>
    <row r="6832" spans="1:3" ht="19.2">
      <c r="A6832" s="2"/>
      <c r="B6832" s="2"/>
      <c r="C6832" s="2"/>
    </row>
    <row r="6833" spans="1:3" ht="19.2">
      <c r="A6833" s="2"/>
      <c r="B6833" s="2"/>
      <c r="C6833" s="2"/>
    </row>
    <row r="6834" spans="1:3" ht="19.2">
      <c r="A6834" s="2"/>
      <c r="B6834" s="2"/>
      <c r="C6834" s="2"/>
    </row>
    <row r="6835" spans="1:3" ht="19.2">
      <c r="A6835" s="2"/>
      <c r="B6835" s="2"/>
      <c r="C6835" s="2"/>
    </row>
    <row r="6836" spans="1:3" ht="19.2">
      <c r="A6836" s="2"/>
      <c r="B6836" s="2"/>
      <c r="C6836" s="2"/>
    </row>
    <row r="6837" spans="1:3" ht="19.2">
      <c r="A6837" s="2"/>
      <c r="B6837" s="2"/>
      <c r="C6837" s="2"/>
    </row>
    <row r="6838" spans="1:3" ht="19.2">
      <c r="A6838" s="2"/>
      <c r="B6838" s="2"/>
      <c r="C6838" s="2"/>
    </row>
    <row r="6839" spans="1:3" ht="19.2">
      <c r="A6839" s="2"/>
      <c r="B6839" s="2"/>
      <c r="C6839" s="2"/>
    </row>
    <row r="6840" spans="1:3" ht="19.2">
      <c r="A6840" s="2"/>
      <c r="B6840" s="2"/>
      <c r="C6840" s="2"/>
    </row>
    <row r="6841" spans="1:3" ht="19.2">
      <c r="A6841" s="2"/>
      <c r="B6841" s="2"/>
      <c r="C6841" s="2"/>
    </row>
    <row r="6842" spans="1:3" ht="19.2">
      <c r="A6842" s="2"/>
      <c r="B6842" s="2"/>
      <c r="C6842" s="2"/>
    </row>
    <row r="6843" spans="1:3" ht="19.2">
      <c r="A6843" s="2"/>
      <c r="B6843" s="2"/>
      <c r="C6843" s="2"/>
    </row>
    <row r="6844" spans="1:3" ht="19.2">
      <c r="A6844" s="2"/>
      <c r="B6844" s="2"/>
      <c r="C6844" s="2"/>
    </row>
    <row r="6845" spans="1:3" ht="19.2">
      <c r="A6845" s="2"/>
      <c r="B6845" s="2"/>
      <c r="C6845" s="2"/>
    </row>
    <row r="6846" spans="1:3" ht="19.2">
      <c r="A6846" s="2"/>
      <c r="B6846" s="2"/>
      <c r="C6846" s="2"/>
    </row>
    <row r="6847" spans="1:3" ht="19.2">
      <c r="A6847" s="2"/>
      <c r="B6847" s="2"/>
      <c r="C6847" s="2"/>
    </row>
    <row r="6848" spans="1:3" ht="19.2">
      <c r="A6848" s="2"/>
      <c r="B6848" s="2"/>
      <c r="C6848" s="2"/>
    </row>
    <row r="6849" spans="1:3" ht="19.2">
      <c r="A6849" s="2"/>
      <c r="B6849" s="2"/>
      <c r="C6849" s="2"/>
    </row>
    <row r="6850" spans="1:3" ht="19.2">
      <c r="A6850" s="2"/>
      <c r="B6850" s="2"/>
      <c r="C6850" s="2"/>
    </row>
    <row r="6851" spans="1:3" ht="19.2">
      <c r="A6851" s="2"/>
      <c r="B6851" s="2"/>
      <c r="C6851" s="2"/>
    </row>
    <row r="6852" spans="1:3" ht="19.2">
      <c r="A6852" s="2"/>
      <c r="B6852" s="2"/>
      <c r="C6852" s="2"/>
    </row>
    <row r="6853" spans="1:3" ht="19.2">
      <c r="A6853" s="2"/>
      <c r="B6853" s="2"/>
      <c r="C6853" s="2"/>
    </row>
    <row r="6854" spans="1:3" ht="19.2">
      <c r="A6854" s="2"/>
      <c r="B6854" s="2"/>
      <c r="C6854" s="2"/>
    </row>
    <row r="6855" spans="1:3" ht="19.2">
      <c r="A6855" s="2"/>
      <c r="B6855" s="2"/>
      <c r="C6855" s="2"/>
    </row>
    <row r="6856" spans="1:3" ht="19.2">
      <c r="A6856" s="2"/>
      <c r="B6856" s="2"/>
      <c r="C6856" s="2"/>
    </row>
    <row r="6857" spans="1:3" ht="19.2">
      <c r="A6857" s="2"/>
      <c r="B6857" s="2"/>
      <c r="C6857" s="2"/>
    </row>
    <row r="6858" spans="1:3" ht="19.2">
      <c r="A6858" s="2"/>
      <c r="B6858" s="2"/>
      <c r="C6858" s="2"/>
    </row>
    <row r="6859" spans="1:3" ht="19.2">
      <c r="A6859" s="2"/>
      <c r="B6859" s="2"/>
      <c r="C6859" s="2"/>
    </row>
    <row r="6860" spans="1:3" ht="19.2">
      <c r="A6860" s="2"/>
      <c r="B6860" s="2"/>
      <c r="C6860" s="2"/>
    </row>
    <row r="6861" spans="1:3" ht="19.2">
      <c r="A6861" s="2"/>
      <c r="B6861" s="2"/>
      <c r="C6861" s="2"/>
    </row>
    <row r="6862" spans="1:3" ht="19.2">
      <c r="A6862" s="2"/>
      <c r="B6862" s="2"/>
      <c r="C6862" s="2"/>
    </row>
    <row r="6863" spans="1:3" ht="19.2">
      <c r="A6863" s="2"/>
      <c r="B6863" s="2"/>
      <c r="C6863" s="2"/>
    </row>
    <row r="6864" spans="1:3" ht="19.2">
      <c r="A6864" s="2"/>
      <c r="B6864" s="2"/>
      <c r="C6864" s="2"/>
    </row>
    <row r="6865" spans="1:3" ht="19.2">
      <c r="A6865" s="2"/>
      <c r="B6865" s="2"/>
      <c r="C6865" s="2"/>
    </row>
    <row r="6866" spans="1:3" ht="19.2">
      <c r="A6866" s="2"/>
      <c r="B6866" s="2"/>
      <c r="C6866" s="2"/>
    </row>
    <row r="6867" spans="1:3" ht="19.2">
      <c r="A6867" s="2"/>
      <c r="B6867" s="2"/>
      <c r="C6867" s="2"/>
    </row>
    <row r="6868" spans="1:3" ht="19.2">
      <c r="A6868" s="2"/>
      <c r="B6868" s="2"/>
      <c r="C6868" s="2"/>
    </row>
    <row r="6869" spans="1:3" ht="19.2">
      <c r="A6869" s="2"/>
      <c r="B6869" s="2"/>
      <c r="C6869" s="2"/>
    </row>
    <row r="6870" spans="1:3" ht="19.2">
      <c r="A6870" s="2"/>
      <c r="B6870" s="2"/>
      <c r="C6870" s="2"/>
    </row>
    <row r="6871" spans="1:3" ht="19.2">
      <c r="A6871" s="2"/>
      <c r="B6871" s="2"/>
      <c r="C6871" s="2"/>
    </row>
    <row r="6872" spans="1:3" ht="19.2">
      <c r="A6872" s="2"/>
      <c r="B6872" s="2"/>
      <c r="C6872" s="2"/>
    </row>
    <row r="6873" spans="1:3" ht="19.2">
      <c r="A6873" s="2"/>
      <c r="B6873" s="2"/>
      <c r="C6873" s="2"/>
    </row>
    <row r="6874" spans="1:3" ht="19.2">
      <c r="A6874" s="2"/>
      <c r="B6874" s="2"/>
      <c r="C6874" s="2"/>
    </row>
    <row r="6875" spans="1:3" ht="19.2">
      <c r="A6875" s="2"/>
      <c r="B6875" s="2"/>
      <c r="C6875" s="2"/>
    </row>
    <row r="6876" spans="1:3" ht="19.2">
      <c r="A6876" s="2"/>
      <c r="B6876" s="2"/>
      <c r="C6876" s="2"/>
    </row>
    <row r="6877" spans="1:3" ht="19.2">
      <c r="A6877" s="2"/>
      <c r="B6877" s="2"/>
      <c r="C6877" s="2"/>
    </row>
    <row r="6878" spans="1:3" ht="19.2">
      <c r="A6878" s="2"/>
      <c r="B6878" s="2"/>
      <c r="C6878" s="2"/>
    </row>
    <row r="6879" spans="1:3" ht="19.2">
      <c r="A6879" s="2"/>
      <c r="B6879" s="2"/>
      <c r="C6879" s="2"/>
    </row>
    <row r="6880" spans="1:3" ht="19.2">
      <c r="A6880" s="2"/>
      <c r="B6880" s="2"/>
      <c r="C6880" s="2"/>
    </row>
    <row r="6881" spans="1:3" ht="19.2">
      <c r="A6881" s="2"/>
      <c r="B6881" s="2"/>
      <c r="C6881" s="2"/>
    </row>
    <row r="6882" spans="1:3" ht="19.2">
      <c r="A6882" s="2"/>
      <c r="B6882" s="2"/>
      <c r="C6882" s="2"/>
    </row>
    <row r="6883" spans="1:3" ht="19.2">
      <c r="A6883" s="2"/>
      <c r="B6883" s="2"/>
      <c r="C6883" s="2"/>
    </row>
    <row r="6884" spans="1:3" ht="19.2">
      <c r="A6884" s="2"/>
      <c r="B6884" s="2"/>
      <c r="C6884" s="2"/>
    </row>
    <row r="6885" spans="1:3" ht="19.2">
      <c r="A6885" s="2"/>
      <c r="B6885" s="2"/>
      <c r="C6885" s="2"/>
    </row>
    <row r="6886" spans="1:3" ht="19.2">
      <c r="A6886" s="2"/>
      <c r="B6886" s="2"/>
      <c r="C6886" s="2"/>
    </row>
    <row r="6887" spans="1:3" ht="19.2">
      <c r="A6887" s="2"/>
      <c r="B6887" s="2"/>
      <c r="C6887" s="2"/>
    </row>
    <row r="6888" spans="1:3" ht="19.2">
      <c r="A6888" s="2"/>
      <c r="B6888" s="2"/>
      <c r="C6888" s="2"/>
    </row>
    <row r="6889" spans="1:3" ht="19.2">
      <c r="A6889" s="2"/>
      <c r="B6889" s="2"/>
      <c r="C6889" s="2"/>
    </row>
    <row r="6890" spans="1:3" ht="19.2">
      <c r="A6890" s="2"/>
      <c r="B6890" s="2"/>
      <c r="C6890" s="2"/>
    </row>
    <row r="6891" spans="1:3" ht="19.2">
      <c r="A6891" s="2"/>
      <c r="B6891" s="2"/>
      <c r="C6891" s="2"/>
    </row>
    <row r="6892" spans="1:3" ht="19.2">
      <c r="A6892" s="2"/>
      <c r="B6892" s="2"/>
      <c r="C6892" s="2"/>
    </row>
    <row r="6893" spans="1:3" ht="19.2">
      <c r="A6893" s="2"/>
      <c r="B6893" s="2"/>
      <c r="C6893" s="2"/>
    </row>
    <row r="6894" spans="1:3" ht="19.2">
      <c r="A6894" s="2"/>
      <c r="B6894" s="2"/>
      <c r="C6894" s="2"/>
    </row>
    <row r="6895" spans="1:3" ht="19.2">
      <c r="A6895" s="2"/>
      <c r="B6895" s="2"/>
      <c r="C6895" s="2"/>
    </row>
    <row r="6896" spans="1:3" ht="19.2">
      <c r="A6896" s="2"/>
      <c r="B6896" s="2"/>
      <c r="C6896" s="2"/>
    </row>
    <row r="6897" spans="1:3" ht="19.2">
      <c r="A6897" s="2"/>
      <c r="B6897" s="2"/>
      <c r="C6897" s="2"/>
    </row>
    <row r="6898" spans="1:3" ht="19.2">
      <c r="A6898" s="2"/>
      <c r="B6898" s="2"/>
      <c r="C6898" s="2"/>
    </row>
    <row r="6899" spans="1:3" ht="19.2">
      <c r="A6899" s="2"/>
      <c r="B6899" s="2"/>
      <c r="C6899" s="2"/>
    </row>
    <row r="6900" spans="1:3" ht="19.2">
      <c r="A6900" s="2"/>
      <c r="B6900" s="2"/>
      <c r="C6900" s="2"/>
    </row>
    <row r="6901" spans="1:3" ht="19.2">
      <c r="A6901" s="2"/>
      <c r="B6901" s="2"/>
      <c r="C6901" s="2"/>
    </row>
    <row r="6902" spans="1:3" ht="19.2">
      <c r="A6902" s="2"/>
      <c r="B6902" s="2"/>
      <c r="C6902" s="2"/>
    </row>
    <row r="6903" spans="1:3" ht="19.2">
      <c r="A6903" s="2"/>
      <c r="B6903" s="2"/>
      <c r="C6903" s="2"/>
    </row>
    <row r="6904" spans="1:3" ht="19.2">
      <c r="A6904" s="2"/>
      <c r="B6904" s="2"/>
      <c r="C6904" s="2"/>
    </row>
    <row r="6905" spans="1:3" ht="19.2">
      <c r="A6905" s="2"/>
      <c r="B6905" s="2"/>
      <c r="C6905" s="2"/>
    </row>
    <row r="6906" spans="1:3" ht="19.2">
      <c r="A6906" s="2"/>
      <c r="B6906" s="2"/>
      <c r="C6906" s="2"/>
    </row>
    <row r="6907" spans="1:3" ht="19.2">
      <c r="A6907" s="2"/>
      <c r="B6907" s="2"/>
      <c r="C6907" s="2"/>
    </row>
    <row r="6908" spans="1:3" ht="19.2">
      <c r="A6908" s="2"/>
      <c r="B6908" s="2"/>
      <c r="C6908" s="2"/>
    </row>
    <row r="6909" spans="1:3" ht="19.2">
      <c r="A6909" s="2"/>
      <c r="B6909" s="2"/>
      <c r="C6909" s="2"/>
    </row>
    <row r="6910" spans="1:3" ht="19.2">
      <c r="A6910" s="2"/>
      <c r="B6910" s="2"/>
      <c r="C6910" s="2"/>
    </row>
    <row r="6911" spans="1:3" ht="19.2">
      <c r="A6911" s="2"/>
      <c r="B6911" s="2"/>
      <c r="C6911" s="2"/>
    </row>
    <row r="6912" spans="1:3" ht="19.2">
      <c r="A6912" s="2"/>
      <c r="B6912" s="2"/>
      <c r="C6912" s="2"/>
    </row>
    <row r="6913" spans="1:3" ht="19.2">
      <c r="A6913" s="2"/>
      <c r="B6913" s="2"/>
      <c r="C6913" s="2"/>
    </row>
    <row r="6914" spans="1:3" ht="19.2">
      <c r="A6914" s="2"/>
      <c r="B6914" s="2"/>
      <c r="C6914" s="2"/>
    </row>
    <row r="6915" spans="1:3" ht="19.2">
      <c r="A6915" s="2"/>
      <c r="B6915" s="2"/>
      <c r="C6915" s="2"/>
    </row>
    <row r="6916" spans="1:3" ht="19.2">
      <c r="A6916" s="2"/>
      <c r="B6916" s="2"/>
      <c r="C6916" s="2"/>
    </row>
    <row r="6917" spans="1:3" ht="19.2">
      <c r="A6917" s="2"/>
      <c r="B6917" s="2"/>
      <c r="C6917" s="2"/>
    </row>
    <row r="6918" spans="1:3" ht="19.2">
      <c r="A6918" s="2"/>
      <c r="B6918" s="2"/>
      <c r="C6918" s="2"/>
    </row>
    <row r="6919" spans="1:3" ht="19.2">
      <c r="A6919" s="2"/>
      <c r="B6919" s="2"/>
      <c r="C6919" s="2"/>
    </row>
    <row r="6920" spans="1:3" ht="19.2">
      <c r="A6920" s="2"/>
      <c r="B6920" s="2"/>
      <c r="C6920" s="2"/>
    </row>
    <row r="6921" spans="1:3" ht="19.2">
      <c r="A6921" s="2"/>
      <c r="B6921" s="2"/>
      <c r="C6921" s="2"/>
    </row>
    <row r="6922" spans="1:3" ht="19.2">
      <c r="A6922" s="2"/>
      <c r="B6922" s="2"/>
      <c r="C6922" s="2"/>
    </row>
    <row r="6923" spans="1:3" ht="19.2">
      <c r="A6923" s="2"/>
      <c r="B6923" s="2"/>
      <c r="C6923" s="2"/>
    </row>
    <row r="6924" spans="1:3" ht="19.2">
      <c r="A6924" s="2"/>
      <c r="B6924" s="2"/>
      <c r="C6924" s="2"/>
    </row>
    <row r="6925" spans="1:3" ht="19.2">
      <c r="A6925" s="2"/>
      <c r="B6925" s="2"/>
      <c r="C6925" s="2"/>
    </row>
    <row r="6926" spans="1:3" ht="19.2">
      <c r="A6926" s="2"/>
      <c r="B6926" s="2"/>
      <c r="C6926" s="2"/>
    </row>
    <row r="6927" spans="1:3" ht="19.2">
      <c r="A6927" s="2"/>
      <c r="B6927" s="2"/>
      <c r="C6927" s="2"/>
    </row>
    <row r="6928" spans="1:3" ht="19.2">
      <c r="A6928" s="2"/>
      <c r="B6928" s="2"/>
      <c r="C6928" s="2"/>
    </row>
    <row r="6929" spans="1:3" ht="19.2">
      <c r="A6929" s="2"/>
      <c r="B6929" s="2"/>
      <c r="C6929" s="2"/>
    </row>
    <row r="6930" spans="1:3" ht="19.2">
      <c r="A6930" s="2"/>
      <c r="B6930" s="2"/>
      <c r="C6930" s="2"/>
    </row>
    <row r="6931" spans="1:3" ht="19.2">
      <c r="A6931" s="2"/>
      <c r="B6931" s="2"/>
      <c r="C6931" s="2"/>
    </row>
    <row r="6932" spans="1:3" ht="19.2">
      <c r="A6932" s="2"/>
      <c r="B6932" s="2"/>
      <c r="C6932" s="2"/>
    </row>
    <row r="6933" spans="1:3" ht="19.2">
      <c r="A6933" s="2"/>
      <c r="B6933" s="2"/>
      <c r="C6933" s="2"/>
    </row>
    <row r="6934" spans="1:3" ht="19.2">
      <c r="A6934" s="2"/>
      <c r="B6934" s="2"/>
      <c r="C6934" s="2"/>
    </row>
    <row r="6935" spans="1:3" ht="19.2">
      <c r="A6935" s="2"/>
      <c r="B6935" s="2"/>
      <c r="C6935" s="2"/>
    </row>
    <row r="6936" spans="1:3" ht="19.2">
      <c r="A6936" s="2"/>
      <c r="B6936" s="2"/>
      <c r="C6936" s="2"/>
    </row>
    <row r="6937" spans="1:3" ht="19.2">
      <c r="A6937" s="2"/>
      <c r="B6937" s="2"/>
      <c r="C6937" s="2"/>
    </row>
    <row r="6938" spans="1:3" ht="19.2">
      <c r="A6938" s="2"/>
      <c r="B6938" s="2"/>
      <c r="C6938" s="2"/>
    </row>
    <row r="6939" spans="1:3" ht="19.2">
      <c r="A6939" s="2"/>
      <c r="B6939" s="2"/>
      <c r="C6939" s="2"/>
    </row>
    <row r="6940" spans="1:3" ht="19.2">
      <c r="A6940" s="2"/>
      <c r="B6940" s="2"/>
      <c r="C6940" s="2"/>
    </row>
    <row r="6941" spans="1:3" ht="19.2">
      <c r="A6941" s="2"/>
      <c r="B6941" s="2"/>
      <c r="C6941" s="2"/>
    </row>
    <row r="6942" spans="1:3" ht="19.2">
      <c r="A6942" s="2"/>
      <c r="B6942" s="2"/>
      <c r="C6942" s="2"/>
    </row>
    <row r="6943" spans="1:3" ht="19.2">
      <c r="A6943" s="2"/>
      <c r="B6943" s="2"/>
      <c r="C6943" s="2"/>
    </row>
    <row r="6944" spans="1:3" ht="19.2">
      <c r="A6944" s="2"/>
      <c r="B6944" s="2"/>
      <c r="C6944" s="2"/>
    </row>
    <row r="6945" spans="1:3" ht="19.2">
      <c r="A6945" s="2"/>
      <c r="B6945" s="2"/>
      <c r="C6945" s="2"/>
    </row>
    <row r="6946" spans="1:3" ht="19.2">
      <c r="A6946" s="2"/>
      <c r="B6946" s="2"/>
      <c r="C6946" s="2"/>
    </row>
    <row r="6947" spans="1:3" ht="19.2">
      <c r="A6947" s="2"/>
      <c r="B6947" s="2"/>
      <c r="C6947" s="2"/>
    </row>
    <row r="6948" spans="1:3" ht="19.2">
      <c r="A6948" s="2"/>
      <c r="B6948" s="2"/>
      <c r="C6948" s="2"/>
    </row>
    <row r="6949" spans="1:3" ht="19.2">
      <c r="A6949" s="2"/>
      <c r="B6949" s="2"/>
      <c r="C6949" s="2"/>
    </row>
    <row r="6950" spans="1:3" ht="19.2">
      <c r="A6950" s="2"/>
      <c r="B6950" s="2"/>
      <c r="C6950" s="2"/>
    </row>
    <row r="6951" spans="1:3" ht="19.2">
      <c r="A6951" s="2"/>
      <c r="B6951" s="2"/>
      <c r="C6951" s="2"/>
    </row>
    <row r="6952" spans="1:3" ht="19.2">
      <c r="A6952" s="2"/>
      <c r="B6952" s="2"/>
      <c r="C6952" s="2"/>
    </row>
    <row r="6953" spans="1:3" ht="19.2">
      <c r="A6953" s="2"/>
      <c r="B6953" s="2"/>
      <c r="C6953" s="2"/>
    </row>
    <row r="6954" spans="1:3" ht="19.2">
      <c r="A6954" s="2"/>
      <c r="B6954" s="2"/>
      <c r="C6954" s="2"/>
    </row>
    <row r="6955" spans="1:3" ht="19.2">
      <c r="A6955" s="2"/>
      <c r="B6955" s="2"/>
      <c r="C6955" s="2"/>
    </row>
    <row r="6956" spans="1:3" ht="19.2">
      <c r="A6956" s="2"/>
      <c r="B6956" s="2"/>
      <c r="C6956" s="2"/>
    </row>
    <row r="6957" spans="1:3" ht="19.2">
      <c r="A6957" s="2"/>
      <c r="B6957" s="2"/>
      <c r="C6957" s="2"/>
    </row>
    <row r="6958" spans="1:3" ht="19.2">
      <c r="A6958" s="2"/>
      <c r="B6958" s="2"/>
      <c r="C6958" s="2"/>
    </row>
    <row r="6959" spans="1:3" ht="19.2">
      <c r="A6959" s="2"/>
      <c r="B6959" s="2"/>
      <c r="C6959" s="2"/>
    </row>
    <row r="6960" spans="1:3" ht="19.2">
      <c r="A6960" s="2"/>
      <c r="B6960" s="2"/>
      <c r="C6960" s="2"/>
    </row>
    <row r="6961" spans="1:3" ht="19.2">
      <c r="A6961" s="2"/>
      <c r="B6961" s="2"/>
      <c r="C6961" s="2"/>
    </row>
    <row r="6962" spans="1:3" ht="19.2">
      <c r="A6962" s="2"/>
      <c r="B6962" s="2"/>
      <c r="C6962" s="2"/>
    </row>
    <row r="6963" spans="1:3" ht="19.2">
      <c r="A6963" s="2"/>
      <c r="B6963" s="2"/>
      <c r="C6963" s="2"/>
    </row>
    <row r="6964" spans="1:3" ht="19.2">
      <c r="A6964" s="2"/>
      <c r="B6964" s="2"/>
      <c r="C6964" s="2"/>
    </row>
    <row r="6965" spans="1:3" ht="19.2">
      <c r="A6965" s="2"/>
      <c r="B6965" s="2"/>
      <c r="C6965" s="2"/>
    </row>
    <row r="6966" spans="1:3" ht="19.2">
      <c r="A6966" s="2"/>
      <c r="B6966" s="2"/>
      <c r="C6966" s="2"/>
    </row>
    <row r="6967" spans="1:3" ht="19.2">
      <c r="A6967" s="2"/>
      <c r="B6967" s="2"/>
      <c r="C6967" s="2"/>
    </row>
    <row r="6968" spans="1:3" ht="19.2">
      <c r="A6968" s="2"/>
      <c r="B6968" s="2"/>
      <c r="C6968" s="2"/>
    </row>
    <row r="6969" spans="1:3" ht="19.2">
      <c r="A6969" s="2"/>
      <c r="B6969" s="2"/>
      <c r="C6969" s="2"/>
    </row>
    <row r="6970" spans="1:3" ht="19.2">
      <c r="A6970" s="2"/>
      <c r="B6970" s="2"/>
      <c r="C6970" s="2"/>
    </row>
    <row r="6971" spans="1:3" ht="19.2">
      <c r="A6971" s="2"/>
      <c r="B6971" s="2"/>
      <c r="C6971" s="2"/>
    </row>
    <row r="6972" spans="1:3" ht="19.2">
      <c r="A6972" s="2"/>
      <c r="B6972" s="2"/>
      <c r="C6972" s="2"/>
    </row>
    <row r="6973" spans="1:3" ht="19.2">
      <c r="A6973" s="2"/>
      <c r="B6973" s="2"/>
      <c r="C6973" s="2"/>
    </row>
    <row r="6974" spans="1:3" ht="19.2">
      <c r="A6974" s="2"/>
      <c r="B6974" s="2"/>
      <c r="C6974" s="2"/>
    </row>
    <row r="6975" spans="1:3" ht="19.2">
      <c r="A6975" s="2"/>
      <c r="B6975" s="2"/>
      <c r="C6975" s="2"/>
    </row>
    <row r="6976" spans="1:3" ht="19.2">
      <c r="A6976" s="2"/>
      <c r="B6976" s="2"/>
      <c r="C6976" s="2"/>
    </row>
    <row r="6977" spans="1:3" ht="19.2">
      <c r="A6977" s="2"/>
      <c r="B6977" s="2"/>
      <c r="C6977" s="2"/>
    </row>
    <row r="6978" spans="1:3" ht="19.2">
      <c r="A6978" s="2"/>
      <c r="B6978" s="2"/>
      <c r="C6978" s="2"/>
    </row>
    <row r="6979" spans="1:3" ht="19.2">
      <c r="A6979" s="2"/>
      <c r="B6979" s="2"/>
      <c r="C6979" s="2"/>
    </row>
    <row r="6980" spans="1:3" ht="19.2">
      <c r="A6980" s="2"/>
      <c r="B6980" s="2"/>
      <c r="C6980" s="2"/>
    </row>
    <row r="6981" spans="1:3" ht="19.2">
      <c r="A6981" s="2"/>
      <c r="B6981" s="2"/>
      <c r="C6981" s="2"/>
    </row>
    <row r="6982" spans="1:3" ht="19.2">
      <c r="A6982" s="2"/>
      <c r="B6982" s="2"/>
      <c r="C6982" s="2"/>
    </row>
    <row r="6983" spans="1:3" ht="19.2">
      <c r="A6983" s="2"/>
      <c r="B6983" s="2"/>
      <c r="C6983" s="2"/>
    </row>
    <row r="6984" spans="1:3" ht="19.2">
      <c r="A6984" s="2"/>
      <c r="B6984" s="2"/>
      <c r="C6984" s="2"/>
    </row>
    <row r="6985" spans="1:3" ht="19.2">
      <c r="A6985" s="2"/>
      <c r="B6985" s="2"/>
      <c r="C6985" s="2"/>
    </row>
    <row r="6986" spans="1:3" ht="19.2">
      <c r="A6986" s="2"/>
      <c r="B6986" s="2"/>
      <c r="C6986" s="2"/>
    </row>
    <row r="6987" spans="1:3" ht="19.2">
      <c r="A6987" s="2"/>
      <c r="B6987" s="2"/>
      <c r="C6987" s="2"/>
    </row>
    <row r="6988" spans="1:3" ht="19.2">
      <c r="A6988" s="2"/>
      <c r="B6988" s="2"/>
      <c r="C6988" s="2"/>
    </row>
    <row r="6989" spans="1:3" ht="19.2">
      <c r="A6989" s="2"/>
      <c r="B6989" s="2"/>
      <c r="C6989" s="2"/>
    </row>
    <row r="6990" spans="1:3" ht="19.2">
      <c r="A6990" s="2"/>
      <c r="B6990" s="2"/>
      <c r="C6990" s="2"/>
    </row>
    <row r="6991" spans="1:3" ht="19.2">
      <c r="A6991" s="2"/>
      <c r="B6991" s="2"/>
      <c r="C6991" s="2"/>
    </row>
    <row r="6992" spans="1:3" ht="19.2">
      <c r="A6992" s="2"/>
      <c r="B6992" s="2"/>
      <c r="C6992" s="2"/>
    </row>
    <row r="6993" spans="1:3" ht="19.2">
      <c r="A6993" s="2"/>
      <c r="B6993" s="2"/>
      <c r="C6993" s="2"/>
    </row>
    <row r="6994" spans="1:3" ht="19.2">
      <c r="A6994" s="2"/>
      <c r="B6994" s="2"/>
      <c r="C6994" s="2"/>
    </row>
    <row r="6995" spans="1:3" ht="19.2">
      <c r="A6995" s="2"/>
      <c r="B6995" s="2"/>
      <c r="C6995" s="2"/>
    </row>
    <row r="6996" spans="1:3" ht="19.2">
      <c r="A6996" s="2"/>
      <c r="B6996" s="2"/>
      <c r="C6996" s="2"/>
    </row>
    <row r="6997" spans="1:3" ht="19.2">
      <c r="A6997" s="2"/>
      <c r="B6997" s="2"/>
      <c r="C6997" s="2"/>
    </row>
    <row r="6998" spans="1:3" ht="19.2">
      <c r="A6998" s="2"/>
      <c r="B6998" s="2"/>
      <c r="C6998" s="2"/>
    </row>
    <row r="6999" spans="1:3" ht="19.2">
      <c r="A6999" s="2"/>
      <c r="B6999" s="2"/>
      <c r="C6999" s="2"/>
    </row>
    <row r="7000" spans="1:3" ht="19.2">
      <c r="A7000" s="2"/>
      <c r="B7000" s="2"/>
      <c r="C7000" s="2"/>
    </row>
    <row r="7001" spans="1:3" ht="19.2">
      <c r="A7001" s="2"/>
      <c r="B7001" s="2"/>
      <c r="C7001" s="2"/>
    </row>
    <row r="7002" spans="1:3" ht="19.2">
      <c r="A7002" s="2"/>
      <c r="B7002" s="2"/>
      <c r="C7002" s="2"/>
    </row>
    <row r="7003" spans="1:3" ht="19.2">
      <c r="A7003" s="2"/>
      <c r="B7003" s="2"/>
      <c r="C7003" s="2"/>
    </row>
    <row r="7004" spans="1:3" ht="19.2">
      <c r="A7004" s="2"/>
      <c r="B7004" s="2"/>
      <c r="C7004" s="2"/>
    </row>
    <row r="7005" spans="1:3" ht="19.2">
      <c r="A7005" s="2"/>
      <c r="B7005" s="2"/>
      <c r="C7005" s="2"/>
    </row>
    <row r="7006" spans="1:3" ht="19.2">
      <c r="A7006" s="2"/>
      <c r="B7006" s="2"/>
      <c r="C7006" s="2"/>
    </row>
    <row r="7007" spans="1:3" ht="19.2">
      <c r="A7007" s="2"/>
      <c r="B7007" s="2"/>
      <c r="C7007" s="2"/>
    </row>
    <row r="7008" spans="1:3" ht="19.2">
      <c r="A7008" s="2"/>
      <c r="B7008" s="2"/>
      <c r="C7008" s="2"/>
    </row>
    <row r="7009" spans="1:3" ht="19.2">
      <c r="A7009" s="2"/>
      <c r="B7009" s="2"/>
      <c r="C7009" s="2"/>
    </row>
    <row r="7010" spans="1:3" ht="19.2">
      <c r="A7010" s="2"/>
      <c r="B7010" s="2"/>
      <c r="C7010" s="2"/>
    </row>
    <row r="7011" spans="1:3" ht="19.2">
      <c r="A7011" s="2"/>
      <c r="B7011" s="2"/>
      <c r="C7011" s="2"/>
    </row>
    <row r="7012" spans="1:3" ht="19.2">
      <c r="A7012" s="2"/>
      <c r="B7012" s="2"/>
      <c r="C7012" s="2"/>
    </row>
    <row r="7013" spans="1:3" ht="19.2">
      <c r="A7013" s="2"/>
      <c r="B7013" s="2"/>
      <c r="C7013" s="2"/>
    </row>
    <row r="7014" spans="1:3" ht="19.2">
      <c r="A7014" s="2"/>
      <c r="B7014" s="2"/>
      <c r="C7014" s="2"/>
    </row>
    <row r="7015" spans="1:3" ht="19.2">
      <c r="A7015" s="2"/>
      <c r="B7015" s="2"/>
      <c r="C7015" s="2"/>
    </row>
    <row r="7016" spans="1:3" ht="19.2">
      <c r="A7016" s="2"/>
      <c r="B7016" s="2"/>
      <c r="C7016" s="2"/>
    </row>
    <row r="7017" spans="1:3" ht="19.2">
      <c r="A7017" s="2"/>
      <c r="B7017" s="2"/>
      <c r="C7017" s="2"/>
    </row>
    <row r="7018" spans="1:3" ht="19.2">
      <c r="A7018" s="2"/>
      <c r="B7018" s="2"/>
      <c r="C7018" s="2"/>
    </row>
    <row r="7019" spans="1:3" ht="19.2">
      <c r="A7019" s="2"/>
      <c r="B7019" s="2"/>
      <c r="C7019" s="2"/>
    </row>
    <row r="7020" spans="1:3" ht="19.2">
      <c r="A7020" s="2"/>
      <c r="B7020" s="2"/>
      <c r="C7020" s="2"/>
    </row>
    <row r="7021" spans="1:3" ht="19.2">
      <c r="A7021" s="2"/>
      <c r="B7021" s="2"/>
      <c r="C7021" s="2"/>
    </row>
    <row r="7022" spans="1:3" ht="19.2">
      <c r="A7022" s="2"/>
      <c r="B7022" s="2"/>
      <c r="C7022" s="2"/>
    </row>
    <row r="7023" spans="1:3" ht="19.2">
      <c r="A7023" s="2"/>
      <c r="B7023" s="2"/>
      <c r="C7023" s="2"/>
    </row>
    <row r="7024" spans="1:3" ht="19.2">
      <c r="A7024" s="2"/>
      <c r="B7024" s="2"/>
      <c r="C7024" s="2"/>
    </row>
    <row r="7025" spans="1:3" ht="19.2">
      <c r="A7025" s="2"/>
      <c r="B7025" s="2"/>
      <c r="C7025" s="2"/>
    </row>
    <row r="7026" spans="1:3" ht="19.2">
      <c r="A7026" s="2"/>
      <c r="B7026" s="2"/>
      <c r="C7026" s="2"/>
    </row>
    <row r="7027" spans="1:3" ht="19.2">
      <c r="A7027" s="2"/>
      <c r="B7027" s="2"/>
      <c r="C7027" s="2"/>
    </row>
    <row r="7028" spans="1:3" ht="19.2">
      <c r="A7028" s="2"/>
      <c r="B7028" s="2"/>
      <c r="C7028" s="2"/>
    </row>
    <row r="7029" spans="1:3" ht="19.2">
      <c r="A7029" s="2"/>
      <c r="B7029" s="2"/>
      <c r="C7029" s="2"/>
    </row>
    <row r="7030" spans="1:3" ht="19.2">
      <c r="A7030" s="2"/>
      <c r="B7030" s="2"/>
      <c r="C7030" s="2"/>
    </row>
    <row r="7031" spans="1:3" ht="19.2">
      <c r="A7031" s="2"/>
      <c r="B7031" s="2"/>
      <c r="C7031" s="2"/>
    </row>
    <row r="7032" spans="1:3" ht="19.2">
      <c r="A7032" s="2"/>
      <c r="B7032" s="2"/>
      <c r="C7032" s="2"/>
    </row>
    <row r="7033" spans="1:3" ht="19.2">
      <c r="A7033" s="2"/>
      <c r="B7033" s="2"/>
      <c r="C7033" s="2"/>
    </row>
    <row r="7034" spans="1:3" ht="19.2">
      <c r="A7034" s="2"/>
      <c r="B7034" s="2"/>
      <c r="C7034" s="2"/>
    </row>
    <row r="7035" spans="1:3" ht="19.2">
      <c r="A7035" s="2"/>
      <c r="B7035" s="2"/>
      <c r="C7035" s="2"/>
    </row>
    <row r="7036" spans="1:3" ht="19.2">
      <c r="A7036" s="2"/>
      <c r="B7036" s="2"/>
      <c r="C7036" s="2"/>
    </row>
    <row r="7037" spans="1:3" ht="19.2">
      <c r="A7037" s="2"/>
      <c r="B7037" s="2"/>
      <c r="C7037" s="2"/>
    </row>
    <row r="7038" spans="1:3" ht="19.2">
      <c r="A7038" s="2"/>
      <c r="B7038" s="2"/>
      <c r="C7038" s="2"/>
    </row>
    <row r="7039" spans="1:3" ht="19.2">
      <c r="A7039" s="2"/>
      <c r="B7039" s="2"/>
      <c r="C7039" s="2"/>
    </row>
    <row r="7040" spans="1:3" ht="19.2">
      <c r="A7040" s="2"/>
      <c r="B7040" s="2"/>
      <c r="C7040" s="2"/>
    </row>
    <row r="7041" spans="1:3" ht="19.2">
      <c r="A7041" s="2"/>
      <c r="B7041" s="2"/>
      <c r="C7041" s="2"/>
    </row>
    <row r="7042" spans="1:3" ht="19.2">
      <c r="A7042" s="2"/>
      <c r="B7042" s="2"/>
      <c r="C7042" s="2"/>
    </row>
    <row r="7043" spans="1:3" ht="19.2">
      <c r="A7043" s="2"/>
      <c r="B7043" s="2"/>
      <c r="C7043" s="2"/>
    </row>
    <row r="7044" spans="1:3" ht="19.2">
      <c r="A7044" s="2"/>
      <c r="B7044" s="2"/>
      <c r="C7044" s="2"/>
    </row>
    <row r="7045" spans="1:3" ht="19.2">
      <c r="A7045" s="2"/>
      <c r="B7045" s="2"/>
      <c r="C7045" s="2"/>
    </row>
    <row r="7046" spans="1:3" ht="19.2">
      <c r="A7046" s="2"/>
      <c r="B7046" s="2"/>
      <c r="C7046" s="2"/>
    </row>
    <row r="7047" spans="1:3" ht="19.2">
      <c r="A7047" s="2"/>
      <c r="B7047" s="2"/>
      <c r="C7047" s="2"/>
    </row>
    <row r="7048" spans="1:3" ht="19.2">
      <c r="A7048" s="2"/>
      <c r="B7048" s="2"/>
      <c r="C7048" s="2"/>
    </row>
    <row r="7049" spans="1:3" ht="19.2">
      <c r="A7049" s="2"/>
      <c r="B7049" s="2"/>
      <c r="C7049" s="2"/>
    </row>
    <row r="7050" spans="1:3" ht="19.2">
      <c r="A7050" s="2"/>
      <c r="B7050" s="2"/>
      <c r="C7050" s="2"/>
    </row>
    <row r="7051" spans="1:3" ht="19.2">
      <c r="A7051" s="2"/>
      <c r="B7051" s="2"/>
      <c r="C7051" s="2"/>
    </row>
    <row r="7052" spans="1:3" ht="19.2">
      <c r="A7052" s="2"/>
      <c r="B7052" s="2"/>
      <c r="C7052" s="2"/>
    </row>
    <row r="7053" spans="1:3" ht="19.2">
      <c r="A7053" s="2"/>
      <c r="B7053" s="2"/>
      <c r="C7053" s="2"/>
    </row>
    <row r="7054" spans="1:3" ht="19.2">
      <c r="A7054" s="2"/>
      <c r="B7054" s="2"/>
      <c r="C7054" s="2"/>
    </row>
    <row r="7055" spans="1:3" ht="19.2">
      <c r="A7055" s="2"/>
      <c r="B7055" s="2"/>
      <c r="C7055" s="2"/>
    </row>
    <row r="7056" spans="1:3" ht="19.2">
      <c r="A7056" s="2"/>
      <c r="B7056" s="2"/>
      <c r="C7056" s="2"/>
    </row>
    <row r="7057" spans="1:3" ht="19.2">
      <c r="A7057" s="2"/>
      <c r="B7057" s="2"/>
      <c r="C7057" s="2"/>
    </row>
    <row r="7058" spans="1:3" ht="19.2">
      <c r="A7058" s="2"/>
      <c r="B7058" s="2"/>
      <c r="C7058" s="2"/>
    </row>
    <row r="7059" spans="1:3" ht="19.2">
      <c r="A7059" s="2"/>
      <c r="B7059" s="2"/>
      <c r="C7059" s="2"/>
    </row>
    <row r="7060" spans="1:3" ht="19.2">
      <c r="A7060" s="2"/>
      <c r="B7060" s="2"/>
      <c r="C7060" s="2"/>
    </row>
    <row r="7061" spans="1:3" ht="19.2">
      <c r="A7061" s="2"/>
      <c r="B7061" s="2"/>
      <c r="C7061" s="2"/>
    </row>
    <row r="7062" spans="1:3" ht="19.2">
      <c r="A7062" s="2"/>
      <c r="B7062" s="2"/>
      <c r="C7062" s="2"/>
    </row>
    <row r="7063" spans="1:3" ht="19.2">
      <c r="A7063" s="2"/>
      <c r="B7063" s="2"/>
      <c r="C7063" s="2"/>
    </row>
    <row r="7064" spans="1:3" ht="19.2">
      <c r="A7064" s="2"/>
      <c r="B7064" s="2"/>
      <c r="C7064" s="2"/>
    </row>
    <row r="7065" spans="1:3" ht="19.2">
      <c r="A7065" s="2"/>
      <c r="B7065" s="2"/>
      <c r="C7065" s="2"/>
    </row>
    <row r="7066" spans="1:3" ht="19.2">
      <c r="A7066" s="2"/>
      <c r="B7066" s="2"/>
      <c r="C7066" s="2"/>
    </row>
    <row r="7067" spans="1:3" ht="19.2">
      <c r="A7067" s="2"/>
      <c r="B7067" s="2"/>
      <c r="C7067" s="2"/>
    </row>
    <row r="7068" spans="1:3" ht="19.2">
      <c r="A7068" s="2"/>
      <c r="B7068" s="2"/>
      <c r="C7068" s="2"/>
    </row>
    <row r="7069" spans="1:3" ht="19.2">
      <c r="A7069" s="2"/>
      <c r="B7069" s="2"/>
      <c r="C7069" s="2"/>
    </row>
    <row r="7070" spans="1:3" ht="19.2">
      <c r="A7070" s="2"/>
      <c r="B7070" s="2"/>
      <c r="C7070" s="2"/>
    </row>
    <row r="7071" spans="1:3" ht="19.2">
      <c r="A7071" s="2"/>
      <c r="B7071" s="2"/>
      <c r="C7071" s="2"/>
    </row>
    <row r="7072" spans="1:3" ht="19.2">
      <c r="A7072" s="2"/>
      <c r="B7072" s="2"/>
      <c r="C7072" s="2"/>
    </row>
    <row r="7073" spans="1:3" ht="19.2">
      <c r="A7073" s="2"/>
      <c r="B7073" s="2"/>
      <c r="C7073" s="2"/>
    </row>
    <row r="7074" spans="1:3" ht="19.2">
      <c r="A7074" s="2"/>
      <c r="B7074" s="2"/>
      <c r="C7074" s="2"/>
    </row>
    <row r="7075" spans="1:3" ht="19.2">
      <c r="A7075" s="2"/>
      <c r="B7075" s="2"/>
      <c r="C7075" s="2"/>
    </row>
    <row r="7076" spans="1:3" ht="19.2">
      <c r="A7076" s="2"/>
      <c r="B7076" s="2"/>
      <c r="C7076" s="2"/>
    </row>
    <row r="7077" spans="1:3" ht="19.2">
      <c r="A7077" s="2"/>
      <c r="B7077" s="2"/>
      <c r="C7077" s="2"/>
    </row>
    <row r="7078" spans="1:3" ht="19.2">
      <c r="A7078" s="2"/>
      <c r="B7078" s="2"/>
      <c r="C7078" s="2"/>
    </row>
    <row r="7079" spans="1:3" ht="19.2">
      <c r="A7079" s="2"/>
      <c r="B7079" s="2"/>
      <c r="C7079" s="2"/>
    </row>
    <row r="7080" spans="1:3" ht="19.2">
      <c r="A7080" s="2"/>
      <c r="B7080" s="2"/>
      <c r="C7080" s="2"/>
    </row>
    <row r="7081" spans="1:3" ht="19.2">
      <c r="A7081" s="2"/>
      <c r="B7081" s="2"/>
      <c r="C7081" s="2"/>
    </row>
    <row r="7082" spans="1:3" ht="19.2">
      <c r="A7082" s="2"/>
      <c r="B7082" s="2"/>
      <c r="C7082" s="2"/>
    </row>
    <row r="7083" spans="1:3" ht="19.2">
      <c r="A7083" s="2"/>
      <c r="B7083" s="2"/>
      <c r="C7083" s="2"/>
    </row>
    <row r="7084" spans="1:3" ht="19.2">
      <c r="A7084" s="2"/>
      <c r="B7084" s="2"/>
      <c r="C7084" s="2"/>
    </row>
    <row r="7085" spans="1:3" ht="19.2">
      <c r="A7085" s="2"/>
      <c r="B7085" s="2"/>
      <c r="C7085" s="2"/>
    </row>
    <row r="7086" spans="1:3" ht="19.2">
      <c r="A7086" s="2"/>
      <c r="B7086" s="2"/>
      <c r="C7086" s="2"/>
    </row>
    <row r="7087" spans="1:3" ht="19.2">
      <c r="A7087" s="2"/>
      <c r="B7087" s="2"/>
      <c r="C7087" s="2"/>
    </row>
    <row r="7088" spans="1:3" ht="19.2">
      <c r="A7088" s="2"/>
      <c r="B7088" s="2"/>
      <c r="C7088" s="2"/>
    </row>
    <row r="7089" spans="1:3" ht="19.2">
      <c r="A7089" s="2"/>
      <c r="B7089" s="2"/>
      <c r="C7089" s="2"/>
    </row>
    <row r="7090" spans="1:3" ht="19.2">
      <c r="A7090" s="2"/>
      <c r="B7090" s="2"/>
      <c r="C7090" s="2"/>
    </row>
    <row r="7091" spans="1:3" ht="19.2">
      <c r="A7091" s="2"/>
      <c r="B7091" s="2"/>
      <c r="C7091" s="2"/>
    </row>
    <row r="7092" spans="1:3" ht="19.2">
      <c r="A7092" s="2"/>
      <c r="B7092" s="2"/>
      <c r="C7092" s="2"/>
    </row>
    <row r="7093" spans="1:3" ht="19.2">
      <c r="A7093" s="2"/>
      <c r="B7093" s="2"/>
      <c r="C7093" s="2"/>
    </row>
    <row r="7094" spans="1:3" ht="19.2">
      <c r="A7094" s="2"/>
      <c r="B7094" s="2"/>
      <c r="C7094" s="2"/>
    </row>
    <row r="7095" spans="1:3" ht="19.2">
      <c r="A7095" s="2"/>
      <c r="B7095" s="2"/>
      <c r="C7095" s="2"/>
    </row>
    <row r="7096" spans="1:3" ht="19.2">
      <c r="A7096" s="2"/>
      <c r="B7096" s="2"/>
      <c r="C7096" s="2"/>
    </row>
    <row r="7097" spans="1:3" ht="19.2">
      <c r="A7097" s="2"/>
      <c r="B7097" s="2"/>
      <c r="C7097" s="2"/>
    </row>
    <row r="7098" spans="1:3" ht="19.2">
      <c r="A7098" s="2"/>
      <c r="B7098" s="2"/>
      <c r="C7098" s="2"/>
    </row>
    <row r="7099" spans="1:3" ht="19.2">
      <c r="A7099" s="2"/>
      <c r="B7099" s="2"/>
      <c r="C7099" s="2"/>
    </row>
    <row r="7100" spans="1:3" ht="19.2">
      <c r="A7100" s="2"/>
      <c r="B7100" s="2"/>
      <c r="C7100" s="2"/>
    </row>
    <row r="7101" spans="1:3" ht="19.2">
      <c r="A7101" s="2"/>
      <c r="B7101" s="2"/>
      <c r="C7101" s="2"/>
    </row>
    <row r="7102" spans="1:3" ht="19.2">
      <c r="A7102" s="2"/>
      <c r="B7102" s="2"/>
      <c r="C7102" s="2"/>
    </row>
    <row r="7103" spans="1:3" ht="19.2">
      <c r="A7103" s="2"/>
      <c r="B7103" s="2"/>
      <c r="C7103" s="2"/>
    </row>
    <row r="7104" spans="1:3" ht="19.2">
      <c r="A7104" s="2"/>
      <c r="B7104" s="2"/>
      <c r="C7104" s="2"/>
    </row>
    <row r="7105" spans="1:3" ht="19.2">
      <c r="A7105" s="2"/>
      <c r="B7105" s="2"/>
      <c r="C7105" s="2"/>
    </row>
    <row r="7106" spans="1:3" ht="19.2">
      <c r="A7106" s="2"/>
      <c r="B7106" s="2"/>
      <c r="C7106" s="2"/>
    </row>
    <row r="7107" spans="1:3" ht="19.2">
      <c r="A7107" s="2"/>
      <c r="B7107" s="2"/>
      <c r="C7107" s="2"/>
    </row>
    <row r="7108" spans="1:3" ht="19.2">
      <c r="A7108" s="2"/>
      <c r="B7108" s="2"/>
      <c r="C7108" s="2"/>
    </row>
    <row r="7109" spans="1:3" ht="19.2">
      <c r="A7109" s="2"/>
      <c r="B7109" s="2"/>
      <c r="C7109" s="2"/>
    </row>
    <row r="7110" spans="1:3" ht="19.2">
      <c r="A7110" s="2"/>
      <c r="B7110" s="2"/>
      <c r="C7110" s="2"/>
    </row>
    <row r="7111" spans="1:3" ht="19.2">
      <c r="A7111" s="2"/>
      <c r="B7111" s="2"/>
      <c r="C7111" s="2"/>
    </row>
    <row r="7112" spans="1:3" ht="19.2">
      <c r="A7112" s="2"/>
      <c r="B7112" s="2"/>
      <c r="C7112" s="2"/>
    </row>
    <row r="7113" spans="1:3" ht="19.2">
      <c r="A7113" s="2"/>
      <c r="B7113" s="2"/>
      <c r="C7113" s="2"/>
    </row>
    <row r="7114" spans="1:3" ht="19.2">
      <c r="A7114" s="2"/>
      <c r="B7114" s="2"/>
      <c r="C7114" s="2"/>
    </row>
    <row r="7115" spans="1:3" ht="19.2">
      <c r="A7115" s="2"/>
      <c r="B7115" s="2"/>
      <c r="C7115" s="2"/>
    </row>
    <row r="7116" spans="1:3" ht="19.2">
      <c r="A7116" s="2"/>
      <c r="B7116" s="2"/>
      <c r="C7116" s="2"/>
    </row>
    <row r="7117" spans="1:3" ht="19.2">
      <c r="A7117" s="2"/>
      <c r="B7117" s="2"/>
      <c r="C7117" s="2"/>
    </row>
    <row r="7118" spans="1:3" ht="19.2">
      <c r="A7118" s="2"/>
      <c r="B7118" s="2"/>
      <c r="C7118" s="2"/>
    </row>
    <row r="7119" spans="1:3" ht="19.2">
      <c r="A7119" s="2"/>
      <c r="B7119" s="2"/>
      <c r="C7119" s="2"/>
    </row>
    <row r="7120" spans="1:3" ht="19.2">
      <c r="A7120" s="2"/>
      <c r="B7120" s="2"/>
      <c r="C7120" s="2"/>
    </row>
    <row r="7121" spans="1:3" ht="19.2">
      <c r="A7121" s="2"/>
      <c r="B7121" s="2"/>
      <c r="C7121" s="2"/>
    </row>
    <row r="7122" spans="1:3" ht="19.2">
      <c r="A7122" s="2"/>
      <c r="B7122" s="2"/>
      <c r="C7122" s="2"/>
    </row>
    <row r="7123" spans="1:3" ht="19.2">
      <c r="A7123" s="2"/>
      <c r="B7123" s="2"/>
      <c r="C7123" s="2"/>
    </row>
    <row r="7124" spans="1:3" ht="19.2">
      <c r="A7124" s="2"/>
      <c r="B7124" s="2"/>
      <c r="C7124" s="2"/>
    </row>
    <row r="7125" spans="1:3" ht="19.2">
      <c r="A7125" s="2"/>
      <c r="B7125" s="2"/>
      <c r="C7125" s="2"/>
    </row>
    <row r="7126" spans="1:3" ht="19.2">
      <c r="A7126" s="2"/>
      <c r="B7126" s="2"/>
      <c r="C7126" s="2"/>
    </row>
    <row r="7127" spans="1:3" ht="19.2">
      <c r="A7127" s="2"/>
      <c r="B7127" s="2"/>
      <c r="C7127" s="2"/>
    </row>
    <row r="7128" spans="1:3" ht="19.2">
      <c r="A7128" s="2"/>
      <c r="B7128" s="2"/>
      <c r="C7128" s="2"/>
    </row>
    <row r="7129" spans="1:3" ht="19.2">
      <c r="A7129" s="2"/>
      <c r="B7129" s="2"/>
      <c r="C7129" s="2"/>
    </row>
    <row r="7130" spans="1:3" ht="19.2">
      <c r="A7130" s="2"/>
      <c r="B7130" s="2"/>
      <c r="C7130" s="2"/>
    </row>
    <row r="7131" spans="1:3" ht="19.2">
      <c r="A7131" s="2"/>
      <c r="B7131" s="2"/>
      <c r="C7131" s="2"/>
    </row>
    <row r="7132" spans="1:3" ht="19.2">
      <c r="A7132" s="2"/>
      <c r="B7132" s="2"/>
      <c r="C7132" s="2"/>
    </row>
    <row r="7133" spans="1:3" ht="19.2">
      <c r="A7133" s="2"/>
      <c r="B7133" s="2"/>
      <c r="C7133" s="2"/>
    </row>
    <row r="7134" spans="1:3" ht="19.2">
      <c r="A7134" s="2"/>
      <c r="B7134" s="2"/>
      <c r="C7134" s="2"/>
    </row>
    <row r="7135" spans="1:3" ht="19.2">
      <c r="A7135" s="2"/>
      <c r="B7135" s="2"/>
      <c r="C7135" s="2"/>
    </row>
    <row r="7136" spans="1:3" ht="19.2">
      <c r="A7136" s="2"/>
      <c r="B7136" s="2"/>
      <c r="C7136" s="2"/>
    </row>
    <row r="7137" spans="1:3" ht="19.2">
      <c r="A7137" s="2"/>
      <c r="B7137" s="2"/>
      <c r="C7137" s="2"/>
    </row>
    <row r="7138" spans="1:3" ht="19.2">
      <c r="A7138" s="2"/>
      <c r="B7138" s="2"/>
      <c r="C7138" s="2"/>
    </row>
    <row r="7139" spans="1:3" ht="19.2">
      <c r="A7139" s="2"/>
      <c r="B7139" s="2"/>
      <c r="C7139" s="2"/>
    </row>
    <row r="7140" spans="1:3" ht="19.2">
      <c r="A7140" s="2"/>
      <c r="B7140" s="2"/>
      <c r="C7140" s="2"/>
    </row>
    <row r="7141" spans="1:3" ht="19.2">
      <c r="A7141" s="2"/>
      <c r="B7141" s="2"/>
      <c r="C7141" s="2"/>
    </row>
    <row r="7142" spans="1:3" ht="19.2">
      <c r="A7142" s="2"/>
      <c r="B7142" s="2"/>
      <c r="C7142" s="2"/>
    </row>
    <row r="7143" spans="1:3" ht="19.2">
      <c r="A7143" s="2"/>
      <c r="B7143" s="2"/>
      <c r="C7143" s="2"/>
    </row>
    <row r="7144" spans="1:3" ht="19.2">
      <c r="A7144" s="2"/>
      <c r="B7144" s="2"/>
      <c r="C7144" s="2"/>
    </row>
    <row r="7145" spans="1:3" ht="19.2">
      <c r="A7145" s="2"/>
      <c r="B7145" s="2"/>
      <c r="C7145" s="2"/>
    </row>
    <row r="7146" spans="1:3" ht="19.2">
      <c r="A7146" s="2"/>
      <c r="B7146" s="2"/>
      <c r="C7146" s="2"/>
    </row>
    <row r="7147" spans="1:3" ht="19.2">
      <c r="A7147" s="2"/>
      <c r="B7147" s="2"/>
      <c r="C7147" s="2"/>
    </row>
    <row r="7148" spans="1:3" ht="19.2">
      <c r="A7148" s="2"/>
      <c r="B7148" s="2"/>
      <c r="C7148" s="2"/>
    </row>
    <row r="7149" spans="1:3" ht="19.2">
      <c r="A7149" s="2"/>
      <c r="B7149" s="2"/>
      <c r="C7149" s="2"/>
    </row>
    <row r="7150" spans="1:3" ht="19.2">
      <c r="A7150" s="2"/>
      <c r="B7150" s="2"/>
      <c r="C7150" s="2"/>
    </row>
    <row r="7151" spans="1:3" ht="19.2">
      <c r="A7151" s="2"/>
      <c r="B7151" s="2"/>
      <c r="C7151" s="2"/>
    </row>
    <row r="7152" spans="1:3" ht="19.2">
      <c r="A7152" s="2"/>
      <c r="B7152" s="2"/>
      <c r="C7152" s="2"/>
    </row>
    <row r="7153" spans="1:3" ht="19.2">
      <c r="A7153" s="2"/>
      <c r="B7153" s="2"/>
      <c r="C7153" s="2"/>
    </row>
    <row r="7154" spans="1:3" ht="19.2">
      <c r="A7154" s="2"/>
      <c r="B7154" s="2"/>
      <c r="C7154" s="2"/>
    </row>
    <row r="7155" spans="1:3" ht="19.2">
      <c r="A7155" s="2"/>
      <c r="B7155" s="2"/>
      <c r="C7155" s="2"/>
    </row>
    <row r="7156" spans="1:3" ht="19.2">
      <c r="A7156" s="2"/>
      <c r="B7156" s="2"/>
      <c r="C7156" s="2"/>
    </row>
    <row r="7157" spans="1:3" ht="19.2">
      <c r="A7157" s="2"/>
      <c r="B7157" s="2"/>
      <c r="C7157" s="2"/>
    </row>
    <row r="7158" spans="1:3" ht="19.2">
      <c r="A7158" s="2"/>
      <c r="B7158" s="2"/>
      <c r="C7158" s="2"/>
    </row>
    <row r="7159" spans="1:3" ht="19.2">
      <c r="A7159" s="2"/>
      <c r="B7159" s="2"/>
      <c r="C7159" s="2"/>
    </row>
    <row r="7160" spans="1:3" ht="19.2">
      <c r="A7160" s="2"/>
      <c r="B7160" s="2"/>
      <c r="C7160" s="2"/>
    </row>
    <row r="7161" spans="1:3" ht="19.2">
      <c r="A7161" s="2"/>
      <c r="B7161" s="2"/>
      <c r="C7161" s="2"/>
    </row>
    <row r="7162" spans="1:3" ht="19.2">
      <c r="A7162" s="2"/>
      <c r="B7162" s="2"/>
      <c r="C7162" s="2"/>
    </row>
    <row r="7163" spans="1:3" ht="19.2">
      <c r="A7163" s="2"/>
      <c r="B7163" s="2"/>
      <c r="C7163" s="2"/>
    </row>
    <row r="7164" spans="1:3" ht="19.2">
      <c r="A7164" s="2"/>
      <c r="B7164" s="2"/>
      <c r="C7164" s="2"/>
    </row>
    <row r="7165" spans="1:3" ht="19.2">
      <c r="A7165" s="2"/>
      <c r="B7165" s="2"/>
      <c r="C7165" s="2"/>
    </row>
    <row r="7166" spans="1:3" ht="19.2">
      <c r="A7166" s="2"/>
      <c r="B7166" s="2"/>
      <c r="C7166" s="2"/>
    </row>
    <row r="7167" spans="1:3" ht="19.2">
      <c r="A7167" s="2"/>
      <c r="B7167" s="2"/>
      <c r="C7167" s="2"/>
    </row>
    <row r="7168" spans="1:3" ht="19.2">
      <c r="A7168" s="2"/>
      <c r="B7168" s="2"/>
      <c r="C7168" s="2"/>
    </row>
    <row r="7169" spans="1:3" ht="19.2">
      <c r="A7169" s="2"/>
      <c r="B7169" s="2"/>
      <c r="C7169" s="2"/>
    </row>
    <row r="7170" spans="1:3" ht="19.2">
      <c r="A7170" s="2"/>
      <c r="B7170" s="2"/>
      <c r="C7170" s="2"/>
    </row>
    <row r="7171" spans="1:3" ht="19.2">
      <c r="A7171" s="2"/>
      <c r="B7171" s="2"/>
      <c r="C7171" s="2"/>
    </row>
    <row r="7172" spans="1:3" ht="19.2">
      <c r="A7172" s="2"/>
      <c r="B7172" s="2"/>
      <c r="C7172" s="2"/>
    </row>
    <row r="7173" spans="1:3" ht="19.2">
      <c r="A7173" s="2"/>
      <c r="B7173" s="2"/>
      <c r="C7173" s="2"/>
    </row>
    <row r="7174" spans="1:3" ht="19.2">
      <c r="A7174" s="2"/>
      <c r="B7174" s="2"/>
      <c r="C7174" s="2"/>
    </row>
    <row r="7175" spans="1:3" ht="19.2">
      <c r="A7175" s="2"/>
      <c r="B7175" s="2"/>
      <c r="C7175" s="2"/>
    </row>
    <row r="7176" spans="1:3" ht="19.2">
      <c r="A7176" s="2"/>
      <c r="B7176" s="2"/>
      <c r="C7176" s="2"/>
    </row>
    <row r="7177" spans="1:3" ht="19.2">
      <c r="A7177" s="2"/>
      <c r="B7177" s="2"/>
      <c r="C7177" s="2"/>
    </row>
    <row r="7178" spans="1:3" ht="19.2">
      <c r="A7178" s="2"/>
      <c r="B7178" s="2"/>
      <c r="C7178" s="2"/>
    </row>
    <row r="7179" spans="1:3" ht="19.2">
      <c r="A7179" s="2"/>
      <c r="B7179" s="2"/>
      <c r="C7179" s="2"/>
    </row>
    <row r="7180" spans="1:3" ht="19.2">
      <c r="A7180" s="2"/>
      <c r="B7180" s="2"/>
      <c r="C7180" s="2"/>
    </row>
    <row r="7181" spans="1:3" ht="19.2">
      <c r="A7181" s="2"/>
      <c r="B7181" s="2"/>
      <c r="C7181" s="2"/>
    </row>
    <row r="7182" spans="1:3" ht="19.2">
      <c r="A7182" s="2"/>
      <c r="B7182" s="2"/>
      <c r="C7182" s="2"/>
    </row>
    <row r="7183" spans="1:3" ht="19.2">
      <c r="A7183" s="2"/>
      <c r="B7183" s="2"/>
      <c r="C7183" s="2"/>
    </row>
    <row r="7184" spans="1:3" ht="19.2">
      <c r="A7184" s="2"/>
      <c r="B7184" s="2"/>
      <c r="C7184" s="2"/>
    </row>
    <row r="7185" spans="1:3" ht="19.2">
      <c r="A7185" s="2"/>
      <c r="B7185" s="2"/>
      <c r="C7185" s="2"/>
    </row>
    <row r="7186" spans="1:3" ht="19.2">
      <c r="A7186" s="2"/>
      <c r="B7186" s="2"/>
      <c r="C7186" s="2"/>
    </row>
    <row r="7187" spans="1:3" ht="19.2">
      <c r="A7187" s="2"/>
      <c r="B7187" s="2"/>
      <c r="C7187" s="2"/>
    </row>
    <row r="7188" spans="1:3" ht="19.2">
      <c r="A7188" s="2"/>
      <c r="B7188" s="2"/>
      <c r="C7188" s="2"/>
    </row>
    <row r="7189" spans="1:3" ht="19.2">
      <c r="A7189" s="2"/>
      <c r="B7189" s="2"/>
      <c r="C7189" s="2"/>
    </row>
    <row r="7190" spans="1:3" ht="19.2">
      <c r="A7190" s="2"/>
      <c r="B7190" s="2"/>
      <c r="C7190" s="2"/>
    </row>
    <row r="7191" spans="1:3" ht="19.2">
      <c r="A7191" s="2"/>
      <c r="B7191" s="2"/>
      <c r="C7191" s="2"/>
    </row>
    <row r="7192" spans="1:3" ht="19.2">
      <c r="A7192" s="2"/>
      <c r="B7192" s="2"/>
      <c r="C7192" s="2"/>
    </row>
    <row r="7193" spans="1:3" ht="19.2">
      <c r="A7193" s="2"/>
      <c r="B7193" s="2"/>
      <c r="C7193" s="2"/>
    </row>
    <row r="7194" spans="1:3" ht="19.2">
      <c r="A7194" s="2"/>
      <c r="B7194" s="2"/>
      <c r="C7194" s="2"/>
    </row>
    <row r="7195" spans="1:3" ht="19.2">
      <c r="A7195" s="2"/>
      <c r="B7195" s="2"/>
      <c r="C7195" s="2"/>
    </row>
    <row r="7196" spans="1:3" ht="19.2">
      <c r="A7196" s="2"/>
      <c r="B7196" s="2"/>
      <c r="C7196" s="2"/>
    </row>
    <row r="7197" spans="1:3" ht="19.2">
      <c r="A7197" s="2"/>
      <c r="B7197" s="2"/>
      <c r="C7197" s="2"/>
    </row>
    <row r="7198" spans="1:3" ht="19.2">
      <c r="A7198" s="2"/>
      <c r="B7198" s="2"/>
      <c r="C7198" s="2"/>
    </row>
    <row r="7199" spans="1:3" ht="19.2">
      <c r="A7199" s="2"/>
      <c r="B7199" s="2"/>
      <c r="C7199" s="2"/>
    </row>
    <row r="7200" spans="1:3" ht="19.2">
      <c r="A7200" s="2"/>
      <c r="B7200" s="2"/>
      <c r="C7200" s="2"/>
    </row>
    <row r="7201" spans="1:3" ht="19.2">
      <c r="A7201" s="2"/>
      <c r="B7201" s="2"/>
      <c r="C7201" s="2"/>
    </row>
    <row r="7202" spans="1:3" ht="19.2">
      <c r="A7202" s="2"/>
      <c r="B7202" s="2"/>
      <c r="C7202" s="2"/>
    </row>
    <row r="7203" spans="1:3" ht="19.2">
      <c r="A7203" s="2"/>
      <c r="B7203" s="2"/>
      <c r="C7203" s="2"/>
    </row>
    <row r="7204" spans="1:3" ht="19.2">
      <c r="A7204" s="2"/>
      <c r="B7204" s="2"/>
      <c r="C7204" s="2"/>
    </row>
    <row r="7205" spans="1:3" ht="19.2">
      <c r="A7205" s="2"/>
      <c r="B7205" s="2"/>
      <c r="C7205" s="2"/>
    </row>
    <row r="7206" spans="1:3" ht="19.2">
      <c r="A7206" s="2"/>
      <c r="B7206" s="2"/>
      <c r="C7206" s="2"/>
    </row>
    <row r="7207" spans="1:3" ht="19.2">
      <c r="A7207" s="2"/>
      <c r="B7207" s="2"/>
      <c r="C7207" s="2"/>
    </row>
    <row r="7208" spans="1:3" ht="19.2">
      <c r="A7208" s="2"/>
      <c r="B7208" s="2"/>
      <c r="C7208" s="2"/>
    </row>
    <row r="7209" spans="1:3" ht="19.2">
      <c r="A7209" s="2"/>
      <c r="B7209" s="2"/>
      <c r="C7209" s="2"/>
    </row>
    <row r="7210" spans="1:3" ht="19.2">
      <c r="A7210" s="2"/>
      <c r="B7210" s="2"/>
      <c r="C7210" s="2"/>
    </row>
    <row r="7211" spans="1:3" ht="19.2">
      <c r="A7211" s="2"/>
      <c r="B7211" s="2"/>
      <c r="C7211" s="2"/>
    </row>
    <row r="7212" spans="1:3" ht="19.2">
      <c r="A7212" s="2"/>
      <c r="B7212" s="2"/>
      <c r="C7212" s="2"/>
    </row>
    <row r="7213" spans="1:3" ht="19.2">
      <c r="A7213" s="2"/>
      <c r="B7213" s="2"/>
      <c r="C7213" s="2"/>
    </row>
    <row r="7214" spans="1:3" ht="19.2">
      <c r="A7214" s="2"/>
      <c r="B7214" s="2"/>
      <c r="C7214" s="2"/>
    </row>
    <row r="7215" spans="1:3" ht="19.2">
      <c r="A7215" s="2"/>
      <c r="B7215" s="2"/>
      <c r="C7215" s="2"/>
    </row>
    <row r="7216" spans="1:3" ht="19.2">
      <c r="A7216" s="2"/>
      <c r="B7216" s="2"/>
      <c r="C7216" s="2"/>
    </row>
    <row r="7217" spans="1:3" ht="19.2">
      <c r="A7217" s="2"/>
      <c r="B7217" s="2"/>
      <c r="C7217" s="2"/>
    </row>
    <row r="7218" spans="1:3" ht="19.2">
      <c r="A7218" s="2"/>
      <c r="B7218" s="2"/>
      <c r="C7218" s="2"/>
    </row>
    <row r="7219" spans="1:3" ht="19.2">
      <c r="A7219" s="2"/>
      <c r="B7219" s="2"/>
      <c r="C7219" s="2"/>
    </row>
    <row r="7220" spans="1:3" ht="19.2">
      <c r="A7220" s="2"/>
      <c r="B7220" s="2"/>
      <c r="C7220" s="2"/>
    </row>
    <row r="7221" spans="1:3" ht="19.2">
      <c r="A7221" s="2"/>
      <c r="B7221" s="2"/>
      <c r="C7221" s="2"/>
    </row>
    <row r="7222" spans="1:3" ht="19.2">
      <c r="A7222" s="2"/>
      <c r="B7222" s="2"/>
      <c r="C7222" s="2"/>
    </row>
    <row r="7223" spans="1:3" ht="19.2">
      <c r="A7223" s="2"/>
      <c r="B7223" s="2"/>
      <c r="C7223" s="2"/>
    </row>
    <row r="7224" spans="1:3" ht="19.2">
      <c r="A7224" s="2"/>
      <c r="B7224" s="2"/>
      <c r="C7224" s="2"/>
    </row>
    <row r="7225" spans="1:3" ht="19.2">
      <c r="A7225" s="2"/>
      <c r="B7225" s="2"/>
      <c r="C7225" s="2"/>
    </row>
    <row r="7226" spans="1:3" ht="19.2">
      <c r="A7226" s="2"/>
      <c r="B7226" s="2"/>
      <c r="C7226" s="2"/>
    </row>
    <row r="7227" spans="1:3" ht="19.2">
      <c r="A7227" s="2"/>
      <c r="B7227" s="2"/>
      <c r="C7227" s="2"/>
    </row>
    <row r="7228" spans="1:3" ht="19.2">
      <c r="A7228" s="2"/>
      <c r="B7228" s="2"/>
      <c r="C7228" s="2"/>
    </row>
    <row r="7229" spans="1:3" ht="19.2">
      <c r="A7229" s="2"/>
      <c r="B7229" s="2"/>
      <c r="C7229" s="2"/>
    </row>
    <row r="7230" spans="1:3" ht="19.2">
      <c r="A7230" s="2"/>
      <c r="B7230" s="2"/>
      <c r="C7230" s="2"/>
    </row>
    <row r="7231" spans="1:3" ht="19.2">
      <c r="A7231" s="2"/>
      <c r="B7231" s="2"/>
      <c r="C7231" s="2"/>
    </row>
    <row r="7232" spans="1:3" ht="19.2">
      <c r="A7232" s="2"/>
      <c r="B7232" s="2"/>
      <c r="C7232" s="2"/>
    </row>
    <row r="7233" spans="1:3" ht="19.2">
      <c r="A7233" s="2"/>
      <c r="B7233" s="2"/>
      <c r="C7233" s="2"/>
    </row>
    <row r="7234" spans="1:3" ht="19.2">
      <c r="A7234" s="2"/>
      <c r="B7234" s="2"/>
      <c r="C7234" s="2"/>
    </row>
    <row r="7235" spans="1:3" ht="19.2">
      <c r="A7235" s="2"/>
      <c r="B7235" s="2"/>
      <c r="C7235" s="2"/>
    </row>
    <row r="7236" spans="1:3" ht="19.2">
      <c r="A7236" s="2"/>
      <c r="B7236" s="2"/>
      <c r="C7236" s="2"/>
    </row>
    <row r="7237" spans="1:3" ht="19.2">
      <c r="A7237" s="2"/>
      <c r="B7237" s="2"/>
      <c r="C7237" s="2"/>
    </row>
    <row r="7238" spans="1:3" ht="19.2">
      <c r="A7238" s="2"/>
      <c r="B7238" s="2"/>
      <c r="C7238" s="2"/>
    </row>
    <row r="7239" spans="1:3" ht="19.2">
      <c r="A7239" s="2"/>
      <c r="B7239" s="2"/>
      <c r="C7239" s="2"/>
    </row>
    <row r="7240" spans="1:3" ht="19.2">
      <c r="A7240" s="2"/>
      <c r="B7240" s="2"/>
      <c r="C7240" s="2"/>
    </row>
    <row r="7241" spans="1:3" ht="19.2">
      <c r="A7241" s="2"/>
      <c r="B7241" s="2"/>
      <c r="C7241" s="2"/>
    </row>
    <row r="7242" spans="1:3" ht="19.2">
      <c r="A7242" s="2"/>
      <c r="B7242" s="2"/>
      <c r="C7242" s="2"/>
    </row>
    <row r="7243" spans="1:3" ht="19.2">
      <c r="A7243" s="2"/>
      <c r="B7243" s="2"/>
      <c r="C7243" s="2"/>
    </row>
    <row r="7244" spans="1:3" ht="19.2">
      <c r="A7244" s="2"/>
      <c r="B7244" s="2"/>
      <c r="C7244" s="2"/>
    </row>
    <row r="7245" spans="1:3" ht="19.2">
      <c r="A7245" s="2"/>
      <c r="B7245" s="2"/>
      <c r="C7245" s="2"/>
    </row>
    <row r="7246" spans="1:3" ht="19.2">
      <c r="A7246" s="2"/>
      <c r="B7246" s="2"/>
      <c r="C7246" s="2"/>
    </row>
    <row r="7247" spans="1:3" ht="19.2">
      <c r="A7247" s="2"/>
      <c r="B7247" s="2"/>
      <c r="C7247" s="2"/>
    </row>
    <row r="7248" spans="1:3" ht="19.2">
      <c r="A7248" s="2"/>
      <c r="B7248" s="2"/>
      <c r="C7248" s="2"/>
    </row>
    <row r="7249" spans="1:3" ht="19.2">
      <c r="A7249" s="2"/>
      <c r="B7249" s="2"/>
      <c r="C7249" s="2"/>
    </row>
    <row r="7250" spans="1:3" ht="19.2">
      <c r="A7250" s="2"/>
      <c r="B7250" s="2"/>
      <c r="C7250" s="2"/>
    </row>
    <row r="7251" spans="1:3" ht="19.2">
      <c r="A7251" s="2"/>
      <c r="B7251" s="2"/>
      <c r="C7251" s="2"/>
    </row>
    <row r="7252" spans="1:3" ht="19.2">
      <c r="A7252" s="2"/>
      <c r="B7252" s="2"/>
      <c r="C7252" s="2"/>
    </row>
    <row r="7253" spans="1:3" ht="19.2">
      <c r="A7253" s="2"/>
      <c r="B7253" s="2"/>
      <c r="C7253" s="2"/>
    </row>
    <row r="7254" spans="1:3" ht="19.2">
      <c r="A7254" s="2"/>
      <c r="B7254" s="2"/>
      <c r="C7254" s="2"/>
    </row>
    <row r="7255" spans="1:3" ht="19.2">
      <c r="A7255" s="2"/>
      <c r="B7255" s="2"/>
      <c r="C7255" s="2"/>
    </row>
    <row r="7256" spans="1:3" ht="19.2">
      <c r="A7256" s="2"/>
      <c r="B7256" s="2"/>
      <c r="C7256" s="2"/>
    </row>
    <row r="7257" spans="1:3" ht="19.2">
      <c r="A7257" s="2"/>
      <c r="B7257" s="2"/>
      <c r="C7257" s="2"/>
    </row>
    <row r="7258" spans="1:3" ht="19.2">
      <c r="A7258" s="2"/>
      <c r="B7258" s="2"/>
      <c r="C7258" s="2"/>
    </row>
    <row r="7259" spans="1:3" ht="19.2">
      <c r="A7259" s="2"/>
      <c r="B7259" s="2"/>
      <c r="C7259" s="2"/>
    </row>
    <row r="7260" spans="1:3" ht="19.2">
      <c r="A7260" s="2"/>
      <c r="B7260" s="2"/>
      <c r="C7260" s="2"/>
    </row>
    <row r="7261" spans="1:3" ht="19.2">
      <c r="A7261" s="2"/>
      <c r="B7261" s="2"/>
      <c r="C7261" s="2"/>
    </row>
    <row r="7262" spans="1:3" ht="19.2">
      <c r="A7262" s="2"/>
      <c r="B7262" s="2"/>
      <c r="C7262" s="2"/>
    </row>
    <row r="7263" spans="1:3" ht="19.2">
      <c r="A7263" s="2"/>
      <c r="B7263" s="2"/>
      <c r="C7263" s="2"/>
    </row>
    <row r="7264" spans="1:3" ht="19.2">
      <c r="A7264" s="2"/>
      <c r="B7264" s="2"/>
      <c r="C7264" s="2"/>
    </row>
    <row r="7265" spans="1:3" ht="19.2">
      <c r="A7265" s="2"/>
      <c r="B7265" s="2"/>
      <c r="C7265" s="2"/>
    </row>
    <row r="7266" spans="1:3" ht="19.2">
      <c r="A7266" s="2"/>
      <c r="B7266" s="2"/>
      <c r="C7266" s="2"/>
    </row>
    <row r="7267" spans="1:3" ht="19.2">
      <c r="A7267" s="2"/>
      <c r="B7267" s="2"/>
      <c r="C7267" s="2"/>
    </row>
    <row r="7268" spans="1:3" ht="19.2">
      <c r="A7268" s="2"/>
      <c r="B7268" s="2"/>
      <c r="C7268" s="2"/>
    </row>
    <row r="7269" spans="1:3" ht="19.2">
      <c r="A7269" s="2"/>
      <c r="B7269" s="2"/>
      <c r="C7269" s="2"/>
    </row>
    <row r="7270" spans="1:3" ht="19.2">
      <c r="A7270" s="2"/>
      <c r="B7270" s="2"/>
      <c r="C7270" s="2"/>
    </row>
    <row r="7271" spans="1:3" ht="19.2">
      <c r="A7271" s="2"/>
      <c r="B7271" s="2"/>
      <c r="C7271" s="2"/>
    </row>
    <row r="7272" spans="1:3" ht="19.2">
      <c r="A7272" s="2"/>
      <c r="B7272" s="2"/>
      <c r="C7272" s="2"/>
    </row>
    <row r="7273" spans="1:3" ht="19.2">
      <c r="A7273" s="2"/>
      <c r="B7273" s="2"/>
      <c r="C7273" s="2"/>
    </row>
    <row r="7274" spans="1:3" ht="19.2">
      <c r="A7274" s="2"/>
      <c r="B7274" s="2"/>
      <c r="C7274" s="2"/>
    </row>
    <row r="7275" spans="1:3" ht="19.2">
      <c r="A7275" s="2"/>
      <c r="B7275" s="2"/>
      <c r="C7275" s="2"/>
    </row>
    <row r="7276" spans="1:3" ht="19.2">
      <c r="A7276" s="2"/>
      <c r="B7276" s="2"/>
      <c r="C7276" s="2"/>
    </row>
    <row r="7277" spans="1:3" ht="19.2">
      <c r="A7277" s="2"/>
      <c r="B7277" s="2"/>
      <c r="C7277" s="2"/>
    </row>
    <row r="7278" spans="1:3" ht="19.2">
      <c r="A7278" s="2"/>
      <c r="B7278" s="2"/>
      <c r="C7278" s="2"/>
    </row>
    <row r="7279" spans="1:3" ht="19.2">
      <c r="A7279" s="2"/>
      <c r="B7279" s="2"/>
      <c r="C7279" s="2"/>
    </row>
    <row r="7280" spans="1:3" ht="19.2">
      <c r="A7280" s="2"/>
      <c r="B7280" s="2"/>
      <c r="C7280" s="2"/>
    </row>
    <row r="7281" spans="1:3" ht="19.2">
      <c r="A7281" s="2"/>
      <c r="B7281" s="2"/>
      <c r="C7281" s="2"/>
    </row>
    <row r="7282" spans="1:3" ht="19.2">
      <c r="A7282" s="2"/>
      <c r="B7282" s="2"/>
      <c r="C7282" s="2"/>
    </row>
    <row r="7283" spans="1:3" ht="19.2">
      <c r="A7283" s="2"/>
      <c r="B7283" s="2"/>
      <c r="C7283" s="2"/>
    </row>
    <row r="7284" spans="1:3" ht="19.2">
      <c r="A7284" s="2"/>
      <c r="B7284" s="2"/>
      <c r="C7284" s="2"/>
    </row>
    <row r="7285" spans="1:3" ht="19.2">
      <c r="A7285" s="2"/>
      <c r="B7285" s="2"/>
      <c r="C7285" s="2"/>
    </row>
    <row r="7286" spans="1:3" ht="19.2">
      <c r="A7286" s="2"/>
      <c r="B7286" s="2"/>
      <c r="C7286" s="2"/>
    </row>
    <row r="7287" spans="1:3" ht="19.2">
      <c r="A7287" s="2"/>
      <c r="B7287" s="2"/>
      <c r="C7287" s="2"/>
    </row>
    <row r="7288" spans="1:3" ht="19.2">
      <c r="A7288" s="2"/>
      <c r="B7288" s="2"/>
      <c r="C7288" s="2"/>
    </row>
    <row r="7289" spans="1:3" ht="19.2">
      <c r="A7289" s="2"/>
      <c r="B7289" s="2"/>
      <c r="C7289" s="2"/>
    </row>
    <row r="7290" spans="1:3" ht="19.2">
      <c r="A7290" s="2"/>
      <c r="B7290" s="2"/>
      <c r="C7290" s="2"/>
    </row>
    <row r="7291" spans="1:3" ht="19.2">
      <c r="A7291" s="2"/>
      <c r="B7291" s="2"/>
      <c r="C7291" s="2"/>
    </row>
    <row r="7292" spans="1:3" ht="19.2">
      <c r="A7292" s="2"/>
      <c r="B7292" s="2"/>
      <c r="C7292" s="2"/>
    </row>
    <row r="7293" spans="1:3" ht="19.2">
      <c r="A7293" s="2"/>
      <c r="B7293" s="2"/>
      <c r="C7293" s="2"/>
    </row>
    <row r="7294" spans="1:3" ht="19.2">
      <c r="A7294" s="2"/>
      <c r="B7294" s="2"/>
      <c r="C7294" s="2"/>
    </row>
    <row r="7295" spans="1:3" ht="19.2">
      <c r="A7295" s="2"/>
      <c r="B7295" s="2"/>
      <c r="C7295" s="2"/>
    </row>
    <row r="7296" spans="1:3" ht="19.2">
      <c r="A7296" s="2"/>
      <c r="B7296" s="2"/>
      <c r="C7296" s="2"/>
    </row>
    <row r="7297" spans="1:3" ht="19.2">
      <c r="A7297" s="2"/>
      <c r="B7297" s="2"/>
      <c r="C7297" s="2"/>
    </row>
    <row r="7298" spans="1:3" ht="19.2">
      <c r="A7298" s="2"/>
      <c r="B7298" s="2"/>
      <c r="C7298" s="2"/>
    </row>
    <row r="7299" spans="1:3" ht="19.2">
      <c r="A7299" s="2"/>
      <c r="B7299" s="2"/>
      <c r="C7299" s="2"/>
    </row>
    <row r="7300" spans="1:3" ht="19.2">
      <c r="A7300" s="2"/>
      <c r="B7300" s="2"/>
      <c r="C7300" s="2"/>
    </row>
    <row r="7301" spans="1:3" ht="19.2">
      <c r="A7301" s="2"/>
      <c r="B7301" s="2"/>
      <c r="C7301" s="2"/>
    </row>
    <row r="7302" spans="1:3" ht="19.2">
      <c r="A7302" s="2"/>
      <c r="B7302" s="2"/>
      <c r="C7302" s="2"/>
    </row>
    <row r="7303" spans="1:3" ht="19.2">
      <c r="A7303" s="2"/>
      <c r="B7303" s="2"/>
      <c r="C7303" s="2"/>
    </row>
    <row r="7304" spans="1:3" ht="19.2">
      <c r="A7304" s="2"/>
      <c r="B7304" s="2"/>
      <c r="C7304" s="2"/>
    </row>
    <row r="7305" spans="1:3" ht="19.2">
      <c r="A7305" s="2"/>
      <c r="B7305" s="2"/>
      <c r="C7305" s="2"/>
    </row>
    <row r="7306" spans="1:3" ht="19.2">
      <c r="A7306" s="2"/>
      <c r="B7306" s="2"/>
      <c r="C7306" s="2"/>
    </row>
    <row r="7307" spans="1:3" ht="19.2">
      <c r="A7307" s="2"/>
      <c r="B7307" s="2"/>
      <c r="C7307" s="2"/>
    </row>
    <row r="7308" spans="1:3" ht="19.2">
      <c r="A7308" s="2"/>
      <c r="B7308" s="2"/>
      <c r="C7308" s="2"/>
    </row>
    <row r="7309" spans="1:3" ht="19.2">
      <c r="A7309" s="2"/>
      <c r="B7309" s="2"/>
      <c r="C7309" s="2"/>
    </row>
    <row r="7310" spans="1:3" ht="19.2">
      <c r="A7310" s="2"/>
      <c r="B7310" s="2"/>
      <c r="C7310" s="2"/>
    </row>
    <row r="7311" spans="1:3" ht="19.2">
      <c r="A7311" s="2"/>
      <c r="B7311" s="2"/>
      <c r="C7311" s="2"/>
    </row>
    <row r="7312" spans="1:3" ht="19.2">
      <c r="A7312" s="2"/>
      <c r="B7312" s="2"/>
      <c r="C7312" s="2"/>
    </row>
    <row r="7313" spans="1:3" ht="19.2">
      <c r="A7313" s="2"/>
      <c r="B7313" s="2"/>
      <c r="C7313" s="2"/>
    </row>
    <row r="7314" spans="1:3" ht="19.2">
      <c r="A7314" s="2"/>
      <c r="B7314" s="2"/>
      <c r="C7314" s="2"/>
    </row>
    <row r="7315" spans="1:3" ht="19.2">
      <c r="A7315" s="2"/>
      <c r="B7315" s="2"/>
      <c r="C7315" s="2"/>
    </row>
    <row r="7316" spans="1:3" ht="19.2">
      <c r="A7316" s="2"/>
      <c r="B7316" s="2"/>
      <c r="C7316" s="2"/>
    </row>
    <row r="7317" spans="1:3" ht="19.2">
      <c r="A7317" s="2"/>
      <c r="B7317" s="2"/>
      <c r="C7317" s="2"/>
    </row>
    <row r="7318" spans="1:3" ht="19.2">
      <c r="A7318" s="2"/>
      <c r="B7318" s="2"/>
      <c r="C7318" s="2"/>
    </row>
    <row r="7319" spans="1:3" ht="19.2">
      <c r="A7319" s="2"/>
      <c r="B7319" s="2"/>
      <c r="C7319" s="2"/>
    </row>
    <row r="7320" spans="1:3" ht="19.2">
      <c r="A7320" s="2"/>
      <c r="B7320" s="2"/>
      <c r="C7320" s="2"/>
    </row>
    <row r="7321" spans="1:3" ht="19.2">
      <c r="A7321" s="2"/>
      <c r="B7321" s="2"/>
      <c r="C7321" s="2"/>
    </row>
    <row r="7322" spans="1:3" ht="19.2">
      <c r="A7322" s="2"/>
      <c r="B7322" s="2"/>
      <c r="C7322" s="2"/>
    </row>
    <row r="7323" spans="1:3" ht="19.2">
      <c r="A7323" s="2"/>
      <c r="B7323" s="2"/>
      <c r="C7323" s="2"/>
    </row>
    <row r="7324" spans="1:3" ht="19.2">
      <c r="A7324" s="2"/>
      <c r="B7324" s="2"/>
      <c r="C7324" s="2"/>
    </row>
    <row r="7325" spans="1:3" ht="19.2">
      <c r="A7325" s="2"/>
      <c r="B7325" s="2"/>
      <c r="C7325" s="2"/>
    </row>
    <row r="7326" spans="1:3" ht="19.2">
      <c r="A7326" s="2"/>
      <c r="B7326" s="2"/>
      <c r="C7326" s="2"/>
    </row>
    <row r="7327" spans="1:3" ht="19.2">
      <c r="A7327" s="2"/>
      <c r="B7327" s="2"/>
      <c r="C7327" s="2"/>
    </row>
    <row r="7328" spans="1:3" ht="19.2">
      <c r="A7328" s="2"/>
      <c r="B7328" s="2"/>
      <c r="C7328" s="2"/>
    </row>
    <row r="7329" spans="1:3" ht="19.2">
      <c r="A7329" s="2"/>
      <c r="B7329" s="2"/>
      <c r="C7329" s="2"/>
    </row>
    <row r="7330" spans="1:3" ht="19.2">
      <c r="A7330" s="2"/>
      <c r="B7330" s="2"/>
      <c r="C7330" s="2"/>
    </row>
    <row r="7331" spans="1:3" ht="19.2">
      <c r="A7331" s="2"/>
      <c r="B7331" s="2"/>
      <c r="C7331" s="2"/>
    </row>
    <row r="7332" spans="1:3" ht="19.2">
      <c r="A7332" s="2"/>
      <c r="B7332" s="2"/>
      <c r="C7332" s="2"/>
    </row>
    <row r="7333" spans="1:3" ht="19.2">
      <c r="A7333" s="2"/>
      <c r="B7333" s="2"/>
      <c r="C7333" s="2"/>
    </row>
    <row r="7334" spans="1:3" ht="19.2">
      <c r="A7334" s="2"/>
      <c r="B7334" s="2"/>
      <c r="C7334" s="2"/>
    </row>
    <row r="7335" spans="1:3" ht="19.2">
      <c r="A7335" s="2"/>
      <c r="B7335" s="2"/>
      <c r="C7335" s="2"/>
    </row>
    <row r="7336" spans="1:3" ht="19.2">
      <c r="A7336" s="2"/>
      <c r="B7336" s="2"/>
      <c r="C7336" s="2"/>
    </row>
    <row r="7337" spans="1:3" ht="19.2">
      <c r="A7337" s="2"/>
      <c r="B7337" s="2"/>
      <c r="C7337" s="2"/>
    </row>
    <row r="7338" spans="1:3" ht="19.2">
      <c r="A7338" s="2"/>
      <c r="B7338" s="2"/>
      <c r="C7338" s="2"/>
    </row>
    <row r="7339" spans="1:3" ht="19.2">
      <c r="A7339" s="2"/>
      <c r="B7339" s="2"/>
      <c r="C7339" s="2"/>
    </row>
    <row r="7340" spans="1:3" ht="19.2">
      <c r="A7340" s="2"/>
      <c r="B7340" s="2"/>
      <c r="C7340" s="2"/>
    </row>
    <row r="7341" spans="1:3" ht="19.2">
      <c r="A7341" s="2"/>
      <c r="B7341" s="2"/>
      <c r="C7341" s="2"/>
    </row>
    <row r="7342" spans="1:3" ht="19.2">
      <c r="A7342" s="2"/>
      <c r="B7342" s="2"/>
      <c r="C7342" s="2"/>
    </row>
    <row r="7343" spans="1:3" ht="19.2">
      <c r="A7343" s="2"/>
      <c r="B7343" s="2"/>
      <c r="C7343" s="2"/>
    </row>
    <row r="7344" spans="1:3" ht="19.2">
      <c r="A7344" s="2"/>
      <c r="B7344" s="2"/>
      <c r="C7344" s="2"/>
    </row>
    <row r="7345" spans="1:3" ht="19.2">
      <c r="A7345" s="2"/>
      <c r="B7345" s="2"/>
      <c r="C7345" s="2"/>
    </row>
    <row r="7346" spans="1:3" ht="19.2">
      <c r="A7346" s="2"/>
      <c r="B7346" s="2"/>
      <c r="C7346" s="2"/>
    </row>
    <row r="7347" spans="1:3" ht="19.2">
      <c r="A7347" s="2"/>
      <c r="B7347" s="2"/>
      <c r="C7347" s="2"/>
    </row>
    <row r="7348" spans="1:3" ht="19.2">
      <c r="A7348" s="2"/>
      <c r="B7348" s="2"/>
      <c r="C7348" s="2"/>
    </row>
    <row r="7349" spans="1:3" ht="19.2">
      <c r="A7349" s="2"/>
      <c r="B7349" s="2"/>
      <c r="C7349" s="2"/>
    </row>
    <row r="7350" spans="1:3" ht="19.2">
      <c r="A7350" s="2"/>
      <c r="B7350" s="2"/>
      <c r="C7350" s="2"/>
    </row>
    <row r="7351" spans="1:3" ht="19.2">
      <c r="A7351" s="2"/>
      <c r="B7351" s="2"/>
      <c r="C7351" s="2"/>
    </row>
    <row r="7352" spans="1:3" ht="19.2">
      <c r="A7352" s="2"/>
      <c r="B7352" s="2"/>
      <c r="C7352" s="2"/>
    </row>
    <row r="7353" spans="1:3" ht="19.2">
      <c r="A7353" s="2"/>
      <c r="B7353" s="2"/>
      <c r="C7353" s="2"/>
    </row>
    <row r="7354" spans="1:3" ht="19.2">
      <c r="A7354" s="2"/>
      <c r="B7354" s="2"/>
      <c r="C7354" s="2"/>
    </row>
    <row r="7355" spans="1:3" ht="19.2">
      <c r="A7355" s="2"/>
      <c r="B7355" s="2"/>
      <c r="C7355" s="2"/>
    </row>
    <row r="7356" spans="1:3" ht="19.2">
      <c r="A7356" s="2"/>
      <c r="B7356" s="2"/>
      <c r="C7356" s="2"/>
    </row>
    <row r="7357" spans="1:3" ht="19.2">
      <c r="A7357" s="2"/>
      <c r="B7357" s="2"/>
      <c r="C7357" s="2"/>
    </row>
    <row r="7358" spans="1:3" ht="19.2">
      <c r="A7358" s="2"/>
      <c r="B7358" s="2"/>
      <c r="C7358" s="2"/>
    </row>
    <row r="7359" spans="1:3" ht="19.2">
      <c r="A7359" s="2"/>
      <c r="B7359" s="2"/>
      <c r="C7359" s="2"/>
    </row>
    <row r="7360" spans="1:3" ht="19.2">
      <c r="A7360" s="2"/>
      <c r="B7360" s="2"/>
      <c r="C7360" s="2"/>
    </row>
    <row r="7361" spans="1:3" ht="19.2">
      <c r="A7361" s="2"/>
      <c r="B7361" s="2"/>
      <c r="C7361" s="2"/>
    </row>
    <row r="7362" spans="1:3" ht="19.2">
      <c r="A7362" s="2"/>
      <c r="B7362" s="2"/>
      <c r="C7362" s="2"/>
    </row>
    <row r="7363" spans="1:3" ht="19.2">
      <c r="A7363" s="2"/>
      <c r="B7363" s="2"/>
      <c r="C7363" s="2"/>
    </row>
    <row r="7364" spans="1:3" ht="19.2">
      <c r="A7364" s="2"/>
      <c r="B7364" s="2"/>
      <c r="C7364" s="2"/>
    </row>
    <row r="7365" spans="1:3" ht="19.2">
      <c r="A7365" s="2"/>
      <c r="B7365" s="2"/>
      <c r="C7365" s="2"/>
    </row>
    <row r="7366" spans="1:3" ht="19.2">
      <c r="A7366" s="2"/>
      <c r="B7366" s="2"/>
      <c r="C7366" s="2"/>
    </row>
    <row r="7367" spans="1:3" ht="19.2">
      <c r="A7367" s="2"/>
      <c r="B7367" s="2"/>
      <c r="C7367" s="2"/>
    </row>
    <row r="7368" spans="1:3" ht="19.2">
      <c r="A7368" s="2"/>
      <c r="B7368" s="2"/>
      <c r="C7368" s="2"/>
    </row>
    <row r="7369" spans="1:3" ht="19.2">
      <c r="A7369" s="2"/>
      <c r="B7369" s="2"/>
      <c r="C7369" s="2"/>
    </row>
    <row r="7370" spans="1:3" ht="19.2">
      <c r="A7370" s="2"/>
      <c r="B7370" s="2"/>
      <c r="C7370" s="2"/>
    </row>
    <row r="7371" spans="1:3" ht="19.2">
      <c r="A7371" s="2"/>
      <c r="B7371" s="2"/>
      <c r="C7371" s="2"/>
    </row>
    <row r="7372" spans="1:3" ht="19.2">
      <c r="A7372" s="2"/>
      <c r="B7372" s="2"/>
      <c r="C7372" s="2"/>
    </row>
    <row r="7373" spans="1:3" ht="19.2">
      <c r="A7373" s="2"/>
      <c r="B7373" s="2"/>
      <c r="C7373" s="2"/>
    </row>
    <row r="7374" spans="1:3" ht="19.2">
      <c r="A7374" s="2"/>
      <c r="B7374" s="2"/>
      <c r="C7374" s="2"/>
    </row>
    <row r="7375" spans="1:3" ht="19.2">
      <c r="A7375" s="2"/>
      <c r="B7375" s="2"/>
      <c r="C7375" s="2"/>
    </row>
    <row r="7376" spans="1:3" ht="19.2">
      <c r="A7376" s="2"/>
      <c r="B7376" s="2"/>
      <c r="C7376" s="2"/>
    </row>
    <row r="7377" spans="1:3" ht="19.2">
      <c r="A7377" s="2"/>
      <c r="B7377" s="2"/>
      <c r="C7377" s="2"/>
    </row>
    <row r="7378" spans="1:3" ht="19.2">
      <c r="A7378" s="2"/>
      <c r="B7378" s="2"/>
      <c r="C7378" s="2"/>
    </row>
    <row r="7379" spans="1:3" ht="19.2">
      <c r="A7379" s="2"/>
      <c r="B7379" s="2"/>
      <c r="C7379" s="2"/>
    </row>
    <row r="7380" spans="1:3" ht="19.2">
      <c r="A7380" s="2"/>
      <c r="B7380" s="2"/>
      <c r="C7380" s="2"/>
    </row>
    <row r="7381" spans="1:3" ht="19.2">
      <c r="A7381" s="2"/>
      <c r="B7381" s="2"/>
      <c r="C7381" s="2"/>
    </row>
    <row r="7382" spans="1:3" ht="19.2">
      <c r="A7382" s="2"/>
      <c r="B7382" s="2"/>
      <c r="C7382" s="2"/>
    </row>
    <row r="7383" spans="1:3" ht="19.2">
      <c r="A7383" s="2"/>
      <c r="B7383" s="2"/>
      <c r="C7383" s="2"/>
    </row>
    <row r="7384" spans="1:3" ht="19.2">
      <c r="A7384" s="2"/>
      <c r="B7384" s="2"/>
      <c r="C7384" s="2"/>
    </row>
    <row r="7385" spans="1:3" ht="19.2">
      <c r="A7385" s="2"/>
      <c r="B7385" s="2"/>
      <c r="C7385" s="2"/>
    </row>
    <row r="7386" spans="1:3" ht="19.2">
      <c r="A7386" s="2"/>
      <c r="B7386" s="2"/>
      <c r="C7386" s="2"/>
    </row>
    <row r="7387" spans="1:3" ht="19.2">
      <c r="A7387" s="2"/>
      <c r="B7387" s="2"/>
      <c r="C7387" s="2"/>
    </row>
    <row r="7388" spans="1:3" ht="19.2">
      <c r="A7388" s="2"/>
      <c r="B7388" s="2"/>
      <c r="C7388" s="2"/>
    </row>
    <row r="7389" spans="1:3" ht="19.2">
      <c r="A7389" s="2"/>
      <c r="B7389" s="2"/>
      <c r="C7389" s="2"/>
    </row>
    <row r="7390" spans="1:3" ht="19.2">
      <c r="A7390" s="2"/>
      <c r="B7390" s="2"/>
      <c r="C7390" s="2"/>
    </row>
    <row r="7391" spans="1:3" ht="19.2">
      <c r="A7391" s="2"/>
      <c r="B7391" s="2"/>
      <c r="C7391" s="2"/>
    </row>
    <row r="7392" spans="1:3" ht="19.2">
      <c r="A7392" s="2"/>
      <c r="B7392" s="2"/>
      <c r="C7392" s="2"/>
    </row>
    <row r="7393" spans="1:3" ht="19.2">
      <c r="A7393" s="2"/>
      <c r="B7393" s="2"/>
      <c r="C7393" s="2"/>
    </row>
    <row r="7394" spans="1:3" ht="19.2">
      <c r="A7394" s="2"/>
      <c r="B7394" s="2"/>
      <c r="C7394" s="2"/>
    </row>
    <row r="7395" spans="1:3" ht="19.2">
      <c r="A7395" s="2"/>
      <c r="B7395" s="2"/>
      <c r="C7395" s="2"/>
    </row>
    <row r="7396" spans="1:3" ht="19.2">
      <c r="A7396" s="2"/>
      <c r="B7396" s="2"/>
      <c r="C7396" s="2"/>
    </row>
    <row r="7397" spans="1:3" ht="19.2">
      <c r="A7397" s="2"/>
      <c r="B7397" s="2"/>
      <c r="C7397" s="2"/>
    </row>
    <row r="7398" spans="1:3" ht="19.2">
      <c r="A7398" s="2"/>
      <c r="B7398" s="2"/>
      <c r="C7398" s="2"/>
    </row>
    <row r="7399" spans="1:3" ht="19.2">
      <c r="A7399" s="2"/>
      <c r="B7399" s="2"/>
      <c r="C7399" s="2"/>
    </row>
    <row r="7400" spans="1:3" ht="19.2">
      <c r="A7400" s="2"/>
      <c r="B7400" s="2"/>
      <c r="C7400" s="2"/>
    </row>
    <row r="7401" spans="1:3" ht="19.2">
      <c r="A7401" s="2"/>
      <c r="B7401" s="2"/>
      <c r="C7401" s="2"/>
    </row>
    <row r="7402" spans="1:3" ht="19.2">
      <c r="A7402" s="2"/>
      <c r="B7402" s="2"/>
      <c r="C7402" s="2"/>
    </row>
    <row r="7403" spans="1:3" ht="19.2">
      <c r="A7403" s="2"/>
      <c r="B7403" s="2"/>
      <c r="C7403" s="2"/>
    </row>
    <row r="7404" spans="1:3" ht="19.2">
      <c r="A7404" s="2"/>
      <c r="B7404" s="2"/>
      <c r="C7404" s="2"/>
    </row>
    <row r="7405" spans="1:3" ht="19.2">
      <c r="A7405" s="2"/>
      <c r="B7405" s="2"/>
      <c r="C7405" s="2"/>
    </row>
    <row r="7406" spans="1:3" ht="19.2">
      <c r="A7406" s="2"/>
      <c r="B7406" s="2"/>
      <c r="C7406" s="2"/>
    </row>
    <row r="7407" spans="1:3" ht="19.2">
      <c r="A7407" s="2"/>
      <c r="B7407" s="2"/>
      <c r="C7407" s="2"/>
    </row>
    <row r="7408" spans="1:3" ht="19.2">
      <c r="A7408" s="2"/>
      <c r="B7408" s="2"/>
      <c r="C7408" s="2"/>
    </row>
    <row r="7409" spans="1:3" ht="19.2">
      <c r="A7409" s="2"/>
      <c r="B7409" s="2"/>
      <c r="C7409" s="2"/>
    </row>
    <row r="7410" spans="1:3" ht="19.2">
      <c r="A7410" s="2"/>
      <c r="B7410" s="2"/>
      <c r="C7410" s="2"/>
    </row>
    <row r="7411" spans="1:3" ht="19.2">
      <c r="A7411" s="2"/>
      <c r="B7411" s="2"/>
      <c r="C7411" s="2"/>
    </row>
    <row r="7412" spans="1:3" ht="19.2">
      <c r="A7412" s="2"/>
      <c r="B7412" s="2"/>
      <c r="C7412" s="2"/>
    </row>
    <row r="7413" spans="1:3" ht="19.2">
      <c r="A7413" s="2"/>
      <c r="B7413" s="2"/>
      <c r="C7413" s="2"/>
    </row>
    <row r="7414" spans="1:3" ht="19.2">
      <c r="A7414" s="2"/>
      <c r="B7414" s="2"/>
      <c r="C7414" s="2"/>
    </row>
    <row r="7415" spans="1:3" ht="19.2">
      <c r="A7415" s="2"/>
      <c r="B7415" s="2"/>
      <c r="C7415" s="2"/>
    </row>
    <row r="7416" spans="1:3" ht="19.2">
      <c r="A7416" s="2"/>
      <c r="B7416" s="2"/>
      <c r="C7416" s="2"/>
    </row>
    <row r="7417" spans="1:3" ht="19.2">
      <c r="A7417" s="2"/>
      <c r="B7417" s="2"/>
      <c r="C7417" s="2"/>
    </row>
    <row r="7418" spans="1:3" ht="19.2">
      <c r="A7418" s="2"/>
      <c r="B7418" s="2"/>
      <c r="C7418" s="2"/>
    </row>
    <row r="7419" spans="1:3" ht="19.2">
      <c r="A7419" s="2"/>
      <c r="B7419" s="2"/>
      <c r="C7419" s="2"/>
    </row>
    <row r="7420" spans="1:3" ht="19.2">
      <c r="A7420" s="2"/>
      <c r="B7420" s="2"/>
      <c r="C7420" s="2"/>
    </row>
    <row r="7421" spans="1:3" ht="19.2">
      <c r="A7421" s="2"/>
      <c r="B7421" s="2"/>
      <c r="C7421" s="2"/>
    </row>
    <row r="7422" spans="1:3" ht="19.2">
      <c r="A7422" s="2"/>
      <c r="B7422" s="2"/>
      <c r="C7422" s="2"/>
    </row>
    <row r="7423" spans="1:3" ht="19.2">
      <c r="A7423" s="2"/>
      <c r="B7423" s="2"/>
      <c r="C7423" s="2"/>
    </row>
    <row r="7424" spans="1:3" ht="19.2">
      <c r="A7424" s="2"/>
      <c r="B7424" s="2"/>
      <c r="C7424" s="2"/>
    </row>
    <row r="7425" spans="1:3" ht="19.2">
      <c r="A7425" s="2"/>
      <c r="B7425" s="2"/>
      <c r="C7425" s="2"/>
    </row>
    <row r="7426" spans="1:3" ht="19.2">
      <c r="A7426" s="2"/>
      <c r="B7426" s="2"/>
      <c r="C7426" s="2"/>
    </row>
    <row r="7427" spans="1:3" ht="19.2">
      <c r="A7427" s="2"/>
      <c r="B7427" s="2"/>
      <c r="C7427" s="2"/>
    </row>
    <row r="7428" spans="1:3" ht="19.2">
      <c r="A7428" s="2"/>
      <c r="B7428" s="2"/>
      <c r="C7428" s="2"/>
    </row>
    <row r="7429" spans="1:3" ht="19.2">
      <c r="A7429" s="2"/>
      <c r="B7429" s="2"/>
      <c r="C7429" s="2"/>
    </row>
    <row r="7430" spans="1:3" ht="19.2">
      <c r="A7430" s="2"/>
      <c r="B7430" s="2"/>
      <c r="C7430" s="2"/>
    </row>
    <row r="7431" spans="1:3" ht="19.2">
      <c r="A7431" s="2"/>
      <c r="B7431" s="2"/>
      <c r="C7431" s="2"/>
    </row>
    <row r="7432" spans="1:3" ht="19.2">
      <c r="A7432" s="2"/>
      <c r="B7432" s="2"/>
      <c r="C7432" s="2"/>
    </row>
    <row r="7433" spans="1:3" ht="19.2">
      <c r="A7433" s="2"/>
      <c r="B7433" s="2"/>
      <c r="C7433" s="2"/>
    </row>
    <row r="7434" spans="1:3" ht="19.2">
      <c r="A7434" s="2"/>
      <c r="B7434" s="2"/>
      <c r="C7434" s="2"/>
    </row>
    <row r="7435" spans="1:3" ht="19.2">
      <c r="A7435" s="2"/>
      <c r="B7435" s="2"/>
      <c r="C7435" s="2"/>
    </row>
    <row r="7436" spans="1:3" ht="19.2">
      <c r="A7436" s="2"/>
      <c r="B7436" s="2"/>
      <c r="C7436" s="2"/>
    </row>
    <row r="7437" spans="1:3" ht="19.2">
      <c r="A7437" s="2"/>
      <c r="B7437" s="2"/>
      <c r="C7437" s="2"/>
    </row>
    <row r="7438" spans="1:3" ht="19.2">
      <c r="A7438" s="2"/>
      <c r="B7438" s="2"/>
      <c r="C7438" s="2"/>
    </row>
    <row r="7439" spans="1:3" ht="19.2">
      <c r="A7439" s="2"/>
      <c r="B7439" s="2"/>
      <c r="C7439" s="2"/>
    </row>
    <row r="7440" spans="1:3" ht="19.2">
      <c r="A7440" s="2"/>
      <c r="B7440" s="2"/>
      <c r="C7440" s="2"/>
    </row>
    <row r="7441" spans="1:3" ht="19.2">
      <c r="A7441" s="2"/>
      <c r="B7441" s="2"/>
      <c r="C7441" s="2"/>
    </row>
    <row r="7442" spans="1:3" ht="19.2">
      <c r="A7442" s="2"/>
      <c r="B7442" s="2"/>
      <c r="C7442" s="2"/>
    </row>
    <row r="7443" spans="1:3" ht="19.2">
      <c r="A7443" s="2"/>
      <c r="B7443" s="2"/>
      <c r="C7443" s="2"/>
    </row>
    <row r="7444" spans="1:3" ht="19.2">
      <c r="A7444" s="2"/>
      <c r="B7444" s="2"/>
      <c r="C7444" s="2"/>
    </row>
    <row r="7445" spans="1:3" ht="19.2">
      <c r="A7445" s="2"/>
      <c r="B7445" s="2"/>
      <c r="C7445" s="2"/>
    </row>
    <row r="7446" spans="1:3" ht="19.2">
      <c r="A7446" s="2"/>
      <c r="B7446" s="2"/>
      <c r="C7446" s="2"/>
    </row>
    <row r="7447" spans="1:3" ht="19.2">
      <c r="A7447" s="2"/>
      <c r="B7447" s="2"/>
      <c r="C7447" s="2"/>
    </row>
    <row r="7448" spans="1:3" ht="19.2">
      <c r="A7448" s="2"/>
      <c r="B7448" s="2"/>
      <c r="C7448" s="2"/>
    </row>
    <row r="7449" spans="1:3" ht="19.2">
      <c r="A7449" s="2"/>
      <c r="B7449" s="2"/>
      <c r="C7449" s="2"/>
    </row>
    <row r="7450" spans="1:3" ht="19.2">
      <c r="A7450" s="2"/>
      <c r="B7450" s="2"/>
      <c r="C7450" s="2"/>
    </row>
    <row r="7451" spans="1:3" ht="19.2">
      <c r="A7451" s="2"/>
      <c r="B7451" s="2"/>
      <c r="C7451" s="2"/>
    </row>
    <row r="7452" spans="1:3" ht="19.2">
      <c r="A7452" s="2"/>
      <c r="B7452" s="2"/>
      <c r="C7452" s="2"/>
    </row>
    <row r="7453" spans="1:3" ht="19.2">
      <c r="A7453" s="2"/>
      <c r="B7453" s="2"/>
      <c r="C7453" s="2"/>
    </row>
    <row r="7454" spans="1:3" ht="19.2">
      <c r="A7454" s="2"/>
      <c r="B7454" s="2"/>
      <c r="C7454" s="2"/>
    </row>
    <row r="7455" spans="1:3" ht="19.2">
      <c r="A7455" s="2"/>
      <c r="B7455" s="2"/>
      <c r="C7455" s="2"/>
    </row>
    <row r="7456" spans="1:3" ht="19.2">
      <c r="A7456" s="2"/>
      <c r="B7456" s="2"/>
      <c r="C7456" s="2"/>
    </row>
    <row r="7457" spans="1:3" ht="19.2">
      <c r="A7457" s="2"/>
      <c r="B7457" s="2"/>
      <c r="C7457" s="2"/>
    </row>
    <row r="7458" spans="1:3" ht="19.2">
      <c r="A7458" s="2"/>
      <c r="B7458" s="2"/>
      <c r="C7458" s="2"/>
    </row>
    <row r="7459" spans="1:3" ht="19.2">
      <c r="A7459" s="2"/>
      <c r="B7459" s="2"/>
      <c r="C7459" s="2"/>
    </row>
    <row r="7460" spans="1:3" ht="19.2">
      <c r="A7460" s="2"/>
      <c r="B7460" s="2"/>
      <c r="C7460" s="2"/>
    </row>
    <row r="7461" spans="1:3" ht="19.2">
      <c r="A7461" s="2"/>
      <c r="B7461" s="2"/>
      <c r="C7461" s="2"/>
    </row>
    <row r="7462" spans="1:3" ht="19.2">
      <c r="A7462" s="2"/>
      <c r="B7462" s="2"/>
      <c r="C7462" s="2"/>
    </row>
    <row r="7463" spans="1:3" ht="19.2">
      <c r="A7463" s="2"/>
      <c r="B7463" s="2"/>
      <c r="C7463" s="2"/>
    </row>
    <row r="7464" spans="1:3" ht="19.2">
      <c r="A7464" s="2"/>
      <c r="B7464" s="2"/>
      <c r="C7464" s="2"/>
    </row>
    <row r="7465" spans="1:3" ht="19.2">
      <c r="A7465" s="2"/>
      <c r="B7465" s="2"/>
      <c r="C7465" s="2"/>
    </row>
    <row r="7466" spans="1:3" ht="19.2">
      <c r="A7466" s="2"/>
      <c r="B7466" s="2"/>
      <c r="C7466" s="2"/>
    </row>
    <row r="7467" spans="1:3" ht="19.2">
      <c r="A7467" s="2"/>
      <c r="B7467" s="2"/>
      <c r="C7467" s="2"/>
    </row>
    <row r="7468" spans="1:3" ht="19.2">
      <c r="A7468" s="2"/>
      <c r="B7468" s="2"/>
      <c r="C7468" s="2"/>
    </row>
    <row r="7469" spans="1:3" ht="19.2">
      <c r="A7469" s="2"/>
      <c r="B7469" s="2"/>
      <c r="C7469" s="2"/>
    </row>
    <row r="7470" spans="1:3" ht="19.2">
      <c r="A7470" s="2"/>
      <c r="B7470" s="2"/>
      <c r="C7470" s="2"/>
    </row>
    <row r="7471" spans="1:3" ht="19.2">
      <c r="A7471" s="2"/>
      <c r="B7471" s="2"/>
      <c r="C7471" s="2"/>
    </row>
    <row r="7472" spans="1:3" ht="19.2">
      <c r="A7472" s="2"/>
      <c r="B7472" s="2"/>
      <c r="C7472" s="2"/>
    </row>
    <row r="7473" spans="1:3" ht="19.2">
      <c r="A7473" s="2"/>
      <c r="B7473" s="2"/>
      <c r="C7473" s="2"/>
    </row>
    <row r="7474" spans="1:3" ht="19.2">
      <c r="A7474" s="2"/>
      <c r="B7474" s="2"/>
      <c r="C7474" s="2"/>
    </row>
    <row r="7475" spans="1:3" ht="19.2">
      <c r="A7475" s="2"/>
      <c r="B7475" s="2"/>
      <c r="C7475" s="2"/>
    </row>
    <row r="7476" spans="1:3" ht="19.2">
      <c r="A7476" s="2"/>
      <c r="B7476" s="2"/>
      <c r="C7476" s="2"/>
    </row>
    <row r="7477" spans="1:3" ht="19.2">
      <c r="A7477" s="2"/>
      <c r="B7477" s="2"/>
      <c r="C7477" s="2"/>
    </row>
    <row r="7478" spans="1:3" ht="19.2">
      <c r="A7478" s="2"/>
      <c r="B7478" s="2"/>
      <c r="C7478" s="2"/>
    </row>
    <row r="7479" spans="1:3" ht="19.2">
      <c r="A7479" s="2"/>
      <c r="B7479" s="2"/>
      <c r="C7479" s="2"/>
    </row>
    <row r="7480" spans="1:3" ht="19.2">
      <c r="A7480" s="2"/>
      <c r="B7480" s="2"/>
      <c r="C7480" s="2"/>
    </row>
    <row r="7481" spans="1:3" ht="19.2">
      <c r="A7481" s="2"/>
      <c r="B7481" s="2"/>
      <c r="C7481" s="2"/>
    </row>
    <row r="7482" spans="1:3" ht="19.2">
      <c r="A7482" s="2"/>
      <c r="B7482" s="2"/>
      <c r="C7482" s="2"/>
    </row>
    <row r="7483" spans="1:3" ht="19.2">
      <c r="A7483" s="2"/>
      <c r="B7483" s="2"/>
      <c r="C7483" s="2"/>
    </row>
    <row r="7484" spans="1:3" ht="19.2">
      <c r="A7484" s="2"/>
      <c r="B7484" s="2"/>
      <c r="C7484" s="2"/>
    </row>
    <row r="7485" spans="1:3" ht="19.2">
      <c r="A7485" s="2"/>
      <c r="B7485" s="2"/>
      <c r="C7485" s="2"/>
    </row>
    <row r="7486" spans="1:3" ht="19.2">
      <c r="A7486" s="2"/>
      <c r="B7486" s="2"/>
      <c r="C7486" s="2"/>
    </row>
    <row r="7487" spans="1:3" ht="19.2">
      <c r="A7487" s="2"/>
      <c r="B7487" s="2"/>
      <c r="C7487" s="2"/>
    </row>
    <row r="7488" spans="1:3" ht="19.2">
      <c r="A7488" s="2"/>
      <c r="B7488" s="2"/>
      <c r="C7488" s="2"/>
    </row>
    <row r="7489" spans="1:3" ht="19.2">
      <c r="A7489" s="2"/>
      <c r="B7489" s="2"/>
      <c r="C7489" s="2"/>
    </row>
    <row r="7490" spans="1:3" ht="19.2">
      <c r="A7490" s="2"/>
      <c r="B7490" s="2"/>
      <c r="C7490" s="2"/>
    </row>
    <row r="7491" spans="1:3" ht="19.2">
      <c r="A7491" s="2"/>
      <c r="B7491" s="2"/>
      <c r="C7491" s="2"/>
    </row>
    <row r="7492" spans="1:3" ht="19.2">
      <c r="A7492" s="2"/>
      <c r="B7492" s="2"/>
      <c r="C7492" s="2"/>
    </row>
    <row r="7493" spans="1:3" ht="19.2">
      <c r="A7493" s="2"/>
      <c r="B7493" s="2"/>
      <c r="C7493" s="2"/>
    </row>
    <row r="7494" spans="1:3" ht="19.2">
      <c r="A7494" s="2"/>
      <c r="B7494" s="2"/>
      <c r="C7494" s="2"/>
    </row>
    <row r="7495" spans="1:3" ht="19.2">
      <c r="A7495" s="2"/>
      <c r="B7495" s="2"/>
      <c r="C7495" s="2"/>
    </row>
    <row r="7496" spans="1:3" ht="19.2">
      <c r="A7496" s="2"/>
      <c r="B7496" s="2"/>
      <c r="C7496" s="2"/>
    </row>
    <row r="7497" spans="1:3" ht="19.2">
      <c r="A7497" s="2"/>
      <c r="B7497" s="2"/>
      <c r="C7497" s="2"/>
    </row>
    <row r="7498" spans="1:3" ht="19.2">
      <c r="A7498" s="2"/>
      <c r="B7498" s="2"/>
      <c r="C7498" s="2"/>
    </row>
    <row r="7499" spans="1:3" ht="19.2">
      <c r="A7499" s="2"/>
      <c r="B7499" s="2"/>
      <c r="C7499" s="2"/>
    </row>
    <row r="7500" spans="1:3" ht="19.2">
      <c r="A7500" s="2"/>
      <c r="B7500" s="2"/>
      <c r="C7500" s="2"/>
    </row>
    <row r="7501" spans="1:3" ht="19.2">
      <c r="A7501" s="2"/>
      <c r="B7501" s="2"/>
      <c r="C7501" s="2"/>
    </row>
    <row r="7502" spans="1:3" ht="19.2">
      <c r="A7502" s="2"/>
      <c r="B7502" s="2"/>
      <c r="C7502" s="2"/>
    </row>
    <row r="7503" spans="1:3" ht="19.2">
      <c r="A7503" s="2"/>
      <c r="B7503" s="2"/>
      <c r="C7503" s="2"/>
    </row>
    <row r="7504" spans="1:3" ht="19.2">
      <c r="A7504" s="2"/>
      <c r="B7504" s="2"/>
      <c r="C7504" s="2"/>
    </row>
    <row r="7505" spans="1:3" ht="19.2">
      <c r="A7505" s="2"/>
      <c r="B7505" s="2"/>
      <c r="C7505" s="2"/>
    </row>
    <row r="7506" spans="1:3" ht="19.2">
      <c r="A7506" s="2"/>
      <c r="B7506" s="2"/>
      <c r="C7506" s="2"/>
    </row>
    <row r="7507" spans="1:3" ht="19.2">
      <c r="A7507" s="2"/>
      <c r="B7507" s="2"/>
      <c r="C7507" s="2"/>
    </row>
    <row r="7508" spans="1:3" ht="19.2">
      <c r="A7508" s="2"/>
      <c r="B7508" s="2"/>
      <c r="C7508" s="2"/>
    </row>
    <row r="7509" spans="1:3" ht="19.2">
      <c r="A7509" s="2"/>
      <c r="B7509" s="2"/>
      <c r="C7509" s="2"/>
    </row>
    <row r="7510" spans="1:3" ht="19.2">
      <c r="A7510" s="2"/>
      <c r="B7510" s="2"/>
      <c r="C7510" s="2"/>
    </row>
    <row r="7511" spans="1:3" ht="19.2">
      <c r="A7511" s="2"/>
      <c r="B7511" s="2"/>
      <c r="C7511" s="2"/>
    </row>
    <row r="7512" spans="1:3" ht="19.2">
      <c r="A7512" s="2"/>
      <c r="B7512" s="2"/>
      <c r="C7512" s="2"/>
    </row>
    <row r="7513" spans="1:3" ht="19.2">
      <c r="A7513" s="2"/>
      <c r="B7513" s="2"/>
      <c r="C7513" s="2"/>
    </row>
    <row r="7514" spans="1:3" ht="19.2">
      <c r="A7514" s="2"/>
      <c r="B7514" s="2"/>
      <c r="C7514" s="2"/>
    </row>
    <row r="7515" spans="1:3" ht="19.2">
      <c r="A7515" s="2"/>
      <c r="B7515" s="2"/>
      <c r="C7515" s="2"/>
    </row>
    <row r="7516" spans="1:3" ht="19.2">
      <c r="A7516" s="2"/>
      <c r="B7516" s="2"/>
      <c r="C7516" s="2"/>
    </row>
    <row r="7517" spans="1:3" ht="19.2">
      <c r="A7517" s="2"/>
      <c r="B7517" s="2"/>
      <c r="C7517" s="2"/>
    </row>
    <row r="7518" spans="1:3" ht="19.2">
      <c r="A7518" s="2"/>
      <c r="B7518" s="2"/>
      <c r="C7518" s="2"/>
    </row>
    <row r="7519" spans="1:3" ht="19.2">
      <c r="A7519" s="2"/>
      <c r="B7519" s="2"/>
      <c r="C7519" s="2"/>
    </row>
    <row r="7520" spans="1:3" ht="19.2">
      <c r="A7520" s="2"/>
      <c r="B7520" s="2"/>
      <c r="C7520" s="2"/>
    </row>
    <row r="7521" spans="1:3" ht="19.2">
      <c r="A7521" s="2"/>
      <c r="B7521" s="2"/>
      <c r="C7521" s="2"/>
    </row>
    <row r="7522" spans="1:3" ht="19.2">
      <c r="A7522" s="2"/>
      <c r="B7522" s="2"/>
      <c r="C7522" s="2"/>
    </row>
    <row r="7523" spans="1:3" ht="19.2">
      <c r="A7523" s="2"/>
      <c r="B7523" s="2"/>
      <c r="C7523" s="2"/>
    </row>
    <row r="7524" spans="1:3" ht="19.2">
      <c r="A7524" s="2"/>
      <c r="B7524" s="2"/>
      <c r="C7524" s="2"/>
    </row>
    <row r="7525" spans="1:3" ht="19.2">
      <c r="A7525" s="2"/>
      <c r="B7525" s="2"/>
      <c r="C7525" s="2"/>
    </row>
    <row r="7526" spans="1:3" ht="19.2">
      <c r="A7526" s="2"/>
      <c r="B7526" s="2"/>
      <c r="C7526" s="2"/>
    </row>
    <row r="7527" spans="1:3" ht="19.2">
      <c r="A7527" s="2"/>
      <c r="B7527" s="2"/>
      <c r="C7527" s="2"/>
    </row>
    <row r="7528" spans="1:3" ht="19.2">
      <c r="A7528" s="2"/>
      <c r="B7528" s="2"/>
      <c r="C7528" s="2"/>
    </row>
    <row r="7529" spans="1:3" ht="19.2">
      <c r="A7529" s="2"/>
      <c r="B7529" s="2"/>
      <c r="C7529" s="2"/>
    </row>
    <row r="7530" spans="1:3" ht="19.2">
      <c r="A7530" s="2"/>
      <c r="B7530" s="2"/>
      <c r="C7530" s="2"/>
    </row>
    <row r="7531" spans="1:3" ht="19.2">
      <c r="A7531" s="2"/>
      <c r="B7531" s="2"/>
      <c r="C7531" s="2"/>
    </row>
    <row r="7532" spans="1:3" ht="19.2">
      <c r="A7532" s="2"/>
      <c r="B7532" s="2"/>
      <c r="C7532" s="2"/>
    </row>
    <row r="7533" spans="1:3" ht="19.2">
      <c r="A7533" s="2"/>
      <c r="B7533" s="2"/>
      <c r="C7533" s="2"/>
    </row>
    <row r="7534" spans="1:3" ht="19.2">
      <c r="A7534" s="2"/>
      <c r="B7534" s="2"/>
      <c r="C7534" s="2"/>
    </row>
    <row r="7535" spans="1:3" ht="19.2">
      <c r="A7535" s="2"/>
      <c r="B7535" s="2"/>
      <c r="C7535" s="2"/>
    </row>
    <row r="7536" spans="1:3" ht="19.2">
      <c r="A7536" s="2"/>
      <c r="B7536" s="2"/>
      <c r="C7536" s="2"/>
    </row>
    <row r="7537" spans="1:3" ht="19.2">
      <c r="A7537" s="2"/>
      <c r="B7537" s="2"/>
      <c r="C7537" s="2"/>
    </row>
    <row r="7538" spans="1:3" ht="19.2">
      <c r="A7538" s="2"/>
      <c r="B7538" s="2"/>
      <c r="C7538" s="2"/>
    </row>
    <row r="7539" spans="1:3" ht="19.2">
      <c r="A7539" s="2"/>
      <c r="B7539" s="2"/>
      <c r="C7539" s="2"/>
    </row>
    <row r="7540" spans="1:3" ht="19.2">
      <c r="A7540" s="2"/>
      <c r="B7540" s="2"/>
      <c r="C7540" s="2"/>
    </row>
    <row r="7541" spans="1:3" ht="19.2">
      <c r="A7541" s="2"/>
      <c r="B7541" s="2"/>
      <c r="C7541" s="2"/>
    </row>
    <row r="7542" spans="1:3" ht="19.2">
      <c r="A7542" s="2"/>
      <c r="B7542" s="2"/>
      <c r="C7542" s="2"/>
    </row>
    <row r="7543" spans="1:3" ht="19.2">
      <c r="A7543" s="2"/>
      <c r="B7543" s="2"/>
      <c r="C7543" s="2"/>
    </row>
    <row r="7544" spans="1:3" ht="19.2">
      <c r="A7544" s="2"/>
      <c r="B7544" s="2"/>
      <c r="C7544" s="2"/>
    </row>
    <row r="7545" spans="1:3" ht="19.2">
      <c r="A7545" s="2"/>
      <c r="B7545" s="2"/>
      <c r="C7545" s="2"/>
    </row>
    <row r="7546" spans="1:3" ht="19.2">
      <c r="A7546" s="2"/>
      <c r="B7546" s="2"/>
      <c r="C7546" s="2"/>
    </row>
    <row r="7547" spans="1:3" ht="19.2">
      <c r="A7547" s="2"/>
      <c r="B7547" s="2"/>
      <c r="C7547" s="2"/>
    </row>
    <row r="7548" spans="1:3" ht="19.2">
      <c r="A7548" s="2"/>
      <c r="B7548" s="2"/>
      <c r="C7548" s="2"/>
    </row>
    <row r="7549" spans="1:3" ht="19.2">
      <c r="A7549" s="2"/>
      <c r="B7549" s="2"/>
      <c r="C7549" s="2"/>
    </row>
    <row r="7550" spans="1:3" ht="19.2">
      <c r="A7550" s="2"/>
      <c r="B7550" s="2"/>
      <c r="C7550" s="2"/>
    </row>
    <row r="7551" spans="1:3" ht="19.2">
      <c r="A7551" s="2"/>
      <c r="B7551" s="2"/>
      <c r="C7551" s="2"/>
    </row>
    <row r="7552" spans="1:3" ht="19.2">
      <c r="A7552" s="2"/>
      <c r="B7552" s="2"/>
      <c r="C7552" s="2"/>
    </row>
    <row r="7553" spans="1:3" ht="19.2">
      <c r="A7553" s="2"/>
      <c r="B7553" s="2"/>
      <c r="C7553" s="2"/>
    </row>
    <row r="7554" spans="1:3" ht="19.2">
      <c r="A7554" s="2"/>
      <c r="B7554" s="2"/>
      <c r="C7554" s="2"/>
    </row>
    <row r="7555" spans="1:3" ht="19.2">
      <c r="A7555" s="2"/>
      <c r="B7555" s="2"/>
      <c r="C7555" s="2"/>
    </row>
    <row r="7556" spans="1:3" ht="19.2">
      <c r="A7556" s="2"/>
      <c r="B7556" s="2"/>
      <c r="C7556" s="2"/>
    </row>
    <row r="7557" spans="1:3" ht="19.2">
      <c r="A7557" s="2"/>
      <c r="B7557" s="2"/>
      <c r="C7557" s="2"/>
    </row>
    <row r="7558" spans="1:3" ht="19.2">
      <c r="A7558" s="2"/>
      <c r="B7558" s="2"/>
      <c r="C7558" s="2"/>
    </row>
    <row r="7559" spans="1:3" ht="19.2">
      <c r="A7559" s="2"/>
      <c r="B7559" s="2"/>
      <c r="C7559" s="2"/>
    </row>
    <row r="7560" spans="1:3" ht="19.2">
      <c r="A7560" s="2"/>
      <c r="B7560" s="2"/>
      <c r="C7560" s="2"/>
    </row>
    <row r="7561" spans="1:3" ht="19.2">
      <c r="A7561" s="2"/>
      <c r="B7561" s="2"/>
      <c r="C7561" s="2"/>
    </row>
    <row r="7562" spans="1:3" ht="19.2">
      <c r="A7562" s="2"/>
      <c r="B7562" s="2"/>
      <c r="C7562" s="2"/>
    </row>
    <row r="7563" spans="1:3" ht="19.2">
      <c r="A7563" s="2"/>
      <c r="B7563" s="2"/>
      <c r="C7563" s="2"/>
    </row>
    <row r="7564" spans="1:3" ht="19.2">
      <c r="A7564" s="2"/>
      <c r="B7564" s="2"/>
      <c r="C7564" s="2"/>
    </row>
    <row r="7565" spans="1:3" ht="19.2">
      <c r="A7565" s="2"/>
      <c r="B7565" s="2"/>
      <c r="C7565" s="2"/>
    </row>
    <row r="7566" spans="1:3" ht="19.2">
      <c r="A7566" s="2"/>
      <c r="B7566" s="2"/>
      <c r="C7566" s="2"/>
    </row>
    <row r="7567" spans="1:3" ht="19.2">
      <c r="A7567" s="2"/>
      <c r="B7567" s="2"/>
      <c r="C7567" s="2"/>
    </row>
    <row r="7568" spans="1:3" ht="19.2">
      <c r="A7568" s="2"/>
      <c r="B7568" s="2"/>
      <c r="C7568" s="2"/>
    </row>
    <row r="7569" spans="1:3" ht="19.2">
      <c r="A7569" s="2"/>
      <c r="B7569" s="2"/>
      <c r="C7569" s="2"/>
    </row>
    <row r="7570" spans="1:3" ht="19.2">
      <c r="A7570" s="2"/>
      <c r="B7570" s="2"/>
      <c r="C7570" s="2"/>
    </row>
    <row r="7571" spans="1:3" ht="19.2">
      <c r="A7571" s="2"/>
      <c r="B7571" s="2"/>
      <c r="C7571" s="2"/>
    </row>
    <row r="7572" spans="1:3" ht="19.2">
      <c r="A7572" s="2"/>
      <c r="B7572" s="2"/>
      <c r="C7572" s="2"/>
    </row>
    <row r="7573" spans="1:3" ht="19.2">
      <c r="A7573" s="2"/>
      <c r="B7573" s="2"/>
      <c r="C7573" s="2"/>
    </row>
    <row r="7574" spans="1:3" ht="19.2">
      <c r="A7574" s="2"/>
      <c r="B7574" s="2"/>
      <c r="C7574" s="2"/>
    </row>
    <row r="7575" spans="1:3" ht="19.2">
      <c r="A7575" s="2"/>
      <c r="B7575" s="2"/>
      <c r="C7575" s="2"/>
    </row>
    <row r="7576" spans="1:3" ht="19.2">
      <c r="A7576" s="2"/>
      <c r="B7576" s="2"/>
      <c r="C7576" s="2"/>
    </row>
    <row r="7577" spans="1:3" ht="19.2">
      <c r="A7577" s="2"/>
      <c r="B7577" s="2"/>
      <c r="C7577" s="2"/>
    </row>
    <row r="7578" spans="1:3" ht="19.2">
      <c r="A7578" s="2"/>
      <c r="B7578" s="2"/>
      <c r="C7578" s="2"/>
    </row>
    <row r="7579" spans="1:3" ht="19.2">
      <c r="A7579" s="2"/>
      <c r="B7579" s="2"/>
      <c r="C7579" s="2"/>
    </row>
    <row r="7580" spans="1:3" ht="19.2">
      <c r="A7580" s="2"/>
      <c r="B7580" s="2"/>
      <c r="C7580" s="2"/>
    </row>
    <row r="7581" spans="1:3" ht="19.2">
      <c r="A7581" s="2"/>
      <c r="B7581" s="2"/>
      <c r="C7581" s="2"/>
    </row>
    <row r="7582" spans="1:3" ht="19.2">
      <c r="A7582" s="2"/>
      <c r="B7582" s="2"/>
      <c r="C7582" s="2"/>
    </row>
    <row r="7583" spans="1:3" ht="19.2">
      <c r="A7583" s="2"/>
      <c r="B7583" s="2"/>
      <c r="C7583" s="2"/>
    </row>
    <row r="7584" spans="1:3" ht="19.2">
      <c r="A7584" s="2"/>
      <c r="B7584" s="2"/>
      <c r="C7584" s="2"/>
    </row>
    <row r="7585" spans="1:3" ht="19.2">
      <c r="A7585" s="2"/>
      <c r="B7585" s="2"/>
      <c r="C7585" s="2"/>
    </row>
    <row r="7586" spans="1:3" ht="19.2">
      <c r="A7586" s="2"/>
      <c r="B7586" s="2"/>
      <c r="C7586" s="2"/>
    </row>
    <row r="7587" spans="1:3" ht="19.2">
      <c r="A7587" s="2"/>
      <c r="B7587" s="2"/>
      <c r="C7587" s="2"/>
    </row>
    <row r="7588" spans="1:3" ht="19.2">
      <c r="A7588" s="2"/>
      <c r="B7588" s="2"/>
      <c r="C7588" s="2"/>
    </row>
    <row r="7589" spans="1:3" ht="19.2">
      <c r="A7589" s="2"/>
      <c r="B7589" s="2"/>
      <c r="C7589" s="2"/>
    </row>
    <row r="7590" spans="1:3" ht="19.2">
      <c r="A7590" s="2"/>
      <c r="B7590" s="2"/>
      <c r="C7590" s="2"/>
    </row>
    <row r="7591" spans="1:3" ht="19.2">
      <c r="A7591" s="2"/>
      <c r="B7591" s="2"/>
      <c r="C7591" s="2"/>
    </row>
    <row r="7592" spans="1:3" ht="19.2">
      <c r="A7592" s="2"/>
      <c r="B7592" s="2"/>
      <c r="C7592" s="2"/>
    </row>
    <row r="7593" spans="1:3" ht="19.2">
      <c r="A7593" s="2"/>
      <c r="B7593" s="2"/>
      <c r="C7593" s="2"/>
    </row>
    <row r="7594" spans="1:3" ht="19.2">
      <c r="A7594" s="2"/>
      <c r="B7594" s="2"/>
      <c r="C7594" s="2"/>
    </row>
    <row r="7595" spans="1:3" ht="19.2">
      <c r="A7595" s="2"/>
      <c r="B7595" s="2"/>
      <c r="C7595" s="2"/>
    </row>
    <row r="7596" spans="1:3" ht="19.2">
      <c r="A7596" s="2"/>
      <c r="B7596" s="2"/>
      <c r="C7596" s="2"/>
    </row>
    <row r="7597" spans="1:3" ht="19.2">
      <c r="A7597" s="2"/>
      <c r="B7597" s="2"/>
      <c r="C7597" s="2"/>
    </row>
    <row r="7598" spans="1:3" ht="19.2">
      <c r="A7598" s="2"/>
      <c r="B7598" s="2"/>
      <c r="C7598" s="2"/>
    </row>
    <row r="7599" spans="1:3" ht="19.2">
      <c r="A7599" s="2"/>
      <c r="B7599" s="2"/>
      <c r="C7599" s="2"/>
    </row>
    <row r="7600" spans="1:3" ht="19.2">
      <c r="A7600" s="2"/>
      <c r="B7600" s="2"/>
      <c r="C7600" s="2"/>
    </row>
    <row r="7601" spans="1:3" ht="19.2">
      <c r="A7601" s="2"/>
      <c r="B7601" s="2"/>
      <c r="C7601" s="2"/>
    </row>
    <row r="7602" spans="1:3" ht="19.2">
      <c r="A7602" s="2"/>
      <c r="B7602" s="2"/>
      <c r="C7602" s="2"/>
    </row>
    <row r="7603" spans="1:3" ht="19.2">
      <c r="A7603" s="2"/>
      <c r="B7603" s="2"/>
      <c r="C7603" s="2"/>
    </row>
    <row r="7604" spans="1:3" ht="19.2">
      <c r="A7604" s="2"/>
      <c r="B7604" s="2"/>
      <c r="C7604" s="2"/>
    </row>
    <row r="7605" spans="1:3" ht="19.2">
      <c r="A7605" s="2"/>
      <c r="B7605" s="2"/>
      <c r="C7605" s="2"/>
    </row>
    <row r="7606" spans="1:3" ht="19.2">
      <c r="A7606" s="2"/>
      <c r="B7606" s="2"/>
      <c r="C7606" s="2"/>
    </row>
    <row r="7607" spans="1:3" ht="19.2">
      <c r="A7607" s="2"/>
      <c r="B7607" s="2"/>
      <c r="C7607" s="2"/>
    </row>
    <row r="7608" spans="1:3" ht="19.2">
      <c r="A7608" s="2"/>
      <c r="B7608" s="2"/>
      <c r="C7608" s="2"/>
    </row>
    <row r="7609" spans="1:3" ht="19.2">
      <c r="A7609" s="2"/>
      <c r="B7609" s="2"/>
      <c r="C7609" s="2"/>
    </row>
    <row r="7610" spans="1:3" ht="19.2">
      <c r="A7610" s="2"/>
      <c r="B7610" s="2"/>
      <c r="C7610" s="2"/>
    </row>
    <row r="7611" spans="1:3" ht="19.2">
      <c r="A7611" s="2"/>
      <c r="B7611" s="2"/>
      <c r="C7611" s="2"/>
    </row>
    <row r="7612" spans="1:3" ht="19.2">
      <c r="A7612" s="2"/>
      <c r="B7612" s="2"/>
      <c r="C7612" s="2"/>
    </row>
    <row r="7613" spans="1:3" ht="19.2">
      <c r="A7613" s="2"/>
      <c r="B7613" s="2"/>
      <c r="C7613" s="2"/>
    </row>
    <row r="7614" spans="1:3" ht="19.2">
      <c r="A7614" s="2"/>
      <c r="B7614" s="2"/>
      <c r="C7614" s="2"/>
    </row>
    <row r="7615" spans="1:3" ht="19.2">
      <c r="A7615" s="2"/>
      <c r="B7615" s="2"/>
      <c r="C7615" s="2"/>
    </row>
    <row r="7616" spans="1:3" ht="19.2">
      <c r="A7616" s="2"/>
      <c r="B7616" s="2"/>
      <c r="C7616" s="2"/>
    </row>
    <row r="7617" spans="1:3" ht="19.2">
      <c r="A7617" s="2"/>
      <c r="B7617" s="2"/>
      <c r="C7617" s="2"/>
    </row>
    <row r="7618" spans="1:3" ht="19.2">
      <c r="A7618" s="2"/>
      <c r="B7618" s="2"/>
      <c r="C7618" s="2"/>
    </row>
    <row r="7619" spans="1:3" ht="19.2">
      <c r="A7619" s="2"/>
      <c r="B7619" s="2"/>
      <c r="C7619" s="2"/>
    </row>
    <row r="7620" spans="1:3" ht="19.2">
      <c r="A7620" s="2"/>
      <c r="B7620" s="2"/>
      <c r="C7620" s="2"/>
    </row>
    <row r="7621" spans="1:3" ht="19.2">
      <c r="A7621" s="2"/>
      <c r="B7621" s="2"/>
      <c r="C7621" s="2"/>
    </row>
    <row r="7622" spans="1:3" ht="19.2">
      <c r="A7622" s="2"/>
      <c r="B7622" s="2"/>
      <c r="C7622" s="2"/>
    </row>
    <row r="7623" spans="1:3" ht="19.2">
      <c r="A7623" s="2"/>
      <c r="B7623" s="2"/>
      <c r="C7623" s="2"/>
    </row>
    <row r="7624" spans="1:3" ht="19.2">
      <c r="A7624" s="2"/>
      <c r="B7624" s="2"/>
      <c r="C7624" s="2"/>
    </row>
    <row r="7625" spans="1:3" ht="19.2">
      <c r="A7625" s="2"/>
      <c r="B7625" s="2"/>
      <c r="C7625" s="2"/>
    </row>
    <row r="7626" spans="1:3" ht="19.2">
      <c r="A7626" s="2"/>
      <c r="B7626" s="2"/>
      <c r="C7626" s="2"/>
    </row>
    <row r="7627" spans="1:3" ht="19.2">
      <c r="A7627" s="2"/>
      <c r="B7627" s="2"/>
      <c r="C7627" s="2"/>
    </row>
    <row r="7628" spans="1:3" ht="19.2">
      <c r="A7628" s="2"/>
      <c r="B7628" s="2"/>
      <c r="C7628" s="2"/>
    </row>
    <row r="7629" spans="1:3" ht="19.2">
      <c r="A7629" s="2"/>
      <c r="B7629" s="2"/>
      <c r="C7629" s="2"/>
    </row>
    <row r="7630" spans="1:3" ht="19.2">
      <c r="A7630" s="2"/>
      <c r="B7630" s="2"/>
      <c r="C7630" s="2"/>
    </row>
    <row r="7631" spans="1:3" ht="19.2">
      <c r="A7631" s="2"/>
      <c r="B7631" s="2"/>
      <c r="C7631" s="2"/>
    </row>
    <row r="7632" spans="1:3" ht="19.2">
      <c r="A7632" s="2"/>
      <c r="B7632" s="2"/>
      <c r="C7632" s="2"/>
    </row>
    <row r="7633" spans="1:3" ht="19.2">
      <c r="A7633" s="2"/>
      <c r="B7633" s="2"/>
      <c r="C7633" s="2"/>
    </row>
    <row r="7634" spans="1:3" ht="19.2">
      <c r="A7634" s="2"/>
      <c r="B7634" s="2"/>
      <c r="C7634" s="2"/>
    </row>
    <row r="7635" spans="1:3" ht="19.2">
      <c r="A7635" s="2"/>
      <c r="B7635" s="2"/>
      <c r="C7635" s="2"/>
    </row>
    <row r="7636" spans="1:3" ht="19.2">
      <c r="A7636" s="2"/>
      <c r="B7636" s="2"/>
      <c r="C7636" s="2"/>
    </row>
    <row r="7637" spans="1:3" ht="19.2">
      <c r="A7637" s="2"/>
      <c r="B7637" s="2"/>
      <c r="C7637" s="2"/>
    </row>
    <row r="7638" spans="1:3" ht="19.2">
      <c r="A7638" s="2"/>
      <c r="B7638" s="2"/>
      <c r="C7638" s="2"/>
    </row>
    <row r="7639" spans="1:3" ht="19.2">
      <c r="A7639" s="2"/>
      <c r="B7639" s="2"/>
      <c r="C7639" s="2"/>
    </row>
    <row r="7640" spans="1:3" ht="19.2">
      <c r="A7640" s="2"/>
      <c r="B7640" s="2"/>
      <c r="C7640" s="2"/>
    </row>
    <row r="7641" spans="1:3" ht="19.2">
      <c r="A7641" s="2"/>
      <c r="B7641" s="2"/>
      <c r="C7641" s="2"/>
    </row>
    <row r="7642" spans="1:3" ht="19.2">
      <c r="A7642" s="2"/>
      <c r="B7642" s="2"/>
      <c r="C7642" s="2"/>
    </row>
    <row r="7643" spans="1:3" ht="19.2">
      <c r="A7643" s="2"/>
      <c r="B7643" s="2"/>
      <c r="C7643" s="2"/>
    </row>
    <row r="7644" spans="1:3" ht="19.2">
      <c r="A7644" s="2"/>
      <c r="B7644" s="2"/>
      <c r="C7644" s="2"/>
    </row>
    <row r="7645" spans="1:3" ht="19.2">
      <c r="A7645" s="2"/>
      <c r="B7645" s="2"/>
      <c r="C7645" s="2"/>
    </row>
    <row r="7646" spans="1:3" ht="19.2">
      <c r="A7646" s="2"/>
      <c r="B7646" s="2"/>
      <c r="C7646" s="2"/>
    </row>
    <row r="7647" spans="1:3" ht="19.2">
      <c r="A7647" s="2"/>
      <c r="B7647" s="2"/>
      <c r="C7647" s="2"/>
    </row>
    <row r="7648" spans="1:3" ht="19.2">
      <c r="A7648" s="2"/>
      <c r="B7648" s="2"/>
      <c r="C7648" s="2"/>
    </row>
    <row r="7649" spans="1:3" ht="19.2">
      <c r="A7649" s="2"/>
      <c r="B7649" s="2"/>
      <c r="C7649" s="2"/>
    </row>
    <row r="7650" spans="1:3" ht="19.2">
      <c r="A7650" s="2"/>
      <c r="B7650" s="2"/>
      <c r="C7650" s="2"/>
    </row>
    <row r="7651" spans="1:3" ht="19.2">
      <c r="A7651" s="2"/>
      <c r="B7651" s="2"/>
      <c r="C7651" s="2"/>
    </row>
    <row r="7652" spans="1:3" ht="19.2">
      <c r="A7652" s="2"/>
      <c r="B7652" s="2"/>
      <c r="C7652" s="2"/>
    </row>
    <row r="7653" spans="1:3" ht="19.2">
      <c r="A7653" s="2"/>
      <c r="B7653" s="2"/>
      <c r="C7653" s="2"/>
    </row>
    <row r="7654" spans="1:3" ht="19.2">
      <c r="A7654" s="2"/>
      <c r="B7654" s="2"/>
      <c r="C7654" s="2"/>
    </row>
    <row r="7655" spans="1:3" ht="19.2">
      <c r="A7655" s="2"/>
      <c r="B7655" s="2"/>
      <c r="C7655" s="2"/>
    </row>
    <row r="7656" spans="1:3" ht="19.2">
      <c r="A7656" s="2"/>
      <c r="B7656" s="2"/>
      <c r="C7656" s="2"/>
    </row>
    <row r="7657" spans="1:3" ht="19.2">
      <c r="A7657" s="2"/>
      <c r="B7657" s="2"/>
      <c r="C7657" s="2"/>
    </row>
    <row r="7658" spans="1:3" ht="19.2">
      <c r="A7658" s="2"/>
      <c r="B7658" s="2"/>
      <c r="C7658" s="2"/>
    </row>
    <row r="7659" spans="1:3" ht="19.2">
      <c r="A7659" s="2"/>
      <c r="B7659" s="2"/>
      <c r="C7659" s="2"/>
    </row>
    <row r="7660" spans="1:3" ht="19.2">
      <c r="A7660" s="2"/>
      <c r="B7660" s="2"/>
      <c r="C7660" s="2"/>
    </row>
    <row r="7661" spans="1:3" ht="19.2">
      <c r="A7661" s="2"/>
      <c r="B7661" s="2"/>
      <c r="C7661" s="2"/>
    </row>
    <row r="7662" spans="1:3" ht="19.2">
      <c r="A7662" s="2"/>
      <c r="B7662" s="2"/>
      <c r="C7662" s="2"/>
    </row>
    <row r="7663" spans="1:3" ht="19.2">
      <c r="A7663" s="2"/>
      <c r="B7663" s="2"/>
      <c r="C7663" s="2"/>
    </row>
    <row r="7664" spans="1:3" ht="19.2">
      <c r="A7664" s="2"/>
      <c r="B7664" s="2"/>
      <c r="C7664" s="2"/>
    </row>
    <row r="7665" spans="1:3" ht="19.2">
      <c r="A7665" s="2"/>
      <c r="B7665" s="2"/>
      <c r="C7665" s="2"/>
    </row>
    <row r="7666" spans="1:3" ht="19.2">
      <c r="A7666" s="2"/>
      <c r="B7666" s="2"/>
      <c r="C7666" s="2"/>
    </row>
    <row r="7667" spans="1:3" ht="19.2">
      <c r="A7667" s="2"/>
      <c r="B7667" s="2"/>
      <c r="C7667" s="2"/>
    </row>
    <row r="7668" spans="1:3" ht="19.2">
      <c r="A7668" s="2"/>
      <c r="B7668" s="2"/>
      <c r="C7668" s="2"/>
    </row>
    <row r="7669" spans="1:3" ht="19.2">
      <c r="A7669" s="2"/>
      <c r="B7669" s="2"/>
      <c r="C7669" s="2"/>
    </row>
    <row r="7670" spans="1:3" ht="19.2">
      <c r="A7670" s="2"/>
      <c r="B7670" s="2"/>
      <c r="C7670" s="2"/>
    </row>
    <row r="7671" spans="1:3" ht="19.2">
      <c r="A7671" s="2"/>
      <c r="B7671" s="2"/>
      <c r="C7671" s="2"/>
    </row>
    <row r="7672" spans="1:3" ht="19.2">
      <c r="A7672" s="2"/>
      <c r="B7672" s="2"/>
      <c r="C7672" s="2"/>
    </row>
    <row r="7673" spans="1:3" ht="19.2">
      <c r="A7673" s="2"/>
      <c r="B7673" s="2"/>
      <c r="C7673" s="2"/>
    </row>
    <row r="7674" spans="1:3" ht="19.2">
      <c r="A7674" s="2"/>
      <c r="B7674" s="2"/>
      <c r="C7674" s="2"/>
    </row>
    <row r="7675" spans="1:3" ht="19.2">
      <c r="A7675" s="2"/>
      <c r="B7675" s="2"/>
      <c r="C7675" s="2"/>
    </row>
    <row r="7676" spans="1:3" ht="19.2">
      <c r="A7676" s="2"/>
      <c r="B7676" s="2"/>
      <c r="C7676" s="2"/>
    </row>
    <row r="7677" spans="1:3" ht="19.2">
      <c r="A7677" s="2"/>
      <c r="B7677" s="2"/>
      <c r="C7677" s="2"/>
    </row>
    <row r="7678" spans="1:3" ht="19.2">
      <c r="A7678" s="2"/>
      <c r="B7678" s="2"/>
      <c r="C7678" s="2"/>
    </row>
    <row r="7679" spans="1:3" ht="19.2">
      <c r="A7679" s="2"/>
      <c r="B7679" s="2"/>
      <c r="C7679" s="2"/>
    </row>
    <row r="7680" spans="1:3" ht="19.2">
      <c r="A7680" s="2"/>
      <c r="B7680" s="2"/>
      <c r="C7680" s="2"/>
    </row>
    <row r="7681" spans="1:3" ht="19.2">
      <c r="A7681" s="2"/>
      <c r="B7681" s="2"/>
      <c r="C7681" s="2"/>
    </row>
    <row r="7682" spans="1:3" ht="19.2">
      <c r="A7682" s="2"/>
      <c r="B7682" s="2"/>
      <c r="C7682" s="2"/>
    </row>
    <row r="7683" spans="1:3" ht="19.2">
      <c r="A7683" s="2"/>
      <c r="B7683" s="2"/>
      <c r="C7683" s="2"/>
    </row>
    <row r="7684" spans="1:3" ht="19.2">
      <c r="A7684" s="2"/>
      <c r="B7684" s="2"/>
      <c r="C7684" s="2"/>
    </row>
    <row r="7685" spans="1:3" ht="19.2">
      <c r="A7685" s="2"/>
      <c r="B7685" s="2"/>
      <c r="C7685" s="2"/>
    </row>
    <row r="7686" spans="1:3" ht="19.2">
      <c r="A7686" s="2"/>
      <c r="B7686" s="2"/>
      <c r="C7686" s="2"/>
    </row>
    <row r="7687" spans="1:3" ht="19.2">
      <c r="A7687" s="2"/>
      <c r="B7687" s="2"/>
      <c r="C7687" s="2"/>
    </row>
    <row r="7688" spans="1:3" ht="19.2">
      <c r="A7688" s="2"/>
      <c r="B7688" s="2"/>
      <c r="C7688" s="2"/>
    </row>
    <row r="7689" spans="1:3" ht="19.2">
      <c r="A7689" s="2"/>
      <c r="B7689" s="2"/>
      <c r="C7689" s="2"/>
    </row>
    <row r="7690" spans="1:3" ht="19.2">
      <c r="A7690" s="2"/>
      <c r="B7690" s="2"/>
      <c r="C7690" s="2"/>
    </row>
    <row r="7691" spans="1:3" ht="19.2">
      <c r="A7691" s="2"/>
      <c r="B7691" s="2"/>
      <c r="C7691" s="2"/>
    </row>
    <row r="7692" spans="1:3" ht="19.2">
      <c r="A7692" s="2"/>
      <c r="B7692" s="2"/>
      <c r="C7692" s="2"/>
    </row>
    <row r="7693" spans="1:3" ht="19.2">
      <c r="A7693" s="2"/>
      <c r="B7693" s="2"/>
      <c r="C7693" s="2"/>
    </row>
    <row r="7694" spans="1:3" ht="19.2">
      <c r="A7694" s="2"/>
      <c r="B7694" s="2"/>
      <c r="C7694" s="2"/>
    </row>
    <row r="7695" spans="1:3" ht="19.2">
      <c r="A7695" s="2"/>
      <c r="B7695" s="2"/>
      <c r="C7695" s="2"/>
    </row>
    <row r="7696" spans="1:3" ht="19.2">
      <c r="A7696" s="2"/>
      <c r="B7696" s="2"/>
      <c r="C7696" s="2"/>
    </row>
    <row r="7697" spans="1:3" ht="19.2">
      <c r="A7697" s="2"/>
      <c r="B7697" s="2"/>
      <c r="C7697" s="2"/>
    </row>
    <row r="7698" spans="1:3" ht="19.2">
      <c r="A7698" s="2"/>
      <c r="B7698" s="2"/>
      <c r="C7698" s="2"/>
    </row>
    <row r="7699" spans="1:3" ht="19.2">
      <c r="A7699" s="2"/>
      <c r="B7699" s="2"/>
      <c r="C7699" s="2"/>
    </row>
    <row r="7700" spans="1:3" ht="19.2">
      <c r="A7700" s="2"/>
      <c r="B7700" s="2"/>
      <c r="C7700" s="2"/>
    </row>
    <row r="7701" spans="1:3" ht="19.2">
      <c r="A7701" s="2"/>
      <c r="B7701" s="2"/>
      <c r="C7701" s="2"/>
    </row>
    <row r="7702" spans="1:3" ht="19.2">
      <c r="A7702" s="2"/>
      <c r="B7702" s="2"/>
      <c r="C7702" s="2"/>
    </row>
    <row r="7703" spans="1:3" ht="19.2">
      <c r="A7703" s="2"/>
      <c r="B7703" s="2"/>
      <c r="C7703" s="2"/>
    </row>
    <row r="7704" spans="1:3" ht="19.2">
      <c r="A7704" s="2"/>
      <c r="B7704" s="2"/>
      <c r="C7704" s="2"/>
    </row>
    <row r="7705" spans="1:3" ht="19.2">
      <c r="A7705" s="2"/>
      <c r="B7705" s="2"/>
      <c r="C7705" s="2"/>
    </row>
    <row r="7706" spans="1:3" ht="19.2">
      <c r="A7706" s="2"/>
      <c r="B7706" s="2"/>
      <c r="C7706" s="2"/>
    </row>
    <row r="7707" spans="1:3" ht="19.2">
      <c r="A7707" s="2"/>
      <c r="B7707" s="2"/>
      <c r="C7707" s="2"/>
    </row>
    <row r="7708" spans="1:3" ht="19.2">
      <c r="A7708" s="2"/>
      <c r="B7708" s="2"/>
      <c r="C7708" s="2"/>
    </row>
    <row r="7709" spans="1:3" ht="19.2">
      <c r="A7709" s="2"/>
      <c r="B7709" s="2"/>
      <c r="C7709" s="2"/>
    </row>
    <row r="7710" spans="1:3" ht="19.2">
      <c r="A7710" s="2"/>
      <c r="B7710" s="2"/>
      <c r="C7710" s="2"/>
    </row>
    <row r="7711" spans="1:3" ht="19.2">
      <c r="A7711" s="2"/>
      <c r="B7711" s="2"/>
      <c r="C7711" s="2"/>
    </row>
    <row r="7712" spans="1:3" ht="19.2">
      <c r="A7712" s="2"/>
      <c r="B7712" s="2"/>
      <c r="C7712" s="2"/>
    </row>
    <row r="7713" spans="1:3" ht="19.2">
      <c r="A7713" s="2"/>
      <c r="B7713" s="2"/>
      <c r="C7713" s="2"/>
    </row>
    <row r="7714" spans="1:3" ht="19.2">
      <c r="A7714" s="2"/>
      <c r="B7714" s="2"/>
      <c r="C7714" s="2"/>
    </row>
    <row r="7715" spans="1:3" ht="19.2">
      <c r="A7715" s="2"/>
      <c r="B7715" s="2"/>
      <c r="C7715" s="2"/>
    </row>
    <row r="7716" spans="1:3" ht="19.2">
      <c r="A7716" s="2"/>
      <c r="B7716" s="2"/>
      <c r="C7716" s="2"/>
    </row>
    <row r="7717" spans="1:3" ht="19.2">
      <c r="A7717" s="2"/>
      <c r="B7717" s="2"/>
      <c r="C7717" s="2"/>
    </row>
    <row r="7718" spans="1:3" ht="19.2">
      <c r="A7718" s="2"/>
      <c r="B7718" s="2"/>
      <c r="C7718" s="2"/>
    </row>
    <row r="7719" spans="1:3" ht="19.2">
      <c r="A7719" s="2"/>
      <c r="B7719" s="2"/>
      <c r="C7719" s="2"/>
    </row>
    <row r="7720" spans="1:3" ht="19.2">
      <c r="A7720" s="2"/>
      <c r="B7720" s="2"/>
      <c r="C7720" s="2"/>
    </row>
    <row r="7721" spans="1:3" ht="19.2">
      <c r="A7721" s="2"/>
      <c r="B7721" s="2"/>
      <c r="C7721" s="2"/>
    </row>
    <row r="7722" spans="1:3" ht="19.2">
      <c r="A7722" s="2"/>
      <c r="B7722" s="2"/>
      <c r="C7722" s="2"/>
    </row>
    <row r="7723" spans="1:3" ht="19.2">
      <c r="A7723" s="2"/>
      <c r="B7723" s="2"/>
      <c r="C7723" s="2"/>
    </row>
    <row r="7724" spans="1:3" ht="19.2">
      <c r="A7724" s="2"/>
      <c r="B7724" s="2"/>
      <c r="C7724" s="2"/>
    </row>
    <row r="7725" spans="1:3" ht="19.2">
      <c r="A7725" s="2"/>
      <c r="B7725" s="2"/>
      <c r="C7725" s="2"/>
    </row>
    <row r="7726" spans="1:3" ht="19.2">
      <c r="A7726" s="2"/>
      <c r="B7726" s="2"/>
      <c r="C7726" s="2"/>
    </row>
    <row r="7727" spans="1:3" ht="19.2">
      <c r="A7727" s="2"/>
      <c r="B7727" s="2"/>
      <c r="C7727" s="2"/>
    </row>
    <row r="7728" spans="1:3" ht="19.2">
      <c r="A7728" s="2"/>
      <c r="B7728" s="2"/>
      <c r="C7728" s="2"/>
    </row>
    <row r="7729" spans="1:3" ht="19.2">
      <c r="A7729" s="2"/>
      <c r="B7729" s="2"/>
      <c r="C7729" s="2"/>
    </row>
    <row r="7730" spans="1:3" ht="19.2">
      <c r="A7730" s="2"/>
      <c r="B7730" s="2"/>
      <c r="C7730" s="2"/>
    </row>
    <row r="7731" spans="1:3" ht="19.2">
      <c r="A7731" s="2"/>
      <c r="B7731" s="2"/>
      <c r="C7731" s="2"/>
    </row>
    <row r="7732" spans="1:3" ht="19.2">
      <c r="A7732" s="2"/>
      <c r="B7732" s="2"/>
      <c r="C7732" s="2"/>
    </row>
    <row r="7733" spans="1:3" ht="19.2">
      <c r="A7733" s="2"/>
      <c r="B7733" s="2"/>
      <c r="C7733" s="2"/>
    </row>
    <row r="7734" spans="1:3" ht="19.2">
      <c r="A7734" s="2"/>
      <c r="B7734" s="2"/>
      <c r="C7734" s="2"/>
    </row>
    <row r="7735" spans="1:3" ht="19.2">
      <c r="A7735" s="2"/>
      <c r="B7735" s="2"/>
      <c r="C7735" s="2"/>
    </row>
    <row r="7736" spans="1:3" ht="19.2">
      <c r="A7736" s="2"/>
      <c r="B7736" s="2"/>
      <c r="C7736" s="2"/>
    </row>
    <row r="7737" spans="1:3" ht="19.2">
      <c r="A7737" s="2"/>
      <c r="B7737" s="2"/>
      <c r="C7737" s="2"/>
    </row>
    <row r="7738" spans="1:3" ht="19.2">
      <c r="A7738" s="2"/>
      <c r="B7738" s="2"/>
      <c r="C7738" s="2"/>
    </row>
    <row r="7739" spans="1:3" ht="19.2">
      <c r="A7739" s="2"/>
      <c r="B7739" s="2"/>
      <c r="C7739" s="2"/>
    </row>
    <row r="7740" spans="1:3" ht="19.2">
      <c r="A7740" s="2"/>
      <c r="B7740" s="2"/>
      <c r="C7740" s="2"/>
    </row>
    <row r="7741" spans="1:3" ht="19.2">
      <c r="A7741" s="2"/>
      <c r="B7741" s="2"/>
      <c r="C7741" s="2"/>
    </row>
    <row r="7742" spans="1:3" ht="19.2">
      <c r="A7742" s="2"/>
      <c r="B7742" s="2"/>
      <c r="C7742" s="2"/>
    </row>
    <row r="7743" spans="1:3" ht="19.2">
      <c r="A7743" s="2"/>
      <c r="B7743" s="2"/>
      <c r="C7743" s="2"/>
    </row>
    <row r="7744" spans="1:3" ht="19.2">
      <c r="A7744" s="2"/>
      <c r="B7744" s="2"/>
      <c r="C7744" s="2"/>
    </row>
    <row r="7745" spans="1:3" ht="19.2">
      <c r="A7745" s="2"/>
      <c r="B7745" s="2"/>
      <c r="C7745" s="2"/>
    </row>
    <row r="7746" spans="1:3" ht="19.2">
      <c r="A7746" s="2"/>
      <c r="B7746" s="2"/>
      <c r="C7746" s="2"/>
    </row>
    <row r="7747" spans="1:3" ht="19.2">
      <c r="A7747" s="2"/>
      <c r="B7747" s="2"/>
      <c r="C7747" s="2"/>
    </row>
    <row r="7748" spans="1:3" ht="19.2">
      <c r="A7748" s="2"/>
      <c r="B7748" s="2"/>
      <c r="C7748" s="2"/>
    </row>
    <row r="7749" spans="1:3" ht="19.2">
      <c r="A7749" s="2"/>
      <c r="B7749" s="2"/>
      <c r="C7749" s="2"/>
    </row>
    <row r="7750" spans="1:3" ht="19.2">
      <c r="A7750" s="2"/>
      <c r="B7750" s="2"/>
      <c r="C7750" s="2"/>
    </row>
    <row r="7751" spans="1:3" ht="19.2">
      <c r="A7751" s="2"/>
      <c r="B7751" s="2"/>
      <c r="C7751" s="2"/>
    </row>
    <row r="7752" spans="1:3" ht="19.2">
      <c r="A7752" s="2"/>
      <c r="B7752" s="2"/>
      <c r="C7752" s="2"/>
    </row>
    <row r="7753" spans="1:3" ht="19.2">
      <c r="A7753" s="2"/>
      <c r="B7753" s="2"/>
      <c r="C7753" s="2"/>
    </row>
    <row r="7754" spans="1:3" ht="19.2">
      <c r="A7754" s="2"/>
      <c r="B7754" s="2"/>
      <c r="C7754" s="2"/>
    </row>
    <row r="7755" spans="1:3" ht="19.2">
      <c r="A7755" s="2"/>
      <c r="B7755" s="2"/>
      <c r="C7755" s="2"/>
    </row>
    <row r="7756" spans="1:3" ht="19.2">
      <c r="A7756" s="2"/>
      <c r="B7756" s="2"/>
      <c r="C7756" s="2"/>
    </row>
    <row r="7757" spans="1:3" ht="19.2">
      <c r="A7757" s="2"/>
      <c r="B7757" s="2"/>
      <c r="C7757" s="2"/>
    </row>
    <row r="7758" spans="1:3" ht="19.2">
      <c r="A7758" s="2"/>
      <c r="B7758" s="2"/>
      <c r="C7758" s="2"/>
    </row>
    <row r="7759" spans="1:3" ht="19.2">
      <c r="A7759" s="2"/>
      <c r="B7759" s="2"/>
      <c r="C7759" s="2"/>
    </row>
    <row r="7760" spans="1:3" ht="19.2">
      <c r="A7760" s="2"/>
      <c r="B7760" s="2"/>
      <c r="C7760" s="2"/>
    </row>
    <row r="7761" spans="1:3" ht="19.2">
      <c r="A7761" s="2"/>
      <c r="B7761" s="2"/>
      <c r="C7761" s="2"/>
    </row>
    <row r="7762" spans="1:3" ht="19.2">
      <c r="A7762" s="2"/>
      <c r="B7762" s="2"/>
      <c r="C7762" s="2"/>
    </row>
    <row r="7763" spans="1:3" ht="19.2">
      <c r="A7763" s="2"/>
      <c r="B7763" s="2"/>
      <c r="C7763" s="2"/>
    </row>
    <row r="7764" spans="1:3" ht="19.2">
      <c r="A7764" s="2"/>
      <c r="B7764" s="2"/>
      <c r="C7764" s="2"/>
    </row>
    <row r="7765" spans="1:3" ht="19.2">
      <c r="A7765" s="2"/>
      <c r="B7765" s="2"/>
      <c r="C7765" s="2"/>
    </row>
    <row r="7766" spans="1:3" ht="19.2">
      <c r="A7766" s="2"/>
      <c r="B7766" s="2"/>
      <c r="C7766" s="2"/>
    </row>
    <row r="7767" spans="1:3" ht="19.2">
      <c r="A7767" s="2"/>
      <c r="B7767" s="2"/>
      <c r="C7767" s="2"/>
    </row>
    <row r="7768" spans="1:3" ht="19.2">
      <c r="A7768" s="2"/>
      <c r="B7768" s="2"/>
      <c r="C7768" s="2"/>
    </row>
    <row r="7769" spans="1:3" ht="19.2">
      <c r="A7769" s="2"/>
      <c r="B7769" s="2"/>
      <c r="C7769" s="2"/>
    </row>
    <row r="7770" spans="1:3" ht="19.2">
      <c r="A7770" s="2"/>
      <c r="B7770" s="2"/>
      <c r="C7770" s="2"/>
    </row>
    <row r="7771" spans="1:3" ht="19.2">
      <c r="A7771" s="2"/>
      <c r="B7771" s="2"/>
      <c r="C7771" s="2"/>
    </row>
    <row r="7772" spans="1:3" ht="19.2">
      <c r="A7772" s="2"/>
      <c r="B7772" s="2"/>
      <c r="C7772" s="2"/>
    </row>
    <row r="7773" spans="1:3" ht="19.2">
      <c r="A7773" s="2"/>
      <c r="B7773" s="2"/>
      <c r="C7773" s="2"/>
    </row>
    <row r="7774" spans="1:3" ht="19.2">
      <c r="A7774" s="2"/>
      <c r="B7774" s="2"/>
      <c r="C7774" s="2"/>
    </row>
    <row r="7775" spans="1:3" ht="19.2">
      <c r="A7775" s="2"/>
      <c r="B7775" s="2"/>
      <c r="C7775" s="2"/>
    </row>
    <row r="7776" spans="1:3" ht="19.2">
      <c r="A7776" s="2"/>
      <c r="B7776" s="2"/>
      <c r="C7776" s="2"/>
    </row>
    <row r="7777" spans="1:3" ht="19.2">
      <c r="A7777" s="2"/>
      <c r="B7777" s="2"/>
      <c r="C7777" s="2"/>
    </row>
    <row r="7778" spans="1:3" ht="19.2">
      <c r="A7778" s="2"/>
      <c r="B7778" s="2"/>
      <c r="C7778" s="2"/>
    </row>
    <row r="7779" spans="1:3" ht="19.2">
      <c r="A7779" s="2"/>
      <c r="B7779" s="2"/>
      <c r="C7779" s="2"/>
    </row>
    <row r="7780" spans="1:3" ht="19.2">
      <c r="A7780" s="2"/>
      <c r="B7780" s="2"/>
      <c r="C7780" s="2"/>
    </row>
    <row r="7781" spans="1:3" ht="19.2">
      <c r="A7781" s="2"/>
      <c r="B7781" s="2"/>
      <c r="C7781" s="2"/>
    </row>
    <row r="7782" spans="1:3" ht="19.2">
      <c r="A7782" s="2"/>
      <c r="B7782" s="2"/>
      <c r="C7782" s="2"/>
    </row>
    <row r="7783" spans="1:3" ht="19.2">
      <c r="A7783" s="2"/>
      <c r="B7783" s="2"/>
      <c r="C7783" s="2"/>
    </row>
    <row r="7784" spans="1:3" ht="19.2">
      <c r="A7784" s="2"/>
      <c r="B7784" s="2"/>
      <c r="C7784" s="2"/>
    </row>
    <row r="7785" spans="1:3" ht="19.2">
      <c r="A7785" s="2"/>
      <c r="B7785" s="2"/>
      <c r="C7785" s="2"/>
    </row>
    <row r="7786" spans="1:3" ht="19.2">
      <c r="A7786" s="2"/>
      <c r="B7786" s="2"/>
      <c r="C7786" s="2"/>
    </row>
    <row r="7787" spans="1:3" ht="19.2">
      <c r="A7787" s="2"/>
      <c r="B7787" s="2"/>
      <c r="C7787" s="2"/>
    </row>
    <row r="7788" spans="1:3" ht="19.2">
      <c r="A7788" s="2"/>
      <c r="B7788" s="2"/>
      <c r="C7788" s="2"/>
    </row>
    <row r="7789" spans="1:3" ht="19.2">
      <c r="A7789" s="2"/>
      <c r="B7789" s="2"/>
      <c r="C7789" s="2"/>
    </row>
    <row r="7790" spans="1:3" ht="19.2">
      <c r="A7790" s="2"/>
      <c r="B7790" s="2"/>
      <c r="C7790" s="2"/>
    </row>
    <row r="7791" spans="1:3" ht="19.2">
      <c r="A7791" s="2"/>
      <c r="B7791" s="2"/>
      <c r="C7791" s="2"/>
    </row>
    <row r="7792" spans="1:3" ht="19.2">
      <c r="A7792" s="2"/>
      <c r="B7792" s="2"/>
      <c r="C7792" s="2"/>
    </row>
    <row r="7793" spans="1:3" ht="19.2">
      <c r="A7793" s="2"/>
      <c r="B7793" s="2"/>
      <c r="C7793" s="2"/>
    </row>
    <row r="7794" spans="1:3" ht="19.2">
      <c r="A7794" s="2"/>
      <c r="B7794" s="2"/>
      <c r="C7794" s="2"/>
    </row>
    <row r="7795" spans="1:3" ht="19.2">
      <c r="A7795" s="2"/>
      <c r="B7795" s="2"/>
      <c r="C7795" s="2"/>
    </row>
    <row r="7796" spans="1:3" ht="19.2">
      <c r="A7796" s="2"/>
      <c r="B7796" s="2"/>
      <c r="C7796" s="2"/>
    </row>
    <row r="7797" spans="1:3" ht="19.2">
      <c r="A7797" s="2"/>
      <c r="B7797" s="2"/>
      <c r="C7797" s="2"/>
    </row>
    <row r="7798" spans="1:3" ht="19.2">
      <c r="A7798" s="2"/>
      <c r="B7798" s="2"/>
      <c r="C7798" s="2"/>
    </row>
    <row r="7799" spans="1:3" ht="19.2">
      <c r="A7799" s="2"/>
      <c r="B7799" s="2"/>
      <c r="C7799" s="2"/>
    </row>
    <row r="7800" spans="1:3" ht="19.2">
      <c r="A7800" s="2"/>
      <c r="B7800" s="2"/>
      <c r="C7800" s="2"/>
    </row>
    <row r="7801" spans="1:3" ht="19.2">
      <c r="A7801" s="2"/>
      <c r="B7801" s="2"/>
      <c r="C7801" s="2"/>
    </row>
    <row r="7802" spans="1:3" ht="19.2">
      <c r="A7802" s="2"/>
      <c r="B7802" s="2"/>
      <c r="C7802" s="2"/>
    </row>
    <row r="7803" spans="1:3" ht="19.2">
      <c r="A7803" s="2"/>
      <c r="B7803" s="2"/>
      <c r="C7803" s="2"/>
    </row>
    <row r="7804" spans="1:3" ht="19.2">
      <c r="A7804" s="2"/>
      <c r="B7804" s="2"/>
      <c r="C7804" s="2"/>
    </row>
    <row r="7805" spans="1:3" ht="19.2">
      <c r="A7805" s="2"/>
      <c r="B7805" s="2"/>
      <c r="C7805" s="2"/>
    </row>
    <row r="7806" spans="1:3" ht="19.2">
      <c r="A7806" s="2"/>
      <c r="B7806" s="2"/>
      <c r="C7806" s="2"/>
    </row>
    <row r="7807" spans="1:3" ht="19.2">
      <c r="A7807" s="2"/>
      <c r="B7807" s="2"/>
      <c r="C7807" s="2"/>
    </row>
    <row r="7808" spans="1:3" ht="19.2">
      <c r="A7808" s="2"/>
      <c r="B7808" s="2"/>
      <c r="C7808" s="2"/>
    </row>
    <row r="7809" spans="1:3" ht="19.2">
      <c r="A7809" s="2"/>
      <c r="B7809" s="2"/>
      <c r="C7809" s="2"/>
    </row>
    <row r="7810" spans="1:3" ht="19.2">
      <c r="A7810" s="2"/>
      <c r="B7810" s="2"/>
      <c r="C7810" s="2"/>
    </row>
    <row r="7811" spans="1:3" ht="19.2">
      <c r="A7811" s="2"/>
      <c r="B7811" s="2"/>
      <c r="C7811" s="2"/>
    </row>
    <row r="7812" spans="1:3" ht="19.2">
      <c r="A7812" s="2"/>
      <c r="B7812" s="2"/>
      <c r="C7812" s="2"/>
    </row>
    <row r="7813" spans="1:3" ht="19.2">
      <c r="A7813" s="2"/>
      <c r="B7813" s="2"/>
      <c r="C7813" s="2"/>
    </row>
    <row r="7814" spans="1:3" ht="19.2">
      <c r="A7814" s="2"/>
      <c r="B7814" s="2"/>
      <c r="C7814" s="2"/>
    </row>
    <row r="7815" spans="1:3" ht="19.2">
      <c r="A7815" s="2"/>
      <c r="B7815" s="2"/>
      <c r="C7815" s="2"/>
    </row>
    <row r="7816" spans="1:3" ht="19.2">
      <c r="A7816" s="2"/>
      <c r="B7816" s="2"/>
      <c r="C7816" s="2"/>
    </row>
    <row r="7817" spans="1:3" ht="19.2">
      <c r="A7817" s="2"/>
      <c r="B7817" s="2"/>
      <c r="C7817" s="2"/>
    </row>
    <row r="7818" spans="1:3" ht="19.2">
      <c r="A7818" s="2"/>
      <c r="B7818" s="2"/>
      <c r="C7818" s="2"/>
    </row>
    <row r="7819" spans="1:3" ht="19.2">
      <c r="A7819" s="2"/>
      <c r="B7819" s="2"/>
      <c r="C7819" s="2"/>
    </row>
    <row r="7820" spans="1:3" ht="19.2">
      <c r="A7820" s="2"/>
      <c r="B7820" s="2"/>
      <c r="C7820" s="2"/>
    </row>
    <row r="7821" spans="1:3" ht="19.2">
      <c r="A7821" s="2"/>
      <c r="B7821" s="2"/>
      <c r="C7821" s="2"/>
    </row>
    <row r="7822" spans="1:3" ht="19.2">
      <c r="A7822" s="2"/>
      <c r="B7822" s="2"/>
      <c r="C7822" s="2"/>
    </row>
    <row r="7823" spans="1:3" ht="19.2">
      <c r="A7823" s="2"/>
      <c r="B7823" s="2"/>
      <c r="C7823" s="2"/>
    </row>
    <row r="7824" spans="1:3" ht="19.2">
      <c r="A7824" s="2"/>
      <c r="B7824" s="2"/>
      <c r="C7824" s="2"/>
    </row>
    <row r="7825" spans="1:3" ht="19.2">
      <c r="A7825" s="2"/>
      <c r="B7825" s="2"/>
      <c r="C7825" s="2"/>
    </row>
    <row r="7826" spans="1:3" ht="19.2">
      <c r="A7826" s="2"/>
      <c r="B7826" s="2"/>
      <c r="C7826" s="2"/>
    </row>
    <row r="7827" spans="1:3" ht="19.2">
      <c r="A7827" s="2"/>
      <c r="B7827" s="2"/>
      <c r="C7827" s="2"/>
    </row>
    <row r="7828" spans="1:3" ht="19.2">
      <c r="A7828" s="2"/>
      <c r="B7828" s="2"/>
      <c r="C7828" s="2"/>
    </row>
    <row r="7829" spans="1:3" ht="19.2">
      <c r="A7829" s="2"/>
      <c r="B7829" s="2"/>
      <c r="C7829" s="2"/>
    </row>
    <row r="7830" spans="1:3" ht="19.2">
      <c r="A7830" s="2"/>
      <c r="B7830" s="2"/>
      <c r="C7830" s="2"/>
    </row>
    <row r="7831" spans="1:3" ht="19.2">
      <c r="A7831" s="2"/>
      <c r="B7831" s="2"/>
      <c r="C7831" s="2"/>
    </row>
    <row r="7832" spans="1:3" ht="19.2">
      <c r="A7832" s="2"/>
      <c r="B7832" s="2"/>
      <c r="C7832" s="2"/>
    </row>
    <row r="7833" spans="1:3" ht="19.2">
      <c r="A7833" s="2"/>
      <c r="B7833" s="2"/>
      <c r="C7833" s="2"/>
    </row>
    <row r="7834" spans="1:3" ht="19.2">
      <c r="A7834" s="2"/>
      <c r="B7834" s="2"/>
      <c r="C7834" s="2"/>
    </row>
    <row r="7835" spans="1:3" ht="19.2">
      <c r="A7835" s="2"/>
      <c r="B7835" s="2"/>
      <c r="C7835" s="2"/>
    </row>
    <row r="7836" spans="1:3" ht="19.2">
      <c r="A7836" s="2"/>
      <c r="B7836" s="2"/>
      <c r="C7836" s="2"/>
    </row>
    <row r="7837" spans="1:3" ht="19.2">
      <c r="A7837" s="2"/>
      <c r="B7837" s="2"/>
      <c r="C7837" s="2"/>
    </row>
    <row r="7838" spans="1:3" ht="19.2">
      <c r="A7838" s="2"/>
      <c r="B7838" s="2"/>
      <c r="C7838" s="2"/>
    </row>
    <row r="7839" spans="1:3" ht="19.2">
      <c r="A7839" s="2"/>
      <c r="B7839" s="2"/>
      <c r="C7839" s="2"/>
    </row>
    <row r="7840" spans="1:3" ht="19.2">
      <c r="A7840" s="2"/>
      <c r="B7840" s="2"/>
      <c r="C7840" s="2"/>
    </row>
    <row r="7841" spans="1:3" ht="19.2">
      <c r="A7841" s="2"/>
      <c r="B7841" s="2"/>
      <c r="C7841" s="2"/>
    </row>
    <row r="7842" spans="1:3" ht="19.2">
      <c r="A7842" s="2"/>
      <c r="B7842" s="2"/>
      <c r="C7842" s="2"/>
    </row>
    <row r="7843" spans="1:3" ht="19.2">
      <c r="A7843" s="2"/>
      <c r="B7843" s="2"/>
      <c r="C7843" s="2"/>
    </row>
    <row r="7844" spans="1:3" ht="19.2">
      <c r="A7844" s="2"/>
      <c r="B7844" s="2"/>
      <c r="C7844" s="2"/>
    </row>
    <row r="7845" spans="1:3" ht="19.2">
      <c r="A7845" s="2"/>
      <c r="B7845" s="2"/>
      <c r="C7845" s="2"/>
    </row>
    <row r="7846" spans="1:3" ht="19.2">
      <c r="A7846" s="2"/>
      <c r="B7846" s="2"/>
      <c r="C7846" s="2"/>
    </row>
    <row r="7847" spans="1:3" ht="19.2">
      <c r="A7847" s="2"/>
      <c r="B7847" s="2"/>
      <c r="C7847" s="2"/>
    </row>
    <row r="7848" spans="1:3" ht="19.2">
      <c r="A7848" s="2"/>
      <c r="B7848" s="2"/>
      <c r="C7848" s="2"/>
    </row>
    <row r="7849" spans="1:3" ht="19.2">
      <c r="A7849" s="2"/>
      <c r="B7849" s="2"/>
      <c r="C7849" s="2"/>
    </row>
    <row r="7850" spans="1:3" ht="19.2">
      <c r="A7850" s="2"/>
      <c r="B7850" s="2"/>
      <c r="C7850" s="2"/>
    </row>
    <row r="7851" spans="1:3" ht="19.2">
      <c r="A7851" s="2"/>
      <c r="B7851" s="2"/>
      <c r="C7851" s="2"/>
    </row>
    <row r="7852" spans="1:3" ht="19.2">
      <c r="A7852" s="2"/>
      <c r="B7852" s="2"/>
      <c r="C7852" s="2"/>
    </row>
    <row r="7853" spans="1:3" ht="19.2">
      <c r="A7853" s="2"/>
      <c r="B7853" s="2"/>
      <c r="C7853" s="2"/>
    </row>
    <row r="7854" spans="1:3" ht="19.2">
      <c r="A7854" s="2"/>
      <c r="B7854" s="2"/>
      <c r="C7854" s="2"/>
    </row>
    <row r="7855" spans="1:3" ht="19.2">
      <c r="A7855" s="2"/>
      <c r="B7855" s="2"/>
      <c r="C7855" s="2"/>
    </row>
    <row r="7856" spans="1:3" ht="19.2">
      <c r="A7856" s="2"/>
      <c r="B7856" s="2"/>
      <c r="C7856" s="2"/>
    </row>
    <row r="7857" spans="1:3" ht="19.2">
      <c r="A7857" s="2"/>
      <c r="B7857" s="2"/>
      <c r="C7857" s="2"/>
    </row>
    <row r="7858" spans="1:3" ht="19.2">
      <c r="A7858" s="2"/>
      <c r="B7858" s="2"/>
      <c r="C7858" s="2"/>
    </row>
    <row r="7859" spans="1:3" ht="19.2">
      <c r="A7859" s="2"/>
      <c r="B7859" s="2"/>
      <c r="C7859" s="2"/>
    </row>
    <row r="7860" spans="1:3" ht="19.2">
      <c r="A7860" s="2"/>
      <c r="B7860" s="2"/>
      <c r="C7860" s="2"/>
    </row>
    <row r="7861" spans="1:3" ht="19.2">
      <c r="A7861" s="2"/>
      <c r="B7861" s="2"/>
      <c r="C7861" s="2"/>
    </row>
    <row r="7862" spans="1:3" ht="19.2">
      <c r="A7862" s="2"/>
      <c r="B7862" s="2"/>
      <c r="C7862" s="2"/>
    </row>
    <row r="7863" spans="1:3" ht="19.2">
      <c r="A7863" s="2"/>
      <c r="B7863" s="2"/>
      <c r="C7863" s="2"/>
    </row>
    <row r="7864" spans="1:3" ht="19.2">
      <c r="A7864" s="2"/>
      <c r="B7864" s="2"/>
      <c r="C7864" s="2"/>
    </row>
    <row r="7865" spans="1:3" ht="19.2">
      <c r="A7865" s="2"/>
      <c r="B7865" s="2"/>
      <c r="C7865" s="2"/>
    </row>
    <row r="7866" spans="1:3" ht="19.2">
      <c r="A7866" s="2"/>
      <c r="B7866" s="2"/>
      <c r="C7866" s="2"/>
    </row>
    <row r="7867" spans="1:3" ht="19.2">
      <c r="A7867" s="2"/>
      <c r="B7867" s="2"/>
      <c r="C7867" s="2"/>
    </row>
    <row r="7868" spans="1:3" ht="19.2">
      <c r="A7868" s="2"/>
      <c r="B7868" s="2"/>
      <c r="C7868" s="2"/>
    </row>
    <row r="7869" spans="1:3" ht="19.2">
      <c r="A7869" s="2"/>
      <c r="B7869" s="2"/>
      <c r="C7869" s="2"/>
    </row>
    <row r="7870" spans="1:3" ht="19.2">
      <c r="A7870" s="2"/>
      <c r="B7870" s="2"/>
      <c r="C7870" s="2"/>
    </row>
    <row r="7871" spans="1:3" ht="19.2">
      <c r="A7871" s="2"/>
      <c r="B7871" s="2"/>
      <c r="C7871" s="2"/>
    </row>
    <row r="7872" spans="1:3" ht="19.2">
      <c r="A7872" s="2"/>
      <c r="B7872" s="2"/>
      <c r="C7872" s="2"/>
    </row>
    <row r="7873" spans="1:3" ht="19.2">
      <c r="A7873" s="2"/>
      <c r="B7873" s="2"/>
      <c r="C7873" s="2"/>
    </row>
    <row r="7874" spans="1:3" ht="19.2">
      <c r="A7874" s="2"/>
      <c r="B7874" s="2"/>
      <c r="C7874" s="2"/>
    </row>
    <row r="7875" spans="1:3" ht="19.2">
      <c r="A7875" s="2"/>
      <c r="B7875" s="2"/>
      <c r="C7875" s="2"/>
    </row>
    <row r="7876" spans="1:3" ht="19.2">
      <c r="A7876" s="2"/>
      <c r="B7876" s="2"/>
      <c r="C7876" s="2"/>
    </row>
    <row r="7877" spans="1:3" ht="19.2">
      <c r="A7877" s="2"/>
      <c r="B7877" s="2"/>
      <c r="C7877" s="2"/>
    </row>
    <row r="7878" spans="1:3" ht="19.2">
      <c r="A7878" s="2"/>
      <c r="B7878" s="2"/>
      <c r="C7878" s="2"/>
    </row>
    <row r="7879" spans="1:3" ht="19.2">
      <c r="A7879" s="2"/>
      <c r="B7879" s="2"/>
      <c r="C7879" s="2"/>
    </row>
    <row r="7880" spans="1:3" ht="19.2">
      <c r="A7880" s="2"/>
      <c r="B7880" s="2"/>
      <c r="C7880" s="2"/>
    </row>
    <row r="7881" spans="1:3" ht="19.2">
      <c r="A7881" s="2"/>
      <c r="B7881" s="2"/>
      <c r="C7881" s="2"/>
    </row>
    <row r="7882" spans="1:3" ht="19.2">
      <c r="A7882" s="2"/>
      <c r="B7882" s="2"/>
      <c r="C7882" s="2"/>
    </row>
    <row r="7883" spans="1:3" ht="19.2">
      <c r="A7883" s="2"/>
      <c r="B7883" s="2"/>
      <c r="C7883" s="2"/>
    </row>
    <row r="7884" spans="1:3" ht="19.2">
      <c r="A7884" s="2"/>
      <c r="B7884" s="2"/>
      <c r="C7884" s="2"/>
    </row>
    <row r="7885" spans="1:3" ht="19.2">
      <c r="A7885" s="2"/>
      <c r="B7885" s="2"/>
      <c r="C7885" s="2"/>
    </row>
    <row r="7886" spans="1:3" ht="19.2">
      <c r="A7886" s="2"/>
      <c r="B7886" s="2"/>
      <c r="C7886" s="2"/>
    </row>
    <row r="7887" spans="1:3" ht="19.2">
      <c r="A7887" s="2"/>
      <c r="B7887" s="2"/>
      <c r="C7887" s="2"/>
    </row>
    <row r="7888" spans="1:3" ht="19.2">
      <c r="A7888" s="2"/>
      <c r="B7888" s="2"/>
      <c r="C7888" s="2"/>
    </row>
    <row r="7889" spans="1:3" ht="19.2">
      <c r="A7889" s="2"/>
      <c r="B7889" s="2"/>
      <c r="C7889" s="2"/>
    </row>
    <row r="7890" spans="1:3" ht="19.2">
      <c r="A7890" s="2"/>
      <c r="B7890" s="2"/>
      <c r="C7890" s="2"/>
    </row>
    <row r="7891" spans="1:3" ht="19.2">
      <c r="A7891" s="2"/>
      <c r="B7891" s="2"/>
      <c r="C7891" s="2"/>
    </row>
    <row r="7892" spans="1:3" ht="19.2">
      <c r="A7892" s="2"/>
      <c r="B7892" s="2"/>
      <c r="C7892" s="2"/>
    </row>
    <row r="7893" spans="1:3" ht="19.2">
      <c r="A7893" s="2"/>
      <c r="B7893" s="2"/>
      <c r="C7893" s="2"/>
    </row>
    <row r="7894" spans="1:3" ht="19.2">
      <c r="A7894" s="2"/>
      <c r="B7894" s="2"/>
      <c r="C7894" s="2"/>
    </row>
    <row r="7895" spans="1:3" ht="19.2">
      <c r="A7895" s="2"/>
      <c r="B7895" s="2"/>
      <c r="C7895" s="2"/>
    </row>
    <row r="7896" spans="1:3" ht="19.2">
      <c r="A7896" s="2"/>
      <c r="B7896" s="2"/>
      <c r="C7896" s="2"/>
    </row>
    <row r="7897" spans="1:3" ht="19.2">
      <c r="A7897" s="2"/>
      <c r="B7897" s="2"/>
      <c r="C7897" s="2"/>
    </row>
    <row r="7898" spans="1:3" ht="19.2">
      <c r="A7898" s="2"/>
      <c r="B7898" s="2"/>
      <c r="C7898" s="2"/>
    </row>
    <row r="7899" spans="1:3" ht="19.2">
      <c r="A7899" s="2"/>
      <c r="B7899" s="2"/>
      <c r="C7899" s="2"/>
    </row>
    <row r="7900" spans="1:3" ht="19.2">
      <c r="A7900" s="2"/>
      <c r="B7900" s="2"/>
      <c r="C7900" s="2"/>
    </row>
    <row r="7901" spans="1:3" ht="19.2">
      <c r="A7901" s="2"/>
      <c r="B7901" s="2"/>
      <c r="C7901" s="2"/>
    </row>
    <row r="7902" spans="1:3" ht="19.2">
      <c r="A7902" s="2"/>
      <c r="B7902" s="2"/>
      <c r="C7902" s="2"/>
    </row>
    <row r="7903" spans="1:3" ht="19.2">
      <c r="A7903" s="2"/>
      <c r="B7903" s="2"/>
      <c r="C7903" s="2"/>
    </row>
    <row r="7904" spans="1:3" ht="19.2">
      <c r="A7904" s="2"/>
      <c r="B7904" s="2"/>
      <c r="C7904" s="2"/>
    </row>
    <row r="7905" spans="1:3" ht="19.2">
      <c r="A7905" s="2"/>
      <c r="B7905" s="2"/>
      <c r="C7905" s="2"/>
    </row>
    <row r="7906" spans="1:3" ht="19.2">
      <c r="A7906" s="2"/>
      <c r="B7906" s="2"/>
      <c r="C7906" s="2"/>
    </row>
    <row r="7907" spans="1:3" ht="19.2">
      <c r="A7907" s="2"/>
      <c r="B7907" s="2"/>
      <c r="C7907" s="2"/>
    </row>
    <row r="7908" spans="1:3" ht="19.2">
      <c r="A7908" s="2"/>
      <c r="B7908" s="2"/>
      <c r="C7908" s="2"/>
    </row>
    <row r="7909" spans="1:3" ht="19.2">
      <c r="A7909" s="2"/>
      <c r="B7909" s="2"/>
      <c r="C7909" s="2"/>
    </row>
    <row r="7910" spans="1:3" ht="19.2">
      <c r="A7910" s="2"/>
      <c r="B7910" s="2"/>
      <c r="C7910" s="2"/>
    </row>
    <row r="7911" spans="1:3" ht="19.2">
      <c r="A7911" s="2"/>
      <c r="B7911" s="2"/>
      <c r="C7911" s="2"/>
    </row>
    <row r="7912" spans="1:3" ht="19.2">
      <c r="A7912" s="2"/>
      <c r="B7912" s="2"/>
      <c r="C7912" s="2"/>
    </row>
    <row r="7913" spans="1:3" ht="19.2">
      <c r="A7913" s="2"/>
      <c r="B7913" s="2"/>
      <c r="C7913" s="2"/>
    </row>
    <row r="7914" spans="1:3" ht="19.2">
      <c r="A7914" s="2"/>
      <c r="B7914" s="2"/>
      <c r="C7914" s="2"/>
    </row>
    <row r="7915" spans="1:3" ht="19.2">
      <c r="A7915" s="2"/>
      <c r="B7915" s="2"/>
      <c r="C7915" s="2"/>
    </row>
    <row r="7916" spans="1:3" ht="19.2">
      <c r="A7916" s="2"/>
      <c r="B7916" s="2"/>
      <c r="C7916" s="2"/>
    </row>
    <row r="7917" spans="1:3" ht="19.2">
      <c r="A7917" s="2"/>
      <c r="B7917" s="2"/>
      <c r="C7917" s="2"/>
    </row>
    <row r="7918" spans="1:3" ht="19.2">
      <c r="A7918" s="2"/>
      <c r="B7918" s="2"/>
      <c r="C7918" s="2"/>
    </row>
    <row r="7919" spans="1:3" ht="19.2">
      <c r="A7919" s="2"/>
      <c r="B7919" s="2"/>
      <c r="C7919" s="2"/>
    </row>
    <row r="7920" spans="1:3" ht="19.2">
      <c r="A7920" s="2"/>
      <c r="B7920" s="2"/>
      <c r="C7920" s="2"/>
    </row>
    <row r="7921" spans="1:3" ht="19.2">
      <c r="A7921" s="2"/>
      <c r="B7921" s="2"/>
      <c r="C7921" s="2"/>
    </row>
    <row r="7922" spans="1:3" ht="19.2">
      <c r="A7922" s="2"/>
      <c r="B7922" s="2"/>
      <c r="C7922" s="2"/>
    </row>
    <row r="7923" spans="1:3" ht="19.2">
      <c r="A7923" s="2"/>
      <c r="B7923" s="2"/>
      <c r="C7923" s="2"/>
    </row>
    <row r="7924" spans="1:3" ht="19.2">
      <c r="A7924" s="2"/>
      <c r="B7924" s="2"/>
      <c r="C7924" s="2"/>
    </row>
    <row r="7925" spans="1:3" ht="19.2">
      <c r="A7925" s="2"/>
      <c r="B7925" s="2"/>
      <c r="C7925" s="2"/>
    </row>
    <row r="7926" spans="1:3" ht="19.2">
      <c r="A7926" s="2"/>
      <c r="B7926" s="2"/>
      <c r="C7926" s="2"/>
    </row>
    <row r="7927" spans="1:3" ht="19.2">
      <c r="A7927" s="2"/>
      <c r="B7927" s="2"/>
      <c r="C7927" s="2"/>
    </row>
    <row r="7928" spans="1:3" ht="19.2">
      <c r="A7928" s="2"/>
      <c r="B7928" s="2"/>
      <c r="C7928" s="2"/>
    </row>
    <row r="7929" spans="1:3" ht="19.2">
      <c r="A7929" s="2"/>
      <c r="B7929" s="2"/>
      <c r="C7929" s="2"/>
    </row>
    <row r="7930" spans="1:3" ht="19.2">
      <c r="A7930" s="2"/>
      <c r="B7930" s="2"/>
      <c r="C7930" s="2"/>
    </row>
    <row r="7931" spans="1:3" ht="19.2">
      <c r="A7931" s="2"/>
      <c r="B7931" s="2"/>
      <c r="C7931" s="2"/>
    </row>
    <row r="7932" spans="1:3" ht="19.2">
      <c r="A7932" s="2"/>
      <c r="B7932" s="2"/>
      <c r="C7932" s="2"/>
    </row>
    <row r="7933" spans="1:3" ht="19.2">
      <c r="A7933" s="2"/>
      <c r="B7933" s="2"/>
      <c r="C7933" s="2"/>
    </row>
    <row r="7934" spans="1:3" ht="19.2">
      <c r="A7934" s="2"/>
      <c r="B7934" s="2"/>
      <c r="C7934" s="2"/>
    </row>
    <row r="7935" spans="1:3" ht="19.2">
      <c r="A7935" s="2"/>
      <c r="B7935" s="2"/>
      <c r="C7935" s="2"/>
    </row>
    <row r="7936" spans="1:3" ht="19.2">
      <c r="A7936" s="2"/>
      <c r="B7936" s="2"/>
      <c r="C7936" s="2"/>
    </row>
    <row r="7937" spans="1:3" ht="19.2">
      <c r="A7937" s="2"/>
      <c r="B7937" s="2"/>
      <c r="C7937" s="2"/>
    </row>
    <row r="7938" spans="1:3" ht="19.2">
      <c r="A7938" s="2"/>
      <c r="B7938" s="2"/>
      <c r="C7938" s="2"/>
    </row>
    <row r="7939" spans="1:3" ht="19.2">
      <c r="A7939" s="2"/>
      <c r="B7939" s="2"/>
      <c r="C7939" s="2"/>
    </row>
    <row r="7940" spans="1:3" ht="19.2">
      <c r="A7940" s="2"/>
      <c r="B7940" s="2"/>
      <c r="C7940" s="2"/>
    </row>
    <row r="7941" spans="1:3" ht="19.2">
      <c r="A7941" s="2"/>
      <c r="B7941" s="2"/>
      <c r="C7941" s="2"/>
    </row>
    <row r="7942" spans="1:3" ht="19.2">
      <c r="A7942" s="2"/>
      <c r="B7942" s="2"/>
      <c r="C7942" s="2"/>
    </row>
    <row r="7943" spans="1:3" ht="19.2">
      <c r="A7943" s="2"/>
      <c r="B7943" s="2"/>
      <c r="C7943" s="2"/>
    </row>
    <row r="7944" spans="1:3" ht="19.2">
      <c r="A7944" s="2"/>
      <c r="B7944" s="2"/>
      <c r="C7944" s="2"/>
    </row>
    <row r="7945" spans="1:3" ht="19.2">
      <c r="A7945" s="2"/>
      <c r="B7945" s="2"/>
      <c r="C7945" s="2"/>
    </row>
    <row r="7946" spans="1:3" ht="19.2">
      <c r="A7946" s="2"/>
      <c r="B7946" s="2"/>
      <c r="C7946" s="2"/>
    </row>
    <row r="7947" spans="1:3" ht="19.2">
      <c r="A7947" s="2"/>
      <c r="B7947" s="2"/>
      <c r="C7947" s="2"/>
    </row>
    <row r="7948" spans="1:3" ht="19.2">
      <c r="A7948" s="2"/>
      <c r="B7948" s="2"/>
      <c r="C7948" s="2"/>
    </row>
    <row r="7949" spans="1:3" ht="19.2">
      <c r="A7949" s="2"/>
      <c r="B7949" s="2"/>
      <c r="C7949" s="2"/>
    </row>
    <row r="7950" spans="1:3" ht="19.2">
      <c r="A7950" s="2"/>
      <c r="B7950" s="2"/>
      <c r="C7950" s="2"/>
    </row>
    <row r="7951" spans="1:3" ht="19.2">
      <c r="A7951" s="2"/>
      <c r="B7951" s="2"/>
      <c r="C7951" s="2"/>
    </row>
    <row r="7952" spans="1:3" ht="19.2">
      <c r="A7952" s="2"/>
      <c r="B7952" s="2"/>
      <c r="C7952" s="2"/>
    </row>
    <row r="7953" spans="1:3" ht="19.2">
      <c r="A7953" s="2"/>
      <c r="B7953" s="2"/>
      <c r="C7953" s="2"/>
    </row>
    <row r="7954" spans="1:3" ht="19.2">
      <c r="A7954" s="2"/>
      <c r="B7954" s="2"/>
      <c r="C7954" s="2"/>
    </row>
    <row r="7955" spans="1:3" ht="19.2">
      <c r="A7955" s="2"/>
      <c r="B7955" s="2"/>
      <c r="C7955" s="2"/>
    </row>
    <row r="7956" spans="1:3" ht="19.2">
      <c r="A7956" s="2"/>
      <c r="B7956" s="2"/>
      <c r="C7956" s="2"/>
    </row>
    <row r="7957" spans="1:3" ht="19.2">
      <c r="A7957" s="2"/>
      <c r="B7957" s="2"/>
      <c r="C7957" s="2"/>
    </row>
    <row r="7958" spans="1:3" ht="19.2">
      <c r="A7958" s="2"/>
      <c r="B7958" s="2"/>
      <c r="C7958" s="2"/>
    </row>
    <row r="7959" spans="1:3" ht="19.2">
      <c r="A7959" s="2"/>
      <c r="B7959" s="2"/>
      <c r="C7959" s="2"/>
    </row>
    <row r="7960" spans="1:3" ht="19.2">
      <c r="A7960" s="2"/>
      <c r="B7960" s="2"/>
      <c r="C7960" s="2"/>
    </row>
    <row r="7961" spans="1:3" ht="19.2">
      <c r="A7961" s="2"/>
      <c r="B7961" s="2"/>
      <c r="C7961" s="2"/>
    </row>
    <row r="7962" spans="1:3" ht="19.2">
      <c r="A7962" s="2"/>
      <c r="B7962" s="2"/>
      <c r="C7962" s="2"/>
    </row>
    <row r="7963" spans="1:3" ht="19.2">
      <c r="A7963" s="2"/>
      <c r="B7963" s="2"/>
      <c r="C7963" s="2"/>
    </row>
    <row r="7964" spans="1:3" ht="19.2">
      <c r="A7964" s="2"/>
      <c r="B7964" s="2"/>
      <c r="C7964" s="2"/>
    </row>
    <row r="7965" spans="1:3" ht="19.2">
      <c r="A7965" s="2"/>
      <c r="B7965" s="2"/>
      <c r="C7965" s="2"/>
    </row>
    <row r="7966" spans="1:3" ht="19.2">
      <c r="A7966" s="2"/>
      <c r="B7966" s="2"/>
      <c r="C7966" s="2"/>
    </row>
    <row r="7967" spans="1:3" ht="19.2">
      <c r="A7967" s="2"/>
      <c r="B7967" s="2"/>
      <c r="C7967" s="2"/>
    </row>
    <row r="7968" spans="1:3" ht="19.2">
      <c r="A7968" s="2"/>
      <c r="B7968" s="2"/>
      <c r="C7968" s="2"/>
    </row>
    <row r="7969" spans="1:3" ht="19.2">
      <c r="A7969" s="2"/>
      <c r="B7969" s="2"/>
      <c r="C7969" s="2"/>
    </row>
    <row r="7970" spans="1:3" ht="19.2">
      <c r="A7970" s="2"/>
      <c r="B7970" s="2"/>
      <c r="C7970" s="2"/>
    </row>
    <row r="7971" spans="1:3" ht="19.2">
      <c r="A7971" s="2"/>
      <c r="B7971" s="2"/>
      <c r="C7971" s="2"/>
    </row>
    <row r="7972" spans="1:3" ht="19.2">
      <c r="A7972" s="2"/>
      <c r="B7972" s="2"/>
      <c r="C7972" s="2"/>
    </row>
    <row r="7973" spans="1:3" ht="19.2">
      <c r="A7973" s="2"/>
      <c r="B7973" s="2"/>
      <c r="C7973" s="2"/>
    </row>
    <row r="7974" spans="1:3" ht="19.2">
      <c r="A7974" s="2"/>
      <c r="B7974" s="2"/>
      <c r="C7974" s="2"/>
    </row>
    <row r="7975" spans="1:3" ht="19.2">
      <c r="A7975" s="2"/>
      <c r="B7975" s="2"/>
      <c r="C7975" s="2"/>
    </row>
    <row r="7976" spans="1:3" ht="19.2">
      <c r="A7976" s="2"/>
      <c r="B7976" s="2"/>
      <c r="C7976" s="2"/>
    </row>
    <row r="7977" spans="1:3" ht="19.2">
      <c r="A7977" s="2"/>
      <c r="B7977" s="2"/>
      <c r="C7977" s="2"/>
    </row>
    <row r="7978" spans="1:3" ht="19.2">
      <c r="A7978" s="2"/>
      <c r="B7978" s="2"/>
      <c r="C7978" s="2"/>
    </row>
    <row r="7979" spans="1:3" ht="19.2">
      <c r="A7979" s="2"/>
      <c r="B7979" s="2"/>
      <c r="C7979" s="2"/>
    </row>
    <row r="7980" spans="1:3" ht="19.2">
      <c r="A7980" s="2"/>
      <c r="B7980" s="2"/>
      <c r="C7980" s="2"/>
    </row>
    <row r="7981" spans="1:3" ht="19.2">
      <c r="A7981" s="2"/>
      <c r="B7981" s="2"/>
      <c r="C7981" s="2"/>
    </row>
    <row r="7982" spans="1:3" ht="19.2">
      <c r="A7982" s="2"/>
      <c r="B7982" s="2"/>
      <c r="C7982" s="2"/>
    </row>
    <row r="7983" spans="1:3" ht="19.2">
      <c r="A7983" s="2"/>
      <c r="B7983" s="2"/>
      <c r="C7983" s="2"/>
    </row>
    <row r="7984" spans="1:3" ht="19.2">
      <c r="A7984" s="2"/>
      <c r="B7984" s="2"/>
      <c r="C7984" s="2"/>
    </row>
    <row r="7985" spans="1:3" ht="19.2">
      <c r="A7985" s="2"/>
      <c r="B7985" s="2"/>
      <c r="C7985" s="2"/>
    </row>
    <row r="7986" spans="1:3" ht="19.2">
      <c r="A7986" s="2"/>
      <c r="B7986" s="2"/>
      <c r="C7986" s="2"/>
    </row>
    <row r="7987" spans="1:3" ht="19.2">
      <c r="A7987" s="2"/>
      <c r="B7987" s="2"/>
      <c r="C7987" s="2"/>
    </row>
    <row r="7988" spans="1:3" ht="19.2">
      <c r="A7988" s="2"/>
      <c r="B7988" s="2"/>
      <c r="C7988" s="2"/>
    </row>
    <row r="7989" spans="1:3" ht="19.2">
      <c r="A7989" s="2"/>
      <c r="B7989" s="2"/>
      <c r="C7989" s="2"/>
    </row>
    <row r="7990" spans="1:3" ht="19.2">
      <c r="A7990" s="2"/>
      <c r="B7990" s="2"/>
      <c r="C7990" s="2"/>
    </row>
    <row r="7991" spans="1:3" ht="19.2">
      <c r="A7991" s="2"/>
      <c r="B7991" s="2"/>
      <c r="C7991" s="2"/>
    </row>
    <row r="7992" spans="1:3" ht="19.2">
      <c r="A7992" s="2"/>
      <c r="B7992" s="2"/>
      <c r="C7992" s="2"/>
    </row>
    <row r="7993" spans="1:3" ht="19.2">
      <c r="A7993" s="2"/>
      <c r="B7993" s="2"/>
      <c r="C7993" s="2"/>
    </row>
    <row r="7994" spans="1:3" ht="19.2">
      <c r="A7994" s="2"/>
      <c r="B7994" s="2"/>
      <c r="C7994" s="2"/>
    </row>
    <row r="7995" spans="1:3" ht="19.2">
      <c r="A7995" s="2"/>
      <c r="B7995" s="2"/>
      <c r="C7995" s="2"/>
    </row>
    <row r="7996" spans="1:3" ht="19.2">
      <c r="A7996" s="2"/>
      <c r="B7996" s="2"/>
      <c r="C7996" s="2"/>
    </row>
    <row r="7997" spans="1:3" ht="19.2">
      <c r="A7997" s="2"/>
      <c r="B7997" s="2"/>
      <c r="C7997" s="2"/>
    </row>
    <row r="7998" spans="1:3" ht="19.2">
      <c r="A7998" s="2"/>
      <c r="B7998" s="2"/>
      <c r="C7998" s="2"/>
    </row>
    <row r="7999" spans="1:3" ht="19.2">
      <c r="A7999" s="2"/>
      <c r="B7999" s="2"/>
      <c r="C7999" s="2"/>
    </row>
    <row r="8000" spans="1:3" ht="19.2">
      <c r="A8000" s="2"/>
      <c r="B8000" s="2"/>
      <c r="C8000" s="2"/>
    </row>
    <row r="8001" spans="1:3" ht="19.2">
      <c r="A8001" s="2"/>
      <c r="B8001" s="2"/>
      <c r="C8001" s="2"/>
    </row>
    <row r="8002" spans="1:3" ht="19.2">
      <c r="A8002" s="2"/>
      <c r="B8002" s="2"/>
      <c r="C8002" s="2"/>
    </row>
    <row r="8003" spans="1:3" ht="19.2">
      <c r="A8003" s="2"/>
      <c r="B8003" s="2"/>
      <c r="C8003" s="2"/>
    </row>
    <row r="8004" spans="1:3" ht="19.2">
      <c r="A8004" s="2"/>
      <c r="B8004" s="2"/>
      <c r="C8004" s="2"/>
    </row>
    <row r="8005" spans="1:3" ht="19.2">
      <c r="A8005" s="2"/>
      <c r="B8005" s="2"/>
      <c r="C8005" s="2"/>
    </row>
    <row r="8006" spans="1:3" ht="19.2">
      <c r="A8006" s="2"/>
      <c r="B8006" s="2"/>
      <c r="C8006" s="2"/>
    </row>
    <row r="8007" spans="1:3" ht="19.2">
      <c r="A8007" s="2"/>
      <c r="B8007" s="2"/>
      <c r="C8007" s="2"/>
    </row>
    <row r="8008" spans="1:3" ht="19.2">
      <c r="A8008" s="2"/>
      <c r="B8008" s="2"/>
      <c r="C8008" s="2"/>
    </row>
    <row r="8009" spans="1:3" ht="19.2">
      <c r="A8009" s="2"/>
      <c r="B8009" s="2"/>
      <c r="C8009" s="2"/>
    </row>
    <row r="8010" spans="1:3" ht="19.2">
      <c r="A8010" s="2"/>
      <c r="B8010" s="2"/>
      <c r="C8010" s="2"/>
    </row>
    <row r="8011" spans="1:3" ht="19.2">
      <c r="A8011" s="2"/>
      <c r="B8011" s="2"/>
      <c r="C8011" s="2"/>
    </row>
    <row r="8012" spans="1:3" ht="19.2">
      <c r="A8012" s="2"/>
      <c r="B8012" s="2"/>
      <c r="C8012" s="2"/>
    </row>
    <row r="8013" spans="1:3" ht="19.2">
      <c r="A8013" s="2"/>
      <c r="B8013" s="2"/>
      <c r="C8013" s="2"/>
    </row>
    <row r="8014" spans="1:3" ht="19.2">
      <c r="A8014" s="2"/>
      <c r="B8014" s="2"/>
      <c r="C8014" s="2"/>
    </row>
    <row r="8015" spans="1:3" ht="19.2">
      <c r="A8015" s="2"/>
      <c r="B8015" s="2"/>
      <c r="C8015" s="2"/>
    </row>
    <row r="8016" spans="1:3" ht="19.2">
      <c r="A8016" s="2"/>
      <c r="B8016" s="2"/>
      <c r="C8016" s="2"/>
    </row>
    <row r="8017" spans="1:3" ht="19.2">
      <c r="A8017" s="2"/>
      <c r="B8017" s="2"/>
      <c r="C8017" s="2"/>
    </row>
    <row r="8018" spans="1:3" ht="19.2">
      <c r="A8018" s="2"/>
      <c r="B8018" s="2"/>
      <c r="C8018" s="2"/>
    </row>
    <row r="8019" spans="1:3" ht="19.2">
      <c r="A8019" s="2"/>
      <c r="B8019" s="2"/>
      <c r="C8019" s="2"/>
    </row>
    <row r="8020" spans="1:3" ht="19.2">
      <c r="A8020" s="2"/>
      <c r="B8020" s="2"/>
      <c r="C8020" s="2"/>
    </row>
    <row r="8021" spans="1:3" ht="19.2">
      <c r="A8021" s="2"/>
      <c r="B8021" s="2"/>
      <c r="C8021" s="2"/>
    </row>
    <row r="8022" spans="1:3" ht="19.2">
      <c r="A8022" s="2"/>
      <c r="B8022" s="2"/>
      <c r="C8022" s="2"/>
    </row>
    <row r="8023" spans="1:3" ht="19.2">
      <c r="A8023" s="2"/>
      <c r="B8023" s="2"/>
      <c r="C8023" s="2"/>
    </row>
    <row r="8024" spans="1:3" ht="19.2">
      <c r="A8024" s="2"/>
      <c r="B8024" s="2"/>
      <c r="C8024" s="2"/>
    </row>
    <row r="8025" spans="1:3" ht="19.2">
      <c r="A8025" s="2"/>
      <c r="B8025" s="2"/>
      <c r="C8025" s="2"/>
    </row>
    <row r="8026" spans="1:3" ht="19.2">
      <c r="A8026" s="2"/>
      <c r="B8026" s="2"/>
      <c r="C8026" s="2"/>
    </row>
    <row r="8027" spans="1:3" ht="19.2">
      <c r="A8027" s="2"/>
      <c r="B8027" s="2"/>
      <c r="C8027" s="2"/>
    </row>
    <row r="8028" spans="1:3" ht="19.2">
      <c r="A8028" s="2"/>
      <c r="B8028" s="2"/>
      <c r="C8028" s="2"/>
    </row>
    <row r="8029" spans="1:3" ht="19.2">
      <c r="A8029" s="2"/>
      <c r="B8029" s="2"/>
      <c r="C8029" s="2"/>
    </row>
    <row r="8030" spans="1:3" ht="19.2">
      <c r="A8030" s="2"/>
      <c r="B8030" s="2"/>
      <c r="C8030" s="2"/>
    </row>
    <row r="8031" spans="1:3" ht="19.2">
      <c r="A8031" s="2"/>
      <c r="B8031" s="2"/>
      <c r="C8031" s="2"/>
    </row>
    <row r="8032" spans="1:3" ht="19.2">
      <c r="A8032" s="2"/>
      <c r="B8032" s="2"/>
      <c r="C8032" s="2"/>
    </row>
    <row r="8033" spans="1:3" ht="19.2">
      <c r="A8033" s="2"/>
      <c r="B8033" s="2"/>
      <c r="C8033" s="2"/>
    </row>
    <row r="8034" spans="1:3" ht="19.2">
      <c r="A8034" s="2"/>
      <c r="B8034" s="2"/>
      <c r="C8034" s="2"/>
    </row>
    <row r="8035" spans="1:3" ht="19.2">
      <c r="A8035" s="2"/>
      <c r="B8035" s="2"/>
      <c r="C8035" s="2"/>
    </row>
    <row r="8036" spans="1:3" ht="19.2">
      <c r="A8036" s="2"/>
      <c r="B8036" s="2"/>
      <c r="C8036" s="2"/>
    </row>
    <row r="8037" spans="1:3" ht="19.2">
      <c r="A8037" s="2"/>
      <c r="B8037" s="2"/>
      <c r="C8037" s="2"/>
    </row>
    <row r="8038" spans="1:3" ht="19.2">
      <c r="A8038" s="2"/>
      <c r="B8038" s="2"/>
      <c r="C8038" s="2"/>
    </row>
    <row r="8039" spans="1:3" ht="19.2">
      <c r="A8039" s="2"/>
      <c r="B8039" s="2"/>
      <c r="C8039" s="2"/>
    </row>
    <row r="8040" spans="1:3" ht="19.2">
      <c r="A8040" s="2"/>
      <c r="B8040" s="2"/>
      <c r="C8040" s="2"/>
    </row>
    <row r="8041" spans="1:3" ht="19.2">
      <c r="A8041" s="2"/>
      <c r="B8041" s="2"/>
      <c r="C8041" s="2"/>
    </row>
    <row r="8042" spans="1:3" ht="19.2">
      <c r="A8042" s="2"/>
      <c r="B8042" s="2"/>
      <c r="C8042" s="2"/>
    </row>
    <row r="8043" spans="1:3" ht="19.2">
      <c r="A8043" s="2"/>
      <c r="B8043" s="2"/>
      <c r="C8043" s="2"/>
    </row>
    <row r="8044" spans="1:3" ht="19.2">
      <c r="A8044" s="2"/>
      <c r="B8044" s="2"/>
      <c r="C8044" s="2"/>
    </row>
    <row r="8045" spans="1:3" ht="19.2">
      <c r="A8045" s="2"/>
      <c r="B8045" s="2"/>
      <c r="C8045" s="2"/>
    </row>
    <row r="8046" spans="1:3" ht="19.2">
      <c r="A8046" s="2"/>
      <c r="B8046" s="2"/>
      <c r="C8046" s="2"/>
    </row>
    <row r="8047" spans="1:3" ht="19.2">
      <c r="A8047" s="2"/>
      <c r="B8047" s="2"/>
      <c r="C8047" s="2"/>
    </row>
    <row r="8048" spans="1:3" ht="19.2">
      <c r="A8048" s="2"/>
      <c r="B8048" s="2"/>
      <c r="C8048" s="2"/>
    </row>
    <row r="8049" spans="1:3" ht="19.2">
      <c r="A8049" s="2"/>
      <c r="B8049" s="2"/>
      <c r="C8049" s="2"/>
    </row>
    <row r="8050" spans="1:3" ht="19.2">
      <c r="A8050" s="2"/>
      <c r="B8050" s="2"/>
      <c r="C8050" s="2"/>
    </row>
    <row r="8051" spans="1:3" ht="19.2">
      <c r="A8051" s="2"/>
      <c r="B8051" s="2"/>
      <c r="C8051" s="2"/>
    </row>
    <row r="8052" spans="1:3" ht="19.2">
      <c r="A8052" s="2"/>
      <c r="B8052" s="2"/>
      <c r="C8052" s="2"/>
    </row>
    <row r="8053" spans="1:3" ht="19.2">
      <c r="A8053" s="2"/>
      <c r="B8053" s="2"/>
      <c r="C8053" s="2"/>
    </row>
    <row r="8054" spans="1:3" ht="19.2">
      <c r="A8054" s="2"/>
      <c r="B8054" s="2"/>
      <c r="C8054" s="2"/>
    </row>
    <row r="8055" spans="1:3" ht="19.2">
      <c r="A8055" s="2"/>
      <c r="B8055" s="2"/>
      <c r="C8055" s="2"/>
    </row>
    <row r="8056" spans="1:3" ht="19.2">
      <c r="A8056" s="2"/>
      <c r="B8056" s="2"/>
      <c r="C8056" s="2"/>
    </row>
    <row r="8057" spans="1:3" ht="19.2">
      <c r="A8057" s="2"/>
      <c r="B8057" s="2"/>
      <c r="C8057" s="2"/>
    </row>
    <row r="8058" spans="1:3" ht="19.2">
      <c r="A8058" s="2"/>
      <c r="B8058" s="2"/>
      <c r="C8058" s="2"/>
    </row>
    <row r="8059" spans="1:3" ht="19.2">
      <c r="A8059" s="2"/>
      <c r="B8059" s="2"/>
      <c r="C8059" s="2"/>
    </row>
    <row r="8060" spans="1:3" ht="19.2">
      <c r="A8060" s="2"/>
      <c r="B8060" s="2"/>
      <c r="C8060" s="2"/>
    </row>
    <row r="8061" spans="1:3" ht="19.2">
      <c r="A8061" s="2"/>
      <c r="B8061" s="2"/>
      <c r="C8061" s="2"/>
    </row>
    <row r="8062" spans="1:3" ht="19.2">
      <c r="A8062" s="2"/>
      <c r="B8062" s="2"/>
      <c r="C8062" s="2"/>
    </row>
    <row r="8063" spans="1:3" ht="19.2">
      <c r="A8063" s="2"/>
      <c r="B8063" s="2"/>
      <c r="C8063" s="2"/>
    </row>
    <row r="8064" spans="1:3" ht="19.2">
      <c r="A8064" s="2"/>
      <c r="B8064" s="2"/>
      <c r="C8064" s="2"/>
    </row>
    <row r="8065" spans="1:3" ht="19.2">
      <c r="A8065" s="2"/>
      <c r="B8065" s="2"/>
      <c r="C8065" s="2"/>
    </row>
    <row r="8066" spans="1:3" ht="19.2">
      <c r="A8066" s="2"/>
      <c r="B8066" s="2"/>
      <c r="C8066" s="2"/>
    </row>
    <row r="8067" spans="1:3" ht="19.2">
      <c r="A8067" s="2"/>
      <c r="B8067" s="2"/>
      <c r="C8067" s="2"/>
    </row>
    <row r="8068" spans="1:3" ht="19.2">
      <c r="A8068" s="2"/>
      <c r="B8068" s="2"/>
      <c r="C8068" s="2"/>
    </row>
    <row r="8069" spans="1:3" ht="19.2">
      <c r="A8069" s="2"/>
      <c r="B8069" s="2"/>
      <c r="C8069" s="2"/>
    </row>
    <row r="8070" spans="1:3" ht="19.2">
      <c r="A8070" s="2"/>
      <c r="B8070" s="2"/>
      <c r="C8070" s="2"/>
    </row>
    <row r="8071" spans="1:3" ht="19.2">
      <c r="A8071" s="2"/>
      <c r="B8071" s="2"/>
      <c r="C8071" s="2"/>
    </row>
    <row r="8072" spans="1:3" ht="19.2">
      <c r="A8072" s="2"/>
      <c r="B8072" s="2"/>
      <c r="C8072" s="2"/>
    </row>
    <row r="8073" spans="1:3" ht="19.2">
      <c r="A8073" s="2"/>
      <c r="B8073" s="2"/>
      <c r="C8073" s="2"/>
    </row>
    <row r="8074" spans="1:3" ht="19.2">
      <c r="A8074" s="2"/>
      <c r="B8074" s="2"/>
      <c r="C8074" s="2"/>
    </row>
    <row r="8075" spans="1:3" ht="19.2">
      <c r="A8075" s="2"/>
      <c r="B8075" s="2"/>
      <c r="C8075" s="2"/>
    </row>
    <row r="8076" spans="1:3" ht="19.2">
      <c r="A8076" s="2"/>
      <c r="B8076" s="2"/>
      <c r="C8076" s="2"/>
    </row>
    <row r="8077" spans="1:3" ht="19.2">
      <c r="A8077" s="2"/>
      <c r="B8077" s="2"/>
      <c r="C8077" s="2"/>
    </row>
    <row r="8078" spans="1:3" ht="19.2">
      <c r="A8078" s="2"/>
      <c r="B8078" s="2"/>
      <c r="C8078" s="2"/>
    </row>
    <row r="8079" spans="1:3" ht="19.2">
      <c r="A8079" s="2"/>
      <c r="B8079" s="2"/>
      <c r="C8079" s="2"/>
    </row>
    <row r="8080" spans="1:3" ht="19.2">
      <c r="A8080" s="2"/>
      <c r="B8080" s="2"/>
      <c r="C8080" s="2"/>
    </row>
    <row r="8081" spans="1:3" ht="19.2">
      <c r="A8081" s="2"/>
      <c r="B8081" s="2"/>
      <c r="C8081" s="2"/>
    </row>
    <row r="8082" spans="1:3" ht="19.2">
      <c r="A8082" s="2"/>
      <c r="B8082" s="2"/>
      <c r="C8082" s="2"/>
    </row>
    <row r="8083" spans="1:3" ht="19.2">
      <c r="A8083" s="2"/>
      <c r="B8083" s="2"/>
      <c r="C8083" s="2"/>
    </row>
    <row r="8084" spans="1:3" ht="19.2">
      <c r="A8084" s="2"/>
      <c r="B8084" s="2"/>
      <c r="C8084" s="2"/>
    </row>
    <row r="8085" spans="1:3" ht="19.2">
      <c r="A8085" s="2"/>
      <c r="B8085" s="2"/>
      <c r="C8085" s="2"/>
    </row>
    <row r="8086" spans="1:3" ht="19.2">
      <c r="A8086" s="2"/>
      <c r="B8086" s="2"/>
      <c r="C8086" s="2"/>
    </row>
    <row r="8087" spans="1:3" ht="19.2">
      <c r="A8087" s="2"/>
      <c r="B8087" s="2"/>
      <c r="C8087" s="2"/>
    </row>
    <row r="8088" spans="1:3" ht="19.2">
      <c r="A8088" s="2"/>
      <c r="B8088" s="2"/>
      <c r="C8088" s="2"/>
    </row>
    <row r="8089" spans="1:3" ht="19.2">
      <c r="A8089" s="2"/>
      <c r="B8089" s="2"/>
      <c r="C8089" s="2"/>
    </row>
    <row r="8090" spans="1:3" ht="19.2">
      <c r="A8090" s="2"/>
      <c r="B8090" s="2"/>
      <c r="C8090" s="2"/>
    </row>
    <row r="8091" spans="1:3" ht="19.2">
      <c r="A8091" s="2"/>
      <c r="B8091" s="2"/>
      <c r="C8091" s="2"/>
    </row>
    <row r="8092" spans="1:3" ht="19.2">
      <c r="A8092" s="2"/>
      <c r="B8092" s="2"/>
      <c r="C8092" s="2"/>
    </row>
    <row r="8093" spans="1:3" ht="19.2">
      <c r="A8093" s="2"/>
      <c r="B8093" s="2"/>
      <c r="C8093" s="2"/>
    </row>
    <row r="8094" spans="1:3" ht="19.2">
      <c r="A8094" s="2"/>
      <c r="B8094" s="2"/>
      <c r="C8094" s="2"/>
    </row>
    <row r="8095" spans="1:3" ht="19.2">
      <c r="A8095" s="2"/>
      <c r="B8095" s="2"/>
      <c r="C8095" s="2"/>
    </row>
    <row r="8096" spans="1:3" ht="19.2">
      <c r="A8096" s="2"/>
      <c r="B8096" s="2"/>
      <c r="C8096" s="2"/>
    </row>
    <row r="8097" spans="1:3" ht="19.2">
      <c r="A8097" s="2"/>
      <c r="B8097" s="2"/>
      <c r="C8097" s="2"/>
    </row>
    <row r="8098" spans="1:3" ht="19.2">
      <c r="A8098" s="2"/>
      <c r="B8098" s="2"/>
      <c r="C8098" s="2"/>
    </row>
    <row r="8099" spans="1:3" ht="19.2">
      <c r="A8099" s="2"/>
      <c r="B8099" s="2"/>
      <c r="C8099" s="2"/>
    </row>
    <row r="8100" spans="1:3" ht="19.2">
      <c r="A8100" s="2"/>
      <c r="B8100" s="2"/>
      <c r="C8100" s="2"/>
    </row>
    <row r="8101" spans="1:3" ht="19.2">
      <c r="A8101" s="2"/>
      <c r="B8101" s="2"/>
      <c r="C8101" s="2"/>
    </row>
    <row r="8102" spans="1:3" ht="19.2">
      <c r="A8102" s="2"/>
      <c r="B8102" s="2"/>
      <c r="C8102" s="2"/>
    </row>
    <row r="8103" spans="1:3" ht="19.2">
      <c r="A8103" s="2"/>
      <c r="B8103" s="2"/>
      <c r="C8103" s="2"/>
    </row>
    <row r="8104" spans="1:3" ht="19.2">
      <c r="A8104" s="2"/>
      <c r="B8104" s="2"/>
      <c r="C8104" s="2"/>
    </row>
    <row r="8105" spans="1:3" ht="19.2">
      <c r="A8105" s="2"/>
      <c r="B8105" s="2"/>
      <c r="C8105" s="2"/>
    </row>
    <row r="8106" spans="1:3" ht="19.2">
      <c r="A8106" s="2"/>
      <c r="B8106" s="2"/>
      <c r="C8106" s="2"/>
    </row>
    <row r="8107" spans="1:3" ht="19.2">
      <c r="A8107" s="2"/>
      <c r="B8107" s="2"/>
      <c r="C8107" s="2"/>
    </row>
    <row r="8108" spans="1:3" ht="19.2">
      <c r="A8108" s="2"/>
      <c r="B8108" s="2"/>
      <c r="C8108" s="2"/>
    </row>
    <row r="8109" spans="1:3" ht="19.2">
      <c r="A8109" s="2"/>
      <c r="B8109" s="2"/>
      <c r="C8109" s="2"/>
    </row>
    <row r="8110" spans="1:3" ht="19.2">
      <c r="A8110" s="2"/>
      <c r="B8110" s="2"/>
      <c r="C8110" s="2"/>
    </row>
    <row r="8111" spans="1:3" ht="19.2">
      <c r="A8111" s="2"/>
      <c r="B8111" s="2"/>
      <c r="C8111" s="2"/>
    </row>
    <row r="8112" spans="1:3" ht="19.2">
      <c r="A8112" s="2"/>
      <c r="B8112" s="2"/>
      <c r="C8112" s="2"/>
    </row>
    <row r="8113" spans="1:3" ht="19.2">
      <c r="A8113" s="2"/>
      <c r="B8113" s="2"/>
      <c r="C8113" s="2"/>
    </row>
    <row r="8114" spans="1:3" ht="19.2">
      <c r="A8114" s="2"/>
      <c r="B8114" s="2"/>
      <c r="C8114" s="2"/>
    </row>
    <row r="8115" spans="1:3" ht="19.2">
      <c r="A8115" s="2"/>
      <c r="B8115" s="2"/>
      <c r="C8115" s="2"/>
    </row>
    <row r="8116" spans="1:3" ht="19.2">
      <c r="A8116" s="2"/>
      <c r="B8116" s="2"/>
      <c r="C8116" s="2"/>
    </row>
    <row r="8117" spans="1:3" ht="19.2">
      <c r="A8117" s="2"/>
      <c r="B8117" s="2"/>
      <c r="C8117" s="2"/>
    </row>
    <row r="8118" spans="1:3" ht="19.2">
      <c r="A8118" s="2"/>
      <c r="B8118" s="2"/>
      <c r="C8118" s="2"/>
    </row>
    <row r="8119" spans="1:3" ht="19.2">
      <c r="A8119" s="2"/>
      <c r="B8119" s="2"/>
      <c r="C8119" s="2"/>
    </row>
    <row r="8120" spans="1:3" ht="19.2">
      <c r="A8120" s="2"/>
      <c r="B8120" s="2"/>
      <c r="C8120" s="2"/>
    </row>
    <row r="8121" spans="1:3" ht="19.2">
      <c r="A8121" s="2"/>
      <c r="B8121" s="2"/>
      <c r="C8121" s="2"/>
    </row>
    <row r="8122" spans="1:3" ht="19.2">
      <c r="A8122" s="2"/>
      <c r="B8122" s="2"/>
      <c r="C8122" s="2"/>
    </row>
    <row r="8123" spans="1:3" ht="19.2">
      <c r="A8123" s="2"/>
      <c r="B8123" s="2"/>
      <c r="C8123" s="2"/>
    </row>
    <row r="8124" spans="1:3" ht="19.2">
      <c r="A8124" s="2"/>
      <c r="B8124" s="2"/>
      <c r="C8124" s="2"/>
    </row>
    <row r="8125" spans="1:3" ht="19.2">
      <c r="A8125" s="2"/>
      <c r="B8125" s="2"/>
      <c r="C8125" s="2"/>
    </row>
    <row r="8126" spans="1:3" ht="19.2">
      <c r="A8126" s="2"/>
      <c r="B8126" s="2"/>
      <c r="C8126" s="2"/>
    </row>
    <row r="8127" spans="1:3" ht="19.2">
      <c r="A8127" s="2"/>
      <c r="B8127" s="2"/>
      <c r="C8127" s="2"/>
    </row>
    <row r="8128" spans="1:3" ht="19.2">
      <c r="A8128" s="2"/>
      <c r="B8128" s="2"/>
      <c r="C8128" s="2"/>
    </row>
    <row r="8129" spans="1:3" ht="19.2">
      <c r="A8129" s="2"/>
      <c r="B8129" s="2"/>
      <c r="C8129" s="2"/>
    </row>
    <row r="8130" spans="1:3" ht="19.2">
      <c r="A8130" s="2"/>
      <c r="B8130" s="2"/>
      <c r="C8130" s="2"/>
    </row>
    <row r="8131" spans="1:3" ht="19.2">
      <c r="A8131" s="2"/>
      <c r="B8131" s="2"/>
      <c r="C8131" s="2"/>
    </row>
    <row r="8132" spans="1:3" ht="19.2">
      <c r="A8132" s="2"/>
      <c r="B8132" s="2"/>
      <c r="C8132" s="2"/>
    </row>
    <row r="8133" spans="1:3" ht="19.2">
      <c r="A8133" s="2"/>
      <c r="B8133" s="2"/>
      <c r="C8133" s="2"/>
    </row>
    <row r="8134" spans="1:3" ht="19.2">
      <c r="A8134" s="2"/>
      <c r="B8134" s="2"/>
      <c r="C8134" s="2"/>
    </row>
    <row r="8135" spans="1:3" ht="19.2">
      <c r="A8135" s="2"/>
      <c r="B8135" s="2"/>
      <c r="C8135" s="2"/>
    </row>
    <row r="8136" spans="1:3" ht="19.2">
      <c r="A8136" s="2"/>
      <c r="B8136" s="2"/>
      <c r="C8136" s="2"/>
    </row>
    <row r="8137" spans="1:3" ht="19.2">
      <c r="A8137" s="2"/>
      <c r="B8137" s="2"/>
      <c r="C8137" s="2"/>
    </row>
    <row r="8138" spans="1:3" ht="19.2">
      <c r="A8138" s="2"/>
      <c r="B8138" s="2"/>
      <c r="C8138" s="2"/>
    </row>
    <row r="8139" spans="1:3" ht="19.2">
      <c r="A8139" s="2"/>
      <c r="B8139" s="2"/>
      <c r="C8139" s="2"/>
    </row>
    <row r="8140" spans="1:3" ht="19.2">
      <c r="A8140" s="2"/>
      <c r="B8140" s="2"/>
      <c r="C8140" s="2"/>
    </row>
    <row r="8141" spans="1:3" ht="19.2">
      <c r="A8141" s="2"/>
      <c r="B8141" s="2"/>
      <c r="C8141" s="2"/>
    </row>
    <row r="8142" spans="1:3" ht="19.2">
      <c r="A8142" s="2"/>
      <c r="B8142" s="2"/>
      <c r="C8142" s="2"/>
    </row>
    <row r="8143" spans="1:3" ht="19.2">
      <c r="A8143" s="2"/>
      <c r="B8143" s="2"/>
      <c r="C8143" s="2"/>
    </row>
    <row r="8144" spans="1:3" ht="19.2">
      <c r="A8144" s="2"/>
      <c r="B8144" s="2"/>
      <c r="C8144" s="2"/>
    </row>
    <row r="8145" spans="1:3" ht="19.2">
      <c r="A8145" s="2"/>
      <c r="B8145" s="2"/>
      <c r="C8145" s="2"/>
    </row>
    <row r="8146" spans="1:3" ht="19.2">
      <c r="A8146" s="2"/>
      <c r="B8146" s="2"/>
      <c r="C8146" s="2"/>
    </row>
    <row r="8147" spans="1:3" ht="19.2">
      <c r="A8147" s="2"/>
      <c r="B8147" s="2"/>
      <c r="C8147" s="2"/>
    </row>
    <row r="8148" spans="1:3" ht="19.2">
      <c r="A8148" s="2"/>
      <c r="B8148" s="2"/>
      <c r="C8148" s="2"/>
    </row>
    <row r="8149" spans="1:3" ht="19.2">
      <c r="A8149" s="2"/>
      <c r="B8149" s="2"/>
      <c r="C8149" s="2"/>
    </row>
    <row r="8150" spans="1:3" ht="19.2">
      <c r="A8150" s="2"/>
      <c r="B8150" s="2"/>
      <c r="C8150" s="2"/>
    </row>
    <row r="8151" spans="1:3" ht="19.2">
      <c r="A8151" s="2"/>
      <c r="B8151" s="2"/>
      <c r="C8151" s="2"/>
    </row>
    <row r="8152" spans="1:3" ht="19.2">
      <c r="A8152" s="2"/>
      <c r="B8152" s="2"/>
      <c r="C8152" s="2"/>
    </row>
    <row r="8153" spans="1:3" ht="19.2">
      <c r="A8153" s="2"/>
      <c r="B8153" s="2"/>
      <c r="C8153" s="2"/>
    </row>
    <row r="8154" spans="1:3" ht="19.2">
      <c r="A8154" s="2"/>
      <c r="B8154" s="2"/>
      <c r="C8154" s="2"/>
    </row>
    <row r="8155" spans="1:3" ht="19.2">
      <c r="A8155" s="2"/>
      <c r="B8155" s="2"/>
      <c r="C8155" s="2"/>
    </row>
    <row r="8156" spans="1:3" ht="19.2">
      <c r="A8156" s="2"/>
      <c r="B8156" s="2"/>
      <c r="C8156" s="2"/>
    </row>
    <row r="8157" spans="1:3" ht="19.2">
      <c r="A8157" s="2"/>
      <c r="B8157" s="2"/>
      <c r="C8157" s="2"/>
    </row>
    <row r="8158" spans="1:3" ht="19.2">
      <c r="A8158" s="2"/>
      <c r="B8158" s="2"/>
      <c r="C8158" s="2"/>
    </row>
    <row r="8159" spans="1:3" ht="19.2">
      <c r="A8159" s="2"/>
      <c r="B8159" s="2"/>
      <c r="C8159" s="2"/>
    </row>
    <row r="8160" spans="1:3" ht="19.2">
      <c r="A8160" s="2"/>
      <c r="B8160" s="2"/>
      <c r="C8160" s="2"/>
    </row>
    <row r="8161" spans="1:3" ht="19.2">
      <c r="A8161" s="2"/>
      <c r="B8161" s="2"/>
      <c r="C8161" s="2"/>
    </row>
    <row r="8162" spans="1:3" ht="19.2">
      <c r="A8162" s="2"/>
      <c r="B8162" s="2"/>
      <c r="C8162" s="2"/>
    </row>
    <row r="8163" spans="1:3" ht="19.2">
      <c r="A8163" s="2"/>
      <c r="B8163" s="2"/>
      <c r="C8163" s="2"/>
    </row>
    <row r="8164" spans="1:3" ht="19.2">
      <c r="A8164" s="2"/>
      <c r="B8164" s="2"/>
      <c r="C8164" s="2"/>
    </row>
    <row r="8165" spans="1:3" ht="19.2">
      <c r="A8165" s="2"/>
      <c r="B8165" s="2"/>
      <c r="C8165" s="2"/>
    </row>
    <row r="8166" spans="1:3" ht="19.2">
      <c r="A8166" s="2"/>
      <c r="B8166" s="2"/>
      <c r="C8166" s="2"/>
    </row>
    <row r="8167" spans="1:3" ht="19.2">
      <c r="A8167" s="2"/>
      <c r="B8167" s="2"/>
      <c r="C8167" s="2"/>
    </row>
    <row r="8168" spans="1:3" ht="19.2">
      <c r="A8168" s="2"/>
      <c r="B8168" s="2"/>
      <c r="C8168" s="2"/>
    </row>
    <row r="8169" spans="1:3" ht="19.2">
      <c r="A8169" s="2"/>
      <c r="B8169" s="2"/>
      <c r="C8169" s="2"/>
    </row>
    <row r="8170" spans="1:3" ht="19.2">
      <c r="A8170" s="2"/>
      <c r="B8170" s="2"/>
      <c r="C8170" s="2"/>
    </row>
    <row r="8171" spans="1:3" ht="19.2">
      <c r="A8171" s="2"/>
      <c r="B8171" s="2"/>
      <c r="C8171" s="2"/>
    </row>
    <row r="8172" spans="1:3" ht="19.2">
      <c r="A8172" s="2"/>
      <c r="B8172" s="2"/>
      <c r="C8172" s="2"/>
    </row>
    <row r="8173" spans="1:3" ht="19.2">
      <c r="A8173" s="2"/>
      <c r="B8173" s="2"/>
      <c r="C8173" s="2"/>
    </row>
    <row r="8174" spans="1:3" ht="19.2">
      <c r="A8174" s="2"/>
      <c r="B8174" s="2"/>
      <c r="C8174" s="2"/>
    </row>
    <row r="8175" spans="1:3" ht="19.2">
      <c r="A8175" s="2"/>
      <c r="B8175" s="2"/>
      <c r="C8175" s="2"/>
    </row>
    <row r="8176" spans="1:3" ht="19.2">
      <c r="A8176" s="2"/>
      <c r="B8176" s="2"/>
      <c r="C8176" s="2"/>
    </row>
    <row r="8177" spans="1:3" ht="19.2">
      <c r="A8177" s="2"/>
      <c r="B8177" s="2"/>
      <c r="C8177" s="2"/>
    </row>
    <row r="8178" spans="1:3" ht="19.2">
      <c r="A8178" s="2"/>
      <c r="B8178" s="2"/>
      <c r="C8178" s="2"/>
    </row>
    <row r="8179" spans="1:3" ht="19.2">
      <c r="A8179" s="2"/>
      <c r="B8179" s="2"/>
      <c r="C8179" s="2"/>
    </row>
    <row r="8180" spans="1:3" ht="19.2">
      <c r="A8180" s="2"/>
      <c r="B8180" s="2"/>
      <c r="C8180" s="2"/>
    </row>
    <row r="8181" spans="1:3" ht="19.2">
      <c r="A8181" s="2"/>
      <c r="B8181" s="2"/>
      <c r="C8181" s="2"/>
    </row>
    <row r="8182" spans="1:3" ht="19.2">
      <c r="A8182" s="2"/>
      <c r="B8182" s="2"/>
      <c r="C8182" s="2"/>
    </row>
    <row r="8183" spans="1:3" ht="19.2">
      <c r="A8183" s="2"/>
      <c r="B8183" s="2"/>
      <c r="C8183" s="2"/>
    </row>
    <row r="8184" spans="1:3" ht="19.2">
      <c r="A8184" s="2"/>
      <c r="B8184" s="2"/>
      <c r="C8184" s="2"/>
    </row>
    <row r="8185" spans="1:3" ht="19.2">
      <c r="A8185" s="2"/>
      <c r="B8185" s="2"/>
      <c r="C8185" s="2"/>
    </row>
    <row r="8186" spans="1:3" ht="19.2">
      <c r="A8186" s="2"/>
      <c r="B8186" s="2"/>
      <c r="C8186" s="2"/>
    </row>
    <row r="8187" spans="1:3" ht="19.2">
      <c r="A8187" s="2"/>
      <c r="B8187" s="2"/>
      <c r="C8187" s="2"/>
    </row>
    <row r="8188" spans="1:3" ht="19.2">
      <c r="A8188" s="2"/>
      <c r="B8188" s="2"/>
      <c r="C8188" s="2"/>
    </row>
    <row r="8189" spans="1:3" ht="19.2">
      <c r="A8189" s="2"/>
      <c r="B8189" s="2"/>
      <c r="C8189" s="2"/>
    </row>
    <row r="8190" spans="1:3" ht="19.2">
      <c r="A8190" s="2"/>
      <c r="B8190" s="2"/>
      <c r="C8190" s="2"/>
    </row>
    <row r="8191" spans="1:3" ht="19.2">
      <c r="A8191" s="2"/>
      <c r="B8191" s="2"/>
      <c r="C8191" s="2"/>
    </row>
    <row r="8192" spans="1:3" ht="19.2">
      <c r="A8192" s="2"/>
      <c r="B8192" s="2"/>
      <c r="C8192" s="2"/>
    </row>
    <row r="8193" spans="1:3" ht="19.2">
      <c r="A8193" s="2"/>
      <c r="B8193" s="2"/>
      <c r="C8193" s="2"/>
    </row>
    <row r="8194" spans="1:3" ht="19.2">
      <c r="A8194" s="2"/>
      <c r="B8194" s="2"/>
      <c r="C8194" s="2"/>
    </row>
    <row r="8195" spans="1:3" ht="19.2">
      <c r="A8195" s="2"/>
      <c r="B8195" s="2"/>
      <c r="C8195" s="2"/>
    </row>
    <row r="8196" spans="1:3" ht="19.2">
      <c r="A8196" s="2"/>
      <c r="B8196" s="2"/>
      <c r="C8196" s="2"/>
    </row>
    <row r="8197" spans="1:3" ht="19.2">
      <c r="A8197" s="2"/>
      <c r="B8197" s="2"/>
      <c r="C8197" s="2"/>
    </row>
    <row r="8198" spans="1:3" ht="19.2">
      <c r="A8198" s="2"/>
      <c r="B8198" s="2"/>
      <c r="C8198" s="2"/>
    </row>
    <row r="8199" spans="1:3" ht="19.2">
      <c r="A8199" s="2"/>
      <c r="B8199" s="2"/>
      <c r="C8199" s="2"/>
    </row>
    <row r="8200" spans="1:3" ht="19.2">
      <c r="A8200" s="2"/>
      <c r="B8200" s="2"/>
      <c r="C8200" s="2"/>
    </row>
    <row r="8201" spans="1:3" ht="19.2">
      <c r="A8201" s="2"/>
      <c r="B8201" s="2"/>
      <c r="C8201" s="2"/>
    </row>
    <row r="8202" spans="1:3" ht="19.2">
      <c r="A8202" s="2"/>
      <c r="B8202" s="2"/>
      <c r="C8202" s="2"/>
    </row>
    <row r="8203" spans="1:3" ht="19.2">
      <c r="A8203" s="2"/>
      <c r="B8203" s="2"/>
      <c r="C8203" s="2"/>
    </row>
    <row r="8204" spans="1:3" ht="19.2">
      <c r="A8204" s="2"/>
      <c r="B8204" s="2"/>
      <c r="C8204" s="2"/>
    </row>
    <row r="8205" spans="1:3" ht="19.2">
      <c r="A8205" s="2"/>
      <c r="B8205" s="2"/>
      <c r="C8205" s="2"/>
    </row>
    <row r="8206" spans="1:3" ht="19.2">
      <c r="A8206" s="2"/>
      <c r="B8206" s="2"/>
      <c r="C8206" s="2"/>
    </row>
    <row r="8207" spans="1:3" ht="19.2">
      <c r="A8207" s="2"/>
      <c r="B8207" s="2"/>
      <c r="C8207" s="2"/>
    </row>
    <row r="8208" spans="1:3" ht="19.2">
      <c r="A8208" s="2"/>
      <c r="B8208" s="2"/>
      <c r="C8208" s="2"/>
    </row>
    <row r="8209" spans="1:3" ht="19.2">
      <c r="A8209" s="2"/>
      <c r="B8209" s="2"/>
      <c r="C8209" s="2"/>
    </row>
    <row r="8210" spans="1:3" ht="19.2">
      <c r="A8210" s="2"/>
      <c r="B8210" s="2"/>
      <c r="C8210" s="2"/>
    </row>
    <row r="8211" spans="1:3" ht="19.2">
      <c r="A8211" s="2"/>
      <c r="B8211" s="2"/>
      <c r="C8211" s="2"/>
    </row>
    <row r="8212" spans="1:3" ht="19.2">
      <c r="A8212" s="2"/>
      <c r="B8212" s="2"/>
      <c r="C8212" s="2"/>
    </row>
    <row r="8213" spans="1:3" ht="19.2">
      <c r="A8213" s="2"/>
      <c r="B8213" s="2"/>
      <c r="C8213" s="2"/>
    </row>
    <row r="8214" spans="1:3" ht="19.2">
      <c r="A8214" s="2"/>
      <c r="B8214" s="2"/>
      <c r="C8214" s="2"/>
    </row>
    <row r="8215" spans="1:3" ht="19.2">
      <c r="A8215" s="2"/>
      <c r="B8215" s="2"/>
      <c r="C8215" s="2"/>
    </row>
    <row r="8216" spans="1:3" ht="19.2">
      <c r="A8216" s="2"/>
      <c r="B8216" s="2"/>
      <c r="C8216" s="2"/>
    </row>
    <row r="8217" spans="1:3" ht="19.2">
      <c r="A8217" s="2"/>
      <c r="B8217" s="2"/>
      <c r="C8217" s="2"/>
    </row>
    <row r="8218" spans="1:3" ht="19.2">
      <c r="A8218" s="2"/>
      <c r="B8218" s="2"/>
      <c r="C8218" s="2"/>
    </row>
    <row r="8219" spans="1:3" ht="19.2">
      <c r="A8219" s="2"/>
      <c r="B8219" s="2"/>
      <c r="C8219" s="2"/>
    </row>
    <row r="8220" spans="1:3" ht="19.2">
      <c r="A8220" s="2"/>
      <c r="B8220" s="2"/>
      <c r="C8220" s="2"/>
    </row>
    <row r="8221" spans="1:3" ht="19.2">
      <c r="A8221" s="2"/>
      <c r="B8221" s="2"/>
      <c r="C8221" s="2"/>
    </row>
    <row r="8222" spans="1:3" ht="19.2">
      <c r="A8222" s="2"/>
      <c r="B8222" s="2"/>
      <c r="C8222" s="2"/>
    </row>
    <row r="8223" spans="1:3" ht="19.2">
      <c r="A8223" s="2"/>
      <c r="B8223" s="2"/>
      <c r="C8223" s="2"/>
    </row>
    <row r="8224" spans="1:3" ht="19.2">
      <c r="A8224" s="2"/>
      <c r="B8224" s="2"/>
      <c r="C8224" s="2"/>
    </row>
    <row r="8225" spans="1:3" ht="19.2">
      <c r="A8225" s="2"/>
      <c r="B8225" s="2"/>
      <c r="C8225" s="2"/>
    </row>
    <row r="8226" spans="1:3" ht="19.2">
      <c r="A8226" s="2"/>
      <c r="B8226" s="2"/>
      <c r="C8226" s="2"/>
    </row>
    <row r="8227" spans="1:3" ht="19.2">
      <c r="A8227" s="2"/>
      <c r="B8227" s="2"/>
      <c r="C8227" s="2"/>
    </row>
    <row r="8228" spans="1:3" ht="19.2">
      <c r="A8228" s="2"/>
      <c r="B8228" s="2"/>
      <c r="C8228" s="2"/>
    </row>
    <row r="8229" spans="1:3" ht="19.2">
      <c r="A8229" s="2"/>
      <c r="B8229" s="2"/>
      <c r="C8229" s="2"/>
    </row>
    <row r="8230" spans="1:3" ht="19.2">
      <c r="A8230" s="2"/>
      <c r="B8230" s="2"/>
      <c r="C8230" s="2"/>
    </row>
    <row r="8231" spans="1:3" ht="19.2">
      <c r="A8231" s="2"/>
      <c r="B8231" s="2"/>
      <c r="C8231" s="2"/>
    </row>
    <row r="8232" spans="1:3" ht="19.2">
      <c r="A8232" s="2"/>
      <c r="B8232" s="2"/>
      <c r="C8232" s="2"/>
    </row>
    <row r="8233" spans="1:3" ht="19.2">
      <c r="A8233" s="2"/>
      <c r="B8233" s="2"/>
      <c r="C8233" s="2"/>
    </row>
    <row r="8234" spans="1:3" ht="19.2">
      <c r="A8234" s="2"/>
      <c r="B8234" s="2"/>
      <c r="C8234" s="2"/>
    </row>
    <row r="8235" spans="1:3" ht="19.2">
      <c r="A8235" s="2"/>
      <c r="B8235" s="2"/>
      <c r="C8235" s="2"/>
    </row>
    <row r="8236" spans="1:3" ht="19.2">
      <c r="A8236" s="2"/>
      <c r="B8236" s="2"/>
      <c r="C8236" s="2"/>
    </row>
    <row r="8237" spans="1:3" ht="19.2">
      <c r="A8237" s="2"/>
      <c r="B8237" s="2"/>
      <c r="C8237" s="2"/>
    </row>
    <row r="8238" spans="1:3" ht="19.2">
      <c r="A8238" s="2"/>
      <c r="B8238" s="2"/>
      <c r="C8238" s="2"/>
    </row>
    <row r="8239" spans="1:3" ht="19.2">
      <c r="A8239" s="2"/>
      <c r="B8239" s="2"/>
      <c r="C8239" s="2"/>
    </row>
    <row r="8240" spans="1:3" ht="19.2">
      <c r="A8240" s="2"/>
      <c r="B8240" s="2"/>
      <c r="C8240" s="2"/>
    </row>
    <row r="8241" spans="1:3" ht="19.2">
      <c r="A8241" s="2"/>
      <c r="B8241" s="2"/>
      <c r="C8241" s="2"/>
    </row>
    <row r="8242" spans="1:3" ht="19.2">
      <c r="A8242" s="2"/>
      <c r="B8242" s="2"/>
      <c r="C8242" s="2"/>
    </row>
    <row r="8243" spans="1:3" ht="19.2">
      <c r="A8243" s="2"/>
      <c r="B8243" s="2"/>
      <c r="C8243" s="2"/>
    </row>
    <row r="8244" spans="1:3" ht="19.2">
      <c r="A8244" s="2"/>
      <c r="B8244" s="2"/>
      <c r="C8244" s="2"/>
    </row>
    <row r="8245" spans="1:3" ht="19.2">
      <c r="A8245" s="2"/>
      <c r="B8245" s="2"/>
      <c r="C8245" s="2"/>
    </row>
    <row r="8246" spans="1:3" ht="19.2">
      <c r="A8246" s="2"/>
      <c r="B8246" s="2"/>
      <c r="C8246" s="2"/>
    </row>
    <row r="8247" spans="1:3" ht="19.2">
      <c r="A8247" s="2"/>
      <c r="B8247" s="2"/>
      <c r="C8247" s="2"/>
    </row>
    <row r="8248" spans="1:3" ht="19.2">
      <c r="A8248" s="2"/>
      <c r="B8248" s="2"/>
      <c r="C8248" s="2"/>
    </row>
    <row r="8249" spans="1:3" ht="19.2">
      <c r="A8249" s="2"/>
      <c r="B8249" s="2"/>
      <c r="C8249" s="2"/>
    </row>
    <row r="8250" spans="1:3" ht="19.2">
      <c r="A8250" s="2"/>
      <c r="B8250" s="2"/>
      <c r="C8250" s="2"/>
    </row>
    <row r="8251" spans="1:3" ht="19.2">
      <c r="A8251" s="2"/>
      <c r="B8251" s="2"/>
      <c r="C8251" s="2"/>
    </row>
    <row r="8252" spans="1:3" ht="19.2">
      <c r="A8252" s="2"/>
      <c r="B8252" s="2"/>
      <c r="C8252" s="2"/>
    </row>
    <row r="8253" spans="1:3" ht="19.2">
      <c r="A8253" s="2"/>
      <c r="B8253" s="2"/>
      <c r="C8253" s="2"/>
    </row>
    <row r="8254" spans="1:3" ht="19.2">
      <c r="A8254" s="2"/>
      <c r="B8254" s="2"/>
      <c r="C8254" s="2"/>
    </row>
    <row r="8255" spans="1:3" ht="19.2">
      <c r="A8255" s="2"/>
      <c r="B8255" s="2"/>
      <c r="C8255" s="2"/>
    </row>
    <row r="8256" spans="1:3" ht="19.2">
      <c r="A8256" s="2"/>
      <c r="B8256" s="2"/>
      <c r="C8256" s="2"/>
    </row>
    <row r="8257" spans="1:3" ht="19.2">
      <c r="A8257" s="2"/>
      <c r="B8257" s="2"/>
      <c r="C8257" s="2"/>
    </row>
    <row r="8258" spans="1:3" ht="19.2">
      <c r="A8258" s="2"/>
      <c r="B8258" s="2"/>
      <c r="C8258" s="2"/>
    </row>
    <row r="8259" spans="1:3" ht="19.2">
      <c r="A8259" s="2"/>
      <c r="B8259" s="2"/>
      <c r="C8259" s="2"/>
    </row>
    <row r="8260" spans="1:3" ht="19.2">
      <c r="A8260" s="2"/>
      <c r="B8260" s="2"/>
      <c r="C8260" s="2"/>
    </row>
    <row r="8261" spans="1:3" ht="19.2">
      <c r="A8261" s="2"/>
      <c r="B8261" s="2"/>
      <c r="C8261" s="2"/>
    </row>
    <row r="8262" spans="1:3" ht="19.2">
      <c r="A8262" s="2"/>
      <c r="B8262" s="2"/>
      <c r="C8262" s="2"/>
    </row>
    <row r="8263" spans="1:3" ht="19.2">
      <c r="A8263" s="2"/>
      <c r="B8263" s="2"/>
      <c r="C8263" s="2"/>
    </row>
    <row r="8264" spans="1:3" ht="19.2">
      <c r="A8264" s="2"/>
      <c r="B8264" s="2"/>
      <c r="C8264" s="2"/>
    </row>
    <row r="8265" spans="1:3" ht="19.2">
      <c r="A8265" s="2"/>
      <c r="B8265" s="2"/>
      <c r="C8265" s="2"/>
    </row>
    <row r="8266" spans="1:3" ht="19.2">
      <c r="A8266" s="2"/>
      <c r="B8266" s="2"/>
      <c r="C8266" s="2"/>
    </row>
    <row r="8267" spans="1:3" ht="19.2">
      <c r="A8267" s="2"/>
      <c r="B8267" s="2"/>
      <c r="C8267" s="2"/>
    </row>
    <row r="8268" spans="1:3" ht="19.2">
      <c r="A8268" s="2"/>
      <c r="B8268" s="2"/>
      <c r="C8268" s="2"/>
    </row>
    <row r="8269" spans="1:3" ht="19.2">
      <c r="A8269" s="2"/>
      <c r="B8269" s="2"/>
      <c r="C8269" s="2"/>
    </row>
    <row r="8270" spans="1:3" ht="19.2">
      <c r="A8270" s="2"/>
      <c r="B8270" s="2"/>
      <c r="C8270" s="2"/>
    </row>
    <row r="8271" spans="1:3" ht="19.2">
      <c r="A8271" s="2"/>
      <c r="B8271" s="2"/>
      <c r="C8271" s="2"/>
    </row>
    <row r="8272" spans="1:3" ht="19.2">
      <c r="A8272" s="2"/>
      <c r="B8272" s="2"/>
      <c r="C8272" s="2"/>
    </row>
    <row r="8273" spans="1:3" ht="19.2">
      <c r="A8273" s="2"/>
      <c r="B8273" s="2"/>
      <c r="C8273" s="2"/>
    </row>
    <row r="8274" spans="1:3" ht="19.2">
      <c r="A8274" s="2"/>
      <c r="B8274" s="2"/>
      <c r="C8274" s="2"/>
    </row>
    <row r="8275" spans="1:3" ht="19.2">
      <c r="A8275" s="2"/>
      <c r="B8275" s="2"/>
      <c r="C8275" s="2"/>
    </row>
    <row r="8276" spans="1:3" ht="19.2">
      <c r="A8276" s="2"/>
      <c r="B8276" s="2"/>
      <c r="C8276" s="2"/>
    </row>
    <row r="8277" spans="1:3" ht="19.2">
      <c r="A8277" s="2"/>
      <c r="B8277" s="2"/>
      <c r="C8277" s="2"/>
    </row>
    <row r="8278" spans="1:3" ht="19.2">
      <c r="A8278" s="2"/>
      <c r="B8278" s="2"/>
      <c r="C8278" s="2"/>
    </row>
    <row r="8279" spans="1:3" ht="19.2">
      <c r="A8279" s="2"/>
      <c r="B8279" s="2"/>
      <c r="C8279" s="2"/>
    </row>
    <row r="8280" spans="1:3" ht="19.2">
      <c r="A8280" s="2"/>
      <c r="B8280" s="2"/>
      <c r="C8280" s="2"/>
    </row>
    <row r="8281" spans="1:3" ht="19.2">
      <c r="A8281" s="2"/>
      <c r="B8281" s="2"/>
      <c r="C8281" s="2"/>
    </row>
    <row r="8282" spans="1:3" ht="19.2">
      <c r="A8282" s="2"/>
      <c r="B8282" s="2"/>
      <c r="C8282" s="2"/>
    </row>
    <row r="8283" spans="1:3" ht="19.2">
      <c r="A8283" s="2"/>
      <c r="B8283" s="2"/>
      <c r="C8283" s="2"/>
    </row>
    <row r="8284" spans="1:3" ht="19.2">
      <c r="A8284" s="2"/>
      <c r="B8284" s="2"/>
      <c r="C8284" s="2"/>
    </row>
    <row r="8285" spans="1:3" ht="19.2">
      <c r="A8285" s="2"/>
      <c r="B8285" s="2"/>
      <c r="C8285" s="2"/>
    </row>
    <row r="8286" spans="1:3" ht="19.2">
      <c r="A8286" s="2"/>
      <c r="B8286" s="2"/>
      <c r="C8286" s="2"/>
    </row>
    <row r="8287" spans="1:3" ht="19.2">
      <c r="A8287" s="2"/>
      <c r="B8287" s="2"/>
      <c r="C8287" s="2"/>
    </row>
    <row r="8288" spans="1:3" ht="19.2">
      <c r="A8288" s="2"/>
      <c r="B8288" s="2"/>
      <c r="C8288" s="2"/>
    </row>
    <row r="8289" spans="1:3" ht="19.2">
      <c r="A8289" s="2"/>
      <c r="B8289" s="2"/>
      <c r="C8289" s="2"/>
    </row>
    <row r="8290" spans="1:3" ht="19.2">
      <c r="A8290" s="2"/>
      <c r="B8290" s="2"/>
      <c r="C8290" s="2"/>
    </row>
    <row r="8291" spans="1:3" ht="19.2">
      <c r="A8291" s="2"/>
      <c r="B8291" s="2"/>
      <c r="C8291" s="2"/>
    </row>
    <row r="8292" spans="1:3" ht="19.2">
      <c r="A8292" s="2"/>
      <c r="B8292" s="2"/>
      <c r="C8292" s="2"/>
    </row>
    <row r="8293" spans="1:3" ht="19.2">
      <c r="A8293" s="2"/>
      <c r="B8293" s="2"/>
      <c r="C8293" s="2"/>
    </row>
    <row r="8294" spans="1:3" ht="19.2">
      <c r="A8294" s="2"/>
      <c r="B8294" s="2"/>
      <c r="C8294" s="2"/>
    </row>
    <row r="8295" spans="1:3" ht="19.2">
      <c r="A8295" s="2"/>
      <c r="B8295" s="2"/>
      <c r="C8295" s="2"/>
    </row>
    <row r="8296" spans="1:3" ht="19.2">
      <c r="A8296" s="2"/>
      <c r="B8296" s="2"/>
      <c r="C8296" s="2"/>
    </row>
    <row r="8297" spans="1:3" ht="19.2">
      <c r="A8297" s="2"/>
      <c r="B8297" s="2"/>
      <c r="C8297" s="2"/>
    </row>
    <row r="8298" spans="1:3" ht="19.2">
      <c r="A8298" s="2"/>
      <c r="B8298" s="2"/>
      <c r="C8298" s="2"/>
    </row>
    <row r="8299" spans="1:3" ht="19.2">
      <c r="A8299" s="2"/>
      <c r="B8299" s="2"/>
      <c r="C8299" s="2"/>
    </row>
    <row r="8300" spans="1:3" ht="19.2">
      <c r="A8300" s="2"/>
      <c r="B8300" s="2"/>
      <c r="C8300" s="2"/>
    </row>
    <row r="8301" spans="1:3" ht="19.2">
      <c r="A8301" s="2"/>
      <c r="B8301" s="2"/>
      <c r="C8301" s="2"/>
    </row>
    <row r="8302" spans="1:3" ht="19.2">
      <c r="A8302" s="2"/>
      <c r="B8302" s="2"/>
      <c r="C8302" s="2"/>
    </row>
    <row r="8303" spans="1:3" ht="19.2">
      <c r="A8303" s="2"/>
      <c r="B8303" s="2"/>
      <c r="C8303" s="2"/>
    </row>
    <row r="8304" spans="1:3" ht="19.2">
      <c r="A8304" s="2"/>
      <c r="B8304" s="2"/>
      <c r="C8304" s="2"/>
    </row>
    <row r="8305" spans="1:3" ht="19.2">
      <c r="A8305" s="2"/>
      <c r="B8305" s="2"/>
      <c r="C8305" s="2"/>
    </row>
    <row r="8306" spans="1:3" ht="19.2">
      <c r="A8306" s="2"/>
      <c r="B8306" s="2"/>
      <c r="C8306" s="2"/>
    </row>
    <row r="8307" spans="1:3" ht="19.2">
      <c r="A8307" s="2"/>
      <c r="B8307" s="2"/>
      <c r="C8307" s="2"/>
    </row>
    <row r="8308" spans="1:3" ht="19.2">
      <c r="A8308" s="2"/>
      <c r="B8308" s="2"/>
      <c r="C8308" s="2"/>
    </row>
    <row r="8309" spans="1:3" ht="19.2">
      <c r="A8309" s="2"/>
      <c r="B8309" s="2"/>
      <c r="C8309" s="2"/>
    </row>
    <row r="8310" spans="1:3" ht="19.2">
      <c r="A8310" s="2"/>
      <c r="B8310" s="2"/>
      <c r="C8310" s="2"/>
    </row>
    <row r="8311" spans="1:3" ht="19.2">
      <c r="A8311" s="2"/>
      <c r="B8311" s="2"/>
      <c r="C8311" s="2"/>
    </row>
    <row r="8312" spans="1:3" ht="19.2">
      <c r="A8312" s="2"/>
      <c r="B8312" s="2"/>
      <c r="C8312" s="2"/>
    </row>
    <row r="8313" spans="1:3" ht="19.2">
      <c r="A8313" s="2"/>
      <c r="B8313" s="2"/>
      <c r="C8313" s="2"/>
    </row>
    <row r="8314" spans="1:3" ht="19.2">
      <c r="A8314" s="2"/>
      <c r="B8314" s="2"/>
      <c r="C8314" s="2"/>
    </row>
    <row r="8315" spans="1:3" ht="19.2">
      <c r="A8315" s="2"/>
      <c r="B8315" s="2"/>
      <c r="C8315" s="2"/>
    </row>
    <row r="8316" spans="1:3" ht="19.2">
      <c r="A8316" s="2"/>
      <c r="B8316" s="2"/>
      <c r="C8316" s="2"/>
    </row>
    <row r="8317" spans="1:3" ht="19.2">
      <c r="A8317" s="2"/>
      <c r="B8317" s="2"/>
      <c r="C8317" s="2"/>
    </row>
    <row r="8318" spans="1:3" ht="19.2">
      <c r="A8318" s="2"/>
      <c r="B8318" s="2"/>
      <c r="C8318" s="2"/>
    </row>
    <row r="8319" spans="1:3" ht="19.2">
      <c r="A8319" s="2"/>
      <c r="B8319" s="2"/>
      <c r="C8319" s="2"/>
    </row>
    <row r="8320" spans="1:3" ht="19.2">
      <c r="A8320" s="2"/>
      <c r="B8320" s="2"/>
      <c r="C8320" s="2"/>
    </row>
    <row r="8321" spans="1:3" ht="19.2">
      <c r="A8321" s="2"/>
      <c r="B8321" s="2"/>
      <c r="C8321" s="2"/>
    </row>
    <row r="8322" spans="1:3" ht="19.2">
      <c r="A8322" s="2"/>
      <c r="B8322" s="2"/>
      <c r="C8322" s="2"/>
    </row>
    <row r="8323" spans="1:3" ht="19.2">
      <c r="A8323" s="2"/>
      <c r="B8323" s="2"/>
      <c r="C8323" s="2"/>
    </row>
    <row r="8324" spans="1:3" ht="19.2">
      <c r="A8324" s="2"/>
      <c r="B8324" s="2"/>
      <c r="C8324" s="2"/>
    </row>
    <row r="8325" spans="1:3" ht="19.2">
      <c r="A8325" s="2"/>
      <c r="B8325" s="2"/>
      <c r="C8325" s="2"/>
    </row>
    <row r="8326" spans="1:3" ht="19.2">
      <c r="A8326" s="2"/>
      <c r="B8326" s="2"/>
      <c r="C8326" s="2"/>
    </row>
    <row r="8327" spans="1:3" ht="19.2">
      <c r="A8327" s="2"/>
      <c r="B8327" s="2"/>
      <c r="C8327" s="2"/>
    </row>
    <row r="8328" spans="1:3" ht="19.2">
      <c r="A8328" s="2"/>
      <c r="B8328" s="2"/>
      <c r="C8328" s="2"/>
    </row>
    <row r="8329" spans="1:3" ht="19.2">
      <c r="A8329" s="2"/>
      <c r="B8329" s="2"/>
      <c r="C8329" s="2"/>
    </row>
    <row r="8330" spans="1:3" ht="19.2">
      <c r="A8330" s="2"/>
      <c r="B8330" s="2"/>
      <c r="C8330" s="2"/>
    </row>
    <row r="8331" spans="1:3" ht="19.2">
      <c r="A8331" s="2"/>
      <c r="B8331" s="2"/>
      <c r="C8331" s="2"/>
    </row>
    <row r="8332" spans="1:3" ht="19.2">
      <c r="A8332" s="2"/>
      <c r="B8332" s="2"/>
      <c r="C8332" s="2"/>
    </row>
    <row r="8333" spans="1:3" ht="19.2">
      <c r="A8333" s="2"/>
      <c r="B8333" s="2"/>
      <c r="C8333" s="2"/>
    </row>
    <row r="8334" spans="1:3" ht="19.2">
      <c r="A8334" s="2"/>
      <c r="B8334" s="2"/>
      <c r="C8334" s="2"/>
    </row>
    <row r="8335" spans="1:3" ht="19.2">
      <c r="A8335" s="2"/>
      <c r="B8335" s="2"/>
      <c r="C8335" s="2"/>
    </row>
    <row r="8336" spans="1:3" ht="19.2">
      <c r="A8336" s="2"/>
      <c r="B8336" s="2"/>
      <c r="C8336" s="2"/>
    </row>
    <row r="8337" spans="1:3" ht="19.2">
      <c r="A8337" s="2"/>
      <c r="B8337" s="2"/>
      <c r="C8337" s="2"/>
    </row>
    <row r="8338" spans="1:3" ht="19.2">
      <c r="A8338" s="2"/>
      <c r="B8338" s="2"/>
      <c r="C8338" s="2"/>
    </row>
    <row r="8339" spans="1:3" ht="19.2">
      <c r="A8339" s="2"/>
      <c r="B8339" s="2"/>
      <c r="C8339" s="2"/>
    </row>
    <row r="8340" spans="1:3" ht="19.2">
      <c r="A8340" s="2"/>
      <c r="B8340" s="2"/>
      <c r="C8340" s="2"/>
    </row>
    <row r="8341" spans="1:3" ht="19.2">
      <c r="A8341" s="2"/>
      <c r="B8341" s="2"/>
      <c r="C8341" s="2"/>
    </row>
    <row r="8342" spans="1:3" ht="19.2">
      <c r="A8342" s="2"/>
      <c r="B8342" s="2"/>
      <c r="C8342" s="2"/>
    </row>
    <row r="8343" spans="1:3" ht="19.2">
      <c r="A8343" s="2"/>
      <c r="B8343" s="2"/>
      <c r="C8343" s="2"/>
    </row>
    <row r="8344" spans="1:3" ht="19.2">
      <c r="A8344" s="2"/>
      <c r="B8344" s="2"/>
      <c r="C8344" s="2"/>
    </row>
    <row r="8345" spans="1:3" ht="19.2">
      <c r="A8345" s="2"/>
      <c r="B8345" s="2"/>
      <c r="C8345" s="2"/>
    </row>
    <row r="8346" spans="1:3" ht="19.2">
      <c r="A8346" s="2"/>
      <c r="B8346" s="2"/>
      <c r="C8346" s="2"/>
    </row>
    <row r="8347" spans="1:3" ht="19.2">
      <c r="A8347" s="2"/>
      <c r="B8347" s="2"/>
      <c r="C8347" s="2"/>
    </row>
    <row r="8348" spans="1:3" ht="19.2">
      <c r="A8348" s="2"/>
      <c r="B8348" s="2"/>
      <c r="C8348" s="2"/>
    </row>
    <row r="8349" spans="1:3" ht="19.2">
      <c r="A8349" s="2"/>
      <c r="B8349" s="2"/>
      <c r="C8349" s="2"/>
    </row>
    <row r="8350" spans="1:3" ht="19.2">
      <c r="A8350" s="2"/>
      <c r="B8350" s="2"/>
      <c r="C8350" s="2"/>
    </row>
    <row r="8351" spans="1:3" ht="19.2">
      <c r="A8351" s="2"/>
      <c r="B8351" s="2"/>
      <c r="C8351" s="2"/>
    </row>
    <row r="8352" spans="1:3" ht="19.2">
      <c r="A8352" s="2"/>
      <c r="B8352" s="2"/>
      <c r="C8352" s="2"/>
    </row>
    <row r="8353" spans="1:3" ht="19.2">
      <c r="A8353" s="2"/>
      <c r="B8353" s="2"/>
      <c r="C8353" s="2"/>
    </row>
    <row r="8354" spans="1:3" ht="19.2">
      <c r="A8354" s="2"/>
      <c r="B8354" s="2"/>
      <c r="C8354" s="2"/>
    </row>
    <row r="8355" spans="1:3" ht="19.2">
      <c r="A8355" s="2"/>
      <c r="B8355" s="2"/>
      <c r="C8355" s="2"/>
    </row>
    <row r="8356" spans="1:3" ht="19.2">
      <c r="A8356" s="2"/>
      <c r="B8356" s="2"/>
      <c r="C8356" s="2"/>
    </row>
    <row r="8357" spans="1:3" ht="19.2">
      <c r="A8357" s="2"/>
      <c r="B8357" s="2"/>
      <c r="C8357" s="2"/>
    </row>
    <row r="8358" spans="1:3" ht="19.2">
      <c r="A8358" s="2"/>
      <c r="B8358" s="2"/>
      <c r="C8358" s="2"/>
    </row>
    <row r="8359" spans="1:3" ht="19.2">
      <c r="A8359" s="2"/>
      <c r="B8359" s="2"/>
      <c r="C8359" s="2"/>
    </row>
    <row r="8360" spans="1:3" ht="19.2">
      <c r="A8360" s="2"/>
      <c r="B8360" s="2"/>
      <c r="C8360" s="2"/>
    </row>
    <row r="8361" spans="1:3" ht="19.2">
      <c r="A8361" s="2"/>
      <c r="B8361" s="2"/>
      <c r="C8361" s="2"/>
    </row>
    <row r="8362" spans="1:3" ht="19.2">
      <c r="A8362" s="2"/>
      <c r="B8362" s="2"/>
      <c r="C8362" s="2"/>
    </row>
    <row r="8363" spans="1:3" ht="19.2">
      <c r="A8363" s="2"/>
      <c r="B8363" s="2"/>
      <c r="C8363" s="2"/>
    </row>
    <row r="8364" spans="1:3" ht="19.2">
      <c r="A8364" s="2"/>
      <c r="B8364" s="2"/>
      <c r="C8364" s="2"/>
    </row>
    <row r="8365" spans="1:3" ht="19.2">
      <c r="A8365" s="2"/>
      <c r="B8365" s="2"/>
      <c r="C8365" s="2"/>
    </row>
    <row r="8366" spans="1:3" ht="19.2">
      <c r="A8366" s="2"/>
      <c r="B8366" s="2"/>
      <c r="C8366" s="2"/>
    </row>
    <row r="8367" spans="1:3" ht="19.2">
      <c r="A8367" s="2"/>
      <c r="B8367" s="2"/>
      <c r="C8367" s="2"/>
    </row>
    <row r="8368" spans="1:3" ht="19.2">
      <c r="A8368" s="2"/>
      <c r="B8368" s="2"/>
      <c r="C8368" s="2"/>
    </row>
    <row r="8369" spans="1:3" ht="19.2">
      <c r="A8369" s="2"/>
      <c r="B8369" s="2"/>
      <c r="C8369" s="2"/>
    </row>
    <row r="8370" spans="1:3" ht="19.2">
      <c r="A8370" s="2"/>
      <c r="B8370" s="2"/>
      <c r="C8370" s="2"/>
    </row>
    <row r="8371" spans="1:3" ht="19.2">
      <c r="A8371" s="2"/>
      <c r="B8371" s="2"/>
      <c r="C8371" s="2"/>
    </row>
    <row r="8372" spans="1:3" ht="19.2">
      <c r="A8372" s="2"/>
      <c r="B8372" s="2"/>
      <c r="C8372" s="2"/>
    </row>
    <row r="8373" spans="1:3" ht="19.2">
      <c r="A8373" s="2"/>
      <c r="B8373" s="2"/>
      <c r="C8373" s="2"/>
    </row>
    <row r="8374" spans="1:3" ht="19.2">
      <c r="A8374" s="2"/>
      <c r="B8374" s="2"/>
      <c r="C8374" s="2"/>
    </row>
    <row r="8375" spans="1:3" ht="19.2">
      <c r="A8375" s="2"/>
      <c r="B8375" s="2"/>
      <c r="C8375" s="2"/>
    </row>
    <row r="8376" spans="1:3" ht="19.2">
      <c r="A8376" s="2"/>
      <c r="B8376" s="2"/>
      <c r="C8376" s="2"/>
    </row>
    <row r="8377" spans="1:3" ht="19.2">
      <c r="A8377" s="2"/>
      <c r="B8377" s="2"/>
      <c r="C8377" s="2"/>
    </row>
    <row r="8378" spans="1:3" ht="19.2">
      <c r="A8378" s="2"/>
      <c r="B8378" s="2"/>
      <c r="C8378" s="2"/>
    </row>
    <row r="8379" spans="1:3" ht="19.2">
      <c r="A8379" s="2"/>
      <c r="B8379" s="2"/>
      <c r="C8379" s="2"/>
    </row>
    <row r="8380" spans="1:3" ht="19.2">
      <c r="A8380" s="2"/>
      <c r="B8380" s="2"/>
      <c r="C8380" s="2"/>
    </row>
    <row r="8381" spans="1:3" ht="19.2">
      <c r="A8381" s="2"/>
      <c r="B8381" s="2"/>
      <c r="C8381" s="2"/>
    </row>
    <row r="8382" spans="1:3" ht="19.2">
      <c r="A8382" s="2"/>
      <c r="B8382" s="2"/>
      <c r="C8382" s="2"/>
    </row>
    <row r="8383" spans="1:3" ht="19.2">
      <c r="A8383" s="2"/>
      <c r="B8383" s="2"/>
      <c r="C8383" s="2"/>
    </row>
    <row r="8384" spans="1:3" ht="19.2">
      <c r="A8384" s="2"/>
      <c r="B8384" s="2"/>
      <c r="C8384" s="2"/>
    </row>
    <row r="8385" spans="1:3" ht="19.2">
      <c r="A8385" s="2"/>
      <c r="B8385" s="2"/>
      <c r="C8385" s="2"/>
    </row>
    <row r="8386" spans="1:3" ht="19.2">
      <c r="A8386" s="2"/>
      <c r="B8386" s="2"/>
      <c r="C8386" s="2"/>
    </row>
    <row r="8387" spans="1:3" ht="19.2">
      <c r="A8387" s="2"/>
      <c r="B8387" s="2"/>
      <c r="C8387" s="2"/>
    </row>
    <row r="8388" spans="1:3" ht="19.2">
      <c r="A8388" s="2"/>
      <c r="B8388" s="2"/>
      <c r="C8388" s="2"/>
    </row>
    <row r="8389" spans="1:3" ht="19.2">
      <c r="A8389" s="2"/>
      <c r="B8389" s="2"/>
      <c r="C8389" s="2"/>
    </row>
    <row r="8390" spans="1:3" ht="19.2">
      <c r="A8390" s="2"/>
      <c r="B8390" s="2"/>
      <c r="C8390" s="2"/>
    </row>
    <row r="8391" spans="1:3" ht="19.2">
      <c r="A8391" s="2"/>
      <c r="B8391" s="2"/>
      <c r="C8391" s="2"/>
    </row>
    <row r="8392" spans="1:3" ht="19.2">
      <c r="A8392" s="2"/>
      <c r="B8392" s="2"/>
      <c r="C8392" s="2"/>
    </row>
    <row r="8393" spans="1:3" ht="19.2">
      <c r="A8393" s="2"/>
      <c r="B8393" s="2"/>
      <c r="C8393" s="2"/>
    </row>
    <row r="8394" spans="1:3" ht="19.2">
      <c r="A8394" s="2"/>
      <c r="B8394" s="2"/>
      <c r="C8394" s="2"/>
    </row>
    <row r="8395" spans="1:3" ht="19.2">
      <c r="A8395" s="2"/>
      <c r="B8395" s="2"/>
      <c r="C8395" s="2"/>
    </row>
    <row r="8396" spans="1:3" ht="19.2">
      <c r="A8396" s="2"/>
      <c r="B8396" s="2"/>
      <c r="C8396" s="2"/>
    </row>
    <row r="8397" spans="1:3" ht="19.2">
      <c r="A8397" s="2"/>
      <c r="B8397" s="2"/>
      <c r="C8397" s="2"/>
    </row>
    <row r="8398" spans="1:3" ht="19.2">
      <c r="A8398" s="2"/>
      <c r="B8398" s="2"/>
      <c r="C8398" s="2"/>
    </row>
    <row r="8399" spans="1:3" ht="19.2">
      <c r="A8399" s="2"/>
      <c r="B8399" s="2"/>
      <c r="C8399" s="2"/>
    </row>
    <row r="8400" spans="1:3" ht="19.2">
      <c r="A8400" s="2"/>
      <c r="B8400" s="2"/>
      <c r="C8400" s="2"/>
    </row>
    <row r="8401" spans="1:3" ht="19.2">
      <c r="A8401" s="2"/>
      <c r="B8401" s="2"/>
      <c r="C8401" s="2"/>
    </row>
    <row r="8402" spans="1:3" ht="19.2">
      <c r="A8402" s="2"/>
      <c r="B8402" s="2"/>
      <c r="C8402" s="2"/>
    </row>
    <row r="8403" spans="1:3" ht="19.2">
      <c r="A8403" s="2"/>
      <c r="B8403" s="2"/>
      <c r="C8403" s="2"/>
    </row>
    <row r="8404" spans="1:3" ht="19.2">
      <c r="A8404" s="2"/>
      <c r="B8404" s="2"/>
      <c r="C8404" s="2"/>
    </row>
    <row r="8405" spans="1:3" ht="19.2">
      <c r="A8405" s="2"/>
      <c r="B8405" s="2"/>
      <c r="C8405" s="2"/>
    </row>
    <row r="8406" spans="1:3" ht="19.2">
      <c r="A8406" s="2"/>
      <c r="B8406" s="2"/>
      <c r="C8406" s="2"/>
    </row>
    <row r="8407" spans="1:3" ht="19.2">
      <c r="A8407" s="2"/>
      <c r="B8407" s="2"/>
      <c r="C8407" s="2"/>
    </row>
    <row r="8408" spans="1:3" ht="19.2">
      <c r="A8408" s="2"/>
      <c r="B8408" s="2"/>
      <c r="C8408" s="2"/>
    </row>
    <row r="8409" spans="1:3" ht="19.2">
      <c r="A8409" s="2"/>
      <c r="B8409" s="2"/>
      <c r="C8409" s="2"/>
    </row>
    <row r="8410" spans="1:3" ht="19.2">
      <c r="A8410" s="2"/>
      <c r="B8410" s="2"/>
      <c r="C8410" s="2"/>
    </row>
    <row r="8411" spans="1:3" ht="19.2">
      <c r="A8411" s="2"/>
      <c r="B8411" s="2"/>
      <c r="C8411" s="2"/>
    </row>
    <row r="8412" spans="1:3" ht="19.2">
      <c r="A8412" s="2"/>
      <c r="B8412" s="2"/>
      <c r="C8412" s="2"/>
    </row>
    <row r="8413" spans="1:3" ht="19.2">
      <c r="A8413" s="2"/>
      <c r="B8413" s="2"/>
      <c r="C8413" s="2"/>
    </row>
    <row r="8414" spans="1:3" ht="19.2">
      <c r="A8414" s="2"/>
      <c r="B8414" s="2"/>
      <c r="C8414" s="2"/>
    </row>
    <row r="8415" spans="1:3" ht="19.2">
      <c r="A8415" s="2"/>
      <c r="B8415" s="2"/>
      <c r="C8415" s="2"/>
    </row>
    <row r="8416" spans="1:3" ht="19.2">
      <c r="A8416" s="2"/>
      <c r="B8416" s="2"/>
      <c r="C8416" s="2"/>
    </row>
    <row r="8417" spans="1:3" ht="19.2">
      <c r="A8417" s="2"/>
      <c r="B8417" s="2"/>
      <c r="C8417" s="2"/>
    </row>
    <row r="8418" spans="1:3" ht="19.2">
      <c r="A8418" s="2"/>
      <c r="B8418" s="2"/>
      <c r="C8418" s="2"/>
    </row>
    <row r="8419" spans="1:3" ht="19.2">
      <c r="A8419" s="2"/>
      <c r="B8419" s="2"/>
      <c r="C8419" s="2"/>
    </row>
    <row r="8420" spans="1:3" ht="19.2">
      <c r="A8420" s="2"/>
      <c r="B8420" s="2"/>
      <c r="C8420" s="2"/>
    </row>
    <row r="8421" spans="1:3" ht="19.2">
      <c r="A8421" s="2"/>
      <c r="B8421" s="2"/>
      <c r="C8421" s="2"/>
    </row>
    <row r="8422" spans="1:3" ht="19.2">
      <c r="A8422" s="2"/>
      <c r="B8422" s="2"/>
      <c r="C8422" s="2"/>
    </row>
    <row r="8423" spans="1:3" ht="19.2">
      <c r="A8423" s="2"/>
      <c r="B8423" s="2"/>
      <c r="C8423" s="2"/>
    </row>
    <row r="8424" spans="1:3" ht="19.2">
      <c r="A8424" s="2"/>
      <c r="B8424" s="2"/>
      <c r="C8424" s="2"/>
    </row>
    <row r="8425" spans="1:3" ht="19.2">
      <c r="A8425" s="2"/>
      <c r="B8425" s="2"/>
      <c r="C8425" s="2"/>
    </row>
    <row r="8426" spans="1:3" ht="19.2">
      <c r="A8426" s="2"/>
      <c r="B8426" s="2"/>
      <c r="C8426" s="2"/>
    </row>
    <row r="8427" spans="1:3" ht="19.2">
      <c r="A8427" s="2"/>
      <c r="B8427" s="2"/>
      <c r="C8427" s="2"/>
    </row>
    <row r="8428" spans="1:3" ht="19.2">
      <c r="A8428" s="2"/>
      <c r="B8428" s="2"/>
      <c r="C8428" s="2"/>
    </row>
    <row r="8429" spans="1:3" ht="19.2">
      <c r="A8429" s="2"/>
      <c r="B8429" s="2"/>
      <c r="C8429" s="2"/>
    </row>
    <row r="8430" spans="1:3" ht="19.2">
      <c r="A8430" s="2"/>
      <c r="B8430" s="2"/>
      <c r="C8430" s="2"/>
    </row>
    <row r="8431" spans="1:3" ht="19.2">
      <c r="A8431" s="2"/>
      <c r="B8431" s="2"/>
      <c r="C8431" s="2"/>
    </row>
    <row r="8432" spans="1:3" ht="19.2">
      <c r="A8432" s="2"/>
      <c r="B8432" s="2"/>
      <c r="C8432" s="2"/>
    </row>
    <row r="8433" spans="1:3" ht="19.2">
      <c r="A8433" s="2"/>
      <c r="B8433" s="2"/>
      <c r="C8433" s="2"/>
    </row>
    <row r="8434" spans="1:3" ht="19.2">
      <c r="A8434" s="2"/>
      <c r="B8434" s="2"/>
      <c r="C8434" s="2"/>
    </row>
    <row r="8435" spans="1:3" ht="19.2">
      <c r="A8435" s="2"/>
      <c r="B8435" s="2"/>
      <c r="C8435" s="2"/>
    </row>
    <row r="8436" spans="1:3" ht="19.2">
      <c r="A8436" s="2"/>
      <c r="B8436" s="2"/>
      <c r="C8436" s="2"/>
    </row>
    <row r="8437" spans="1:3" ht="19.2">
      <c r="A8437" s="2"/>
      <c r="B8437" s="2"/>
      <c r="C8437" s="2"/>
    </row>
    <row r="8438" spans="1:3" ht="19.2">
      <c r="A8438" s="2"/>
      <c r="B8438" s="2"/>
      <c r="C8438" s="2"/>
    </row>
    <row r="8439" spans="1:3" ht="19.2">
      <c r="A8439" s="2"/>
      <c r="B8439" s="2"/>
      <c r="C8439" s="2"/>
    </row>
    <row r="8440" spans="1:3" ht="19.2">
      <c r="A8440" s="2"/>
      <c r="B8440" s="2"/>
      <c r="C8440" s="2"/>
    </row>
    <row r="8441" spans="1:3" ht="19.2">
      <c r="A8441" s="2"/>
      <c r="B8441" s="2"/>
      <c r="C8441" s="2"/>
    </row>
    <row r="8442" spans="1:3" ht="19.2">
      <c r="A8442" s="2"/>
      <c r="B8442" s="2"/>
      <c r="C8442" s="2"/>
    </row>
    <row r="8443" spans="1:3" ht="19.2">
      <c r="A8443" s="2"/>
      <c r="B8443" s="2"/>
      <c r="C8443" s="2"/>
    </row>
    <row r="8444" spans="1:3" ht="19.2">
      <c r="A8444" s="2"/>
      <c r="B8444" s="2"/>
      <c r="C8444" s="2"/>
    </row>
    <row r="8445" spans="1:3" ht="19.2">
      <c r="A8445" s="2"/>
      <c r="B8445" s="2"/>
      <c r="C8445" s="2"/>
    </row>
    <row r="8446" spans="1:3" ht="19.2">
      <c r="A8446" s="2"/>
      <c r="B8446" s="2"/>
      <c r="C8446" s="2"/>
    </row>
    <row r="8447" spans="1:3" ht="19.2">
      <c r="A8447" s="2"/>
      <c r="B8447" s="2"/>
      <c r="C8447" s="2"/>
    </row>
    <row r="8448" spans="1:3" ht="19.2">
      <c r="A8448" s="2"/>
      <c r="B8448" s="2"/>
      <c r="C8448" s="2"/>
    </row>
    <row r="8449" spans="1:3" ht="19.2">
      <c r="A8449" s="2"/>
      <c r="B8449" s="2"/>
      <c r="C8449" s="2"/>
    </row>
    <row r="8450" spans="1:3" ht="19.2">
      <c r="A8450" s="2"/>
      <c r="B8450" s="2"/>
      <c r="C8450" s="2"/>
    </row>
    <row r="8451" spans="1:3" ht="19.2">
      <c r="A8451" s="2"/>
      <c r="B8451" s="2"/>
      <c r="C8451" s="2"/>
    </row>
    <row r="8452" spans="1:3" ht="19.2">
      <c r="A8452" s="2"/>
      <c r="B8452" s="2"/>
      <c r="C8452" s="2"/>
    </row>
    <row r="8453" spans="1:3" ht="19.2">
      <c r="A8453" s="2"/>
      <c r="B8453" s="2"/>
      <c r="C8453" s="2"/>
    </row>
    <row r="8454" spans="1:3" ht="19.2">
      <c r="A8454" s="2"/>
      <c r="B8454" s="2"/>
      <c r="C8454" s="2"/>
    </row>
    <row r="8455" spans="1:3" ht="19.2">
      <c r="A8455" s="2"/>
      <c r="B8455" s="2"/>
      <c r="C8455" s="2"/>
    </row>
    <row r="8456" spans="1:3" ht="19.2">
      <c r="A8456" s="2"/>
      <c r="B8456" s="2"/>
      <c r="C8456" s="2"/>
    </row>
    <row r="8457" spans="1:3" ht="19.2">
      <c r="A8457" s="2"/>
      <c r="B8457" s="2"/>
      <c r="C8457" s="2"/>
    </row>
    <row r="8458" spans="1:3" ht="19.2">
      <c r="A8458" s="2"/>
      <c r="B8458" s="2"/>
      <c r="C8458" s="2"/>
    </row>
    <row r="8459" spans="1:3" ht="19.2">
      <c r="A8459" s="2"/>
      <c r="B8459" s="2"/>
      <c r="C8459" s="2"/>
    </row>
    <row r="8460" spans="1:3" ht="19.2">
      <c r="A8460" s="2"/>
      <c r="B8460" s="2"/>
      <c r="C8460" s="2"/>
    </row>
    <row r="8461" spans="1:3" ht="19.2">
      <c r="A8461" s="2"/>
      <c r="B8461" s="2"/>
      <c r="C8461" s="2"/>
    </row>
    <row r="8462" spans="1:3" ht="19.2">
      <c r="A8462" s="2"/>
      <c r="B8462" s="2"/>
      <c r="C8462" s="2"/>
    </row>
    <row r="8463" spans="1:3" ht="19.2">
      <c r="A8463" s="2"/>
      <c r="B8463" s="2"/>
      <c r="C8463" s="2"/>
    </row>
    <row r="8464" spans="1:3" ht="19.2">
      <c r="A8464" s="2"/>
      <c r="B8464" s="2"/>
      <c r="C8464" s="2"/>
    </row>
    <row r="8465" spans="1:3" ht="19.2">
      <c r="A8465" s="2"/>
      <c r="B8465" s="2"/>
      <c r="C8465" s="2"/>
    </row>
    <row r="8466" spans="1:3" ht="19.2">
      <c r="A8466" s="2"/>
      <c r="B8466" s="2"/>
      <c r="C8466" s="2"/>
    </row>
    <row r="8467" spans="1:3" ht="19.2">
      <c r="A8467" s="2"/>
      <c r="B8467" s="2"/>
      <c r="C8467" s="2"/>
    </row>
    <row r="8468" spans="1:3" ht="19.2">
      <c r="A8468" s="2"/>
      <c r="B8468" s="2"/>
      <c r="C8468" s="2"/>
    </row>
    <row r="8469" spans="1:3" ht="19.2">
      <c r="A8469" s="2"/>
      <c r="B8469" s="2"/>
      <c r="C8469" s="2"/>
    </row>
    <row r="8470" spans="1:3" ht="19.2">
      <c r="A8470" s="2"/>
      <c r="B8470" s="2"/>
      <c r="C8470" s="2"/>
    </row>
    <row r="8471" spans="1:3" ht="19.2">
      <c r="A8471" s="2"/>
      <c r="B8471" s="2"/>
      <c r="C8471" s="2"/>
    </row>
    <row r="8472" spans="1:3" ht="19.2">
      <c r="A8472" s="2"/>
      <c r="B8472" s="2"/>
      <c r="C8472" s="2"/>
    </row>
    <row r="8473" spans="1:3" ht="19.2">
      <c r="A8473" s="2"/>
      <c r="B8473" s="2"/>
      <c r="C8473" s="2"/>
    </row>
    <row r="8474" spans="1:3" ht="19.2">
      <c r="A8474" s="2"/>
      <c r="B8474" s="2"/>
      <c r="C8474" s="2"/>
    </row>
    <row r="8475" spans="1:3" ht="19.2">
      <c r="A8475" s="2"/>
      <c r="B8475" s="2"/>
      <c r="C8475" s="2"/>
    </row>
    <row r="8476" spans="1:3" ht="19.2">
      <c r="A8476" s="2"/>
      <c r="B8476" s="2"/>
      <c r="C8476" s="2"/>
    </row>
    <row r="8477" spans="1:3" ht="19.2">
      <c r="A8477" s="2"/>
      <c r="B8477" s="2"/>
      <c r="C8477" s="2"/>
    </row>
    <row r="8478" spans="1:3" ht="19.2">
      <c r="A8478" s="2"/>
      <c r="B8478" s="2"/>
      <c r="C8478" s="2"/>
    </row>
    <row r="8479" spans="1:3" ht="19.2">
      <c r="A8479" s="2"/>
      <c r="B8479" s="2"/>
      <c r="C8479" s="2"/>
    </row>
    <row r="8480" spans="1:3" ht="19.2">
      <c r="A8480" s="2"/>
      <c r="B8480" s="2"/>
      <c r="C8480" s="2"/>
    </row>
    <row r="8481" spans="1:3" ht="19.2">
      <c r="A8481" s="2"/>
      <c r="B8481" s="2"/>
      <c r="C8481" s="2"/>
    </row>
    <row r="8482" spans="1:3" ht="19.2">
      <c r="A8482" s="2"/>
      <c r="B8482" s="2"/>
      <c r="C8482" s="2"/>
    </row>
    <row r="8483" spans="1:3" ht="19.2">
      <c r="A8483" s="2"/>
      <c r="B8483" s="2"/>
      <c r="C8483" s="2"/>
    </row>
    <row r="8484" spans="1:3" ht="19.2">
      <c r="A8484" s="2"/>
      <c r="B8484" s="2"/>
      <c r="C8484" s="2"/>
    </row>
    <row r="8485" spans="1:3" ht="19.2">
      <c r="A8485" s="2"/>
      <c r="B8485" s="2"/>
      <c r="C8485" s="2"/>
    </row>
    <row r="8486" spans="1:3" ht="19.2">
      <c r="A8486" s="2"/>
      <c r="B8486" s="2"/>
      <c r="C8486" s="2"/>
    </row>
    <row r="8487" spans="1:3" ht="19.2">
      <c r="A8487" s="2"/>
      <c r="B8487" s="2"/>
      <c r="C8487" s="2"/>
    </row>
    <row r="8488" spans="1:3" ht="19.2">
      <c r="A8488" s="2"/>
      <c r="B8488" s="2"/>
      <c r="C8488" s="2"/>
    </row>
    <row r="8489" spans="1:3" ht="19.2">
      <c r="A8489" s="2"/>
      <c r="B8489" s="2"/>
      <c r="C8489" s="2"/>
    </row>
    <row r="8490" spans="1:3" ht="19.2">
      <c r="A8490" s="2"/>
      <c r="B8490" s="2"/>
      <c r="C8490" s="2"/>
    </row>
    <row r="8491" spans="1:3" ht="19.2">
      <c r="A8491" s="2"/>
      <c r="B8491" s="2"/>
      <c r="C8491" s="2"/>
    </row>
    <row r="8492" spans="1:3" ht="19.2">
      <c r="A8492" s="2"/>
      <c r="B8492" s="2"/>
      <c r="C8492" s="2"/>
    </row>
    <row r="8493" spans="1:3" ht="19.2">
      <c r="A8493" s="2"/>
      <c r="B8493" s="2"/>
      <c r="C8493" s="2"/>
    </row>
    <row r="8494" spans="1:3" ht="19.2">
      <c r="A8494" s="2"/>
      <c r="B8494" s="2"/>
      <c r="C8494" s="2"/>
    </row>
    <row r="8495" spans="1:3" ht="19.2">
      <c r="A8495" s="2"/>
      <c r="B8495" s="2"/>
      <c r="C8495" s="2"/>
    </row>
    <row r="8496" spans="1:3" ht="19.2">
      <c r="A8496" s="2"/>
      <c r="B8496" s="2"/>
      <c r="C8496" s="2"/>
    </row>
    <row r="8497" spans="1:3" ht="19.2">
      <c r="A8497" s="2"/>
      <c r="B8497" s="2"/>
      <c r="C8497" s="2"/>
    </row>
    <row r="8498" spans="1:3" ht="19.2">
      <c r="A8498" s="2"/>
      <c r="B8498" s="2"/>
      <c r="C8498" s="2"/>
    </row>
    <row r="8499" spans="1:3" ht="19.2">
      <c r="A8499" s="2"/>
      <c r="B8499" s="2"/>
      <c r="C8499" s="2"/>
    </row>
    <row r="8500" spans="1:3" ht="19.2">
      <c r="A8500" s="2"/>
      <c r="B8500" s="2"/>
      <c r="C8500" s="2"/>
    </row>
    <row r="8501" spans="1:3" ht="19.2">
      <c r="A8501" s="2"/>
      <c r="B8501" s="2"/>
      <c r="C8501" s="2"/>
    </row>
    <row r="8502" spans="1:3" ht="19.2">
      <c r="A8502" s="2"/>
      <c r="B8502" s="2"/>
      <c r="C8502" s="2"/>
    </row>
    <row r="8503" spans="1:3" ht="19.2">
      <c r="A8503" s="2"/>
      <c r="B8503" s="2"/>
      <c r="C8503" s="2"/>
    </row>
    <row r="8504" spans="1:3" ht="19.2">
      <c r="A8504" s="2"/>
      <c r="B8504" s="2"/>
      <c r="C8504" s="2"/>
    </row>
    <row r="8505" spans="1:3" ht="19.2">
      <c r="A8505" s="2"/>
      <c r="B8505" s="2"/>
      <c r="C8505" s="2"/>
    </row>
    <row r="8506" spans="1:3" ht="19.2">
      <c r="A8506" s="2"/>
      <c r="B8506" s="2"/>
      <c r="C8506" s="2"/>
    </row>
    <row r="8507" spans="1:3" ht="19.2">
      <c r="A8507" s="2"/>
      <c r="B8507" s="2"/>
      <c r="C8507" s="2"/>
    </row>
    <row r="8508" spans="1:3" ht="19.2">
      <c r="A8508" s="2"/>
      <c r="B8508" s="2"/>
      <c r="C8508" s="2"/>
    </row>
    <row r="8509" spans="1:3" ht="19.2">
      <c r="A8509" s="2"/>
      <c r="B8509" s="2"/>
      <c r="C8509" s="2"/>
    </row>
    <row r="8510" spans="1:3" ht="19.2">
      <c r="A8510" s="2"/>
      <c r="B8510" s="2"/>
      <c r="C8510" s="2"/>
    </row>
    <row r="8511" spans="1:3" ht="19.2">
      <c r="A8511" s="2"/>
      <c r="B8511" s="2"/>
      <c r="C8511" s="2"/>
    </row>
    <row r="8512" spans="1:3" ht="19.2">
      <c r="A8512" s="2"/>
      <c r="B8512" s="2"/>
      <c r="C8512" s="2"/>
    </row>
    <row r="8513" spans="1:3" ht="19.2">
      <c r="A8513" s="2"/>
      <c r="B8513" s="2"/>
      <c r="C8513" s="2"/>
    </row>
    <row r="8514" spans="1:3" ht="19.2">
      <c r="A8514" s="2"/>
      <c r="B8514" s="2"/>
      <c r="C8514" s="2"/>
    </row>
    <row r="8515" spans="1:3" ht="19.2">
      <c r="A8515" s="2"/>
      <c r="B8515" s="2"/>
      <c r="C8515" s="2"/>
    </row>
    <row r="8516" spans="1:3" ht="19.2">
      <c r="A8516" s="2"/>
      <c r="B8516" s="2"/>
      <c r="C8516" s="2"/>
    </row>
    <row r="8517" spans="1:3" ht="19.2">
      <c r="A8517" s="2"/>
      <c r="B8517" s="2"/>
      <c r="C8517" s="2"/>
    </row>
    <row r="8518" spans="1:3" ht="19.2">
      <c r="A8518" s="2"/>
      <c r="B8518" s="2"/>
      <c r="C8518" s="2"/>
    </row>
    <row r="8519" spans="1:3" ht="19.2">
      <c r="A8519" s="2"/>
      <c r="B8519" s="2"/>
      <c r="C8519" s="2"/>
    </row>
    <row r="8520" spans="1:3" ht="19.2">
      <c r="A8520" s="2"/>
      <c r="B8520" s="2"/>
      <c r="C8520" s="2"/>
    </row>
    <row r="8521" spans="1:3" ht="19.2">
      <c r="A8521" s="2"/>
      <c r="B8521" s="2"/>
      <c r="C8521" s="2"/>
    </row>
    <row r="8522" spans="1:3" ht="19.2">
      <c r="A8522" s="2"/>
      <c r="B8522" s="2"/>
      <c r="C8522" s="2"/>
    </row>
    <row r="8523" spans="1:3" ht="19.2">
      <c r="A8523" s="2"/>
      <c r="B8523" s="2"/>
      <c r="C8523" s="2"/>
    </row>
    <row r="8524" spans="1:3" ht="19.2">
      <c r="A8524" s="2"/>
      <c r="B8524" s="2"/>
      <c r="C8524" s="2"/>
    </row>
    <row r="8525" spans="1:3" ht="19.2">
      <c r="A8525" s="2"/>
      <c r="B8525" s="2"/>
      <c r="C8525" s="2"/>
    </row>
    <row r="8526" spans="1:3" ht="19.2">
      <c r="A8526" s="2"/>
      <c r="B8526" s="2"/>
      <c r="C8526" s="2"/>
    </row>
    <row r="8527" spans="1:3" ht="19.2">
      <c r="A8527" s="2"/>
      <c r="B8527" s="2"/>
      <c r="C8527" s="2"/>
    </row>
    <row r="8528" spans="1:3" ht="19.2">
      <c r="A8528" s="2"/>
      <c r="B8528" s="2"/>
      <c r="C8528" s="2"/>
    </row>
    <row r="8529" spans="1:3" ht="19.2">
      <c r="A8529" s="2"/>
      <c r="B8529" s="2"/>
      <c r="C8529" s="2"/>
    </row>
    <row r="8530" spans="1:3" ht="19.2">
      <c r="A8530" s="2"/>
      <c r="B8530" s="2"/>
      <c r="C8530" s="2"/>
    </row>
    <row r="8531" spans="1:3" ht="19.2">
      <c r="A8531" s="2"/>
      <c r="B8531" s="2"/>
      <c r="C8531" s="2"/>
    </row>
    <row r="8532" spans="1:3" ht="19.2">
      <c r="A8532" s="2"/>
      <c r="B8532" s="2"/>
      <c r="C8532" s="2"/>
    </row>
    <row r="8533" spans="1:3" ht="19.2">
      <c r="A8533" s="2"/>
      <c r="B8533" s="2"/>
      <c r="C8533" s="2"/>
    </row>
    <row r="8534" spans="1:3" ht="19.2">
      <c r="A8534" s="2"/>
      <c r="B8534" s="2"/>
      <c r="C8534" s="2"/>
    </row>
    <row r="8535" spans="1:3" ht="19.2">
      <c r="A8535" s="2"/>
      <c r="B8535" s="2"/>
      <c r="C8535" s="2"/>
    </row>
    <row r="8536" spans="1:3" ht="19.2">
      <c r="A8536" s="2"/>
      <c r="B8536" s="2"/>
      <c r="C8536" s="2"/>
    </row>
    <row r="8537" spans="1:3" ht="19.2">
      <c r="A8537" s="2"/>
      <c r="B8537" s="2"/>
      <c r="C8537" s="2"/>
    </row>
    <row r="8538" spans="1:3" ht="19.2">
      <c r="A8538" s="2"/>
      <c r="B8538" s="2"/>
      <c r="C8538" s="2"/>
    </row>
    <row r="8539" spans="1:3" ht="19.2">
      <c r="A8539" s="2"/>
      <c r="B8539" s="2"/>
      <c r="C8539" s="2"/>
    </row>
    <row r="8540" spans="1:3" ht="19.2">
      <c r="A8540" s="2"/>
      <c r="B8540" s="2"/>
      <c r="C8540" s="2"/>
    </row>
    <row r="8541" spans="1:3" ht="19.2">
      <c r="A8541" s="2"/>
      <c r="B8541" s="2"/>
      <c r="C8541" s="2"/>
    </row>
    <row r="8542" spans="1:3" ht="19.2">
      <c r="A8542" s="2"/>
      <c r="B8542" s="2"/>
      <c r="C8542" s="2"/>
    </row>
    <row r="8543" spans="1:3" ht="19.2">
      <c r="A8543" s="2"/>
      <c r="B8543" s="2"/>
      <c r="C8543" s="2"/>
    </row>
    <row r="8544" spans="1:3" ht="19.2">
      <c r="A8544" s="2"/>
      <c r="B8544" s="2"/>
      <c r="C8544" s="2"/>
    </row>
    <row r="8545" spans="1:3" ht="19.2">
      <c r="A8545" s="2"/>
      <c r="B8545" s="2"/>
      <c r="C8545" s="2"/>
    </row>
    <row r="8546" spans="1:3" ht="19.2">
      <c r="A8546" s="2"/>
      <c r="B8546" s="2"/>
      <c r="C8546" s="2"/>
    </row>
    <row r="8547" spans="1:3" ht="19.2">
      <c r="A8547" s="2"/>
      <c r="B8547" s="2"/>
      <c r="C8547" s="2"/>
    </row>
    <row r="8548" spans="1:3" ht="19.2">
      <c r="A8548" s="2"/>
      <c r="B8548" s="2"/>
      <c r="C8548" s="2"/>
    </row>
    <row r="8549" spans="1:3" ht="19.2">
      <c r="A8549" s="2"/>
      <c r="B8549" s="2"/>
      <c r="C8549" s="2"/>
    </row>
    <row r="8550" spans="1:3" ht="19.2">
      <c r="A8550" s="2"/>
      <c r="B8550" s="2"/>
      <c r="C8550" s="2"/>
    </row>
    <row r="8551" spans="1:3" ht="19.2">
      <c r="A8551" s="2"/>
      <c r="B8551" s="2"/>
      <c r="C8551" s="2"/>
    </row>
    <row r="8552" spans="1:3" ht="19.2">
      <c r="A8552" s="2"/>
      <c r="B8552" s="2"/>
      <c r="C8552" s="2"/>
    </row>
    <row r="8553" spans="1:3" ht="19.2">
      <c r="A8553" s="2"/>
      <c r="B8553" s="2"/>
      <c r="C8553" s="2"/>
    </row>
    <row r="8554" spans="1:3" ht="19.2">
      <c r="A8554" s="2"/>
      <c r="B8554" s="2"/>
      <c r="C8554" s="2"/>
    </row>
    <row r="8555" spans="1:3" ht="19.2">
      <c r="A8555" s="2"/>
      <c r="B8555" s="2"/>
      <c r="C8555" s="2"/>
    </row>
    <row r="8556" spans="1:3" ht="19.2">
      <c r="A8556" s="2"/>
      <c r="B8556" s="2"/>
      <c r="C8556" s="2"/>
    </row>
    <row r="8557" spans="1:3" ht="19.2">
      <c r="A8557" s="2"/>
      <c r="B8557" s="2"/>
      <c r="C8557" s="2"/>
    </row>
    <row r="8558" spans="1:3" ht="19.2">
      <c r="A8558" s="2"/>
      <c r="B8558" s="2"/>
      <c r="C8558" s="2"/>
    </row>
    <row r="8559" spans="1:3" ht="19.2">
      <c r="A8559" s="2"/>
      <c r="B8559" s="2"/>
      <c r="C8559" s="2"/>
    </row>
    <row r="8560" spans="1:3" ht="19.2">
      <c r="A8560" s="2"/>
      <c r="B8560" s="2"/>
      <c r="C8560" s="2"/>
    </row>
    <row r="8561" spans="1:3" ht="19.2">
      <c r="A8561" s="2"/>
      <c r="B8561" s="2"/>
      <c r="C8561" s="2"/>
    </row>
    <row r="8562" spans="1:3" ht="19.2">
      <c r="A8562" s="2"/>
      <c r="B8562" s="2"/>
      <c r="C8562" s="2"/>
    </row>
    <row r="8563" spans="1:3" ht="19.2">
      <c r="A8563" s="2"/>
      <c r="B8563" s="2"/>
      <c r="C8563" s="2"/>
    </row>
    <row r="8564" spans="1:3" ht="19.2">
      <c r="A8564" s="2"/>
      <c r="B8564" s="2"/>
      <c r="C8564" s="2"/>
    </row>
    <row r="8565" spans="1:3" ht="19.2">
      <c r="A8565" s="2"/>
      <c r="B8565" s="2"/>
      <c r="C8565" s="2"/>
    </row>
    <row r="8566" spans="1:3" ht="19.2">
      <c r="A8566" s="2"/>
      <c r="B8566" s="2"/>
      <c r="C8566" s="2"/>
    </row>
    <row r="8567" spans="1:3" ht="19.2">
      <c r="A8567" s="2"/>
      <c r="B8567" s="2"/>
      <c r="C8567" s="2"/>
    </row>
    <row r="8568" spans="1:3" ht="19.2">
      <c r="A8568" s="2"/>
      <c r="B8568" s="2"/>
      <c r="C8568" s="2"/>
    </row>
    <row r="8569" spans="1:3" ht="19.2">
      <c r="A8569" s="2"/>
      <c r="B8569" s="2"/>
      <c r="C8569" s="2"/>
    </row>
    <row r="8570" spans="1:3" ht="19.2">
      <c r="A8570" s="2"/>
      <c r="B8570" s="2"/>
      <c r="C8570" s="2"/>
    </row>
    <row r="8571" spans="1:3" ht="19.2">
      <c r="A8571" s="2"/>
      <c r="B8571" s="2"/>
      <c r="C8571" s="2"/>
    </row>
    <row r="8572" spans="1:3" ht="19.2">
      <c r="A8572" s="2"/>
      <c r="B8572" s="2"/>
      <c r="C8572" s="2"/>
    </row>
    <row r="8573" spans="1:3" ht="19.2">
      <c r="A8573" s="2"/>
      <c r="B8573" s="2"/>
      <c r="C8573" s="2"/>
    </row>
    <row r="8574" spans="1:3" ht="19.2">
      <c r="A8574" s="2"/>
      <c r="B8574" s="2"/>
      <c r="C8574" s="2"/>
    </row>
    <row r="8575" spans="1:3" ht="19.2">
      <c r="A8575" s="2"/>
      <c r="B8575" s="2"/>
      <c r="C8575" s="2"/>
    </row>
    <row r="8576" spans="1:3" ht="19.2">
      <c r="A8576" s="2"/>
      <c r="B8576" s="2"/>
      <c r="C8576" s="2"/>
    </row>
    <row r="8577" spans="1:3" ht="19.2">
      <c r="A8577" s="2"/>
      <c r="B8577" s="2"/>
      <c r="C8577" s="2"/>
    </row>
    <row r="8578" spans="1:3" ht="19.2">
      <c r="A8578" s="2"/>
      <c r="B8578" s="2"/>
      <c r="C8578" s="2"/>
    </row>
    <row r="8579" spans="1:3" ht="19.2">
      <c r="A8579" s="2"/>
      <c r="B8579" s="2"/>
      <c r="C8579" s="2"/>
    </row>
    <row r="8580" spans="1:3" ht="19.2">
      <c r="A8580" s="2"/>
      <c r="B8580" s="2"/>
      <c r="C8580" s="2"/>
    </row>
    <row r="8581" spans="1:3" ht="19.2">
      <c r="A8581" s="2"/>
      <c r="B8581" s="2"/>
      <c r="C8581" s="2"/>
    </row>
    <row r="8582" spans="1:3" ht="19.2">
      <c r="A8582" s="2"/>
      <c r="B8582" s="2"/>
      <c r="C8582" s="2"/>
    </row>
    <row r="8583" spans="1:3" ht="19.2">
      <c r="A8583" s="2"/>
      <c r="B8583" s="2"/>
      <c r="C8583" s="2"/>
    </row>
    <row r="8584" spans="1:3" ht="19.2">
      <c r="A8584" s="2"/>
      <c r="B8584" s="2"/>
      <c r="C8584" s="2"/>
    </row>
    <row r="8585" spans="1:3" ht="19.2">
      <c r="A8585" s="2"/>
      <c r="B8585" s="2"/>
      <c r="C8585" s="2"/>
    </row>
    <row r="8586" spans="1:3" ht="19.2">
      <c r="A8586" s="2"/>
      <c r="B8586" s="2"/>
      <c r="C8586" s="2"/>
    </row>
    <row r="8587" spans="1:3" ht="19.2">
      <c r="A8587" s="2"/>
      <c r="B8587" s="2"/>
      <c r="C8587" s="2"/>
    </row>
    <row r="8588" spans="1:3" ht="19.2">
      <c r="A8588" s="2"/>
      <c r="B8588" s="2"/>
      <c r="C8588" s="2"/>
    </row>
    <row r="8589" spans="1:3" ht="19.2">
      <c r="A8589" s="2"/>
      <c r="B8589" s="2"/>
      <c r="C8589" s="2"/>
    </row>
    <row r="8590" spans="1:3" ht="19.2">
      <c r="A8590" s="2"/>
      <c r="B8590" s="2"/>
      <c r="C8590" s="2"/>
    </row>
    <row r="8591" spans="1:3" ht="19.2">
      <c r="A8591" s="2"/>
      <c r="B8591" s="2"/>
      <c r="C8591" s="2"/>
    </row>
    <row r="8592" spans="1:3" ht="19.2">
      <c r="A8592" s="2"/>
      <c r="B8592" s="2"/>
      <c r="C8592" s="2"/>
    </row>
    <row r="8593" spans="1:3" ht="19.2">
      <c r="A8593" s="2"/>
      <c r="B8593" s="2"/>
      <c r="C8593" s="2"/>
    </row>
    <row r="8594" spans="1:3" ht="19.2">
      <c r="A8594" s="2"/>
      <c r="B8594" s="2"/>
      <c r="C8594" s="2"/>
    </row>
    <row r="8595" spans="1:3" ht="19.2">
      <c r="A8595" s="2"/>
      <c r="B8595" s="2"/>
      <c r="C8595" s="2"/>
    </row>
    <row r="8596" spans="1:3" ht="19.2">
      <c r="A8596" s="2"/>
      <c r="B8596" s="2"/>
      <c r="C8596" s="2"/>
    </row>
    <row r="8597" spans="1:3" ht="19.2">
      <c r="A8597" s="2"/>
      <c r="B8597" s="2"/>
      <c r="C8597" s="2"/>
    </row>
    <row r="8598" spans="1:3" ht="19.2">
      <c r="A8598" s="2"/>
      <c r="B8598" s="2"/>
      <c r="C8598" s="2"/>
    </row>
    <row r="8599" spans="1:3" ht="19.2">
      <c r="A8599" s="2"/>
      <c r="B8599" s="2"/>
      <c r="C8599" s="2"/>
    </row>
    <row r="8600" spans="1:3" ht="19.2">
      <c r="A8600" s="2"/>
      <c r="B8600" s="2"/>
      <c r="C8600" s="2"/>
    </row>
    <row r="8601" spans="1:3" ht="19.2">
      <c r="A8601" s="2"/>
      <c r="B8601" s="2"/>
      <c r="C8601" s="2"/>
    </row>
    <row r="8602" spans="1:3" ht="19.2">
      <c r="A8602" s="2"/>
      <c r="B8602" s="2"/>
      <c r="C8602" s="2"/>
    </row>
    <row r="8603" spans="1:3" ht="19.2">
      <c r="A8603" s="2"/>
      <c r="B8603" s="2"/>
      <c r="C8603" s="2"/>
    </row>
    <row r="8604" spans="1:3" ht="19.2">
      <c r="A8604" s="2"/>
      <c r="B8604" s="2"/>
      <c r="C8604" s="2"/>
    </row>
    <row r="8605" spans="1:3" ht="19.2">
      <c r="A8605" s="2"/>
      <c r="B8605" s="2"/>
      <c r="C8605" s="2"/>
    </row>
    <row r="8606" spans="1:3" ht="19.2">
      <c r="A8606" s="2"/>
      <c r="B8606" s="2"/>
      <c r="C8606" s="2"/>
    </row>
    <row r="8607" spans="1:3" ht="19.2">
      <c r="A8607" s="2"/>
      <c r="B8607" s="2"/>
      <c r="C8607" s="2"/>
    </row>
    <row r="8608" spans="1:3" ht="19.2">
      <c r="A8608" s="2"/>
      <c r="B8608" s="2"/>
      <c r="C8608" s="2"/>
    </row>
    <row r="8609" spans="1:3" ht="19.2">
      <c r="A8609" s="2"/>
      <c r="B8609" s="2"/>
      <c r="C8609" s="2"/>
    </row>
    <row r="8610" spans="1:3" ht="19.2">
      <c r="A8610" s="2"/>
      <c r="B8610" s="2"/>
      <c r="C8610" s="2"/>
    </row>
    <row r="8611" spans="1:3" ht="19.2">
      <c r="A8611" s="2"/>
      <c r="B8611" s="2"/>
      <c r="C8611" s="2"/>
    </row>
    <row r="8612" spans="1:3" ht="19.2">
      <c r="A8612" s="2"/>
      <c r="B8612" s="2"/>
      <c r="C8612" s="2"/>
    </row>
    <row r="8613" spans="1:3" ht="19.2">
      <c r="A8613" s="2"/>
      <c r="B8613" s="2"/>
      <c r="C8613" s="2"/>
    </row>
    <row r="8614" spans="1:3" ht="19.2">
      <c r="A8614" s="2"/>
      <c r="B8614" s="2"/>
      <c r="C8614" s="2"/>
    </row>
    <row r="8615" spans="1:3" ht="19.2">
      <c r="A8615" s="2"/>
      <c r="B8615" s="2"/>
      <c r="C8615" s="2"/>
    </row>
    <row r="8616" spans="1:3" ht="19.2">
      <c r="A8616" s="2"/>
      <c r="B8616" s="2"/>
      <c r="C8616" s="2"/>
    </row>
    <row r="8617" spans="1:3" ht="19.2">
      <c r="A8617" s="2"/>
      <c r="B8617" s="2"/>
      <c r="C8617" s="2"/>
    </row>
    <row r="8618" spans="1:3" ht="19.2">
      <c r="A8618" s="2"/>
      <c r="B8618" s="2"/>
      <c r="C8618" s="2"/>
    </row>
    <row r="8619" spans="1:3" ht="19.2">
      <c r="A8619" s="2"/>
      <c r="B8619" s="2"/>
      <c r="C8619" s="2"/>
    </row>
    <row r="8620" spans="1:3" ht="19.2">
      <c r="A8620" s="2"/>
      <c r="B8620" s="2"/>
      <c r="C8620" s="2"/>
    </row>
    <row r="8621" spans="1:3" ht="19.2">
      <c r="A8621" s="2"/>
      <c r="B8621" s="2"/>
      <c r="C8621" s="2"/>
    </row>
    <row r="8622" spans="1:3" ht="19.2">
      <c r="A8622" s="2"/>
      <c r="B8622" s="2"/>
      <c r="C8622" s="2"/>
    </row>
    <row r="8623" spans="1:3" ht="19.2">
      <c r="A8623" s="2"/>
      <c r="B8623" s="2"/>
      <c r="C8623" s="2"/>
    </row>
    <row r="8624" spans="1:3" ht="19.2">
      <c r="A8624" s="2"/>
      <c r="B8624" s="2"/>
      <c r="C8624" s="2"/>
    </row>
    <row r="8625" spans="1:3" ht="19.2">
      <c r="A8625" s="2"/>
      <c r="B8625" s="2"/>
      <c r="C8625" s="2"/>
    </row>
    <row r="8626" spans="1:3" ht="19.2">
      <c r="A8626" s="2"/>
      <c r="B8626" s="2"/>
      <c r="C8626" s="2"/>
    </row>
    <row r="8627" spans="1:3" ht="19.2">
      <c r="A8627" s="2"/>
      <c r="B8627" s="2"/>
      <c r="C8627" s="2"/>
    </row>
    <row r="8628" spans="1:3" ht="19.2">
      <c r="A8628" s="2"/>
      <c r="B8628" s="2"/>
      <c r="C8628" s="2"/>
    </row>
    <row r="8629" spans="1:3" ht="19.2">
      <c r="A8629" s="2"/>
      <c r="B8629" s="2"/>
      <c r="C8629" s="2"/>
    </row>
    <row r="8630" spans="1:3" ht="19.2">
      <c r="A8630" s="2"/>
      <c r="B8630" s="2"/>
      <c r="C8630" s="2"/>
    </row>
    <row r="8631" spans="1:3" ht="19.2">
      <c r="A8631" s="2"/>
      <c r="B8631" s="2"/>
      <c r="C8631" s="2"/>
    </row>
    <row r="8632" spans="1:3" ht="19.2">
      <c r="A8632" s="2"/>
      <c r="B8632" s="2"/>
      <c r="C8632" s="2"/>
    </row>
    <row r="8633" spans="1:3" ht="19.2">
      <c r="A8633" s="2"/>
      <c r="B8633" s="2"/>
      <c r="C8633" s="2"/>
    </row>
    <row r="8634" spans="1:3" ht="19.2">
      <c r="A8634" s="2"/>
      <c r="B8634" s="2"/>
      <c r="C8634" s="2"/>
    </row>
    <row r="8635" spans="1:3" ht="19.2">
      <c r="A8635" s="2"/>
      <c r="B8635" s="2"/>
      <c r="C8635" s="2"/>
    </row>
    <row r="8636" spans="1:3" ht="19.2">
      <c r="A8636" s="2"/>
      <c r="B8636" s="2"/>
      <c r="C8636" s="2"/>
    </row>
    <row r="8637" spans="1:3" ht="19.2">
      <c r="A8637" s="2"/>
      <c r="B8637" s="2"/>
      <c r="C8637" s="2"/>
    </row>
    <row r="8638" spans="1:3" ht="19.2">
      <c r="A8638" s="2"/>
      <c r="B8638" s="2"/>
      <c r="C8638" s="2"/>
    </row>
    <row r="8639" spans="1:3" ht="19.2">
      <c r="A8639" s="2"/>
      <c r="B8639" s="2"/>
      <c r="C8639" s="2"/>
    </row>
    <row r="8640" spans="1:3" ht="19.2">
      <c r="A8640" s="2"/>
      <c r="B8640" s="2"/>
      <c r="C8640" s="2"/>
    </row>
    <row r="8641" spans="1:3" ht="19.2">
      <c r="A8641" s="2"/>
      <c r="B8641" s="2"/>
      <c r="C8641" s="2"/>
    </row>
    <row r="8642" spans="1:3" ht="19.2">
      <c r="A8642" s="2"/>
      <c r="B8642" s="2"/>
      <c r="C8642" s="2"/>
    </row>
    <row r="8643" spans="1:3" ht="19.2">
      <c r="A8643" s="2"/>
      <c r="B8643" s="2"/>
      <c r="C8643" s="2"/>
    </row>
    <row r="8644" spans="1:3" ht="19.2">
      <c r="A8644" s="2"/>
      <c r="B8644" s="2"/>
      <c r="C8644" s="2"/>
    </row>
    <row r="8645" spans="1:3" ht="19.2">
      <c r="A8645" s="2"/>
      <c r="B8645" s="2"/>
      <c r="C8645" s="2"/>
    </row>
    <row r="8646" spans="1:3" ht="19.2">
      <c r="A8646" s="2"/>
      <c r="B8646" s="2"/>
      <c r="C8646" s="2"/>
    </row>
    <row r="8647" spans="1:3" ht="19.2">
      <c r="A8647" s="2"/>
      <c r="B8647" s="2"/>
      <c r="C8647" s="2"/>
    </row>
    <row r="8648" spans="1:3" ht="19.2">
      <c r="A8648" s="2"/>
      <c r="B8648" s="2"/>
      <c r="C8648" s="2"/>
    </row>
    <row r="8649" spans="1:3" ht="19.2">
      <c r="A8649" s="2"/>
      <c r="B8649" s="2"/>
      <c r="C8649" s="2"/>
    </row>
    <row r="8650" spans="1:3" ht="19.2">
      <c r="A8650" s="2"/>
      <c r="B8650" s="2"/>
      <c r="C8650" s="2"/>
    </row>
    <row r="8651" spans="1:3" ht="19.2">
      <c r="A8651" s="2"/>
      <c r="B8651" s="2"/>
      <c r="C8651" s="2"/>
    </row>
    <row r="8652" spans="1:3" ht="19.2">
      <c r="A8652" s="2"/>
      <c r="B8652" s="2"/>
      <c r="C8652" s="2"/>
    </row>
    <row r="8653" spans="1:3" ht="19.2">
      <c r="A8653" s="2"/>
      <c r="B8653" s="2"/>
      <c r="C8653" s="2"/>
    </row>
    <row r="8654" spans="1:3" ht="19.2">
      <c r="A8654" s="2"/>
      <c r="B8654" s="2"/>
      <c r="C8654" s="2"/>
    </row>
    <row r="8655" spans="1:3" ht="19.2">
      <c r="A8655" s="2"/>
      <c r="B8655" s="2"/>
      <c r="C8655" s="2"/>
    </row>
    <row r="8656" spans="1:3" ht="19.2">
      <c r="A8656" s="2"/>
      <c r="B8656" s="2"/>
      <c r="C8656" s="2"/>
    </row>
    <row r="8657" spans="1:3" ht="19.2">
      <c r="A8657" s="2"/>
      <c r="B8657" s="2"/>
      <c r="C8657" s="2"/>
    </row>
    <row r="8658" spans="1:3" ht="19.2">
      <c r="A8658" s="2"/>
      <c r="B8658" s="2"/>
      <c r="C8658" s="2"/>
    </row>
    <row r="8659" spans="1:3" ht="19.2">
      <c r="A8659" s="2"/>
      <c r="B8659" s="2"/>
      <c r="C8659" s="2"/>
    </row>
    <row r="8660" spans="1:3" ht="19.2">
      <c r="A8660" s="2"/>
      <c r="B8660" s="2"/>
      <c r="C8660" s="2"/>
    </row>
    <row r="8661" spans="1:3" ht="19.2">
      <c r="A8661" s="2"/>
      <c r="B8661" s="2"/>
      <c r="C8661" s="2"/>
    </row>
    <row r="8662" spans="1:3" ht="19.2">
      <c r="A8662" s="2"/>
      <c r="B8662" s="2"/>
      <c r="C8662" s="2"/>
    </row>
    <row r="8663" spans="1:3" ht="19.2">
      <c r="A8663" s="2"/>
      <c r="B8663" s="2"/>
      <c r="C8663" s="2"/>
    </row>
    <row r="8664" spans="1:3" ht="19.2">
      <c r="A8664" s="2"/>
      <c r="B8664" s="2"/>
      <c r="C8664" s="2"/>
    </row>
    <row r="8665" spans="1:3" ht="19.2">
      <c r="A8665" s="2"/>
      <c r="B8665" s="2"/>
      <c r="C8665" s="2"/>
    </row>
    <row r="8666" spans="1:3" ht="19.2">
      <c r="A8666" s="2"/>
      <c r="B8666" s="2"/>
      <c r="C8666" s="2"/>
    </row>
    <row r="8667" spans="1:3" ht="19.2">
      <c r="A8667" s="2"/>
      <c r="B8667" s="2"/>
      <c r="C8667" s="2"/>
    </row>
    <row r="8668" spans="1:3" ht="19.2">
      <c r="A8668" s="2"/>
      <c r="B8668" s="2"/>
      <c r="C8668" s="2"/>
    </row>
    <row r="8669" spans="1:3" ht="19.2">
      <c r="A8669" s="2"/>
      <c r="B8669" s="2"/>
      <c r="C8669" s="2"/>
    </row>
    <row r="8670" spans="1:3" ht="19.2">
      <c r="A8670" s="2"/>
      <c r="B8670" s="2"/>
      <c r="C8670" s="2"/>
    </row>
    <row r="8671" spans="1:3" ht="19.2">
      <c r="A8671" s="2"/>
      <c r="B8671" s="2"/>
      <c r="C8671" s="2"/>
    </row>
    <row r="8672" spans="1:3" ht="19.2">
      <c r="A8672" s="2"/>
      <c r="B8672" s="2"/>
      <c r="C8672" s="2"/>
    </row>
    <row r="8673" spans="1:3" ht="19.2">
      <c r="A8673" s="2"/>
      <c r="B8673" s="2"/>
      <c r="C8673" s="2"/>
    </row>
    <row r="8674" spans="1:3" ht="19.2">
      <c r="A8674" s="2"/>
      <c r="B8674" s="2"/>
      <c r="C8674" s="2"/>
    </row>
    <row r="8675" spans="1:3" ht="19.2">
      <c r="A8675" s="2"/>
      <c r="B8675" s="2"/>
      <c r="C8675" s="2"/>
    </row>
    <row r="8676" spans="1:3" ht="19.2">
      <c r="A8676" s="2"/>
      <c r="B8676" s="2"/>
      <c r="C8676" s="2"/>
    </row>
    <row r="8677" spans="1:3" ht="19.2">
      <c r="A8677" s="2"/>
      <c r="B8677" s="2"/>
      <c r="C8677" s="2"/>
    </row>
    <row r="8678" spans="1:3" ht="19.2">
      <c r="A8678" s="2"/>
      <c r="B8678" s="2"/>
      <c r="C8678" s="2"/>
    </row>
    <row r="8679" spans="1:3" ht="19.2">
      <c r="A8679" s="2"/>
      <c r="B8679" s="2"/>
      <c r="C8679" s="2"/>
    </row>
    <row r="8680" spans="1:3" ht="19.2">
      <c r="A8680" s="2"/>
      <c r="B8680" s="2"/>
      <c r="C8680" s="2"/>
    </row>
    <row r="8681" spans="1:3" ht="19.2">
      <c r="A8681" s="2"/>
      <c r="B8681" s="2"/>
      <c r="C8681" s="2"/>
    </row>
    <row r="8682" spans="1:3" ht="19.2">
      <c r="A8682" s="2"/>
      <c r="B8682" s="2"/>
      <c r="C8682" s="2"/>
    </row>
    <row r="8683" spans="1:3" ht="19.2">
      <c r="A8683" s="2"/>
      <c r="B8683" s="2"/>
      <c r="C8683" s="2"/>
    </row>
    <row r="8684" spans="1:3" ht="19.2">
      <c r="A8684" s="2"/>
      <c r="B8684" s="2"/>
      <c r="C8684" s="2"/>
    </row>
    <row r="8685" spans="1:3" ht="19.2">
      <c r="A8685" s="2"/>
      <c r="B8685" s="2"/>
      <c r="C8685" s="2"/>
    </row>
    <row r="8686" spans="1:3" ht="19.2">
      <c r="A8686" s="2"/>
      <c r="B8686" s="2"/>
      <c r="C8686" s="2"/>
    </row>
    <row r="8687" spans="1:3" ht="19.2">
      <c r="A8687" s="2"/>
      <c r="B8687" s="2"/>
      <c r="C8687" s="2"/>
    </row>
    <row r="8688" spans="1:3" ht="19.2">
      <c r="A8688" s="2"/>
      <c r="B8688" s="2"/>
      <c r="C8688" s="2"/>
    </row>
    <row r="8689" spans="1:3" ht="19.2">
      <c r="A8689" s="2"/>
      <c r="B8689" s="2"/>
      <c r="C8689" s="2"/>
    </row>
    <row r="8690" spans="1:3" ht="19.2">
      <c r="A8690" s="2"/>
      <c r="B8690" s="2"/>
      <c r="C8690" s="2"/>
    </row>
    <row r="8691" spans="1:3" ht="19.2">
      <c r="A8691" s="2"/>
      <c r="B8691" s="2"/>
      <c r="C8691" s="2"/>
    </row>
    <row r="8692" spans="1:3" ht="19.2">
      <c r="A8692" s="2"/>
      <c r="B8692" s="2"/>
      <c r="C8692" s="2"/>
    </row>
    <row r="8693" spans="1:3" ht="19.2">
      <c r="A8693" s="2"/>
      <c r="B8693" s="2"/>
      <c r="C8693" s="2"/>
    </row>
    <row r="8694" spans="1:3" ht="19.2">
      <c r="A8694" s="2"/>
      <c r="B8694" s="2"/>
      <c r="C8694" s="2"/>
    </row>
    <row r="8695" spans="1:3" ht="19.2">
      <c r="A8695" s="2"/>
      <c r="B8695" s="2"/>
      <c r="C8695" s="2"/>
    </row>
    <row r="8696" spans="1:3" ht="19.2">
      <c r="A8696" s="2"/>
      <c r="B8696" s="2"/>
      <c r="C8696" s="2"/>
    </row>
    <row r="8697" spans="1:3" ht="19.2">
      <c r="A8697" s="2"/>
      <c r="B8697" s="2"/>
      <c r="C8697" s="2"/>
    </row>
    <row r="8698" spans="1:3" ht="19.2">
      <c r="A8698" s="2"/>
      <c r="B8698" s="2"/>
      <c r="C8698" s="2"/>
    </row>
    <row r="8699" spans="1:3" ht="19.2">
      <c r="A8699" s="2"/>
      <c r="B8699" s="2"/>
      <c r="C8699" s="2"/>
    </row>
    <row r="8700" spans="1:3" ht="19.2">
      <c r="A8700" s="2"/>
      <c r="B8700" s="2"/>
      <c r="C8700" s="2"/>
    </row>
    <row r="8701" spans="1:3" ht="19.2">
      <c r="A8701" s="2"/>
      <c r="B8701" s="2"/>
      <c r="C8701" s="2"/>
    </row>
    <row r="8702" spans="1:3" ht="19.2">
      <c r="A8702" s="2"/>
      <c r="B8702" s="2"/>
      <c r="C8702" s="2"/>
    </row>
    <row r="8703" spans="1:3" ht="19.2">
      <c r="A8703" s="2"/>
      <c r="B8703" s="2"/>
      <c r="C8703" s="2"/>
    </row>
    <row r="8704" spans="1:3" ht="19.2">
      <c r="A8704" s="2"/>
      <c r="B8704" s="2"/>
      <c r="C8704" s="2"/>
    </row>
    <row r="8705" spans="1:3" ht="19.2">
      <c r="A8705" s="2"/>
      <c r="B8705" s="2"/>
      <c r="C8705" s="2"/>
    </row>
    <row r="8706" spans="1:3" ht="19.2">
      <c r="A8706" s="2"/>
      <c r="B8706" s="2"/>
      <c r="C8706" s="2"/>
    </row>
    <row r="8707" spans="1:3" ht="19.2">
      <c r="A8707" s="2"/>
      <c r="B8707" s="2"/>
      <c r="C8707" s="2"/>
    </row>
    <row r="8708" spans="1:3" ht="19.2">
      <c r="A8708" s="2"/>
      <c r="B8708" s="2"/>
      <c r="C8708" s="2"/>
    </row>
    <row r="8709" spans="1:3" ht="19.2">
      <c r="A8709" s="2"/>
      <c r="B8709" s="2"/>
      <c r="C8709" s="2"/>
    </row>
    <row r="8710" spans="1:3" ht="19.2">
      <c r="A8710" s="2"/>
      <c r="B8710" s="2"/>
      <c r="C8710" s="2"/>
    </row>
    <row r="8711" spans="1:3" ht="19.2">
      <c r="A8711" s="2"/>
      <c r="B8711" s="2"/>
      <c r="C8711" s="2"/>
    </row>
    <row r="8712" spans="1:3" ht="19.2">
      <c r="A8712" s="2"/>
      <c r="B8712" s="2"/>
      <c r="C8712" s="2"/>
    </row>
    <row r="8713" spans="1:3" ht="19.2">
      <c r="A8713" s="2"/>
      <c r="B8713" s="2"/>
      <c r="C8713" s="2"/>
    </row>
    <row r="8714" spans="1:3" ht="19.2">
      <c r="A8714" s="2"/>
      <c r="B8714" s="2"/>
      <c r="C8714" s="2"/>
    </row>
    <row r="8715" spans="1:3" ht="19.2">
      <c r="A8715" s="2"/>
      <c r="B8715" s="2"/>
      <c r="C8715" s="2"/>
    </row>
    <row r="8716" spans="1:3" ht="19.2">
      <c r="A8716" s="2"/>
      <c r="B8716" s="2"/>
      <c r="C8716" s="2"/>
    </row>
    <row r="8717" spans="1:3" ht="19.2">
      <c r="A8717" s="2"/>
      <c r="B8717" s="2"/>
      <c r="C8717" s="2"/>
    </row>
    <row r="8718" spans="1:3" ht="19.2">
      <c r="A8718" s="2"/>
      <c r="B8718" s="2"/>
      <c r="C8718" s="2"/>
    </row>
    <row r="8719" spans="1:3" ht="19.2">
      <c r="A8719" s="2"/>
      <c r="B8719" s="2"/>
      <c r="C8719" s="2"/>
    </row>
    <row r="8720" spans="1:3" ht="19.2">
      <c r="A8720" s="2"/>
      <c r="B8720" s="2"/>
      <c r="C8720" s="2"/>
    </row>
    <row r="8721" spans="1:3" ht="19.2">
      <c r="A8721" s="2"/>
      <c r="B8721" s="2"/>
      <c r="C8721" s="2"/>
    </row>
    <row r="8722" spans="1:3" ht="19.2">
      <c r="A8722" s="2"/>
      <c r="B8722" s="2"/>
      <c r="C8722" s="2"/>
    </row>
    <row r="8723" spans="1:3" ht="19.2">
      <c r="A8723" s="2"/>
      <c r="B8723" s="2"/>
      <c r="C8723" s="2"/>
    </row>
    <row r="8724" spans="1:3" ht="19.2">
      <c r="A8724" s="2"/>
      <c r="B8724" s="2"/>
      <c r="C8724" s="2"/>
    </row>
    <row r="8725" spans="1:3" ht="19.2">
      <c r="A8725" s="2"/>
      <c r="B8725" s="2"/>
      <c r="C8725" s="2"/>
    </row>
    <row r="8726" spans="1:3" ht="19.2">
      <c r="A8726" s="2"/>
      <c r="B8726" s="2"/>
      <c r="C8726" s="2"/>
    </row>
    <row r="8727" spans="1:3" ht="19.2">
      <c r="A8727" s="2"/>
      <c r="B8727" s="2"/>
      <c r="C8727" s="2"/>
    </row>
    <row r="8728" spans="1:3" ht="19.2">
      <c r="A8728" s="2"/>
      <c r="B8728" s="2"/>
      <c r="C8728" s="2"/>
    </row>
    <row r="8729" spans="1:3" ht="19.2">
      <c r="A8729" s="2"/>
      <c r="B8729" s="2"/>
      <c r="C8729" s="2"/>
    </row>
    <row r="8730" spans="1:3" ht="19.2">
      <c r="A8730" s="2"/>
      <c r="B8730" s="2"/>
      <c r="C8730" s="2"/>
    </row>
    <row r="8731" spans="1:3" ht="19.2">
      <c r="A8731" s="2"/>
      <c r="B8731" s="2"/>
      <c r="C8731" s="2"/>
    </row>
    <row r="8732" spans="1:3" ht="19.2">
      <c r="A8732" s="2"/>
      <c r="B8732" s="2"/>
      <c r="C8732" s="2"/>
    </row>
    <row r="8733" spans="1:3" ht="19.2">
      <c r="A8733" s="2"/>
      <c r="B8733" s="2"/>
      <c r="C8733" s="2"/>
    </row>
    <row r="8734" spans="1:3" ht="19.2">
      <c r="A8734" s="2"/>
      <c r="B8734" s="2"/>
      <c r="C8734" s="2"/>
    </row>
    <row r="8735" spans="1:3" ht="19.2">
      <c r="A8735" s="2"/>
      <c r="B8735" s="2"/>
      <c r="C8735" s="2"/>
    </row>
    <row r="8736" spans="1:3" ht="19.2">
      <c r="A8736" s="2"/>
      <c r="B8736" s="2"/>
      <c r="C8736" s="2"/>
    </row>
    <row r="8737" spans="1:3" ht="19.2">
      <c r="A8737" s="2"/>
      <c r="B8737" s="2"/>
      <c r="C8737" s="2"/>
    </row>
    <row r="8738" spans="1:3" ht="19.2">
      <c r="A8738" s="2"/>
      <c r="B8738" s="2"/>
      <c r="C8738" s="2"/>
    </row>
    <row r="8739" spans="1:3" ht="19.2">
      <c r="A8739" s="2"/>
      <c r="B8739" s="2"/>
      <c r="C8739" s="2"/>
    </row>
    <row r="8740" spans="1:3" ht="19.2">
      <c r="A8740" s="2"/>
      <c r="B8740" s="2"/>
      <c r="C8740" s="2"/>
    </row>
    <row r="8741" spans="1:3" ht="19.2">
      <c r="A8741" s="2"/>
      <c r="B8741" s="2"/>
      <c r="C8741" s="2"/>
    </row>
    <row r="8742" spans="1:3" ht="19.2">
      <c r="A8742" s="2"/>
      <c r="B8742" s="2"/>
      <c r="C8742" s="2"/>
    </row>
    <row r="8743" spans="1:3" ht="19.2">
      <c r="A8743" s="2"/>
      <c r="B8743" s="2"/>
      <c r="C8743" s="2"/>
    </row>
    <row r="8744" spans="1:3" ht="19.2">
      <c r="A8744" s="2"/>
      <c r="B8744" s="2"/>
      <c r="C8744" s="2"/>
    </row>
    <row r="8745" spans="1:3" ht="19.2">
      <c r="A8745" s="2"/>
      <c r="B8745" s="2"/>
      <c r="C8745" s="2"/>
    </row>
    <row r="8746" spans="1:3" ht="19.2">
      <c r="A8746" s="2"/>
      <c r="B8746" s="2"/>
      <c r="C8746" s="2"/>
    </row>
    <row r="8747" spans="1:3" ht="19.2">
      <c r="A8747" s="2"/>
      <c r="B8747" s="2"/>
      <c r="C8747" s="2"/>
    </row>
    <row r="8748" spans="1:3" ht="19.2">
      <c r="A8748" s="2"/>
      <c r="B8748" s="2"/>
      <c r="C8748" s="2"/>
    </row>
    <row r="8749" spans="1:3" ht="19.2">
      <c r="A8749" s="2"/>
      <c r="B8749" s="2"/>
      <c r="C8749" s="2"/>
    </row>
    <row r="8750" spans="1:3" ht="19.2">
      <c r="A8750" s="2"/>
      <c r="B8750" s="2"/>
      <c r="C8750" s="2"/>
    </row>
    <row r="8751" spans="1:3" ht="19.2">
      <c r="A8751" s="2"/>
      <c r="B8751" s="2"/>
      <c r="C8751" s="2"/>
    </row>
    <row r="8752" spans="1:3" ht="19.2">
      <c r="A8752" s="2"/>
      <c r="B8752" s="2"/>
      <c r="C8752" s="2"/>
    </row>
    <row r="8753" spans="1:3" ht="19.2">
      <c r="A8753" s="2"/>
      <c r="B8753" s="2"/>
      <c r="C8753" s="2"/>
    </row>
    <row r="8754" spans="1:3" ht="19.2">
      <c r="A8754" s="2"/>
      <c r="B8754" s="2"/>
      <c r="C8754" s="2"/>
    </row>
    <row r="8755" spans="1:3" ht="19.2">
      <c r="A8755" s="2"/>
      <c r="B8755" s="2"/>
      <c r="C8755" s="2"/>
    </row>
    <row r="8756" spans="1:3" ht="19.2">
      <c r="A8756" s="2"/>
      <c r="B8756" s="2"/>
      <c r="C8756" s="2"/>
    </row>
    <row r="8757" spans="1:3" ht="19.2">
      <c r="A8757" s="2"/>
      <c r="B8757" s="2"/>
      <c r="C8757" s="2"/>
    </row>
    <row r="8758" spans="1:3" ht="19.2">
      <c r="A8758" s="2"/>
      <c r="B8758" s="2"/>
      <c r="C8758" s="2"/>
    </row>
    <row r="8759" spans="1:3" ht="19.2">
      <c r="A8759" s="2"/>
      <c r="B8759" s="2"/>
      <c r="C8759" s="2"/>
    </row>
    <row r="8760" spans="1:3" ht="19.2">
      <c r="A8760" s="2"/>
      <c r="B8760" s="2"/>
      <c r="C8760" s="2"/>
    </row>
    <row r="8761" spans="1:3" ht="19.2">
      <c r="A8761" s="2"/>
      <c r="B8761" s="2"/>
      <c r="C8761" s="2"/>
    </row>
    <row r="8762" spans="1:3" ht="19.2">
      <c r="A8762" s="2"/>
      <c r="B8762" s="2"/>
      <c r="C8762" s="2"/>
    </row>
    <row r="8763" spans="1:3" ht="19.2">
      <c r="A8763" s="2"/>
      <c r="B8763" s="2"/>
      <c r="C8763" s="2"/>
    </row>
    <row r="8764" spans="1:3" ht="19.2">
      <c r="A8764" s="2"/>
      <c r="B8764" s="2"/>
      <c r="C8764" s="2"/>
    </row>
    <row r="8765" spans="1:3" ht="19.2">
      <c r="A8765" s="2"/>
      <c r="B8765" s="2"/>
      <c r="C8765" s="2"/>
    </row>
    <row r="8766" spans="1:3" ht="19.2">
      <c r="A8766" s="2"/>
      <c r="B8766" s="2"/>
      <c r="C8766" s="2"/>
    </row>
    <row r="8767" spans="1:3" ht="19.2">
      <c r="A8767" s="2"/>
      <c r="B8767" s="2"/>
      <c r="C8767" s="2"/>
    </row>
    <row r="8768" spans="1:3" ht="19.2">
      <c r="A8768" s="2"/>
      <c r="B8768" s="2"/>
      <c r="C8768" s="2"/>
    </row>
    <row r="8769" spans="1:3" ht="19.2">
      <c r="A8769" s="2"/>
      <c r="B8769" s="2"/>
      <c r="C8769" s="2"/>
    </row>
    <row r="8770" spans="1:3" ht="19.2">
      <c r="A8770" s="2"/>
      <c r="B8770" s="2"/>
      <c r="C8770" s="2"/>
    </row>
    <row r="8771" spans="1:3" ht="19.2">
      <c r="A8771" s="2"/>
      <c r="B8771" s="2"/>
      <c r="C8771" s="2"/>
    </row>
    <row r="8772" spans="1:3" ht="19.2">
      <c r="A8772" s="2"/>
      <c r="B8772" s="2"/>
      <c r="C8772" s="2"/>
    </row>
    <row r="8773" spans="1:3" ht="19.2">
      <c r="A8773" s="2"/>
      <c r="B8773" s="2"/>
      <c r="C8773" s="2"/>
    </row>
    <row r="8774" spans="1:3" ht="19.2">
      <c r="A8774" s="2"/>
      <c r="B8774" s="2"/>
      <c r="C8774" s="2"/>
    </row>
    <row r="8775" spans="1:3" ht="19.2">
      <c r="A8775" s="2"/>
      <c r="B8775" s="2"/>
      <c r="C8775" s="2"/>
    </row>
    <row r="8776" spans="1:3" ht="19.2">
      <c r="A8776" s="2"/>
      <c r="B8776" s="2"/>
      <c r="C8776" s="2"/>
    </row>
    <row r="8777" spans="1:3" ht="19.2">
      <c r="A8777" s="2"/>
      <c r="B8777" s="2"/>
      <c r="C8777" s="2"/>
    </row>
    <row r="8778" spans="1:3" ht="19.2">
      <c r="A8778" s="2"/>
      <c r="B8778" s="2"/>
      <c r="C8778" s="2"/>
    </row>
    <row r="8779" spans="1:3" ht="19.2">
      <c r="A8779" s="2"/>
      <c r="B8779" s="2"/>
      <c r="C8779" s="2"/>
    </row>
    <row r="8780" spans="1:3" ht="19.2">
      <c r="A8780" s="2"/>
      <c r="B8780" s="2"/>
      <c r="C8780" s="2"/>
    </row>
    <row r="8781" spans="1:3" ht="19.2">
      <c r="A8781" s="2"/>
      <c r="B8781" s="2"/>
      <c r="C8781" s="2"/>
    </row>
    <row r="8782" spans="1:3" ht="19.2">
      <c r="A8782" s="2"/>
      <c r="B8782" s="2"/>
      <c r="C8782" s="2"/>
    </row>
    <row r="8783" spans="1:3" ht="19.2">
      <c r="A8783" s="2"/>
      <c r="B8783" s="2"/>
      <c r="C8783" s="2"/>
    </row>
    <row r="8784" spans="1:3" ht="19.2">
      <c r="A8784" s="2"/>
      <c r="B8784" s="2"/>
      <c r="C8784" s="2"/>
    </row>
    <row r="8785" spans="1:3" ht="19.2">
      <c r="A8785" s="2"/>
      <c r="B8785" s="2"/>
      <c r="C8785" s="2"/>
    </row>
    <row r="8786" spans="1:3" ht="19.2">
      <c r="A8786" s="2"/>
      <c r="B8786" s="2"/>
      <c r="C8786" s="2"/>
    </row>
    <row r="8787" spans="1:3" ht="19.2">
      <c r="A8787" s="2"/>
      <c r="B8787" s="2"/>
      <c r="C8787" s="2"/>
    </row>
    <row r="8788" spans="1:3" ht="19.2">
      <c r="A8788" s="2"/>
      <c r="B8788" s="2"/>
      <c r="C8788" s="2"/>
    </row>
    <row r="8789" spans="1:3" ht="19.2">
      <c r="A8789" s="2"/>
      <c r="B8789" s="2"/>
      <c r="C8789" s="2"/>
    </row>
    <row r="8790" spans="1:3" ht="19.2">
      <c r="A8790" s="2"/>
      <c r="B8790" s="2"/>
      <c r="C8790" s="2"/>
    </row>
    <row r="8791" spans="1:3" ht="19.2">
      <c r="A8791" s="2"/>
      <c r="B8791" s="2"/>
      <c r="C8791" s="2"/>
    </row>
    <row r="8792" spans="1:3" ht="19.2">
      <c r="A8792" s="2"/>
      <c r="B8792" s="2"/>
      <c r="C8792" s="2"/>
    </row>
    <row r="8793" spans="1:3" ht="19.2">
      <c r="A8793" s="2"/>
      <c r="B8793" s="2"/>
      <c r="C8793" s="2"/>
    </row>
    <row r="8794" spans="1:3" ht="19.2">
      <c r="A8794" s="2"/>
      <c r="B8794" s="2"/>
      <c r="C8794" s="2"/>
    </row>
    <row r="8795" spans="1:3" ht="19.2">
      <c r="A8795" s="2"/>
      <c r="B8795" s="2"/>
      <c r="C8795" s="2"/>
    </row>
    <row r="8796" spans="1:3" ht="19.2">
      <c r="A8796" s="2"/>
      <c r="B8796" s="2"/>
      <c r="C8796" s="2"/>
    </row>
    <row r="8797" spans="1:3" ht="19.2">
      <c r="A8797" s="2"/>
      <c r="B8797" s="2"/>
      <c r="C8797" s="2"/>
    </row>
    <row r="8798" spans="1:3" ht="19.2">
      <c r="A8798" s="2"/>
      <c r="B8798" s="2"/>
      <c r="C8798" s="2"/>
    </row>
    <row r="8799" spans="1:3" ht="19.2">
      <c r="A8799" s="2"/>
      <c r="B8799" s="2"/>
      <c r="C8799" s="2"/>
    </row>
    <row r="8800" spans="1:3" ht="19.2">
      <c r="A8800" s="2"/>
      <c r="B8800" s="2"/>
      <c r="C8800" s="2"/>
    </row>
    <row r="8801" spans="1:3" ht="19.2">
      <c r="A8801" s="2"/>
      <c r="B8801" s="2"/>
      <c r="C8801" s="2"/>
    </row>
    <row r="8802" spans="1:3" ht="19.2">
      <c r="A8802" s="2"/>
      <c r="B8802" s="2"/>
      <c r="C8802" s="2"/>
    </row>
    <row r="8803" spans="1:3" ht="19.2">
      <c r="A8803" s="2"/>
      <c r="B8803" s="2"/>
      <c r="C8803" s="2"/>
    </row>
    <row r="8804" spans="1:3" ht="19.2">
      <c r="A8804" s="2"/>
      <c r="B8804" s="2"/>
      <c r="C8804" s="2"/>
    </row>
    <row r="8805" spans="1:3" ht="19.2">
      <c r="A8805" s="2"/>
      <c r="B8805" s="2"/>
      <c r="C8805" s="2"/>
    </row>
    <row r="8806" spans="1:3" ht="19.2">
      <c r="A8806" s="2"/>
      <c r="B8806" s="2"/>
      <c r="C8806" s="2"/>
    </row>
    <row r="8807" spans="1:3" ht="19.2">
      <c r="A8807" s="2"/>
      <c r="B8807" s="2"/>
      <c r="C8807" s="2"/>
    </row>
    <row r="8808" spans="1:3" ht="19.2">
      <c r="A8808" s="2"/>
      <c r="B8808" s="2"/>
      <c r="C8808" s="2"/>
    </row>
    <row r="8809" spans="1:3" ht="19.2">
      <c r="A8809" s="2"/>
      <c r="B8809" s="2"/>
      <c r="C8809" s="2"/>
    </row>
    <row r="8810" spans="1:3" ht="19.2">
      <c r="A8810" s="2"/>
      <c r="B8810" s="2"/>
      <c r="C8810" s="2"/>
    </row>
    <row r="8811" spans="1:3" ht="19.2">
      <c r="A8811" s="2"/>
      <c r="B8811" s="2"/>
      <c r="C8811" s="2"/>
    </row>
    <row r="8812" spans="1:3" ht="19.2">
      <c r="A8812" s="2"/>
      <c r="B8812" s="2"/>
      <c r="C8812" s="2"/>
    </row>
    <row r="8813" spans="1:3" ht="19.2">
      <c r="A8813" s="2"/>
      <c r="B8813" s="2"/>
      <c r="C8813" s="2"/>
    </row>
    <row r="8814" spans="1:3" ht="19.2">
      <c r="A8814" s="2"/>
      <c r="B8814" s="2"/>
      <c r="C8814" s="2"/>
    </row>
    <row r="8815" spans="1:3" ht="19.2">
      <c r="A8815" s="2"/>
      <c r="B8815" s="2"/>
      <c r="C8815" s="2"/>
    </row>
    <row r="8816" spans="1:3" ht="19.2">
      <c r="A8816" s="2"/>
      <c r="B8816" s="2"/>
      <c r="C8816" s="2"/>
    </row>
    <row r="8817" spans="1:3" ht="19.2">
      <c r="A8817" s="2"/>
      <c r="B8817" s="2"/>
      <c r="C8817" s="2"/>
    </row>
    <row r="8818" spans="1:3" ht="19.2">
      <c r="A8818" s="2"/>
      <c r="B8818" s="2"/>
      <c r="C8818" s="2"/>
    </row>
    <row r="8819" spans="1:3" ht="19.2">
      <c r="A8819" s="2"/>
      <c r="B8819" s="2"/>
      <c r="C8819" s="2"/>
    </row>
    <row r="8820" spans="1:3" ht="19.2">
      <c r="A8820" s="2"/>
      <c r="B8820" s="2"/>
      <c r="C8820" s="2"/>
    </row>
    <row r="8821" spans="1:3" ht="19.2">
      <c r="A8821" s="2"/>
      <c r="B8821" s="2"/>
      <c r="C8821" s="2"/>
    </row>
    <row r="8822" spans="1:3" ht="19.2">
      <c r="A8822" s="2"/>
      <c r="B8822" s="2"/>
      <c r="C8822" s="2"/>
    </row>
    <row r="8823" spans="1:3" ht="19.2">
      <c r="A8823" s="2"/>
      <c r="B8823" s="2"/>
      <c r="C8823" s="2"/>
    </row>
    <row r="8824" spans="1:3" ht="19.2">
      <c r="A8824" s="2"/>
      <c r="B8824" s="2"/>
      <c r="C8824" s="2"/>
    </row>
    <row r="8825" spans="1:3" ht="19.2">
      <c r="A8825" s="2"/>
      <c r="B8825" s="2"/>
      <c r="C8825" s="2"/>
    </row>
    <row r="8826" spans="1:3" ht="19.2">
      <c r="A8826" s="2"/>
      <c r="B8826" s="2"/>
      <c r="C8826" s="2"/>
    </row>
    <row r="8827" spans="1:3" ht="19.2">
      <c r="A8827" s="2"/>
      <c r="B8827" s="2"/>
      <c r="C8827" s="2"/>
    </row>
    <row r="8828" spans="1:3" ht="19.2">
      <c r="A8828" s="2"/>
      <c r="B8828" s="2"/>
      <c r="C8828" s="2"/>
    </row>
    <row r="8829" spans="1:3" ht="19.2">
      <c r="A8829" s="2"/>
      <c r="B8829" s="2"/>
      <c r="C8829" s="2"/>
    </row>
    <row r="8830" spans="1:3" ht="19.2">
      <c r="A8830" s="2"/>
      <c r="B8830" s="2"/>
      <c r="C8830" s="2"/>
    </row>
    <row r="8831" spans="1:3" ht="19.2">
      <c r="A8831" s="2"/>
      <c r="B8831" s="2"/>
      <c r="C8831" s="2"/>
    </row>
    <row r="8832" spans="1:3" ht="19.2">
      <c r="A8832" s="2"/>
      <c r="B8832" s="2"/>
      <c r="C8832" s="2"/>
    </row>
    <row r="8833" spans="1:3" ht="19.2">
      <c r="A8833" s="2"/>
      <c r="B8833" s="2"/>
      <c r="C8833" s="2"/>
    </row>
    <row r="8834" spans="1:3" ht="19.2">
      <c r="A8834" s="2"/>
      <c r="B8834" s="2"/>
      <c r="C8834" s="2"/>
    </row>
    <row r="8835" spans="1:3" ht="19.2">
      <c r="A8835" s="2"/>
      <c r="B8835" s="2"/>
      <c r="C8835" s="2"/>
    </row>
    <row r="8836" spans="1:3" ht="19.2">
      <c r="A8836" s="2"/>
      <c r="B8836" s="2"/>
      <c r="C8836" s="2"/>
    </row>
    <row r="8837" spans="1:3" ht="19.2">
      <c r="A8837" s="2"/>
      <c r="B8837" s="2"/>
      <c r="C8837" s="2"/>
    </row>
    <row r="8838" spans="1:3" ht="19.2">
      <c r="A8838" s="2"/>
      <c r="B8838" s="2"/>
      <c r="C8838" s="2"/>
    </row>
    <row r="8839" spans="1:3" ht="19.2">
      <c r="A8839" s="2"/>
      <c r="B8839" s="2"/>
      <c r="C8839" s="2"/>
    </row>
    <row r="8840" spans="1:3" ht="19.2">
      <c r="A8840" s="2"/>
      <c r="B8840" s="2"/>
      <c r="C8840" s="2"/>
    </row>
    <row r="8841" spans="1:3" ht="19.2">
      <c r="A8841" s="2"/>
      <c r="B8841" s="2"/>
      <c r="C8841" s="2"/>
    </row>
    <row r="8842" spans="1:3" ht="19.2">
      <c r="A8842" s="2"/>
      <c r="B8842" s="2"/>
      <c r="C8842" s="2"/>
    </row>
    <row r="8843" spans="1:3" ht="19.2">
      <c r="A8843" s="2"/>
      <c r="B8843" s="2"/>
      <c r="C8843" s="2"/>
    </row>
    <row r="8844" spans="1:3" ht="19.2">
      <c r="A8844" s="2"/>
      <c r="B8844" s="2"/>
      <c r="C8844" s="2"/>
    </row>
    <row r="8845" spans="1:3" ht="19.2">
      <c r="A8845" s="2"/>
      <c r="B8845" s="2"/>
      <c r="C8845" s="2"/>
    </row>
    <row r="8846" spans="1:3" ht="19.2">
      <c r="A8846" s="2"/>
      <c r="B8846" s="2"/>
      <c r="C8846" s="2"/>
    </row>
    <row r="8847" spans="1:3" ht="19.2">
      <c r="A8847" s="2"/>
      <c r="B8847" s="2"/>
      <c r="C8847" s="2"/>
    </row>
    <row r="8848" spans="1:3" ht="19.2">
      <c r="A8848" s="2"/>
      <c r="B8848" s="2"/>
      <c r="C8848" s="2"/>
    </row>
    <row r="8849" spans="1:3" ht="19.2">
      <c r="A8849" s="2"/>
      <c r="B8849" s="2"/>
      <c r="C8849" s="2"/>
    </row>
    <row r="8850" spans="1:3" ht="19.2">
      <c r="A8850" s="2"/>
      <c r="B8850" s="2"/>
      <c r="C8850" s="2"/>
    </row>
    <row r="8851" spans="1:3" ht="19.2">
      <c r="A8851" s="2"/>
      <c r="B8851" s="2"/>
      <c r="C8851" s="2"/>
    </row>
    <row r="8852" spans="1:3" ht="19.2">
      <c r="A8852" s="2"/>
      <c r="B8852" s="2"/>
      <c r="C8852" s="2"/>
    </row>
    <row r="8853" spans="1:3" ht="19.2">
      <c r="A8853" s="2"/>
      <c r="B8853" s="2"/>
      <c r="C8853" s="2"/>
    </row>
    <row r="8854" spans="1:3" ht="19.2">
      <c r="A8854" s="2"/>
      <c r="B8854" s="2"/>
      <c r="C8854" s="2"/>
    </row>
    <row r="8855" spans="1:3" ht="19.2">
      <c r="A8855" s="2"/>
      <c r="B8855" s="2"/>
      <c r="C8855" s="2"/>
    </row>
    <row r="8856" spans="1:3" ht="19.2">
      <c r="A8856" s="2"/>
      <c r="B8856" s="2"/>
      <c r="C8856" s="2"/>
    </row>
    <row r="8857" spans="1:3" ht="19.2">
      <c r="A8857" s="2"/>
      <c r="B8857" s="2"/>
      <c r="C8857" s="2"/>
    </row>
    <row r="8858" spans="1:3" ht="19.2">
      <c r="A8858" s="2"/>
      <c r="B8858" s="2"/>
      <c r="C8858" s="2"/>
    </row>
    <row r="8859" spans="1:3" ht="19.2">
      <c r="A8859" s="2"/>
      <c r="B8859" s="2"/>
      <c r="C8859" s="2"/>
    </row>
    <row r="8860" spans="1:3" ht="19.2">
      <c r="A8860" s="2"/>
      <c r="B8860" s="2"/>
      <c r="C8860" s="2"/>
    </row>
    <row r="8861" spans="1:3" ht="19.2">
      <c r="A8861" s="2"/>
      <c r="B8861" s="2"/>
      <c r="C8861" s="2"/>
    </row>
    <row r="8862" spans="1:3" ht="19.2">
      <c r="A8862" s="2"/>
      <c r="B8862" s="2"/>
      <c r="C8862" s="2"/>
    </row>
    <row r="8863" spans="1:3" ht="19.2">
      <c r="A8863" s="2"/>
      <c r="B8863" s="2"/>
      <c r="C8863" s="2"/>
    </row>
    <row r="8864" spans="1:3" ht="19.2">
      <c r="A8864" s="2"/>
      <c r="B8864" s="2"/>
      <c r="C8864" s="2"/>
    </row>
    <row r="8865" spans="1:3" ht="19.2">
      <c r="A8865" s="2"/>
      <c r="B8865" s="2"/>
      <c r="C8865" s="2"/>
    </row>
    <row r="8866" spans="1:3" ht="19.2">
      <c r="A8866" s="2"/>
      <c r="B8866" s="2"/>
      <c r="C8866" s="2"/>
    </row>
    <row r="8867" spans="1:3" ht="19.2">
      <c r="A8867" s="2"/>
      <c r="B8867" s="2"/>
      <c r="C8867" s="2"/>
    </row>
    <row r="8868" spans="1:3" ht="19.2">
      <c r="A8868" s="2"/>
      <c r="B8868" s="2"/>
      <c r="C8868" s="2"/>
    </row>
    <row r="8869" spans="1:3" ht="19.2">
      <c r="A8869" s="2"/>
      <c r="B8869" s="2"/>
      <c r="C8869" s="2"/>
    </row>
    <row r="8870" spans="1:3" ht="19.2">
      <c r="A8870" s="2"/>
      <c r="B8870" s="2"/>
      <c r="C8870" s="2"/>
    </row>
    <row r="8871" spans="1:3" ht="19.2">
      <c r="A8871" s="2"/>
      <c r="B8871" s="2"/>
      <c r="C8871" s="2"/>
    </row>
    <row r="8872" spans="1:3" ht="19.2">
      <c r="A8872" s="2"/>
      <c r="B8872" s="2"/>
      <c r="C8872" s="2"/>
    </row>
    <row r="8873" spans="1:3" ht="19.2">
      <c r="A8873" s="2"/>
      <c r="B8873" s="2"/>
      <c r="C8873" s="2"/>
    </row>
    <row r="8874" spans="1:3" ht="19.2">
      <c r="A8874" s="2"/>
      <c r="B8874" s="2"/>
      <c r="C8874" s="2"/>
    </row>
    <row r="8875" spans="1:3" ht="19.2">
      <c r="A8875" s="2"/>
      <c r="B8875" s="2"/>
      <c r="C8875" s="2"/>
    </row>
    <row r="8876" spans="1:3" ht="19.2">
      <c r="A8876" s="2"/>
      <c r="B8876" s="2"/>
      <c r="C8876" s="2"/>
    </row>
    <row r="8877" spans="1:3" ht="19.2">
      <c r="A8877" s="2"/>
      <c r="B8877" s="2"/>
      <c r="C8877" s="2"/>
    </row>
    <row r="8878" spans="1:3" ht="19.2">
      <c r="A8878" s="2"/>
      <c r="B8878" s="2"/>
      <c r="C8878" s="2"/>
    </row>
    <row r="8879" spans="1:3" ht="19.2">
      <c r="A8879" s="2"/>
      <c r="B8879" s="2"/>
      <c r="C8879" s="2"/>
    </row>
    <row r="8880" spans="1:3" ht="19.2">
      <c r="A8880" s="2"/>
      <c r="B8880" s="2"/>
      <c r="C8880" s="2"/>
    </row>
    <row r="8881" spans="1:3" ht="19.2">
      <c r="A8881" s="2"/>
      <c r="B8881" s="2"/>
      <c r="C8881" s="2"/>
    </row>
    <row r="8882" spans="1:3" ht="19.2">
      <c r="A8882" s="2"/>
      <c r="B8882" s="2"/>
      <c r="C8882" s="2"/>
    </row>
    <row r="8883" spans="1:3" ht="19.2">
      <c r="A8883" s="2"/>
      <c r="B8883" s="2"/>
      <c r="C8883" s="2"/>
    </row>
    <row r="8884" spans="1:3" ht="19.2">
      <c r="A8884" s="2"/>
      <c r="B8884" s="2"/>
      <c r="C8884" s="2"/>
    </row>
    <row r="8885" spans="1:3" ht="19.2">
      <c r="A8885" s="2"/>
      <c r="B8885" s="2"/>
      <c r="C8885" s="2"/>
    </row>
    <row r="8886" spans="1:3" ht="19.2">
      <c r="A8886" s="2"/>
      <c r="B8886" s="2"/>
      <c r="C8886" s="2"/>
    </row>
    <row r="8887" spans="1:3" ht="19.2">
      <c r="A8887" s="2"/>
      <c r="B8887" s="2"/>
      <c r="C8887" s="2"/>
    </row>
    <row r="8888" spans="1:3" ht="19.2">
      <c r="A8888" s="2"/>
      <c r="B8888" s="2"/>
      <c r="C8888" s="2"/>
    </row>
    <row r="8889" spans="1:3" ht="19.2">
      <c r="A8889" s="2"/>
      <c r="B8889" s="2"/>
      <c r="C8889" s="2"/>
    </row>
    <row r="8890" spans="1:3" ht="19.2">
      <c r="A8890" s="2"/>
      <c r="B8890" s="2"/>
      <c r="C8890" s="2"/>
    </row>
    <row r="8891" spans="1:3" ht="19.2">
      <c r="A8891" s="2"/>
      <c r="B8891" s="2"/>
      <c r="C8891" s="2"/>
    </row>
    <row r="8892" spans="1:3" ht="19.2">
      <c r="A8892" s="2"/>
      <c r="B8892" s="2"/>
      <c r="C8892" s="2"/>
    </row>
    <row r="8893" spans="1:3" ht="19.2">
      <c r="A8893" s="2"/>
      <c r="B8893" s="2"/>
      <c r="C8893" s="2"/>
    </row>
    <row r="8894" spans="1:3" ht="19.2">
      <c r="A8894" s="2"/>
      <c r="B8894" s="2"/>
      <c r="C8894" s="2"/>
    </row>
    <row r="8895" spans="1:3" ht="19.2">
      <c r="A8895" s="2"/>
      <c r="B8895" s="2"/>
      <c r="C8895" s="2"/>
    </row>
    <row r="8896" spans="1:3" ht="19.2">
      <c r="A8896" s="2"/>
      <c r="B8896" s="2"/>
      <c r="C8896" s="2"/>
    </row>
    <row r="8897" spans="1:3" ht="19.2">
      <c r="A8897" s="2"/>
      <c r="B8897" s="2"/>
      <c r="C8897" s="2"/>
    </row>
    <row r="8898" spans="1:3" ht="19.2">
      <c r="A8898" s="2"/>
      <c r="B8898" s="2"/>
      <c r="C8898" s="2"/>
    </row>
    <row r="8899" spans="1:3" ht="19.2">
      <c r="A8899" s="2"/>
      <c r="B8899" s="2"/>
      <c r="C8899" s="2"/>
    </row>
    <row r="8900" spans="1:3" ht="19.2">
      <c r="A8900" s="2"/>
      <c r="B8900" s="2"/>
      <c r="C8900" s="2"/>
    </row>
    <row r="8901" spans="1:3" ht="19.2">
      <c r="A8901" s="2"/>
      <c r="B8901" s="2"/>
      <c r="C8901" s="2"/>
    </row>
    <row r="8902" spans="1:3" ht="19.2">
      <c r="A8902" s="2"/>
      <c r="B8902" s="2"/>
      <c r="C8902" s="2"/>
    </row>
    <row r="8903" spans="1:3" ht="19.2">
      <c r="A8903" s="2"/>
      <c r="B8903" s="2"/>
      <c r="C8903" s="2"/>
    </row>
    <row r="8904" spans="1:3" ht="19.2">
      <c r="A8904" s="2"/>
      <c r="B8904" s="2"/>
      <c r="C8904" s="2"/>
    </row>
    <row r="8905" spans="1:3" ht="19.2">
      <c r="A8905" s="2"/>
      <c r="B8905" s="2"/>
      <c r="C8905" s="2"/>
    </row>
    <row r="8906" spans="1:3" ht="19.2">
      <c r="A8906" s="2"/>
      <c r="B8906" s="2"/>
      <c r="C8906" s="2"/>
    </row>
    <row r="8907" spans="1:3" ht="19.2">
      <c r="A8907" s="2"/>
      <c r="B8907" s="2"/>
      <c r="C8907" s="2"/>
    </row>
    <row r="8908" spans="1:3" ht="19.2">
      <c r="A8908" s="2"/>
      <c r="B8908" s="2"/>
      <c r="C8908" s="2"/>
    </row>
    <row r="8909" spans="1:3" ht="19.2">
      <c r="A8909" s="2"/>
      <c r="B8909" s="2"/>
      <c r="C8909" s="2"/>
    </row>
    <row r="8910" spans="1:3" ht="19.2">
      <c r="A8910" s="2"/>
      <c r="B8910" s="2"/>
      <c r="C8910" s="2"/>
    </row>
    <row r="8911" spans="1:3" ht="19.2">
      <c r="A8911" s="2"/>
      <c r="B8911" s="2"/>
      <c r="C8911" s="2"/>
    </row>
    <row r="8912" spans="1:3" ht="19.2">
      <c r="A8912" s="2"/>
      <c r="B8912" s="2"/>
      <c r="C8912" s="2"/>
    </row>
    <row r="8913" spans="1:3" ht="19.2">
      <c r="A8913" s="2"/>
      <c r="B8913" s="2"/>
      <c r="C8913" s="2"/>
    </row>
    <row r="8914" spans="1:3" ht="19.2">
      <c r="A8914" s="2"/>
      <c r="B8914" s="2"/>
      <c r="C8914" s="2"/>
    </row>
    <row r="8915" spans="1:3" ht="19.2">
      <c r="A8915" s="2"/>
      <c r="B8915" s="2"/>
      <c r="C8915" s="2"/>
    </row>
    <row r="8916" spans="1:3" ht="19.2">
      <c r="A8916" s="2"/>
      <c r="B8916" s="2"/>
      <c r="C8916" s="2"/>
    </row>
    <row r="8917" spans="1:3" ht="19.2">
      <c r="A8917" s="2"/>
      <c r="B8917" s="2"/>
      <c r="C8917" s="2"/>
    </row>
    <row r="8918" spans="1:3" ht="19.2">
      <c r="A8918" s="2"/>
      <c r="B8918" s="2"/>
      <c r="C8918" s="2"/>
    </row>
    <row r="8919" spans="1:3" ht="19.2">
      <c r="A8919" s="2"/>
      <c r="B8919" s="2"/>
      <c r="C8919" s="2"/>
    </row>
    <row r="8920" spans="1:3" ht="19.2">
      <c r="A8920" s="2"/>
      <c r="B8920" s="2"/>
      <c r="C8920" s="2"/>
    </row>
    <row r="8921" spans="1:3" ht="19.2">
      <c r="A8921" s="2"/>
      <c r="B8921" s="2"/>
      <c r="C8921" s="2"/>
    </row>
    <row r="8922" spans="1:3" ht="19.2">
      <c r="A8922" s="2"/>
      <c r="B8922" s="2"/>
      <c r="C8922" s="2"/>
    </row>
    <row r="8923" spans="1:3" ht="19.2">
      <c r="A8923" s="2"/>
      <c r="B8923" s="2"/>
      <c r="C8923" s="2"/>
    </row>
    <row r="8924" spans="1:3" ht="19.2">
      <c r="A8924" s="2"/>
      <c r="B8924" s="2"/>
      <c r="C8924" s="2"/>
    </row>
    <row r="8925" spans="1:3" ht="19.2">
      <c r="A8925" s="2"/>
      <c r="B8925" s="2"/>
      <c r="C8925" s="2"/>
    </row>
    <row r="8926" spans="1:3" ht="19.2">
      <c r="A8926" s="2"/>
      <c r="B8926" s="2"/>
      <c r="C8926" s="2"/>
    </row>
    <row r="8927" spans="1:3" ht="19.2">
      <c r="A8927" s="2"/>
      <c r="B8927" s="2"/>
      <c r="C8927" s="2"/>
    </row>
    <row r="8928" spans="1:3" ht="19.2">
      <c r="A8928" s="2"/>
      <c r="B8928" s="2"/>
      <c r="C8928" s="2"/>
    </row>
    <row r="8929" spans="1:3" ht="19.2">
      <c r="A8929" s="2"/>
      <c r="B8929" s="2"/>
      <c r="C8929" s="2"/>
    </row>
    <row r="8930" spans="1:3" ht="19.2">
      <c r="A8930" s="2"/>
      <c r="B8930" s="2"/>
      <c r="C8930" s="2"/>
    </row>
    <row r="8931" spans="1:3" ht="19.2">
      <c r="A8931" s="2"/>
      <c r="B8931" s="2"/>
      <c r="C8931" s="2"/>
    </row>
    <row r="8932" spans="1:3" ht="19.2">
      <c r="A8932" s="2"/>
      <c r="B8932" s="2"/>
      <c r="C8932" s="2"/>
    </row>
    <row r="8933" spans="1:3" ht="19.2">
      <c r="A8933" s="2"/>
      <c r="B8933" s="2"/>
      <c r="C8933" s="2"/>
    </row>
    <row r="8934" spans="1:3" ht="19.2">
      <c r="A8934" s="2"/>
      <c r="B8934" s="2"/>
      <c r="C8934" s="2"/>
    </row>
    <row r="8935" spans="1:3" ht="19.2">
      <c r="A8935" s="2"/>
      <c r="B8935" s="2"/>
      <c r="C8935" s="2"/>
    </row>
    <row r="8936" spans="1:3" ht="19.2">
      <c r="A8936" s="2"/>
      <c r="B8936" s="2"/>
      <c r="C8936" s="2"/>
    </row>
    <row r="8937" spans="1:3" ht="19.2">
      <c r="A8937" s="2"/>
      <c r="B8937" s="2"/>
      <c r="C8937" s="2"/>
    </row>
    <row r="8938" spans="1:3" ht="19.2">
      <c r="A8938" s="2"/>
      <c r="B8938" s="2"/>
      <c r="C8938" s="2"/>
    </row>
    <row r="8939" spans="1:3" ht="19.2">
      <c r="A8939" s="2"/>
      <c r="B8939" s="2"/>
      <c r="C8939" s="2"/>
    </row>
    <row r="8940" spans="1:3" ht="19.2">
      <c r="A8940" s="2"/>
      <c r="B8940" s="2"/>
      <c r="C8940" s="2"/>
    </row>
    <row r="8941" spans="1:3" ht="19.2">
      <c r="A8941" s="2"/>
      <c r="B8941" s="2"/>
      <c r="C8941" s="2"/>
    </row>
    <row r="8942" spans="1:3" ht="19.2">
      <c r="A8942" s="2"/>
      <c r="B8942" s="2"/>
      <c r="C8942" s="2"/>
    </row>
    <row r="8943" spans="1:3" ht="19.2">
      <c r="A8943" s="2"/>
      <c r="B8943" s="2"/>
      <c r="C8943" s="2"/>
    </row>
    <row r="8944" spans="1:3" ht="19.2">
      <c r="A8944" s="2"/>
      <c r="B8944" s="2"/>
      <c r="C8944" s="2"/>
    </row>
    <row r="8945" spans="1:3" ht="19.2">
      <c r="A8945" s="2"/>
      <c r="B8945" s="2"/>
      <c r="C8945" s="2"/>
    </row>
    <row r="8946" spans="1:3" ht="19.2">
      <c r="A8946" s="2"/>
      <c r="B8946" s="2"/>
      <c r="C8946" s="2"/>
    </row>
    <row r="8947" spans="1:3" ht="19.2">
      <c r="A8947" s="2"/>
      <c r="B8947" s="2"/>
      <c r="C8947" s="2"/>
    </row>
    <row r="8948" spans="1:3" ht="19.2">
      <c r="A8948" s="2"/>
      <c r="B8948" s="2"/>
      <c r="C8948" s="2"/>
    </row>
    <row r="8949" spans="1:3" ht="19.2">
      <c r="A8949" s="2"/>
      <c r="B8949" s="2"/>
      <c r="C8949" s="2"/>
    </row>
    <row r="8950" spans="1:3" ht="19.2">
      <c r="A8950" s="2"/>
      <c r="B8950" s="2"/>
      <c r="C8950" s="2"/>
    </row>
    <row r="8951" spans="1:3" ht="19.2">
      <c r="A8951" s="2"/>
      <c r="B8951" s="2"/>
      <c r="C8951" s="2"/>
    </row>
    <row r="8952" spans="1:3" ht="19.2">
      <c r="A8952" s="2"/>
      <c r="B8952" s="2"/>
      <c r="C8952" s="2"/>
    </row>
    <row r="8953" spans="1:3" ht="19.2">
      <c r="A8953" s="2"/>
      <c r="B8953" s="2"/>
      <c r="C8953" s="2"/>
    </row>
    <row r="8954" spans="1:3" ht="19.2">
      <c r="A8954" s="2"/>
      <c r="B8954" s="2"/>
      <c r="C8954" s="2"/>
    </row>
    <row r="8955" spans="1:3" ht="19.2">
      <c r="A8955" s="2"/>
      <c r="B8955" s="2"/>
      <c r="C8955" s="2"/>
    </row>
    <row r="8956" spans="1:3" ht="19.2">
      <c r="A8956" s="2"/>
      <c r="B8956" s="2"/>
      <c r="C8956" s="2"/>
    </row>
    <row r="8957" spans="1:3" ht="19.2">
      <c r="A8957" s="2"/>
      <c r="B8957" s="2"/>
      <c r="C8957" s="2"/>
    </row>
    <row r="8958" spans="1:3" ht="19.2">
      <c r="A8958" s="2"/>
      <c r="B8958" s="2"/>
      <c r="C8958" s="2"/>
    </row>
    <row r="8959" spans="1:3" ht="19.2">
      <c r="A8959" s="2"/>
      <c r="B8959" s="2"/>
      <c r="C8959" s="2"/>
    </row>
    <row r="8960" spans="1:3" ht="19.2">
      <c r="A8960" s="2"/>
      <c r="B8960" s="2"/>
      <c r="C8960" s="2"/>
    </row>
    <row r="8961" spans="1:3" ht="19.2">
      <c r="A8961" s="2"/>
      <c r="B8961" s="2"/>
      <c r="C8961" s="2"/>
    </row>
    <row r="8962" spans="1:3" ht="19.2">
      <c r="A8962" s="2"/>
      <c r="B8962" s="2"/>
      <c r="C8962" s="2"/>
    </row>
    <row r="8963" spans="1:3" ht="19.2">
      <c r="A8963" s="2"/>
      <c r="B8963" s="2"/>
      <c r="C8963" s="2"/>
    </row>
    <row r="8964" spans="1:3" ht="19.2">
      <c r="A8964" s="2"/>
      <c r="B8964" s="2"/>
      <c r="C8964" s="2"/>
    </row>
    <row r="8965" spans="1:3" ht="19.2">
      <c r="A8965" s="2"/>
      <c r="B8965" s="2"/>
      <c r="C8965" s="2"/>
    </row>
    <row r="8966" spans="1:3" ht="19.2">
      <c r="A8966" s="2"/>
      <c r="B8966" s="2"/>
      <c r="C8966" s="2"/>
    </row>
    <row r="8967" spans="1:3" ht="19.2">
      <c r="A8967" s="2"/>
      <c r="B8967" s="2"/>
      <c r="C8967" s="2"/>
    </row>
    <row r="8968" spans="1:3" ht="19.2">
      <c r="A8968" s="2"/>
      <c r="B8968" s="2"/>
      <c r="C8968" s="2"/>
    </row>
    <row r="8969" spans="1:3" ht="19.2">
      <c r="A8969" s="2"/>
      <c r="B8969" s="2"/>
      <c r="C8969" s="2"/>
    </row>
    <row r="8970" spans="1:3" ht="19.2">
      <c r="A8970" s="2"/>
      <c r="B8970" s="2"/>
      <c r="C8970" s="2"/>
    </row>
    <row r="8971" spans="1:3" ht="19.2">
      <c r="A8971" s="2"/>
      <c r="B8971" s="2"/>
      <c r="C8971" s="2"/>
    </row>
    <row r="8972" spans="1:3" ht="19.2">
      <c r="A8972" s="2"/>
      <c r="B8972" s="2"/>
      <c r="C8972" s="2"/>
    </row>
    <row r="8973" spans="1:3" ht="19.2">
      <c r="A8973" s="2"/>
      <c r="B8973" s="2"/>
      <c r="C8973" s="2"/>
    </row>
    <row r="8974" spans="1:3" ht="19.2">
      <c r="A8974" s="2"/>
      <c r="B8974" s="2"/>
      <c r="C8974" s="2"/>
    </row>
    <row r="8975" spans="1:3" ht="19.2">
      <c r="A8975" s="2"/>
      <c r="B8975" s="2"/>
      <c r="C8975" s="2"/>
    </row>
    <row r="8976" spans="1:3" ht="19.2">
      <c r="A8976" s="2"/>
      <c r="B8976" s="2"/>
      <c r="C8976" s="2"/>
    </row>
    <row r="8977" spans="1:3" ht="19.2">
      <c r="A8977" s="2"/>
      <c r="B8977" s="2"/>
      <c r="C8977" s="2"/>
    </row>
    <row r="8978" spans="1:3" ht="19.2">
      <c r="A8978" s="2"/>
      <c r="B8978" s="2"/>
      <c r="C8978" s="2"/>
    </row>
    <row r="8979" spans="1:3" ht="19.2">
      <c r="A8979" s="2"/>
      <c r="B8979" s="2"/>
      <c r="C8979" s="2"/>
    </row>
    <row r="8980" spans="1:3" ht="19.2">
      <c r="A8980" s="2"/>
      <c r="B8980" s="2"/>
      <c r="C8980" s="2"/>
    </row>
    <row r="8981" spans="1:3" ht="19.2">
      <c r="A8981" s="2"/>
      <c r="B8981" s="2"/>
      <c r="C8981" s="2"/>
    </row>
    <row r="8982" spans="1:3" ht="19.2">
      <c r="A8982" s="2"/>
      <c r="B8982" s="2"/>
      <c r="C8982" s="2"/>
    </row>
    <row r="8983" spans="1:3" ht="19.2">
      <c r="A8983" s="2"/>
      <c r="B8983" s="2"/>
      <c r="C8983" s="2"/>
    </row>
    <row r="8984" spans="1:3" ht="19.2">
      <c r="A8984" s="2"/>
      <c r="B8984" s="2"/>
      <c r="C8984" s="2"/>
    </row>
    <row r="8985" spans="1:3" ht="19.2">
      <c r="A8985" s="2"/>
      <c r="B8985" s="2"/>
      <c r="C8985" s="2"/>
    </row>
    <row r="8986" spans="1:3" ht="19.2">
      <c r="A8986" s="2"/>
      <c r="B8986" s="2"/>
      <c r="C8986" s="2"/>
    </row>
    <row r="8987" spans="1:3" ht="19.2">
      <c r="A8987" s="2"/>
      <c r="B8987" s="2"/>
      <c r="C8987" s="2"/>
    </row>
    <row r="8988" spans="1:3" ht="19.2">
      <c r="A8988" s="2"/>
      <c r="B8988" s="2"/>
      <c r="C8988" s="2"/>
    </row>
    <row r="8989" spans="1:3" ht="19.2">
      <c r="A8989" s="2"/>
      <c r="B8989" s="2"/>
      <c r="C8989" s="2"/>
    </row>
    <row r="8990" spans="1:3" ht="19.2">
      <c r="A8990" s="2"/>
      <c r="B8990" s="2"/>
      <c r="C8990" s="2"/>
    </row>
    <row r="8991" spans="1:3" ht="19.2">
      <c r="A8991" s="2"/>
      <c r="B8991" s="2"/>
      <c r="C8991" s="2"/>
    </row>
    <row r="8992" spans="1:3" ht="19.2">
      <c r="A8992" s="2"/>
      <c r="B8992" s="2"/>
      <c r="C8992" s="2"/>
    </row>
    <row r="8993" spans="1:3" ht="19.2">
      <c r="A8993" s="2"/>
      <c r="B8993" s="2"/>
      <c r="C8993" s="2"/>
    </row>
    <row r="8994" spans="1:3" ht="19.2">
      <c r="A8994" s="2"/>
      <c r="B8994" s="2"/>
      <c r="C8994" s="2"/>
    </row>
    <row r="8995" spans="1:3" ht="19.2">
      <c r="A8995" s="2"/>
      <c r="B8995" s="2"/>
      <c r="C8995" s="2"/>
    </row>
    <row r="8996" spans="1:3" ht="19.2">
      <c r="A8996" s="2"/>
      <c r="B8996" s="2"/>
      <c r="C8996" s="2"/>
    </row>
    <row r="8997" spans="1:3" ht="19.2">
      <c r="A8997" s="2"/>
      <c r="B8997" s="2"/>
      <c r="C8997" s="2"/>
    </row>
    <row r="8998" spans="1:3" ht="19.2">
      <c r="A8998" s="2"/>
      <c r="B8998" s="2"/>
      <c r="C8998" s="2"/>
    </row>
    <row r="8999" spans="1:3" ht="19.2">
      <c r="A8999" s="2"/>
      <c r="B8999" s="2"/>
      <c r="C8999" s="2"/>
    </row>
    <row r="9000" spans="1:3" ht="19.2">
      <c r="A9000" s="2"/>
      <c r="B9000" s="2"/>
      <c r="C9000" s="2"/>
    </row>
    <row r="9001" spans="1:3" ht="19.2">
      <c r="A9001" s="2"/>
      <c r="B9001" s="2"/>
      <c r="C9001" s="2"/>
    </row>
    <row r="9002" spans="1:3" ht="19.2">
      <c r="A9002" s="2"/>
      <c r="B9002" s="2"/>
      <c r="C9002" s="2"/>
    </row>
    <row r="9003" spans="1:3" ht="19.2">
      <c r="A9003" s="2"/>
      <c r="B9003" s="2"/>
      <c r="C9003" s="2"/>
    </row>
    <row r="9004" spans="1:3" ht="19.2">
      <c r="A9004" s="2"/>
      <c r="B9004" s="2"/>
      <c r="C9004" s="2"/>
    </row>
    <row r="9005" spans="1:3" ht="19.2">
      <c r="A9005" s="2"/>
      <c r="B9005" s="2"/>
      <c r="C9005" s="2"/>
    </row>
    <row r="9006" spans="1:3" ht="19.2">
      <c r="A9006" s="2"/>
      <c r="B9006" s="2"/>
      <c r="C9006" s="2"/>
    </row>
    <row r="9007" spans="1:3" ht="19.2">
      <c r="A9007" s="2"/>
      <c r="B9007" s="2"/>
      <c r="C9007" s="2"/>
    </row>
    <row r="9008" spans="1:3" ht="19.2">
      <c r="A9008" s="2"/>
      <c r="B9008" s="2"/>
      <c r="C9008" s="2"/>
    </row>
    <row r="9009" spans="1:3" ht="19.2">
      <c r="A9009" s="2"/>
      <c r="B9009" s="2"/>
      <c r="C9009" s="2"/>
    </row>
    <row r="9010" spans="1:3" ht="19.2">
      <c r="A9010" s="2"/>
      <c r="B9010" s="2"/>
      <c r="C9010" s="2"/>
    </row>
    <row r="9011" spans="1:3" ht="19.2">
      <c r="A9011" s="2"/>
      <c r="B9011" s="2"/>
      <c r="C9011" s="2"/>
    </row>
    <row r="9012" spans="1:3" ht="19.2">
      <c r="A9012" s="2"/>
      <c r="B9012" s="2"/>
      <c r="C9012" s="2"/>
    </row>
    <row r="9013" spans="1:3" ht="19.2">
      <c r="A9013" s="2"/>
      <c r="B9013" s="2"/>
      <c r="C9013" s="2"/>
    </row>
    <row r="9014" spans="1:3" ht="19.2">
      <c r="A9014" s="2"/>
      <c r="B9014" s="2"/>
      <c r="C9014" s="2"/>
    </row>
    <row r="9015" spans="1:3" ht="19.2">
      <c r="A9015" s="2"/>
      <c r="B9015" s="2"/>
      <c r="C9015" s="2"/>
    </row>
    <row r="9016" spans="1:3" ht="19.2">
      <c r="A9016" s="2"/>
      <c r="B9016" s="2"/>
      <c r="C9016" s="2"/>
    </row>
    <row r="9017" spans="1:3" ht="19.2">
      <c r="A9017" s="2"/>
      <c r="B9017" s="2"/>
      <c r="C9017" s="2"/>
    </row>
    <row r="9018" spans="1:3" ht="19.2">
      <c r="A9018" s="2"/>
      <c r="B9018" s="2"/>
      <c r="C9018" s="2"/>
    </row>
    <row r="9019" spans="1:3" ht="19.2">
      <c r="A9019" s="2"/>
      <c r="B9019" s="2"/>
      <c r="C9019" s="2"/>
    </row>
    <row r="9020" spans="1:3" ht="19.2">
      <c r="A9020" s="2"/>
      <c r="B9020" s="2"/>
      <c r="C9020" s="2"/>
    </row>
    <row r="9021" spans="1:3" ht="19.2">
      <c r="A9021" s="2"/>
      <c r="B9021" s="2"/>
      <c r="C9021" s="2"/>
    </row>
    <row r="9022" spans="1:3" ht="19.2">
      <c r="A9022" s="2"/>
      <c r="B9022" s="2"/>
      <c r="C9022" s="2"/>
    </row>
    <row r="9023" spans="1:3" ht="19.2">
      <c r="A9023" s="2"/>
      <c r="B9023" s="2"/>
      <c r="C9023" s="2"/>
    </row>
    <row r="9024" spans="1:3" ht="19.2">
      <c r="A9024" s="2"/>
      <c r="B9024" s="2"/>
      <c r="C9024" s="2"/>
    </row>
    <row r="9025" spans="1:3" ht="19.2">
      <c r="A9025" s="2"/>
      <c r="B9025" s="2"/>
      <c r="C9025" s="2"/>
    </row>
    <row r="9026" spans="1:3" ht="19.2">
      <c r="A9026" s="2"/>
      <c r="B9026" s="2"/>
      <c r="C9026" s="2"/>
    </row>
    <row r="9027" spans="1:3" ht="19.2">
      <c r="A9027" s="2"/>
      <c r="B9027" s="2"/>
      <c r="C9027" s="2"/>
    </row>
    <row r="9028" spans="1:3" ht="19.2">
      <c r="A9028" s="2"/>
      <c r="B9028" s="2"/>
      <c r="C9028" s="2"/>
    </row>
    <row r="9029" spans="1:3" ht="19.2">
      <c r="A9029" s="2"/>
      <c r="B9029" s="2"/>
      <c r="C9029" s="2"/>
    </row>
    <row r="9030" spans="1:3" ht="19.2">
      <c r="A9030" s="2"/>
      <c r="B9030" s="2"/>
      <c r="C9030" s="2"/>
    </row>
    <row r="9031" spans="1:3" ht="19.2">
      <c r="A9031" s="2"/>
      <c r="B9031" s="2"/>
      <c r="C9031" s="2"/>
    </row>
    <row r="9032" spans="1:3" ht="19.2">
      <c r="A9032" s="2"/>
      <c r="B9032" s="2"/>
      <c r="C9032" s="2"/>
    </row>
    <row r="9033" spans="1:3" ht="19.2">
      <c r="A9033" s="2"/>
      <c r="B9033" s="2"/>
      <c r="C9033" s="2"/>
    </row>
    <row r="9034" spans="1:3" ht="19.2">
      <c r="A9034" s="2"/>
      <c r="B9034" s="2"/>
      <c r="C9034" s="2"/>
    </row>
    <row r="9035" spans="1:3" ht="19.2">
      <c r="A9035" s="2"/>
      <c r="B9035" s="2"/>
      <c r="C9035" s="2"/>
    </row>
    <row r="9036" spans="1:3" ht="19.2">
      <c r="A9036" s="2"/>
      <c r="B9036" s="2"/>
      <c r="C9036" s="2"/>
    </row>
    <row r="9037" spans="1:3" ht="19.2">
      <c r="A9037" s="2"/>
      <c r="B9037" s="2"/>
      <c r="C9037" s="2"/>
    </row>
    <row r="9038" spans="1:3" ht="19.2">
      <c r="A9038" s="2"/>
      <c r="B9038" s="2"/>
      <c r="C9038" s="2"/>
    </row>
    <row r="9039" spans="1:3" ht="19.2">
      <c r="A9039" s="2"/>
      <c r="B9039" s="2"/>
      <c r="C9039" s="2"/>
    </row>
    <row r="9040" spans="1:3" ht="19.2">
      <c r="A9040" s="2"/>
      <c r="B9040" s="2"/>
      <c r="C9040" s="2"/>
    </row>
    <row r="9041" spans="1:3" ht="19.2">
      <c r="A9041" s="2"/>
      <c r="B9041" s="2"/>
      <c r="C9041" s="2"/>
    </row>
    <row r="9042" spans="1:3" ht="19.2">
      <c r="A9042" s="2"/>
      <c r="B9042" s="2"/>
      <c r="C9042" s="2"/>
    </row>
    <row r="9043" spans="1:3" ht="19.2">
      <c r="A9043" s="2"/>
      <c r="B9043" s="2"/>
      <c r="C9043" s="2"/>
    </row>
    <row r="9044" spans="1:3" ht="19.2">
      <c r="A9044" s="2"/>
      <c r="B9044" s="2"/>
      <c r="C9044" s="2"/>
    </row>
    <row r="9045" spans="1:3" ht="19.2">
      <c r="A9045" s="2"/>
      <c r="B9045" s="2"/>
      <c r="C9045" s="2"/>
    </row>
    <row r="9046" spans="1:3" ht="19.2">
      <c r="A9046" s="2"/>
      <c r="B9046" s="2"/>
      <c r="C9046" s="2"/>
    </row>
    <row r="9047" spans="1:3" ht="19.2">
      <c r="A9047" s="2"/>
      <c r="B9047" s="2"/>
      <c r="C9047" s="2"/>
    </row>
    <row r="9048" spans="1:3" ht="19.2">
      <c r="A9048" s="2"/>
      <c r="B9048" s="2"/>
      <c r="C9048" s="2"/>
    </row>
    <row r="9049" spans="1:3" ht="19.2">
      <c r="A9049" s="2"/>
      <c r="B9049" s="2"/>
      <c r="C9049" s="2"/>
    </row>
    <row r="9050" spans="1:3" ht="19.2">
      <c r="A9050" s="2"/>
      <c r="B9050" s="2"/>
      <c r="C9050" s="2"/>
    </row>
    <row r="9051" spans="1:3" ht="19.2">
      <c r="A9051" s="2"/>
      <c r="B9051" s="2"/>
      <c r="C9051" s="2"/>
    </row>
    <row r="9052" spans="1:3" ht="19.2">
      <c r="A9052" s="2"/>
      <c r="B9052" s="2"/>
      <c r="C9052" s="2"/>
    </row>
    <row r="9053" spans="1:3" ht="19.2">
      <c r="A9053" s="2"/>
      <c r="B9053" s="2"/>
      <c r="C9053" s="2"/>
    </row>
    <row r="9054" spans="1:3" ht="19.2">
      <c r="A9054" s="2"/>
      <c r="B9054" s="2"/>
      <c r="C9054" s="2"/>
    </row>
    <row r="9055" spans="1:3" ht="19.2">
      <c r="A9055" s="2"/>
      <c r="B9055" s="2"/>
      <c r="C9055" s="2"/>
    </row>
    <row r="9056" spans="1:3" ht="19.2">
      <c r="A9056" s="2"/>
      <c r="B9056" s="2"/>
      <c r="C9056" s="2"/>
    </row>
    <row r="9057" spans="1:3" ht="19.2">
      <c r="A9057" s="2"/>
      <c r="B9057" s="2"/>
      <c r="C9057" s="2"/>
    </row>
    <row r="9058" spans="1:3" ht="19.2">
      <c r="A9058" s="2"/>
      <c r="B9058" s="2"/>
      <c r="C9058" s="2"/>
    </row>
    <row r="9059" spans="1:3" ht="19.2">
      <c r="A9059" s="2"/>
      <c r="B9059" s="2"/>
      <c r="C9059" s="2"/>
    </row>
    <row r="9060" spans="1:3" ht="19.2">
      <c r="A9060" s="2"/>
      <c r="B9060" s="2"/>
      <c r="C9060" s="2"/>
    </row>
    <row r="9061" spans="1:3" ht="19.2">
      <c r="A9061" s="2"/>
      <c r="B9061" s="2"/>
      <c r="C9061" s="2"/>
    </row>
    <row r="9062" spans="1:3" ht="19.2">
      <c r="A9062" s="2"/>
      <c r="B9062" s="2"/>
      <c r="C9062" s="2"/>
    </row>
    <row r="9063" spans="1:3" ht="19.2">
      <c r="A9063" s="2"/>
      <c r="B9063" s="2"/>
      <c r="C9063" s="2"/>
    </row>
    <row r="9064" spans="1:3" ht="19.2">
      <c r="A9064" s="2"/>
      <c r="B9064" s="2"/>
      <c r="C9064" s="2"/>
    </row>
    <row r="9065" spans="1:3" ht="19.2">
      <c r="A9065" s="2"/>
      <c r="B9065" s="2"/>
      <c r="C9065" s="2"/>
    </row>
    <row r="9066" spans="1:3" ht="19.2">
      <c r="A9066" s="2"/>
      <c r="B9066" s="2"/>
      <c r="C9066" s="2"/>
    </row>
    <row r="9067" spans="1:3" ht="19.2">
      <c r="A9067" s="2"/>
      <c r="B9067" s="2"/>
      <c r="C9067" s="2"/>
    </row>
    <row r="9068" spans="1:3" ht="19.2">
      <c r="A9068" s="2"/>
      <c r="B9068" s="2"/>
      <c r="C9068" s="2"/>
    </row>
    <row r="9069" spans="1:3" ht="19.2">
      <c r="A9069" s="2"/>
      <c r="B9069" s="2"/>
      <c r="C9069" s="2"/>
    </row>
    <row r="9070" spans="1:3" ht="19.2">
      <c r="A9070" s="2"/>
      <c r="B9070" s="2"/>
      <c r="C9070" s="2"/>
    </row>
    <row r="9071" spans="1:3" ht="19.2">
      <c r="A9071" s="2"/>
      <c r="B9071" s="2"/>
      <c r="C9071" s="2"/>
    </row>
    <row r="9072" spans="1:3" ht="19.2">
      <c r="A9072" s="2"/>
      <c r="B9072" s="2"/>
      <c r="C9072" s="2"/>
    </row>
    <row r="9073" spans="1:3" ht="19.2">
      <c r="A9073" s="2"/>
      <c r="B9073" s="2"/>
      <c r="C9073" s="2"/>
    </row>
    <row r="9074" spans="1:3" ht="19.2">
      <c r="A9074" s="2"/>
      <c r="B9074" s="2"/>
      <c r="C9074" s="2"/>
    </row>
    <row r="9075" spans="1:3" ht="19.2">
      <c r="A9075" s="2"/>
      <c r="B9075" s="2"/>
      <c r="C9075" s="2"/>
    </row>
    <row r="9076" spans="1:3" ht="19.2">
      <c r="A9076" s="2"/>
      <c r="B9076" s="2"/>
      <c r="C9076" s="2"/>
    </row>
    <row r="9077" spans="1:3" ht="19.2">
      <c r="A9077" s="2"/>
      <c r="B9077" s="2"/>
      <c r="C9077" s="2"/>
    </row>
    <row r="9078" spans="1:3" ht="19.2">
      <c r="A9078" s="2"/>
      <c r="B9078" s="2"/>
      <c r="C9078" s="2"/>
    </row>
    <row r="9079" spans="1:3" ht="19.2">
      <c r="A9079" s="2"/>
      <c r="B9079" s="2"/>
      <c r="C9079" s="2"/>
    </row>
    <row r="9080" spans="1:3" ht="19.2">
      <c r="A9080" s="2"/>
      <c r="B9080" s="2"/>
      <c r="C9080" s="2"/>
    </row>
    <row r="9081" spans="1:3" ht="19.2">
      <c r="A9081" s="2"/>
      <c r="B9081" s="2"/>
      <c r="C9081" s="2"/>
    </row>
    <row r="9082" spans="1:3" ht="19.2">
      <c r="A9082" s="2"/>
      <c r="B9082" s="2"/>
      <c r="C9082" s="2"/>
    </row>
    <row r="9083" spans="1:3" ht="19.2">
      <c r="A9083" s="2"/>
      <c r="B9083" s="2"/>
      <c r="C9083" s="2"/>
    </row>
    <row r="9084" spans="1:3" ht="19.2">
      <c r="A9084" s="2"/>
      <c r="B9084" s="2"/>
      <c r="C9084" s="2"/>
    </row>
    <row r="9085" spans="1:3" ht="19.2">
      <c r="A9085" s="2"/>
      <c r="B9085" s="2"/>
      <c r="C9085" s="2"/>
    </row>
    <row r="9086" spans="1:3" ht="19.2">
      <c r="A9086" s="2"/>
      <c r="B9086" s="2"/>
      <c r="C9086" s="2"/>
    </row>
    <row r="9087" spans="1:3" ht="19.2">
      <c r="A9087" s="2"/>
      <c r="B9087" s="2"/>
      <c r="C9087" s="2"/>
    </row>
    <row r="9088" spans="1:3" ht="19.2">
      <c r="A9088" s="2"/>
      <c r="B9088" s="2"/>
      <c r="C9088" s="2"/>
    </row>
    <row r="9089" spans="1:3" ht="19.2">
      <c r="A9089" s="2"/>
      <c r="B9089" s="2"/>
      <c r="C9089" s="2"/>
    </row>
    <row r="9090" spans="1:3" ht="19.2">
      <c r="A9090" s="2"/>
      <c r="B9090" s="2"/>
      <c r="C9090" s="2"/>
    </row>
    <row r="9091" spans="1:3" ht="19.2">
      <c r="A9091" s="2"/>
      <c r="B9091" s="2"/>
      <c r="C9091" s="2"/>
    </row>
    <row r="9092" spans="1:3" ht="19.2">
      <c r="A9092" s="2"/>
      <c r="B9092" s="2"/>
      <c r="C9092" s="2"/>
    </row>
    <row r="9093" spans="1:3" ht="19.2">
      <c r="A9093" s="2"/>
      <c r="B9093" s="2"/>
      <c r="C9093" s="2"/>
    </row>
    <row r="9094" spans="1:3" ht="19.2">
      <c r="A9094" s="2"/>
      <c r="B9094" s="2"/>
      <c r="C9094" s="2"/>
    </row>
    <row r="9095" spans="1:3" ht="19.2">
      <c r="A9095" s="2"/>
      <c r="B9095" s="2"/>
      <c r="C9095" s="2"/>
    </row>
    <row r="9096" spans="1:3" ht="19.2">
      <c r="A9096" s="2"/>
      <c r="B9096" s="2"/>
      <c r="C9096" s="2"/>
    </row>
    <row r="9097" spans="1:3" ht="19.2">
      <c r="A9097" s="2"/>
      <c r="B9097" s="2"/>
      <c r="C9097" s="2"/>
    </row>
    <row r="9098" spans="1:3" ht="19.2">
      <c r="A9098" s="2"/>
      <c r="B9098" s="2"/>
      <c r="C9098" s="2"/>
    </row>
    <row r="9099" spans="1:3" ht="19.2">
      <c r="A9099" s="2"/>
      <c r="B9099" s="2"/>
      <c r="C9099" s="2"/>
    </row>
    <row r="9100" spans="1:3" ht="19.2">
      <c r="A9100" s="2"/>
      <c r="B9100" s="2"/>
      <c r="C9100" s="2"/>
    </row>
    <row r="9101" spans="1:3" ht="19.2">
      <c r="A9101" s="2"/>
      <c r="B9101" s="2"/>
      <c r="C9101" s="2"/>
    </row>
    <row r="9102" spans="1:3" ht="19.2">
      <c r="A9102" s="2"/>
      <c r="B9102" s="2"/>
      <c r="C9102" s="2"/>
    </row>
    <row r="9103" spans="1:3" ht="19.2">
      <c r="A9103" s="2"/>
      <c r="B9103" s="2"/>
      <c r="C9103" s="2"/>
    </row>
    <row r="9104" spans="1:3" ht="19.2">
      <c r="A9104" s="2"/>
      <c r="B9104" s="2"/>
      <c r="C9104" s="2"/>
    </row>
    <row r="9105" spans="1:3" ht="19.2">
      <c r="A9105" s="2"/>
      <c r="B9105" s="2"/>
      <c r="C9105" s="2"/>
    </row>
    <row r="9106" spans="1:3" ht="19.2">
      <c r="A9106" s="2"/>
      <c r="B9106" s="2"/>
      <c r="C9106" s="2"/>
    </row>
    <row r="9107" spans="1:3" ht="19.2">
      <c r="A9107" s="2"/>
      <c r="B9107" s="2"/>
      <c r="C9107" s="2"/>
    </row>
    <row r="9108" spans="1:3" ht="19.2">
      <c r="A9108" s="2"/>
      <c r="B9108" s="2"/>
      <c r="C9108" s="2"/>
    </row>
    <row r="9109" spans="1:3" ht="19.2">
      <c r="A9109" s="2"/>
      <c r="B9109" s="2"/>
      <c r="C9109" s="2"/>
    </row>
    <row r="9110" spans="1:3" ht="19.2">
      <c r="A9110" s="2"/>
      <c r="B9110" s="2"/>
      <c r="C9110" s="2"/>
    </row>
    <row r="9111" spans="1:3" ht="19.2">
      <c r="A9111" s="2"/>
      <c r="B9111" s="2"/>
      <c r="C9111" s="2"/>
    </row>
    <row r="9112" spans="1:3" ht="19.2">
      <c r="A9112" s="2"/>
      <c r="B9112" s="2"/>
      <c r="C9112" s="2"/>
    </row>
    <row r="9113" spans="1:3" ht="19.2">
      <c r="A9113" s="2"/>
      <c r="B9113" s="2"/>
      <c r="C9113" s="2"/>
    </row>
    <row r="9114" spans="1:3" ht="19.2">
      <c r="A9114" s="2"/>
      <c r="B9114" s="2"/>
      <c r="C9114" s="2"/>
    </row>
    <row r="9115" spans="1:3" ht="19.2">
      <c r="A9115" s="2"/>
      <c r="B9115" s="2"/>
      <c r="C9115" s="2"/>
    </row>
    <row r="9116" spans="1:3" ht="19.2">
      <c r="A9116" s="2"/>
      <c r="B9116" s="2"/>
      <c r="C9116" s="2"/>
    </row>
    <row r="9117" spans="1:3" ht="19.2">
      <c r="A9117" s="2"/>
      <c r="B9117" s="2"/>
      <c r="C9117" s="2"/>
    </row>
    <row r="9118" spans="1:3" ht="19.2">
      <c r="A9118" s="2"/>
      <c r="B9118" s="2"/>
      <c r="C9118" s="2"/>
    </row>
    <row r="9119" spans="1:3" ht="19.2">
      <c r="A9119" s="2"/>
      <c r="B9119" s="2"/>
      <c r="C9119" s="2"/>
    </row>
    <row r="9120" spans="1:3" ht="19.2">
      <c r="A9120" s="2"/>
      <c r="B9120" s="2"/>
      <c r="C9120" s="2"/>
    </row>
    <row r="9121" spans="1:3" ht="19.2">
      <c r="A9121" s="2"/>
      <c r="B9121" s="2"/>
      <c r="C9121" s="2"/>
    </row>
    <row r="9122" spans="1:3" ht="19.2">
      <c r="A9122" s="2"/>
      <c r="B9122" s="2"/>
      <c r="C9122" s="2"/>
    </row>
    <row r="9123" spans="1:3" ht="19.2">
      <c r="A9123" s="2"/>
      <c r="B9123" s="2"/>
      <c r="C9123" s="2"/>
    </row>
    <row r="9124" spans="1:3" ht="19.2">
      <c r="A9124" s="2"/>
      <c r="B9124" s="2"/>
      <c r="C9124" s="2"/>
    </row>
    <row r="9125" spans="1:3" ht="19.2">
      <c r="A9125" s="2"/>
      <c r="B9125" s="2"/>
      <c r="C9125" s="2"/>
    </row>
    <row r="9126" spans="1:3" ht="19.2">
      <c r="A9126" s="2"/>
      <c r="B9126" s="2"/>
      <c r="C9126" s="2"/>
    </row>
    <row r="9127" spans="1:3" ht="19.2">
      <c r="A9127" s="2"/>
      <c r="B9127" s="2"/>
      <c r="C9127" s="2"/>
    </row>
    <row r="9128" spans="1:3" ht="19.2">
      <c r="A9128" s="2"/>
      <c r="B9128" s="2"/>
      <c r="C9128" s="2"/>
    </row>
    <row r="9129" spans="1:3" ht="19.2">
      <c r="A9129" s="2"/>
      <c r="B9129" s="2"/>
      <c r="C9129" s="2"/>
    </row>
    <row r="9130" spans="1:3" ht="19.2">
      <c r="A9130" s="2"/>
      <c r="B9130" s="2"/>
      <c r="C9130" s="2"/>
    </row>
    <row r="9131" spans="1:3" ht="19.2">
      <c r="A9131" s="2"/>
      <c r="B9131" s="2"/>
      <c r="C9131" s="2"/>
    </row>
    <row r="9132" spans="1:3" ht="19.2">
      <c r="A9132" s="2"/>
      <c r="B9132" s="2"/>
      <c r="C9132" s="2"/>
    </row>
    <row r="9133" spans="1:3" ht="19.2">
      <c r="A9133" s="2"/>
      <c r="B9133" s="2"/>
      <c r="C9133" s="2"/>
    </row>
    <row r="9134" spans="1:3" ht="19.2">
      <c r="A9134" s="2"/>
      <c r="B9134" s="2"/>
      <c r="C9134" s="2"/>
    </row>
    <row r="9135" spans="1:3" ht="19.2">
      <c r="A9135" s="2"/>
      <c r="B9135" s="2"/>
      <c r="C9135" s="2"/>
    </row>
    <row r="9136" spans="1:3" ht="19.2">
      <c r="A9136" s="2"/>
      <c r="B9136" s="2"/>
      <c r="C9136" s="2"/>
    </row>
    <row r="9137" spans="1:3" ht="19.2">
      <c r="A9137" s="2"/>
      <c r="B9137" s="2"/>
      <c r="C9137" s="2"/>
    </row>
    <row r="9138" spans="1:3" ht="19.2">
      <c r="A9138" s="2"/>
      <c r="B9138" s="2"/>
      <c r="C9138" s="2"/>
    </row>
    <row r="9139" spans="1:3" ht="19.2">
      <c r="A9139" s="2"/>
      <c r="B9139" s="2"/>
      <c r="C9139" s="2"/>
    </row>
    <row r="9140" spans="1:3" ht="19.2">
      <c r="A9140" s="2"/>
      <c r="B9140" s="2"/>
      <c r="C9140" s="2"/>
    </row>
    <row r="9141" spans="1:3" ht="19.2">
      <c r="A9141" s="2"/>
      <c r="B9141" s="2"/>
      <c r="C9141" s="2"/>
    </row>
    <row r="9142" spans="1:3" ht="19.2">
      <c r="A9142" s="2"/>
      <c r="B9142" s="2"/>
      <c r="C9142" s="2"/>
    </row>
    <row r="9143" spans="1:3" ht="19.2">
      <c r="A9143" s="2"/>
      <c r="B9143" s="2"/>
      <c r="C9143" s="2"/>
    </row>
    <row r="9144" spans="1:3" ht="19.2">
      <c r="A9144" s="2"/>
      <c r="B9144" s="2"/>
      <c r="C9144" s="2"/>
    </row>
    <row r="9145" spans="1:3" ht="19.2">
      <c r="A9145" s="2"/>
      <c r="B9145" s="2"/>
      <c r="C9145" s="2"/>
    </row>
    <row r="9146" spans="1:3" ht="19.2">
      <c r="A9146" s="2"/>
      <c r="B9146" s="2"/>
      <c r="C9146" s="2"/>
    </row>
    <row r="9147" spans="1:3" ht="19.2">
      <c r="A9147" s="2"/>
      <c r="B9147" s="2"/>
      <c r="C9147" s="2"/>
    </row>
    <row r="9148" spans="1:3" ht="19.2">
      <c r="A9148" s="2"/>
      <c r="B9148" s="2"/>
      <c r="C9148" s="2"/>
    </row>
    <row r="9149" spans="1:3" ht="19.2">
      <c r="A9149" s="2"/>
      <c r="B9149" s="2"/>
      <c r="C9149" s="2"/>
    </row>
    <row r="9150" spans="1:3" ht="19.2">
      <c r="A9150" s="2"/>
      <c r="B9150" s="2"/>
      <c r="C9150" s="2"/>
    </row>
    <row r="9151" spans="1:3" ht="19.2">
      <c r="A9151" s="2"/>
      <c r="B9151" s="2"/>
      <c r="C9151" s="2"/>
    </row>
    <row r="9152" spans="1:3" ht="19.2">
      <c r="A9152" s="2"/>
      <c r="B9152" s="2"/>
      <c r="C9152" s="2"/>
    </row>
    <row r="9153" spans="1:3" ht="19.2">
      <c r="A9153" s="2"/>
      <c r="B9153" s="2"/>
      <c r="C9153" s="2"/>
    </row>
    <row r="9154" spans="1:3" ht="19.2">
      <c r="A9154" s="2"/>
      <c r="B9154" s="2"/>
      <c r="C9154" s="2"/>
    </row>
    <row r="9155" spans="1:3" ht="19.2">
      <c r="A9155" s="2"/>
      <c r="B9155" s="2"/>
      <c r="C9155" s="2"/>
    </row>
    <row r="9156" spans="1:3" ht="19.2">
      <c r="A9156" s="2"/>
      <c r="B9156" s="2"/>
      <c r="C9156" s="2"/>
    </row>
    <row r="9157" spans="1:3" ht="19.2">
      <c r="A9157" s="2"/>
      <c r="B9157" s="2"/>
      <c r="C9157" s="2"/>
    </row>
    <row r="9158" spans="1:3" ht="19.2">
      <c r="A9158" s="2"/>
      <c r="B9158" s="2"/>
      <c r="C9158" s="2"/>
    </row>
    <row r="9159" spans="1:3" ht="19.2">
      <c r="A9159" s="2"/>
      <c r="B9159" s="2"/>
      <c r="C9159" s="2"/>
    </row>
    <row r="9160" spans="1:3" ht="19.2">
      <c r="A9160" s="2"/>
      <c r="B9160" s="2"/>
      <c r="C9160" s="2"/>
    </row>
    <row r="9161" spans="1:3" ht="19.2">
      <c r="A9161" s="2"/>
      <c r="B9161" s="2"/>
      <c r="C9161" s="2"/>
    </row>
    <row r="9162" spans="1:3" ht="19.2">
      <c r="A9162" s="2"/>
      <c r="B9162" s="2"/>
      <c r="C9162" s="2"/>
    </row>
    <row r="9163" spans="1:3" ht="19.2">
      <c r="A9163" s="2"/>
      <c r="B9163" s="2"/>
      <c r="C9163" s="2"/>
    </row>
    <row r="9164" spans="1:3" ht="19.2">
      <c r="A9164" s="2"/>
      <c r="B9164" s="2"/>
      <c r="C9164" s="2"/>
    </row>
    <row r="9165" spans="1:3" ht="19.2">
      <c r="A9165" s="2"/>
      <c r="B9165" s="2"/>
      <c r="C9165" s="2"/>
    </row>
    <row r="9166" spans="1:3" ht="19.2">
      <c r="A9166" s="2"/>
      <c r="B9166" s="2"/>
      <c r="C9166" s="2"/>
    </row>
    <row r="9167" spans="1:3" ht="19.2">
      <c r="A9167" s="2"/>
      <c r="B9167" s="2"/>
      <c r="C9167" s="2"/>
    </row>
    <row r="9168" spans="1:3" ht="19.2">
      <c r="A9168" s="2"/>
      <c r="B9168" s="2"/>
      <c r="C9168" s="2"/>
    </row>
    <row r="9169" spans="1:3" ht="19.2">
      <c r="A9169" s="2"/>
      <c r="B9169" s="2"/>
      <c r="C9169" s="2"/>
    </row>
    <row r="9170" spans="1:3" ht="19.2">
      <c r="A9170" s="2"/>
      <c r="B9170" s="2"/>
      <c r="C9170" s="2"/>
    </row>
    <row r="9171" spans="1:3" ht="19.2">
      <c r="A9171" s="2"/>
      <c r="B9171" s="2"/>
      <c r="C9171" s="2"/>
    </row>
    <row r="9172" spans="1:3" ht="19.2">
      <c r="A9172" s="2"/>
      <c r="B9172" s="2"/>
      <c r="C9172" s="2"/>
    </row>
    <row r="9173" spans="1:3" ht="19.2">
      <c r="A9173" s="2"/>
      <c r="B9173" s="2"/>
      <c r="C9173" s="2"/>
    </row>
    <row r="9174" spans="1:3" ht="19.2">
      <c r="A9174" s="2"/>
      <c r="B9174" s="2"/>
      <c r="C9174" s="2"/>
    </row>
    <row r="9175" spans="1:3" ht="19.2">
      <c r="A9175" s="2"/>
      <c r="B9175" s="2"/>
      <c r="C9175" s="2"/>
    </row>
    <row r="9176" spans="1:3" ht="19.2">
      <c r="A9176" s="2"/>
      <c r="B9176" s="2"/>
      <c r="C9176" s="2"/>
    </row>
    <row r="9177" spans="1:3" ht="19.2">
      <c r="A9177" s="2"/>
      <c r="B9177" s="2"/>
      <c r="C9177" s="2"/>
    </row>
    <row r="9178" spans="1:3" ht="19.2">
      <c r="A9178" s="2"/>
      <c r="B9178" s="2"/>
      <c r="C9178" s="2"/>
    </row>
    <row r="9179" spans="1:3" ht="19.2">
      <c r="A9179" s="2"/>
      <c r="B9179" s="2"/>
      <c r="C9179" s="2"/>
    </row>
    <row r="9180" spans="1:3" ht="19.2">
      <c r="A9180" s="2"/>
      <c r="B9180" s="2"/>
      <c r="C9180" s="2"/>
    </row>
    <row r="9181" spans="1:3" ht="19.2">
      <c r="A9181" s="2"/>
      <c r="B9181" s="2"/>
      <c r="C9181" s="2"/>
    </row>
    <row r="9182" spans="1:3" ht="19.2">
      <c r="A9182" s="2"/>
      <c r="B9182" s="2"/>
      <c r="C9182" s="2"/>
    </row>
    <row r="9183" spans="1:3" ht="19.2">
      <c r="A9183" s="2"/>
      <c r="B9183" s="2"/>
      <c r="C9183" s="2"/>
    </row>
    <row r="9184" spans="1:3" ht="19.2">
      <c r="A9184" s="2"/>
      <c r="B9184" s="2"/>
      <c r="C9184" s="2"/>
    </row>
    <row r="9185" spans="1:3" ht="19.2">
      <c r="A9185" s="2"/>
      <c r="B9185" s="2"/>
      <c r="C9185" s="2"/>
    </row>
    <row r="9186" spans="1:3" ht="19.2">
      <c r="A9186" s="2"/>
      <c r="B9186" s="2"/>
      <c r="C9186" s="2"/>
    </row>
    <row r="9187" spans="1:3" ht="19.2">
      <c r="A9187" s="2"/>
      <c r="B9187" s="2"/>
      <c r="C9187" s="2"/>
    </row>
    <row r="9188" spans="1:3" ht="19.2">
      <c r="A9188" s="2"/>
      <c r="B9188" s="2"/>
      <c r="C9188" s="2"/>
    </row>
    <row r="9189" spans="1:3" ht="19.2">
      <c r="A9189" s="2"/>
      <c r="B9189" s="2"/>
      <c r="C9189" s="2"/>
    </row>
    <row r="9190" spans="1:3" ht="19.2">
      <c r="A9190" s="2"/>
      <c r="B9190" s="2"/>
      <c r="C9190" s="2"/>
    </row>
    <row r="9191" spans="1:3" ht="19.2">
      <c r="A9191" s="2"/>
      <c r="B9191" s="2"/>
      <c r="C9191" s="2"/>
    </row>
    <row r="9192" spans="1:3" ht="19.2">
      <c r="A9192" s="2"/>
      <c r="B9192" s="2"/>
      <c r="C9192" s="2"/>
    </row>
    <row r="9193" spans="1:3" ht="19.2">
      <c r="A9193" s="2"/>
      <c r="B9193" s="2"/>
      <c r="C9193" s="2"/>
    </row>
    <row r="9194" spans="1:3" ht="19.2">
      <c r="A9194" s="2"/>
      <c r="B9194" s="2"/>
      <c r="C9194" s="2"/>
    </row>
    <row r="9195" spans="1:3" ht="19.2">
      <c r="A9195" s="2"/>
      <c r="B9195" s="2"/>
      <c r="C9195" s="2"/>
    </row>
    <row r="9196" spans="1:3" ht="19.2">
      <c r="A9196" s="2"/>
      <c r="B9196" s="2"/>
      <c r="C9196" s="2"/>
    </row>
    <row r="9197" spans="1:3" ht="19.2">
      <c r="A9197" s="2"/>
      <c r="B9197" s="2"/>
      <c r="C9197" s="2"/>
    </row>
    <row r="9198" spans="1:3" ht="19.2">
      <c r="A9198" s="2"/>
      <c r="B9198" s="2"/>
      <c r="C9198" s="2"/>
    </row>
    <row r="9199" spans="1:3" ht="19.2">
      <c r="A9199" s="2"/>
      <c r="B9199" s="2"/>
      <c r="C9199" s="2"/>
    </row>
    <row r="9200" spans="1:3" ht="19.2">
      <c r="A9200" s="2"/>
      <c r="B9200" s="2"/>
      <c r="C9200" s="2"/>
    </row>
    <row r="9201" spans="1:3" ht="19.2">
      <c r="A9201" s="2"/>
      <c r="B9201" s="2"/>
      <c r="C9201" s="2"/>
    </row>
    <row r="9202" spans="1:3" ht="19.2">
      <c r="A9202" s="2"/>
      <c r="B9202" s="2"/>
      <c r="C9202" s="2"/>
    </row>
    <row r="9203" spans="1:3" ht="19.2">
      <c r="A9203" s="2"/>
      <c r="B9203" s="2"/>
      <c r="C9203" s="2"/>
    </row>
    <row r="9204" spans="1:3" ht="19.2">
      <c r="A9204" s="2"/>
      <c r="B9204" s="2"/>
      <c r="C9204" s="2"/>
    </row>
    <row r="9205" spans="1:3" ht="19.2">
      <c r="A9205" s="2"/>
      <c r="B9205" s="2"/>
      <c r="C9205" s="2"/>
    </row>
    <row r="9206" spans="1:3" ht="19.2">
      <c r="A9206" s="2"/>
      <c r="B9206" s="2"/>
      <c r="C9206" s="2"/>
    </row>
    <row r="9207" spans="1:3" ht="19.2">
      <c r="A9207" s="2"/>
      <c r="B9207" s="2"/>
      <c r="C9207" s="2"/>
    </row>
    <row r="9208" spans="1:3" ht="19.2">
      <c r="A9208" s="2"/>
      <c r="B9208" s="2"/>
      <c r="C9208" s="2"/>
    </row>
    <row r="9209" spans="1:3" ht="19.2">
      <c r="A9209" s="2"/>
      <c r="B9209" s="2"/>
      <c r="C9209" s="2"/>
    </row>
    <row r="9210" spans="1:3" ht="19.2">
      <c r="A9210" s="2"/>
      <c r="B9210" s="2"/>
      <c r="C9210" s="2"/>
    </row>
    <row r="9211" spans="1:3" ht="19.2">
      <c r="A9211" s="2"/>
      <c r="B9211" s="2"/>
      <c r="C9211" s="2"/>
    </row>
    <row r="9212" spans="1:3" ht="19.2">
      <c r="A9212" s="2"/>
      <c r="B9212" s="2"/>
      <c r="C9212" s="2"/>
    </row>
    <row r="9213" spans="1:3" ht="19.2">
      <c r="A9213" s="2"/>
      <c r="B9213" s="2"/>
      <c r="C9213" s="2"/>
    </row>
    <row r="9214" spans="1:3" ht="19.2">
      <c r="A9214" s="2"/>
      <c r="B9214" s="2"/>
      <c r="C9214" s="2"/>
    </row>
    <row r="9215" spans="1:3" ht="19.2">
      <c r="A9215" s="2"/>
      <c r="B9215" s="2"/>
      <c r="C9215" s="2"/>
    </row>
    <row r="9216" spans="1:3" ht="19.2">
      <c r="A9216" s="2"/>
      <c r="B9216" s="2"/>
      <c r="C9216" s="2"/>
    </row>
    <row r="9217" spans="1:3" ht="19.2">
      <c r="A9217" s="2"/>
      <c r="B9217" s="2"/>
      <c r="C9217" s="2"/>
    </row>
    <row r="9218" spans="1:3" ht="19.2">
      <c r="A9218" s="2"/>
      <c r="B9218" s="2"/>
      <c r="C9218" s="2"/>
    </row>
    <row r="9219" spans="1:3" ht="19.2">
      <c r="A9219" s="2"/>
      <c r="B9219" s="2"/>
      <c r="C9219" s="2"/>
    </row>
    <row r="9220" spans="1:3" ht="19.2">
      <c r="A9220" s="2"/>
      <c r="B9220" s="2"/>
      <c r="C9220" s="2"/>
    </row>
    <row r="9221" spans="1:3" ht="19.2">
      <c r="A9221" s="2"/>
      <c r="B9221" s="2"/>
      <c r="C9221" s="2"/>
    </row>
    <row r="9222" spans="1:3" ht="19.2">
      <c r="A9222" s="2"/>
      <c r="B9222" s="2"/>
      <c r="C9222" s="2"/>
    </row>
    <row r="9223" spans="1:3" ht="19.2">
      <c r="A9223" s="2"/>
      <c r="B9223" s="2"/>
      <c r="C9223" s="2"/>
    </row>
    <row r="9224" spans="1:3" ht="19.2">
      <c r="A9224" s="2"/>
      <c r="B9224" s="2"/>
      <c r="C9224" s="2"/>
    </row>
    <row r="9225" spans="1:3" ht="19.2">
      <c r="A9225" s="2"/>
      <c r="B9225" s="2"/>
      <c r="C9225" s="2"/>
    </row>
    <row r="9226" spans="1:3" ht="19.2">
      <c r="A9226" s="2"/>
      <c r="B9226" s="2"/>
      <c r="C9226" s="2"/>
    </row>
    <row r="9227" spans="1:3" ht="19.2">
      <c r="A9227" s="2"/>
      <c r="B9227" s="2"/>
      <c r="C9227" s="2"/>
    </row>
    <row r="9228" spans="1:3" ht="19.2">
      <c r="A9228" s="2"/>
      <c r="B9228" s="2"/>
      <c r="C9228" s="2"/>
    </row>
    <row r="9229" spans="1:3" ht="19.2">
      <c r="A9229" s="2"/>
      <c r="B9229" s="2"/>
      <c r="C9229" s="2"/>
    </row>
    <row r="9230" spans="1:3" ht="19.2">
      <c r="A9230" s="2"/>
      <c r="B9230" s="2"/>
      <c r="C9230" s="2"/>
    </row>
    <row r="9231" spans="1:3" ht="19.2">
      <c r="A9231" s="2"/>
      <c r="B9231" s="2"/>
      <c r="C9231" s="2"/>
    </row>
    <row r="9232" spans="1:3" ht="19.2">
      <c r="A9232" s="2"/>
      <c r="B9232" s="2"/>
      <c r="C9232" s="2"/>
    </row>
    <row r="9233" spans="1:3" ht="19.2">
      <c r="A9233" s="2"/>
      <c r="B9233" s="2"/>
      <c r="C9233" s="2"/>
    </row>
    <row r="9234" spans="1:3" ht="19.2">
      <c r="A9234" s="2"/>
      <c r="B9234" s="2"/>
      <c r="C9234" s="2"/>
    </row>
    <row r="9235" spans="1:3" ht="19.2">
      <c r="A9235" s="2"/>
      <c r="B9235" s="2"/>
      <c r="C9235" s="2"/>
    </row>
    <row r="9236" spans="1:3" ht="19.2">
      <c r="A9236" s="2"/>
      <c r="B9236" s="2"/>
      <c r="C9236" s="2"/>
    </row>
    <row r="9237" spans="1:3" ht="19.2">
      <c r="A9237" s="2"/>
      <c r="B9237" s="2"/>
      <c r="C9237" s="2"/>
    </row>
    <row r="9238" spans="1:3" ht="19.2">
      <c r="A9238" s="2"/>
      <c r="B9238" s="2"/>
      <c r="C9238" s="2"/>
    </row>
    <row r="9239" spans="1:3" ht="19.2">
      <c r="A9239" s="2"/>
      <c r="B9239" s="2"/>
      <c r="C9239" s="2"/>
    </row>
    <row r="9240" spans="1:3" ht="19.2">
      <c r="A9240" s="2"/>
      <c r="B9240" s="2"/>
      <c r="C9240" s="2"/>
    </row>
    <row r="9241" spans="1:3" ht="19.2">
      <c r="A9241" s="2"/>
      <c r="B9241" s="2"/>
      <c r="C9241" s="2"/>
    </row>
    <row r="9242" spans="1:3" ht="19.2">
      <c r="A9242" s="2"/>
      <c r="B9242" s="2"/>
      <c r="C9242" s="2"/>
    </row>
    <row r="9243" spans="1:3" ht="19.2">
      <c r="A9243" s="2"/>
      <c r="B9243" s="2"/>
      <c r="C9243" s="2"/>
    </row>
    <row r="9244" spans="1:3" ht="19.2">
      <c r="A9244" s="2"/>
      <c r="B9244" s="2"/>
      <c r="C9244" s="2"/>
    </row>
    <row r="9245" spans="1:3" ht="19.2">
      <c r="A9245" s="2"/>
      <c r="B9245" s="2"/>
      <c r="C9245" s="2"/>
    </row>
    <row r="9246" spans="1:3" ht="19.2">
      <c r="A9246" s="2"/>
      <c r="B9246" s="2"/>
      <c r="C9246" s="2"/>
    </row>
    <row r="9247" spans="1:3" ht="19.2">
      <c r="A9247" s="2"/>
      <c r="B9247" s="2"/>
      <c r="C9247" s="2"/>
    </row>
    <row r="9248" spans="1:3" ht="19.2">
      <c r="A9248" s="2"/>
      <c r="B9248" s="2"/>
      <c r="C9248" s="2"/>
    </row>
    <row r="9249" spans="1:3" ht="19.2">
      <c r="A9249" s="2"/>
      <c r="B9249" s="2"/>
      <c r="C9249" s="2"/>
    </row>
    <row r="9250" spans="1:3" ht="19.2">
      <c r="A9250" s="2"/>
      <c r="B9250" s="2"/>
      <c r="C9250" s="2"/>
    </row>
    <row r="9251" spans="1:3" ht="19.2">
      <c r="A9251" s="2"/>
      <c r="B9251" s="2"/>
      <c r="C9251" s="2"/>
    </row>
    <row r="9252" spans="1:3" ht="19.2">
      <c r="A9252" s="2"/>
      <c r="B9252" s="2"/>
      <c r="C9252" s="2"/>
    </row>
    <row r="9253" spans="1:3" ht="19.2">
      <c r="A9253" s="2"/>
      <c r="B9253" s="2"/>
      <c r="C9253" s="2"/>
    </row>
    <row r="9254" spans="1:3" ht="19.2">
      <c r="A9254" s="2"/>
      <c r="B9254" s="2"/>
      <c r="C9254" s="2"/>
    </row>
    <row r="9255" spans="1:3" ht="19.2">
      <c r="A9255" s="2"/>
      <c r="B9255" s="2"/>
      <c r="C9255" s="2"/>
    </row>
    <row r="9256" spans="1:3" ht="19.2">
      <c r="A9256" s="2"/>
      <c r="B9256" s="2"/>
      <c r="C9256" s="2"/>
    </row>
    <row r="9257" spans="1:3" ht="19.2">
      <c r="A9257" s="2"/>
      <c r="B9257" s="2"/>
      <c r="C9257" s="2"/>
    </row>
    <row r="9258" spans="1:3" ht="19.2">
      <c r="A9258" s="2"/>
      <c r="B9258" s="2"/>
      <c r="C9258" s="2"/>
    </row>
    <row r="9259" spans="1:3" ht="19.2">
      <c r="A9259" s="2"/>
      <c r="B9259" s="2"/>
      <c r="C9259" s="2"/>
    </row>
    <row r="9260" spans="1:3" ht="19.2">
      <c r="A9260" s="2"/>
      <c r="B9260" s="2"/>
      <c r="C9260" s="2"/>
    </row>
    <row r="9261" spans="1:3" ht="19.2">
      <c r="A9261" s="2"/>
      <c r="B9261" s="2"/>
      <c r="C9261" s="2"/>
    </row>
    <row r="9262" spans="1:3" ht="19.2">
      <c r="A9262" s="2"/>
      <c r="B9262" s="2"/>
      <c r="C9262" s="2"/>
    </row>
    <row r="9263" spans="1:3" ht="19.2">
      <c r="A9263" s="2"/>
      <c r="B9263" s="2"/>
      <c r="C9263" s="2"/>
    </row>
    <row r="9264" spans="1:3" ht="19.2">
      <c r="A9264" s="2"/>
      <c r="B9264" s="2"/>
      <c r="C9264" s="2"/>
    </row>
    <row r="9265" spans="1:3" ht="19.2">
      <c r="A9265" s="2"/>
      <c r="B9265" s="2"/>
      <c r="C9265" s="2"/>
    </row>
    <row r="9266" spans="1:3" ht="19.2">
      <c r="A9266" s="2"/>
      <c r="B9266" s="2"/>
      <c r="C9266" s="2"/>
    </row>
    <row r="9267" spans="1:3" ht="19.2">
      <c r="A9267" s="2"/>
      <c r="B9267" s="2"/>
      <c r="C9267" s="2"/>
    </row>
    <row r="9268" spans="1:3" ht="19.2">
      <c r="A9268" s="2"/>
      <c r="B9268" s="2"/>
      <c r="C9268" s="2"/>
    </row>
    <row r="9269" spans="1:3" ht="19.2">
      <c r="A9269" s="2"/>
      <c r="B9269" s="2"/>
      <c r="C9269" s="2"/>
    </row>
    <row r="9270" spans="1:3" ht="19.2">
      <c r="A9270" s="2"/>
      <c r="B9270" s="2"/>
      <c r="C9270" s="2"/>
    </row>
    <row r="9271" spans="1:3" ht="19.2">
      <c r="A9271" s="2"/>
      <c r="B9271" s="2"/>
      <c r="C9271" s="2"/>
    </row>
    <row r="9272" spans="1:3" ht="19.2">
      <c r="A9272" s="2"/>
      <c r="B9272" s="2"/>
      <c r="C9272" s="2"/>
    </row>
    <row r="9273" spans="1:3" ht="19.2">
      <c r="A9273" s="2"/>
      <c r="B9273" s="2"/>
      <c r="C9273" s="2"/>
    </row>
    <row r="9274" spans="1:3" ht="19.2">
      <c r="A9274" s="2"/>
      <c r="B9274" s="2"/>
      <c r="C9274" s="2"/>
    </row>
    <row r="9275" spans="1:3" ht="19.2">
      <c r="A9275" s="2"/>
      <c r="B9275" s="2"/>
      <c r="C9275" s="2"/>
    </row>
    <row r="9276" spans="1:3" ht="19.2">
      <c r="A9276" s="2"/>
      <c r="B9276" s="2"/>
      <c r="C9276" s="2"/>
    </row>
    <row r="9277" spans="1:3" ht="19.2">
      <c r="A9277" s="2"/>
      <c r="B9277" s="2"/>
      <c r="C9277" s="2"/>
    </row>
    <row r="9278" spans="1:3" ht="19.2">
      <c r="A9278" s="2"/>
      <c r="B9278" s="2"/>
      <c r="C9278" s="2"/>
    </row>
    <row r="9279" spans="1:3" ht="19.2">
      <c r="A9279" s="2"/>
      <c r="B9279" s="2"/>
      <c r="C9279" s="2"/>
    </row>
    <row r="9280" spans="1:3" ht="19.2">
      <c r="A9280" s="2"/>
      <c r="B9280" s="2"/>
      <c r="C9280" s="2"/>
    </row>
    <row r="9281" spans="1:3" ht="19.2">
      <c r="A9281" s="2"/>
      <c r="B9281" s="2"/>
      <c r="C9281" s="2"/>
    </row>
    <row r="9282" spans="1:3" ht="19.2">
      <c r="A9282" s="2"/>
      <c r="B9282" s="2"/>
      <c r="C9282" s="2"/>
    </row>
    <row r="9283" spans="1:3" ht="19.2">
      <c r="A9283" s="2"/>
      <c r="B9283" s="2"/>
      <c r="C9283" s="2"/>
    </row>
    <row r="9284" spans="1:3" ht="19.2">
      <c r="A9284" s="2"/>
      <c r="B9284" s="2"/>
      <c r="C9284" s="2"/>
    </row>
    <row r="9285" spans="1:3" ht="19.2">
      <c r="A9285" s="2"/>
      <c r="B9285" s="2"/>
      <c r="C9285" s="2"/>
    </row>
    <row r="9286" spans="1:3" ht="19.2">
      <c r="A9286" s="2"/>
      <c r="B9286" s="2"/>
      <c r="C9286" s="2"/>
    </row>
    <row r="9287" spans="1:3" ht="19.2">
      <c r="A9287" s="2"/>
      <c r="B9287" s="2"/>
      <c r="C9287" s="2"/>
    </row>
    <row r="9288" spans="1:3" ht="19.2">
      <c r="A9288" s="2"/>
      <c r="B9288" s="2"/>
      <c r="C9288" s="2"/>
    </row>
    <row r="9289" spans="1:3" ht="19.2">
      <c r="A9289" s="2"/>
      <c r="B9289" s="2"/>
      <c r="C9289" s="2"/>
    </row>
    <row r="9290" spans="1:3" ht="19.2">
      <c r="A9290" s="2"/>
      <c r="B9290" s="2"/>
      <c r="C9290" s="2"/>
    </row>
    <row r="9291" spans="1:3" ht="19.2">
      <c r="A9291" s="2"/>
      <c r="B9291" s="2"/>
      <c r="C9291" s="2"/>
    </row>
    <row r="9292" spans="1:3" ht="19.2">
      <c r="A9292" s="2"/>
      <c r="B9292" s="2"/>
      <c r="C9292" s="2"/>
    </row>
    <row r="9293" spans="1:3" ht="19.2">
      <c r="A9293" s="2"/>
      <c r="B9293" s="2"/>
      <c r="C9293" s="2"/>
    </row>
    <row r="9294" spans="1:3" ht="19.2">
      <c r="A9294" s="2"/>
      <c r="B9294" s="2"/>
      <c r="C9294" s="2"/>
    </row>
    <row r="9295" spans="1:3" ht="19.2">
      <c r="A9295" s="2"/>
      <c r="B9295" s="2"/>
      <c r="C9295" s="2"/>
    </row>
    <row r="9296" spans="1:3" ht="19.2">
      <c r="A9296" s="2"/>
      <c r="B9296" s="2"/>
      <c r="C9296" s="2"/>
    </row>
    <row r="9297" spans="1:3" ht="19.2">
      <c r="A9297" s="2"/>
      <c r="B9297" s="2"/>
      <c r="C9297" s="2"/>
    </row>
    <row r="9298" spans="1:3" ht="19.2">
      <c r="A9298" s="2"/>
      <c r="B9298" s="2"/>
      <c r="C9298" s="2"/>
    </row>
    <row r="9299" spans="1:3" ht="19.2">
      <c r="A9299" s="2"/>
      <c r="B9299" s="2"/>
      <c r="C9299" s="2"/>
    </row>
    <row r="9300" spans="1:3" ht="19.2">
      <c r="A9300" s="2"/>
      <c r="B9300" s="2"/>
      <c r="C9300" s="2"/>
    </row>
    <row r="9301" spans="1:3" ht="19.2">
      <c r="A9301" s="2"/>
      <c r="B9301" s="2"/>
      <c r="C9301" s="2"/>
    </row>
    <row r="9302" spans="1:3" ht="19.2">
      <c r="A9302" s="2"/>
      <c r="B9302" s="2"/>
      <c r="C9302" s="2"/>
    </row>
    <row r="9303" spans="1:3" ht="19.2">
      <c r="A9303" s="2"/>
      <c r="B9303" s="2"/>
      <c r="C9303" s="2"/>
    </row>
    <row r="9304" spans="1:3" ht="19.2">
      <c r="A9304" s="2"/>
      <c r="B9304" s="2"/>
      <c r="C9304" s="2"/>
    </row>
    <row r="9305" spans="1:3" ht="19.2">
      <c r="A9305" s="2"/>
      <c r="B9305" s="2"/>
      <c r="C9305" s="2"/>
    </row>
    <row r="9306" spans="1:3" ht="19.2">
      <c r="A9306" s="2"/>
      <c r="B9306" s="2"/>
      <c r="C9306" s="2"/>
    </row>
    <row r="9307" spans="1:3" ht="19.2">
      <c r="A9307" s="2"/>
      <c r="B9307" s="2"/>
      <c r="C9307" s="2"/>
    </row>
    <row r="9308" spans="1:3" ht="19.2">
      <c r="A9308" s="2"/>
      <c r="B9308" s="2"/>
      <c r="C9308" s="2"/>
    </row>
    <row r="9309" spans="1:3" ht="19.2">
      <c r="A9309" s="2"/>
      <c r="B9309" s="2"/>
      <c r="C9309" s="2"/>
    </row>
    <row r="9310" spans="1:3" ht="19.2">
      <c r="A9310" s="2"/>
      <c r="B9310" s="2"/>
      <c r="C9310" s="2"/>
    </row>
    <row r="9311" spans="1:3" ht="19.2">
      <c r="A9311" s="2"/>
      <c r="B9311" s="2"/>
      <c r="C9311" s="2"/>
    </row>
    <row r="9312" spans="1:3" ht="19.2">
      <c r="A9312" s="2"/>
      <c r="B9312" s="2"/>
      <c r="C9312" s="2"/>
    </row>
    <row r="9313" spans="1:3" ht="19.2">
      <c r="A9313" s="2"/>
      <c r="B9313" s="2"/>
      <c r="C9313" s="2"/>
    </row>
    <row r="9314" spans="1:3" ht="19.2">
      <c r="A9314" s="2"/>
      <c r="B9314" s="2"/>
      <c r="C9314" s="2"/>
    </row>
    <row r="9315" spans="1:3" ht="19.2">
      <c r="A9315" s="2"/>
      <c r="B9315" s="2"/>
      <c r="C9315" s="2"/>
    </row>
    <row r="9316" spans="1:3" ht="19.2">
      <c r="A9316" s="2"/>
      <c r="B9316" s="2"/>
      <c r="C9316" s="2"/>
    </row>
    <row r="9317" spans="1:3" ht="19.2">
      <c r="A9317" s="2"/>
      <c r="B9317" s="2"/>
      <c r="C9317" s="2"/>
    </row>
    <row r="9318" spans="1:3" ht="19.2">
      <c r="A9318" s="2"/>
      <c r="B9318" s="2"/>
      <c r="C9318" s="2"/>
    </row>
    <row r="9319" spans="1:3" ht="19.2">
      <c r="A9319" s="2"/>
      <c r="B9319" s="2"/>
      <c r="C9319" s="2"/>
    </row>
    <row r="9320" spans="1:3" ht="19.2">
      <c r="A9320" s="2"/>
      <c r="B9320" s="2"/>
      <c r="C9320" s="2"/>
    </row>
    <row r="9321" spans="1:3" ht="19.2">
      <c r="A9321" s="2"/>
      <c r="B9321" s="2"/>
      <c r="C9321" s="2"/>
    </row>
    <row r="9322" spans="1:3" ht="19.2">
      <c r="A9322" s="2"/>
      <c r="B9322" s="2"/>
      <c r="C9322" s="2"/>
    </row>
    <row r="9323" spans="1:3" ht="19.2">
      <c r="A9323" s="2"/>
      <c r="B9323" s="2"/>
      <c r="C9323" s="2"/>
    </row>
    <row r="9324" spans="1:3" ht="19.2">
      <c r="A9324" s="2"/>
      <c r="B9324" s="2"/>
      <c r="C9324" s="2"/>
    </row>
    <row r="9325" spans="1:3" ht="19.2">
      <c r="A9325" s="2"/>
      <c r="B9325" s="2"/>
      <c r="C9325" s="2"/>
    </row>
    <row r="9326" spans="1:3" ht="19.2">
      <c r="A9326" s="2"/>
      <c r="B9326" s="2"/>
      <c r="C9326" s="2"/>
    </row>
    <row r="9327" spans="1:3" ht="19.2">
      <c r="A9327" s="2"/>
      <c r="B9327" s="2"/>
      <c r="C9327" s="2"/>
    </row>
    <row r="9328" spans="1:3" ht="19.2">
      <c r="A9328" s="2"/>
      <c r="B9328" s="2"/>
      <c r="C9328" s="2"/>
    </row>
    <row r="9329" spans="1:3" ht="19.2">
      <c r="A9329" s="2"/>
      <c r="B9329" s="2"/>
      <c r="C9329" s="2"/>
    </row>
    <row r="9330" spans="1:3" ht="19.2">
      <c r="A9330" s="2"/>
      <c r="B9330" s="2"/>
      <c r="C9330" s="2"/>
    </row>
    <row r="9331" spans="1:3" ht="19.2">
      <c r="A9331" s="2"/>
      <c r="B9331" s="2"/>
      <c r="C9331" s="2"/>
    </row>
    <row r="9332" spans="1:3" ht="19.2">
      <c r="A9332" s="2"/>
      <c r="B9332" s="2"/>
      <c r="C9332" s="2"/>
    </row>
    <row r="9333" spans="1:3" ht="19.2">
      <c r="A9333" s="2"/>
      <c r="B9333" s="2"/>
      <c r="C9333" s="2"/>
    </row>
    <row r="9334" spans="1:3" ht="19.2">
      <c r="A9334" s="2"/>
      <c r="B9334" s="2"/>
      <c r="C9334" s="2"/>
    </row>
    <row r="9335" spans="1:3" ht="19.2">
      <c r="A9335" s="2"/>
      <c r="B9335" s="2"/>
      <c r="C9335" s="2"/>
    </row>
    <row r="9336" spans="1:3" ht="19.2">
      <c r="A9336" s="2"/>
      <c r="B9336" s="2"/>
      <c r="C9336" s="2"/>
    </row>
    <row r="9337" spans="1:3" ht="19.2">
      <c r="A9337" s="2"/>
      <c r="B9337" s="2"/>
      <c r="C9337" s="2"/>
    </row>
    <row r="9338" spans="1:3" ht="19.2">
      <c r="A9338" s="2"/>
      <c r="B9338" s="2"/>
      <c r="C9338" s="2"/>
    </row>
    <row r="9339" spans="1:3" ht="19.2">
      <c r="A9339" s="2"/>
      <c r="B9339" s="2"/>
      <c r="C9339" s="2"/>
    </row>
    <row r="9340" spans="1:3" ht="19.2">
      <c r="A9340" s="2"/>
      <c r="B9340" s="2"/>
      <c r="C9340" s="2"/>
    </row>
    <row r="9341" spans="1:3" ht="19.2">
      <c r="A9341" s="2"/>
      <c r="B9341" s="2"/>
      <c r="C9341" s="2"/>
    </row>
    <row r="9342" spans="1:3" ht="19.2">
      <c r="A9342" s="2"/>
      <c r="B9342" s="2"/>
      <c r="C9342" s="2"/>
    </row>
    <row r="9343" spans="1:3" ht="19.2">
      <c r="A9343" s="2"/>
      <c r="B9343" s="2"/>
      <c r="C9343" s="2"/>
    </row>
    <row r="9344" spans="1:3" ht="19.2">
      <c r="A9344" s="2"/>
      <c r="B9344" s="2"/>
      <c r="C9344" s="2"/>
    </row>
    <row r="9345" spans="1:3" ht="19.2">
      <c r="A9345" s="2"/>
      <c r="B9345" s="2"/>
      <c r="C9345" s="2"/>
    </row>
    <row r="9346" spans="1:3" ht="19.2">
      <c r="A9346" s="2"/>
      <c r="B9346" s="2"/>
      <c r="C9346" s="2"/>
    </row>
    <row r="9347" spans="1:3" ht="19.2">
      <c r="A9347" s="2"/>
      <c r="B9347" s="2"/>
      <c r="C9347" s="2"/>
    </row>
    <row r="9348" spans="1:3" ht="19.2">
      <c r="A9348" s="2"/>
      <c r="B9348" s="2"/>
      <c r="C9348" s="2"/>
    </row>
    <row r="9349" spans="1:3" ht="19.2">
      <c r="A9349" s="2"/>
      <c r="B9349" s="2"/>
      <c r="C9349" s="2"/>
    </row>
    <row r="9350" spans="1:3" ht="19.2">
      <c r="A9350" s="2"/>
      <c r="B9350" s="2"/>
      <c r="C9350" s="2"/>
    </row>
    <row r="9351" spans="1:3" ht="19.2">
      <c r="A9351" s="2"/>
      <c r="B9351" s="2"/>
      <c r="C9351" s="2"/>
    </row>
    <row r="9352" spans="1:3" ht="19.2">
      <c r="A9352" s="2"/>
      <c r="B9352" s="2"/>
      <c r="C9352" s="2"/>
    </row>
    <row r="9353" spans="1:3" ht="19.2">
      <c r="A9353" s="2"/>
      <c r="B9353" s="2"/>
      <c r="C9353" s="2"/>
    </row>
    <row r="9354" spans="1:3" ht="19.2">
      <c r="A9354" s="2"/>
      <c r="B9354" s="2"/>
      <c r="C9354" s="2"/>
    </row>
    <row r="9355" spans="1:3" ht="19.2">
      <c r="A9355" s="2"/>
      <c r="B9355" s="2"/>
      <c r="C9355" s="2"/>
    </row>
    <row r="9356" spans="1:3" ht="19.2">
      <c r="A9356" s="2"/>
      <c r="B9356" s="2"/>
      <c r="C9356" s="2"/>
    </row>
    <row r="9357" spans="1:3" ht="19.2">
      <c r="A9357" s="2"/>
      <c r="B9357" s="2"/>
      <c r="C9357" s="2"/>
    </row>
    <row r="9358" spans="1:3" ht="19.2">
      <c r="A9358" s="2"/>
      <c r="B9358" s="2"/>
      <c r="C9358" s="2"/>
    </row>
    <row r="9359" spans="1:3" ht="19.2">
      <c r="A9359" s="2"/>
      <c r="B9359" s="2"/>
      <c r="C9359" s="2"/>
    </row>
    <row r="9360" spans="1:3" ht="19.2">
      <c r="A9360" s="2"/>
      <c r="B9360" s="2"/>
      <c r="C9360" s="2"/>
    </row>
    <row r="9361" spans="1:3" ht="19.2">
      <c r="A9361" s="2"/>
      <c r="B9361" s="2"/>
      <c r="C9361" s="2"/>
    </row>
    <row r="9362" spans="1:3" ht="19.2">
      <c r="A9362" s="2"/>
      <c r="B9362" s="2"/>
      <c r="C9362" s="2"/>
    </row>
    <row r="9363" spans="1:3" ht="19.2">
      <c r="A9363" s="2"/>
      <c r="B9363" s="2"/>
      <c r="C9363" s="2"/>
    </row>
    <row r="9364" spans="1:3" ht="19.2">
      <c r="A9364" s="2"/>
      <c r="B9364" s="2"/>
      <c r="C9364" s="2"/>
    </row>
    <row r="9365" spans="1:3" ht="19.2">
      <c r="A9365" s="2"/>
      <c r="B9365" s="2"/>
      <c r="C9365" s="2"/>
    </row>
    <row r="9366" spans="1:3" ht="19.2">
      <c r="A9366" s="2"/>
      <c r="B9366" s="2"/>
      <c r="C9366" s="2"/>
    </row>
    <row r="9367" spans="1:3" ht="19.2">
      <c r="A9367" s="2"/>
      <c r="B9367" s="2"/>
      <c r="C9367" s="2"/>
    </row>
    <row r="9368" spans="1:3" ht="19.2">
      <c r="A9368" s="2"/>
      <c r="B9368" s="2"/>
      <c r="C9368" s="2"/>
    </row>
    <row r="9369" spans="1:3" ht="19.2">
      <c r="A9369" s="2"/>
      <c r="B9369" s="2"/>
      <c r="C9369" s="2"/>
    </row>
    <row r="9370" spans="1:3" ht="19.2">
      <c r="A9370" s="2"/>
      <c r="B9370" s="2"/>
      <c r="C9370" s="2"/>
    </row>
    <row r="9371" spans="1:3" ht="19.2">
      <c r="A9371" s="2"/>
      <c r="B9371" s="2"/>
      <c r="C9371" s="2"/>
    </row>
    <row r="9372" spans="1:3" ht="19.2">
      <c r="A9372" s="2"/>
      <c r="B9372" s="2"/>
      <c r="C9372" s="2"/>
    </row>
    <row r="9373" spans="1:3" ht="19.2">
      <c r="A9373" s="2"/>
      <c r="B9373" s="2"/>
      <c r="C9373" s="2"/>
    </row>
    <row r="9374" spans="1:3" ht="19.2">
      <c r="A9374" s="2"/>
      <c r="B9374" s="2"/>
      <c r="C9374" s="2"/>
    </row>
    <row r="9375" spans="1:3" ht="19.2">
      <c r="A9375" s="2"/>
      <c r="B9375" s="2"/>
      <c r="C9375" s="2"/>
    </row>
    <row r="9376" spans="1:3" ht="19.2">
      <c r="A9376" s="2"/>
      <c r="B9376" s="2"/>
      <c r="C9376" s="2"/>
    </row>
    <row r="9377" spans="1:3" ht="19.2">
      <c r="A9377" s="2"/>
      <c r="B9377" s="2"/>
      <c r="C9377" s="2"/>
    </row>
    <row r="9378" spans="1:3" ht="19.2">
      <c r="A9378" s="2"/>
      <c r="B9378" s="2"/>
      <c r="C9378" s="2"/>
    </row>
    <row r="9379" spans="1:3" ht="19.2">
      <c r="A9379" s="2"/>
      <c r="B9379" s="2"/>
      <c r="C9379" s="2"/>
    </row>
    <row r="9380" spans="1:3" ht="19.2">
      <c r="A9380" s="2"/>
      <c r="B9380" s="2"/>
      <c r="C9380" s="2"/>
    </row>
    <row r="9381" spans="1:3" ht="19.2">
      <c r="A9381" s="2"/>
      <c r="B9381" s="2"/>
      <c r="C9381" s="2"/>
    </row>
    <row r="9382" spans="1:3" ht="19.2">
      <c r="A9382" s="2"/>
      <c r="B9382" s="2"/>
      <c r="C9382" s="2"/>
    </row>
    <row r="9383" spans="1:3" ht="19.2">
      <c r="A9383" s="2"/>
      <c r="B9383" s="2"/>
      <c r="C9383" s="2"/>
    </row>
    <row r="9384" spans="1:3" ht="19.2">
      <c r="A9384" s="2"/>
      <c r="B9384" s="2"/>
      <c r="C9384" s="2"/>
    </row>
    <row r="9385" spans="1:3" ht="19.2">
      <c r="A9385" s="2"/>
      <c r="B9385" s="2"/>
      <c r="C9385" s="2"/>
    </row>
    <row r="9386" spans="1:3" ht="19.2">
      <c r="A9386" s="2"/>
      <c r="B9386" s="2"/>
      <c r="C9386" s="2"/>
    </row>
    <row r="9387" spans="1:3" ht="19.2">
      <c r="A9387" s="2"/>
      <c r="B9387" s="2"/>
      <c r="C9387" s="2"/>
    </row>
    <row r="9388" spans="1:3" ht="19.2">
      <c r="A9388" s="2"/>
      <c r="B9388" s="2"/>
      <c r="C9388" s="2"/>
    </row>
    <row r="9389" spans="1:3" ht="19.2">
      <c r="A9389" s="2"/>
      <c r="B9389" s="2"/>
      <c r="C9389" s="2"/>
    </row>
    <row r="9390" spans="1:3" ht="19.2">
      <c r="A9390" s="2"/>
      <c r="B9390" s="2"/>
      <c r="C9390" s="2"/>
    </row>
    <row r="9391" spans="1:3" ht="19.2">
      <c r="A9391" s="2"/>
      <c r="B9391" s="2"/>
      <c r="C9391" s="2"/>
    </row>
    <row r="9392" spans="1:3" ht="19.2">
      <c r="A9392" s="2"/>
      <c r="B9392" s="2"/>
      <c r="C9392" s="2"/>
    </row>
    <row r="9393" spans="1:3" ht="19.2">
      <c r="A9393" s="2"/>
      <c r="B9393" s="2"/>
      <c r="C9393" s="2"/>
    </row>
    <row r="9394" spans="1:3" ht="19.2">
      <c r="A9394" s="2"/>
      <c r="B9394" s="2"/>
      <c r="C9394" s="2"/>
    </row>
    <row r="9395" spans="1:3" ht="19.2">
      <c r="A9395" s="2"/>
      <c r="B9395" s="2"/>
      <c r="C9395" s="2"/>
    </row>
    <row r="9396" spans="1:3" ht="19.2">
      <c r="A9396" s="2"/>
      <c r="B9396" s="2"/>
      <c r="C9396" s="2"/>
    </row>
    <row r="9397" spans="1:3" ht="19.2">
      <c r="A9397" s="2"/>
      <c r="B9397" s="2"/>
      <c r="C9397" s="2"/>
    </row>
    <row r="9398" spans="1:3" ht="19.2">
      <c r="A9398" s="2"/>
      <c r="B9398" s="2"/>
      <c r="C9398" s="2"/>
    </row>
    <row r="9399" spans="1:3" ht="19.2">
      <c r="A9399" s="2"/>
      <c r="B9399" s="2"/>
      <c r="C9399" s="2"/>
    </row>
    <row r="9400" spans="1:3" ht="19.2">
      <c r="A9400" s="2"/>
      <c r="B9400" s="2"/>
      <c r="C9400" s="2"/>
    </row>
    <row r="9401" spans="1:3" ht="19.2">
      <c r="A9401" s="2"/>
      <c r="B9401" s="2"/>
      <c r="C9401" s="2"/>
    </row>
    <row r="9402" spans="1:3" ht="19.2">
      <c r="A9402" s="2"/>
      <c r="B9402" s="2"/>
      <c r="C9402" s="2"/>
    </row>
    <row r="9403" spans="1:3" ht="19.2">
      <c r="A9403" s="2"/>
      <c r="B9403" s="2"/>
      <c r="C9403" s="2"/>
    </row>
    <row r="9404" spans="1:3" ht="19.2">
      <c r="A9404" s="2"/>
      <c r="B9404" s="2"/>
      <c r="C9404" s="2"/>
    </row>
    <row r="9405" spans="1:3" ht="19.2">
      <c r="A9405" s="2"/>
      <c r="B9405" s="2"/>
      <c r="C9405" s="2"/>
    </row>
    <row r="9406" spans="1:3" ht="19.2">
      <c r="A9406" s="2"/>
      <c r="B9406" s="2"/>
      <c r="C9406" s="2"/>
    </row>
    <row r="9407" spans="1:3" ht="19.2">
      <c r="A9407" s="2"/>
      <c r="B9407" s="2"/>
      <c r="C9407" s="2"/>
    </row>
    <row r="9408" spans="1:3" ht="19.2">
      <c r="A9408" s="2"/>
      <c r="B9408" s="2"/>
      <c r="C9408" s="2"/>
    </row>
    <row r="9409" spans="1:3" ht="19.2">
      <c r="A9409" s="2"/>
      <c r="B9409" s="2"/>
      <c r="C9409" s="2"/>
    </row>
    <row r="9410" spans="1:3" ht="19.2">
      <c r="A9410" s="2"/>
      <c r="B9410" s="2"/>
      <c r="C9410" s="2"/>
    </row>
    <row r="9411" spans="1:3" ht="19.2">
      <c r="A9411" s="2"/>
      <c r="B9411" s="2"/>
      <c r="C9411" s="2"/>
    </row>
    <row r="9412" spans="1:3" ht="19.2">
      <c r="A9412" s="2"/>
      <c r="B9412" s="2"/>
      <c r="C9412" s="2"/>
    </row>
    <row r="9413" spans="1:3" ht="19.2">
      <c r="A9413" s="2"/>
      <c r="B9413" s="2"/>
      <c r="C9413" s="2"/>
    </row>
    <row r="9414" spans="1:3" ht="19.2">
      <c r="A9414" s="2"/>
      <c r="B9414" s="2"/>
      <c r="C9414" s="2"/>
    </row>
    <row r="9415" spans="1:3" ht="19.2">
      <c r="A9415" s="2"/>
      <c r="B9415" s="2"/>
      <c r="C9415" s="2"/>
    </row>
    <row r="9416" spans="1:3" ht="19.2">
      <c r="A9416" s="2"/>
      <c r="B9416" s="2"/>
      <c r="C9416" s="2"/>
    </row>
    <row r="9417" spans="1:3" ht="19.2">
      <c r="A9417" s="2"/>
      <c r="B9417" s="2"/>
      <c r="C9417" s="2"/>
    </row>
    <row r="9418" spans="1:3" ht="19.2">
      <c r="A9418" s="2"/>
      <c r="B9418" s="2"/>
      <c r="C9418" s="2"/>
    </row>
    <row r="9419" spans="1:3" ht="19.2">
      <c r="A9419" s="2"/>
      <c r="B9419" s="2"/>
      <c r="C9419" s="2"/>
    </row>
    <row r="9420" spans="1:3" ht="19.2">
      <c r="A9420" s="2"/>
      <c r="B9420" s="2"/>
      <c r="C9420" s="2"/>
    </row>
    <row r="9421" spans="1:3" ht="19.2">
      <c r="A9421" s="2"/>
      <c r="B9421" s="2"/>
      <c r="C9421" s="2"/>
    </row>
    <row r="9422" spans="1:3" ht="19.2">
      <c r="A9422" s="2"/>
      <c r="B9422" s="2"/>
      <c r="C9422" s="2"/>
    </row>
    <row r="9423" spans="1:3" ht="19.2">
      <c r="A9423" s="2"/>
      <c r="B9423" s="2"/>
      <c r="C9423" s="2"/>
    </row>
    <row r="9424" spans="1:3" ht="19.2">
      <c r="A9424" s="2"/>
      <c r="B9424" s="2"/>
      <c r="C9424" s="2"/>
    </row>
    <row r="9425" spans="1:3" ht="19.2">
      <c r="A9425" s="2"/>
      <c r="B9425" s="2"/>
      <c r="C9425" s="2"/>
    </row>
    <row r="9426" spans="1:3" ht="19.2">
      <c r="A9426" s="2"/>
      <c r="B9426" s="2"/>
      <c r="C9426" s="2"/>
    </row>
    <row r="9427" spans="1:3" ht="19.2">
      <c r="A9427" s="2"/>
      <c r="B9427" s="2"/>
      <c r="C9427" s="2"/>
    </row>
    <row r="9428" spans="1:3" ht="19.2">
      <c r="A9428" s="2"/>
      <c r="B9428" s="2"/>
      <c r="C9428" s="2"/>
    </row>
    <row r="9429" spans="1:3" ht="19.2">
      <c r="A9429" s="2"/>
      <c r="B9429" s="2"/>
      <c r="C9429" s="2"/>
    </row>
    <row r="9430" spans="1:3" ht="19.2">
      <c r="A9430" s="2"/>
      <c r="B9430" s="2"/>
      <c r="C9430" s="2"/>
    </row>
    <row r="9431" spans="1:3" ht="19.2">
      <c r="A9431" s="2"/>
      <c r="B9431" s="2"/>
      <c r="C9431" s="2"/>
    </row>
    <row r="9432" spans="1:3" ht="19.2">
      <c r="A9432" s="2"/>
      <c r="B9432" s="2"/>
      <c r="C9432" s="2"/>
    </row>
    <row r="9433" spans="1:3" ht="19.2">
      <c r="A9433" s="2"/>
      <c r="B9433" s="2"/>
      <c r="C9433" s="2"/>
    </row>
    <row r="9434" spans="1:3" ht="19.2">
      <c r="A9434" s="2"/>
      <c r="B9434" s="2"/>
      <c r="C9434" s="2"/>
    </row>
    <row r="9435" spans="1:3" ht="19.2">
      <c r="A9435" s="2"/>
      <c r="B9435" s="2"/>
      <c r="C9435" s="2"/>
    </row>
    <row r="9436" spans="1:3" ht="19.2">
      <c r="A9436" s="2"/>
      <c r="B9436" s="2"/>
      <c r="C9436" s="2"/>
    </row>
    <row r="9437" spans="1:3" ht="19.2">
      <c r="A9437" s="2"/>
      <c r="B9437" s="2"/>
      <c r="C9437" s="2"/>
    </row>
    <row r="9438" spans="1:3" ht="19.2">
      <c r="A9438" s="2"/>
      <c r="B9438" s="2"/>
      <c r="C9438" s="2"/>
    </row>
    <row r="9439" spans="1:3" ht="19.2">
      <c r="A9439" s="2"/>
      <c r="B9439" s="2"/>
      <c r="C9439" s="2"/>
    </row>
    <row r="9440" spans="1:3" ht="19.2">
      <c r="A9440" s="2"/>
      <c r="B9440" s="2"/>
      <c r="C9440" s="2"/>
    </row>
    <row r="9441" spans="1:3" ht="19.2">
      <c r="A9441" s="2"/>
      <c r="B9441" s="2"/>
      <c r="C9441" s="2"/>
    </row>
    <row r="9442" spans="1:3" ht="19.2">
      <c r="A9442" s="2"/>
      <c r="B9442" s="2"/>
      <c r="C9442" s="2"/>
    </row>
    <row r="9443" spans="1:3" ht="19.2">
      <c r="A9443" s="2"/>
      <c r="B9443" s="2"/>
      <c r="C9443" s="2"/>
    </row>
    <row r="9444" spans="1:3" ht="19.2">
      <c r="A9444" s="2"/>
      <c r="B9444" s="2"/>
      <c r="C9444" s="2"/>
    </row>
    <row r="9445" spans="1:3" ht="19.2">
      <c r="A9445" s="2"/>
      <c r="B9445" s="2"/>
      <c r="C9445" s="2"/>
    </row>
    <row r="9446" spans="1:3" ht="19.2">
      <c r="A9446" s="2"/>
      <c r="B9446" s="2"/>
      <c r="C9446" s="2"/>
    </row>
    <row r="9447" spans="1:3" ht="19.2">
      <c r="A9447" s="2"/>
      <c r="B9447" s="2"/>
      <c r="C9447" s="2"/>
    </row>
    <row r="9448" spans="1:3" ht="19.2">
      <c r="A9448" s="2"/>
      <c r="B9448" s="2"/>
      <c r="C9448" s="2"/>
    </row>
    <row r="9449" spans="1:3" ht="19.2">
      <c r="A9449" s="2"/>
      <c r="B9449" s="2"/>
      <c r="C9449" s="2"/>
    </row>
    <row r="9450" spans="1:3" ht="19.2">
      <c r="A9450" s="2"/>
      <c r="B9450" s="2"/>
      <c r="C9450" s="2"/>
    </row>
    <row r="9451" spans="1:3" ht="19.2">
      <c r="A9451" s="2"/>
      <c r="B9451" s="2"/>
      <c r="C9451" s="2"/>
    </row>
    <row r="9452" spans="1:3" ht="19.2">
      <c r="A9452" s="2"/>
      <c r="B9452" s="2"/>
      <c r="C9452" s="2"/>
    </row>
    <row r="9453" spans="1:3" ht="19.2">
      <c r="A9453" s="2"/>
      <c r="B9453" s="2"/>
      <c r="C9453" s="2"/>
    </row>
    <row r="9454" spans="1:3" ht="19.2">
      <c r="A9454" s="2"/>
      <c r="B9454" s="2"/>
      <c r="C9454" s="2"/>
    </row>
    <row r="9455" spans="1:3" ht="19.2">
      <c r="A9455" s="2"/>
      <c r="B9455" s="2"/>
      <c r="C9455" s="2"/>
    </row>
    <row r="9456" spans="1:3" ht="19.2">
      <c r="A9456" s="2"/>
      <c r="B9456" s="2"/>
      <c r="C9456" s="2"/>
    </row>
    <row r="9457" spans="1:3" ht="19.2">
      <c r="A9457" s="2"/>
      <c r="B9457" s="2"/>
      <c r="C9457" s="2"/>
    </row>
    <row r="9458" spans="1:3" ht="19.2">
      <c r="A9458" s="2"/>
      <c r="B9458" s="2"/>
      <c r="C9458" s="2"/>
    </row>
    <row r="9459" spans="1:3" ht="19.2">
      <c r="A9459" s="2"/>
      <c r="B9459" s="2"/>
      <c r="C9459" s="2"/>
    </row>
    <row r="9460" spans="1:3" ht="19.2">
      <c r="A9460" s="2"/>
      <c r="B9460" s="2"/>
      <c r="C9460" s="2"/>
    </row>
    <row r="9461" spans="1:3" ht="19.2">
      <c r="A9461" s="2"/>
      <c r="B9461" s="2"/>
      <c r="C9461" s="2"/>
    </row>
    <row r="9462" spans="1:3" ht="19.2">
      <c r="A9462" s="2"/>
      <c r="B9462" s="2"/>
      <c r="C9462" s="2"/>
    </row>
    <row r="9463" spans="1:3" ht="19.2">
      <c r="A9463" s="2"/>
      <c r="B9463" s="2"/>
      <c r="C9463" s="2"/>
    </row>
    <row r="9464" spans="1:3" ht="19.2">
      <c r="A9464" s="2"/>
      <c r="B9464" s="2"/>
      <c r="C9464" s="2"/>
    </row>
    <row r="9465" spans="1:3" ht="19.2">
      <c r="A9465" s="2"/>
      <c r="B9465" s="2"/>
      <c r="C9465" s="2"/>
    </row>
    <row r="9466" spans="1:3" ht="19.2">
      <c r="A9466" s="2"/>
      <c r="B9466" s="2"/>
      <c r="C9466" s="2"/>
    </row>
    <row r="9467" spans="1:3" ht="19.2">
      <c r="A9467" s="2"/>
      <c r="B9467" s="2"/>
      <c r="C9467" s="2"/>
    </row>
    <row r="9468" spans="1:3" ht="19.2">
      <c r="A9468" s="2"/>
      <c r="B9468" s="2"/>
      <c r="C9468" s="2"/>
    </row>
    <row r="9469" spans="1:3" ht="19.2">
      <c r="A9469" s="2"/>
      <c r="B9469" s="2"/>
      <c r="C9469" s="2"/>
    </row>
    <row r="9470" spans="1:3" ht="19.2">
      <c r="A9470" s="2"/>
      <c r="B9470" s="2"/>
      <c r="C9470" s="2"/>
    </row>
    <row r="9471" spans="1:3" ht="19.2">
      <c r="A9471" s="2"/>
      <c r="B9471" s="2"/>
      <c r="C9471" s="2"/>
    </row>
    <row r="9472" spans="1:3" ht="19.2">
      <c r="A9472" s="2"/>
      <c r="B9472" s="2"/>
      <c r="C9472" s="2"/>
    </row>
    <row r="9473" spans="1:3" ht="19.2">
      <c r="A9473" s="2"/>
      <c r="B9473" s="2"/>
      <c r="C9473" s="2"/>
    </row>
    <row r="9474" spans="1:3" ht="19.2">
      <c r="A9474" s="2"/>
      <c r="B9474" s="2"/>
      <c r="C9474" s="2"/>
    </row>
    <row r="9475" spans="1:3" ht="19.2">
      <c r="A9475" s="2"/>
      <c r="B9475" s="2"/>
      <c r="C9475" s="2"/>
    </row>
    <row r="9476" spans="1:3" ht="19.2">
      <c r="A9476" s="2"/>
      <c r="B9476" s="2"/>
      <c r="C9476" s="2"/>
    </row>
    <row r="9477" spans="1:3" ht="19.2">
      <c r="A9477" s="2"/>
      <c r="B9477" s="2"/>
      <c r="C9477" s="2"/>
    </row>
    <row r="9478" spans="1:3" ht="19.2">
      <c r="A9478" s="2"/>
      <c r="B9478" s="2"/>
      <c r="C9478" s="2"/>
    </row>
    <row r="9479" spans="1:3" ht="19.2">
      <c r="A9479" s="2"/>
      <c r="B9479" s="2"/>
      <c r="C9479" s="2"/>
    </row>
    <row r="9480" spans="1:3" ht="19.2">
      <c r="A9480" s="2"/>
      <c r="B9480" s="2"/>
      <c r="C9480" s="2"/>
    </row>
    <row r="9481" spans="1:3" ht="19.2">
      <c r="A9481" s="2"/>
      <c r="B9481" s="2"/>
      <c r="C9481" s="2"/>
    </row>
    <row r="9482" spans="1:3" ht="19.2">
      <c r="A9482" s="2"/>
      <c r="B9482" s="2"/>
      <c r="C9482" s="2"/>
    </row>
    <row r="9483" spans="1:3" ht="19.2">
      <c r="A9483" s="2"/>
      <c r="B9483" s="2"/>
      <c r="C9483" s="2"/>
    </row>
    <row r="9484" spans="1:3" ht="19.2">
      <c r="A9484" s="2"/>
      <c r="B9484" s="2"/>
      <c r="C9484" s="2"/>
    </row>
    <row r="9485" spans="1:3" ht="19.2">
      <c r="A9485" s="2"/>
      <c r="B9485" s="2"/>
      <c r="C9485" s="2"/>
    </row>
    <row r="9486" spans="1:3" ht="19.2">
      <c r="A9486" s="2"/>
      <c r="B9486" s="2"/>
      <c r="C9486" s="2"/>
    </row>
    <row r="9487" spans="1:3" ht="19.2">
      <c r="A9487" s="2"/>
      <c r="B9487" s="2"/>
      <c r="C9487" s="2"/>
    </row>
    <row r="9488" spans="1:3" ht="19.2">
      <c r="A9488" s="2"/>
      <c r="B9488" s="2"/>
      <c r="C9488" s="2"/>
    </row>
    <row r="9489" spans="1:3" ht="19.2">
      <c r="A9489" s="2"/>
      <c r="B9489" s="2"/>
      <c r="C9489" s="2"/>
    </row>
    <row r="9490" spans="1:3" ht="19.2">
      <c r="A9490" s="2"/>
      <c r="B9490" s="2"/>
      <c r="C9490" s="2"/>
    </row>
    <row r="9491" spans="1:3" ht="19.2">
      <c r="A9491" s="2"/>
      <c r="B9491" s="2"/>
      <c r="C9491" s="2"/>
    </row>
    <row r="9492" spans="1:3" ht="19.2">
      <c r="A9492" s="2"/>
      <c r="B9492" s="2"/>
      <c r="C9492" s="2"/>
    </row>
    <row r="9493" spans="1:3" ht="19.2">
      <c r="A9493" s="2"/>
      <c r="B9493" s="2"/>
      <c r="C9493" s="2"/>
    </row>
    <row r="9494" spans="1:3" ht="19.2">
      <c r="A9494" s="2"/>
      <c r="B9494" s="2"/>
      <c r="C9494" s="2"/>
    </row>
    <row r="9495" spans="1:3" ht="19.2">
      <c r="A9495" s="2"/>
      <c r="B9495" s="2"/>
      <c r="C9495" s="2"/>
    </row>
    <row r="9496" spans="1:3" ht="19.2">
      <c r="A9496" s="2"/>
      <c r="B9496" s="2"/>
      <c r="C9496" s="2"/>
    </row>
    <row r="9497" spans="1:3" ht="19.2">
      <c r="A9497" s="2"/>
      <c r="B9497" s="2"/>
      <c r="C9497" s="2"/>
    </row>
    <row r="9498" spans="1:3" ht="19.2">
      <c r="A9498" s="2"/>
      <c r="B9498" s="2"/>
      <c r="C9498" s="2"/>
    </row>
    <row r="9499" spans="1:3" ht="19.2">
      <c r="A9499" s="2"/>
      <c r="B9499" s="2"/>
      <c r="C9499" s="2"/>
    </row>
    <row r="9500" spans="1:3" ht="19.2">
      <c r="A9500" s="2"/>
      <c r="B9500" s="2"/>
      <c r="C9500" s="2"/>
    </row>
    <row r="9501" spans="1:3" ht="19.2">
      <c r="A9501" s="2"/>
      <c r="B9501" s="2"/>
      <c r="C9501" s="2"/>
    </row>
    <row r="9502" spans="1:3" ht="19.2">
      <c r="A9502" s="2"/>
      <c r="B9502" s="2"/>
      <c r="C9502" s="2"/>
    </row>
    <row r="9503" spans="1:3" ht="19.2">
      <c r="A9503" s="2"/>
      <c r="B9503" s="2"/>
      <c r="C9503" s="2"/>
    </row>
    <row r="9504" spans="1:3" ht="19.2">
      <c r="A9504" s="2"/>
      <c r="B9504" s="2"/>
      <c r="C9504" s="2"/>
    </row>
    <row r="9505" spans="1:3" ht="19.2">
      <c r="A9505" s="2"/>
      <c r="B9505" s="2"/>
      <c r="C9505" s="2"/>
    </row>
    <row r="9506" spans="1:3" ht="19.2">
      <c r="A9506" s="2"/>
      <c r="B9506" s="2"/>
      <c r="C9506" s="2"/>
    </row>
    <row r="9507" spans="1:3" ht="19.2">
      <c r="A9507" s="2"/>
      <c r="B9507" s="2"/>
      <c r="C9507" s="2"/>
    </row>
    <row r="9508" spans="1:3" ht="19.2">
      <c r="A9508" s="2"/>
      <c r="B9508" s="2"/>
      <c r="C9508" s="2"/>
    </row>
    <row r="9509" spans="1:3" ht="19.2">
      <c r="A9509" s="2"/>
      <c r="B9509" s="2"/>
      <c r="C9509" s="2"/>
    </row>
    <row r="9510" spans="1:3" ht="19.2">
      <c r="A9510" s="2"/>
      <c r="B9510" s="2"/>
      <c r="C9510" s="2"/>
    </row>
    <row r="9511" spans="1:3" ht="19.2">
      <c r="A9511" s="2"/>
      <c r="B9511" s="2"/>
      <c r="C9511" s="2"/>
    </row>
    <row r="9512" spans="1:3" ht="19.2">
      <c r="A9512" s="2"/>
      <c r="B9512" s="2"/>
      <c r="C9512" s="2"/>
    </row>
    <row r="9513" spans="1:3" ht="19.2">
      <c r="A9513" s="2"/>
      <c r="B9513" s="2"/>
      <c r="C9513" s="2"/>
    </row>
    <row r="9514" spans="1:3" ht="19.2">
      <c r="A9514" s="2"/>
      <c r="B9514" s="2"/>
      <c r="C9514" s="2"/>
    </row>
    <row r="9515" spans="1:3" ht="19.2">
      <c r="A9515" s="2"/>
      <c r="B9515" s="2"/>
      <c r="C9515" s="2"/>
    </row>
    <row r="9516" spans="1:3" ht="19.2">
      <c r="A9516" s="2"/>
      <c r="B9516" s="2"/>
      <c r="C9516" s="2"/>
    </row>
    <row r="9517" spans="1:3" ht="19.2">
      <c r="A9517" s="2"/>
      <c r="B9517" s="2"/>
      <c r="C9517" s="2"/>
    </row>
    <row r="9518" spans="1:3" ht="19.2">
      <c r="A9518" s="2"/>
      <c r="B9518" s="2"/>
      <c r="C9518" s="2"/>
    </row>
    <row r="9519" spans="1:3" ht="19.2">
      <c r="A9519" s="2"/>
      <c r="B9519" s="2"/>
      <c r="C9519" s="2"/>
    </row>
    <row r="9520" spans="1:3" ht="19.2">
      <c r="A9520" s="2"/>
      <c r="B9520" s="2"/>
      <c r="C9520" s="2"/>
    </row>
    <row r="9521" spans="1:3" ht="19.2">
      <c r="A9521" s="2"/>
      <c r="B9521" s="2"/>
      <c r="C9521" s="2"/>
    </row>
    <row r="9522" spans="1:3" ht="19.2">
      <c r="A9522" s="2"/>
      <c r="B9522" s="2"/>
      <c r="C9522" s="2"/>
    </row>
    <row r="9523" spans="1:3" ht="19.2">
      <c r="A9523" s="2"/>
      <c r="B9523" s="2"/>
      <c r="C9523" s="2"/>
    </row>
    <row r="9524" spans="1:3" ht="19.2">
      <c r="A9524" s="2"/>
      <c r="B9524" s="2"/>
      <c r="C9524" s="2"/>
    </row>
    <row r="9525" spans="1:3" ht="19.2">
      <c r="A9525" s="2"/>
      <c r="B9525" s="2"/>
      <c r="C9525" s="2"/>
    </row>
    <row r="9526" spans="1:3" ht="19.2">
      <c r="A9526" s="2"/>
      <c r="B9526" s="2"/>
      <c r="C9526" s="2"/>
    </row>
    <row r="9527" spans="1:3" ht="19.2">
      <c r="A9527" s="2"/>
      <c r="B9527" s="2"/>
      <c r="C9527" s="2"/>
    </row>
    <row r="9528" spans="1:3" ht="19.2">
      <c r="A9528" s="2"/>
      <c r="B9528" s="2"/>
      <c r="C9528" s="2"/>
    </row>
    <row r="9529" spans="1:3" ht="19.2">
      <c r="A9529" s="2"/>
      <c r="B9529" s="2"/>
      <c r="C9529" s="2"/>
    </row>
    <row r="9530" spans="1:3" ht="19.2">
      <c r="A9530" s="2"/>
      <c r="B9530" s="2"/>
      <c r="C9530" s="2"/>
    </row>
    <row r="9531" spans="1:3" ht="19.2">
      <c r="A9531" s="2"/>
      <c r="B9531" s="2"/>
      <c r="C9531" s="2"/>
    </row>
    <row r="9532" spans="1:3" ht="19.2">
      <c r="A9532" s="2"/>
      <c r="B9532" s="2"/>
      <c r="C9532" s="2"/>
    </row>
    <row r="9533" spans="1:3" ht="19.2">
      <c r="A9533" s="2"/>
      <c r="B9533" s="2"/>
      <c r="C9533" s="2"/>
    </row>
    <row r="9534" spans="1:3" ht="19.2">
      <c r="A9534" s="2"/>
      <c r="B9534" s="2"/>
      <c r="C9534" s="2"/>
    </row>
    <row r="9535" spans="1:3" ht="19.2">
      <c r="A9535" s="2"/>
      <c r="B9535" s="2"/>
      <c r="C9535" s="2"/>
    </row>
    <row r="9536" spans="1:3" ht="19.2">
      <c r="A9536" s="2"/>
      <c r="B9536" s="2"/>
      <c r="C9536" s="2"/>
    </row>
    <row r="9537" spans="1:3" ht="19.2">
      <c r="A9537" s="2"/>
      <c r="B9537" s="2"/>
      <c r="C9537" s="2"/>
    </row>
    <row r="9538" spans="1:3" ht="19.2">
      <c r="A9538" s="2"/>
      <c r="B9538" s="2"/>
      <c r="C9538" s="2"/>
    </row>
    <row r="9539" spans="1:3" ht="19.2">
      <c r="A9539" s="2"/>
      <c r="B9539" s="2"/>
      <c r="C9539" s="2"/>
    </row>
    <row r="9540" spans="1:3" ht="19.2">
      <c r="A9540" s="2"/>
      <c r="B9540" s="2"/>
      <c r="C9540" s="2"/>
    </row>
    <row r="9541" spans="1:3" ht="19.2">
      <c r="A9541" s="2"/>
      <c r="B9541" s="2"/>
      <c r="C9541" s="2"/>
    </row>
    <row r="9542" spans="1:3" ht="19.2">
      <c r="A9542" s="2"/>
      <c r="B9542" s="2"/>
      <c r="C9542" s="2"/>
    </row>
    <row r="9543" spans="1:3" ht="19.2">
      <c r="A9543" s="2"/>
      <c r="B9543" s="2"/>
      <c r="C9543" s="2"/>
    </row>
    <row r="9544" spans="1:3" ht="19.2">
      <c r="A9544" s="2"/>
      <c r="B9544" s="2"/>
      <c r="C9544" s="2"/>
    </row>
    <row r="9545" spans="1:3" ht="19.2">
      <c r="A9545" s="2"/>
      <c r="B9545" s="2"/>
      <c r="C9545" s="2"/>
    </row>
    <row r="9546" spans="1:3" ht="19.2">
      <c r="A9546" s="2"/>
      <c r="B9546" s="2"/>
      <c r="C9546" s="2"/>
    </row>
    <row r="9547" spans="1:3" ht="19.2">
      <c r="A9547" s="2"/>
      <c r="B9547" s="2"/>
      <c r="C9547" s="2"/>
    </row>
    <row r="9548" spans="1:3" ht="19.2">
      <c r="A9548" s="2"/>
      <c r="B9548" s="2"/>
      <c r="C9548" s="2"/>
    </row>
    <row r="9549" spans="1:3" ht="19.2">
      <c r="A9549" s="2"/>
      <c r="B9549" s="2"/>
      <c r="C9549" s="2"/>
    </row>
    <row r="9550" spans="1:3" ht="19.2">
      <c r="A9550" s="2"/>
      <c r="B9550" s="2"/>
      <c r="C9550" s="2"/>
    </row>
    <row r="9551" spans="1:3" ht="19.2">
      <c r="A9551" s="2"/>
      <c r="B9551" s="2"/>
      <c r="C9551" s="2"/>
    </row>
    <row r="9552" spans="1:3" ht="19.2">
      <c r="A9552" s="2"/>
      <c r="B9552" s="2"/>
      <c r="C9552" s="2"/>
    </row>
    <row r="9553" spans="1:3" ht="19.2">
      <c r="A9553" s="2"/>
      <c r="B9553" s="2"/>
      <c r="C9553" s="2"/>
    </row>
    <row r="9554" spans="1:3" ht="19.2">
      <c r="A9554" s="2"/>
      <c r="B9554" s="2"/>
      <c r="C9554" s="2"/>
    </row>
    <row r="9555" spans="1:3" ht="19.2">
      <c r="A9555" s="2"/>
      <c r="B9555" s="2"/>
      <c r="C9555" s="2"/>
    </row>
    <row r="9556" spans="1:3" ht="19.2">
      <c r="A9556" s="2"/>
      <c r="B9556" s="2"/>
      <c r="C9556" s="2"/>
    </row>
    <row r="9557" spans="1:3" ht="19.2">
      <c r="A9557" s="2"/>
      <c r="B9557" s="2"/>
      <c r="C9557" s="2"/>
    </row>
    <row r="9558" spans="1:3" ht="19.2">
      <c r="A9558" s="2"/>
      <c r="B9558" s="2"/>
      <c r="C9558" s="2"/>
    </row>
    <row r="9559" spans="1:3" ht="19.2">
      <c r="A9559" s="2"/>
      <c r="B9559" s="2"/>
      <c r="C9559" s="2"/>
    </row>
    <row r="9560" spans="1:3" ht="19.2">
      <c r="A9560" s="2"/>
      <c r="B9560" s="2"/>
      <c r="C9560" s="2"/>
    </row>
    <row r="9561" spans="1:3" ht="19.2">
      <c r="A9561" s="2"/>
      <c r="B9561" s="2"/>
      <c r="C9561" s="2"/>
    </row>
    <row r="9562" spans="1:3" ht="19.2">
      <c r="A9562" s="2"/>
      <c r="B9562" s="2"/>
      <c r="C9562" s="2"/>
    </row>
    <row r="9563" spans="1:3" ht="19.2">
      <c r="A9563" s="2"/>
      <c r="B9563" s="2"/>
      <c r="C9563" s="2"/>
    </row>
    <row r="9564" spans="1:3" ht="19.2">
      <c r="A9564" s="2"/>
      <c r="B9564" s="2"/>
      <c r="C9564" s="2"/>
    </row>
    <row r="9565" spans="1:3" ht="19.2">
      <c r="A9565" s="2"/>
      <c r="B9565" s="2"/>
      <c r="C9565" s="2"/>
    </row>
    <row r="9566" spans="1:3" ht="19.2">
      <c r="A9566" s="2"/>
      <c r="B9566" s="2"/>
      <c r="C9566" s="2"/>
    </row>
    <row r="9567" spans="1:3" ht="19.2">
      <c r="A9567" s="2"/>
      <c r="B9567" s="2"/>
      <c r="C9567" s="2"/>
    </row>
    <row r="9568" spans="1:3" ht="19.2">
      <c r="A9568" s="2"/>
      <c r="B9568" s="2"/>
      <c r="C9568" s="2"/>
    </row>
    <row r="9569" spans="1:3" ht="19.2">
      <c r="A9569" s="2"/>
      <c r="B9569" s="2"/>
      <c r="C9569" s="2"/>
    </row>
    <row r="9570" spans="1:3" ht="19.2">
      <c r="A9570" s="2"/>
      <c r="B9570" s="2"/>
      <c r="C9570" s="2"/>
    </row>
    <row r="9571" spans="1:3" ht="19.2">
      <c r="A9571" s="2"/>
      <c r="B9571" s="2"/>
      <c r="C9571" s="2"/>
    </row>
    <row r="9572" spans="1:3" ht="19.2">
      <c r="A9572" s="2"/>
      <c r="B9572" s="2"/>
      <c r="C9572" s="2"/>
    </row>
    <row r="9573" spans="1:3" ht="19.2">
      <c r="A9573" s="2"/>
      <c r="B9573" s="2"/>
      <c r="C9573" s="2"/>
    </row>
    <row r="9574" spans="1:3" ht="19.2">
      <c r="A9574" s="2"/>
      <c r="B9574" s="2"/>
      <c r="C9574" s="2"/>
    </row>
    <row r="9575" spans="1:3" ht="19.2">
      <c r="A9575" s="2"/>
      <c r="B9575" s="2"/>
      <c r="C9575" s="2"/>
    </row>
    <row r="9576" spans="1:3" ht="19.2">
      <c r="A9576" s="2"/>
      <c r="B9576" s="2"/>
      <c r="C9576" s="2"/>
    </row>
    <row r="9577" spans="1:3" ht="19.2">
      <c r="A9577" s="2"/>
      <c r="B9577" s="2"/>
      <c r="C9577" s="2"/>
    </row>
    <row r="9578" spans="1:3" ht="19.2">
      <c r="A9578" s="2"/>
      <c r="B9578" s="2"/>
      <c r="C9578" s="2"/>
    </row>
    <row r="9579" spans="1:3" ht="19.2">
      <c r="A9579" s="2"/>
      <c r="B9579" s="2"/>
      <c r="C9579" s="2"/>
    </row>
    <row r="9580" spans="1:3" ht="19.2">
      <c r="A9580" s="2"/>
      <c r="B9580" s="2"/>
      <c r="C9580" s="2"/>
    </row>
    <row r="9581" spans="1:3" ht="19.2">
      <c r="A9581" s="2"/>
      <c r="B9581" s="2"/>
      <c r="C9581" s="2"/>
    </row>
    <row r="9582" spans="1:3" ht="19.2">
      <c r="A9582" s="2"/>
      <c r="B9582" s="2"/>
      <c r="C9582" s="2"/>
    </row>
    <row r="9583" spans="1:3" ht="19.2">
      <c r="A9583" s="2"/>
      <c r="B9583" s="2"/>
      <c r="C9583" s="2"/>
    </row>
    <row r="9584" spans="1:3" ht="19.2">
      <c r="A9584" s="2"/>
      <c r="B9584" s="2"/>
      <c r="C9584" s="2"/>
    </row>
    <row r="9585" spans="1:3" ht="19.2">
      <c r="A9585" s="2"/>
      <c r="B9585" s="2"/>
      <c r="C9585" s="2"/>
    </row>
    <row r="9586" spans="1:3" ht="19.2">
      <c r="A9586" s="2"/>
      <c r="B9586" s="2"/>
      <c r="C9586" s="2"/>
    </row>
    <row r="9587" spans="1:3" ht="19.2">
      <c r="A9587" s="2"/>
      <c r="B9587" s="2"/>
      <c r="C9587" s="2"/>
    </row>
    <row r="9588" spans="1:3" ht="19.2">
      <c r="A9588" s="2"/>
      <c r="B9588" s="2"/>
      <c r="C9588" s="2"/>
    </row>
    <row r="9589" spans="1:3" ht="19.2">
      <c r="A9589" s="2"/>
      <c r="B9589" s="2"/>
      <c r="C9589" s="2"/>
    </row>
    <row r="9590" spans="1:3" ht="19.2">
      <c r="A9590" s="2"/>
      <c r="B9590" s="2"/>
      <c r="C9590" s="2"/>
    </row>
    <row r="9591" spans="1:3" ht="19.2">
      <c r="A9591" s="2"/>
      <c r="B9591" s="2"/>
      <c r="C9591" s="2"/>
    </row>
    <row r="9592" spans="1:3" ht="19.2">
      <c r="A9592" s="2"/>
      <c r="B9592" s="2"/>
      <c r="C9592" s="2"/>
    </row>
    <row r="9593" spans="1:3" ht="19.2">
      <c r="A9593" s="2"/>
      <c r="B9593" s="2"/>
      <c r="C9593" s="2"/>
    </row>
    <row r="9594" spans="1:3" ht="19.2">
      <c r="A9594" s="2"/>
      <c r="B9594" s="2"/>
      <c r="C9594" s="2"/>
    </row>
    <row r="9595" spans="1:3" ht="19.2">
      <c r="A9595" s="2"/>
      <c r="B9595" s="2"/>
      <c r="C9595" s="2"/>
    </row>
    <row r="9596" spans="1:3" ht="19.2">
      <c r="A9596" s="2"/>
      <c r="B9596" s="2"/>
      <c r="C9596" s="2"/>
    </row>
    <row r="9597" spans="1:3" ht="19.2">
      <c r="A9597" s="2"/>
      <c r="B9597" s="2"/>
      <c r="C9597" s="2"/>
    </row>
    <row r="9598" spans="1:3" ht="19.2">
      <c r="A9598" s="2"/>
      <c r="B9598" s="2"/>
      <c r="C9598" s="2"/>
    </row>
    <row r="9599" spans="1:3" ht="19.2">
      <c r="A9599" s="2"/>
      <c r="B9599" s="2"/>
      <c r="C9599" s="2"/>
    </row>
    <row r="9600" spans="1:3" ht="19.2">
      <c r="A9600" s="2"/>
      <c r="B9600" s="2"/>
      <c r="C9600" s="2"/>
    </row>
    <row r="9601" spans="1:3" ht="19.2">
      <c r="A9601" s="2"/>
      <c r="B9601" s="2"/>
      <c r="C9601" s="2"/>
    </row>
    <row r="9602" spans="1:3" ht="19.2">
      <c r="A9602" s="2"/>
      <c r="B9602" s="2"/>
      <c r="C9602" s="2"/>
    </row>
    <row r="9603" spans="1:3" ht="19.2">
      <c r="A9603" s="2"/>
      <c r="B9603" s="2"/>
      <c r="C9603" s="2"/>
    </row>
    <row r="9604" spans="1:3" ht="19.2">
      <c r="A9604" s="2"/>
      <c r="B9604" s="2"/>
      <c r="C9604" s="2"/>
    </row>
    <row r="9605" spans="1:3" ht="19.2">
      <c r="A9605" s="2"/>
      <c r="B9605" s="2"/>
      <c r="C9605" s="2"/>
    </row>
    <row r="9606" spans="1:3" ht="19.2">
      <c r="A9606" s="2"/>
      <c r="B9606" s="2"/>
      <c r="C9606" s="2"/>
    </row>
    <row r="9607" spans="1:3" ht="19.2">
      <c r="A9607" s="2"/>
      <c r="B9607" s="2"/>
      <c r="C9607" s="2"/>
    </row>
    <row r="9608" spans="1:3" ht="19.2">
      <c r="A9608" s="2"/>
      <c r="B9608" s="2"/>
      <c r="C9608" s="2"/>
    </row>
    <row r="9609" spans="1:3" ht="19.2">
      <c r="A9609" s="2"/>
      <c r="B9609" s="2"/>
      <c r="C9609" s="2"/>
    </row>
    <row r="9610" spans="1:3" ht="19.2">
      <c r="A9610" s="2"/>
      <c r="B9610" s="2"/>
      <c r="C9610" s="2"/>
    </row>
    <row r="9611" spans="1:3" ht="19.2">
      <c r="A9611" s="2"/>
      <c r="B9611" s="2"/>
      <c r="C9611" s="2"/>
    </row>
    <row r="9612" spans="1:3" ht="19.2">
      <c r="A9612" s="2"/>
      <c r="B9612" s="2"/>
      <c r="C9612" s="2"/>
    </row>
    <row r="9613" spans="1:3" ht="19.2">
      <c r="A9613" s="2"/>
      <c r="B9613" s="2"/>
      <c r="C9613" s="2"/>
    </row>
    <row r="9614" spans="1:3" ht="19.2">
      <c r="A9614" s="2"/>
      <c r="B9614" s="2"/>
      <c r="C9614" s="2"/>
    </row>
    <row r="9615" spans="1:3" ht="19.2">
      <c r="A9615" s="2"/>
      <c r="B9615" s="2"/>
      <c r="C9615" s="2"/>
    </row>
    <row r="9616" spans="1:3" ht="19.2">
      <c r="A9616" s="2"/>
      <c r="B9616" s="2"/>
      <c r="C9616" s="2"/>
    </row>
    <row r="9617" spans="1:3" ht="19.2">
      <c r="A9617" s="2"/>
      <c r="B9617" s="2"/>
      <c r="C9617" s="2"/>
    </row>
    <row r="9618" spans="1:3" ht="19.2">
      <c r="A9618" s="2"/>
      <c r="B9618" s="2"/>
      <c r="C9618" s="2"/>
    </row>
    <row r="9619" spans="1:3" ht="19.2">
      <c r="A9619" s="2"/>
      <c r="B9619" s="2"/>
      <c r="C9619" s="2"/>
    </row>
    <row r="9620" spans="1:3" ht="19.2">
      <c r="A9620" s="2"/>
      <c r="B9620" s="2"/>
      <c r="C9620" s="2"/>
    </row>
    <row r="9621" spans="1:3" ht="19.2">
      <c r="A9621" s="2"/>
      <c r="B9621" s="2"/>
      <c r="C9621" s="2"/>
    </row>
    <row r="9622" spans="1:3" ht="19.2">
      <c r="A9622" s="2"/>
      <c r="B9622" s="2"/>
      <c r="C9622" s="2"/>
    </row>
    <row r="9623" spans="1:3" ht="19.2">
      <c r="A9623" s="2"/>
      <c r="B9623" s="2"/>
      <c r="C9623" s="2"/>
    </row>
    <row r="9624" spans="1:3" ht="19.2">
      <c r="A9624" s="2"/>
      <c r="B9624" s="2"/>
      <c r="C9624" s="2"/>
    </row>
    <row r="9625" spans="1:3" ht="19.2">
      <c r="A9625" s="2"/>
      <c r="B9625" s="2"/>
      <c r="C9625" s="2"/>
    </row>
    <row r="9626" spans="1:3" ht="19.2">
      <c r="A9626" s="2"/>
      <c r="B9626" s="2"/>
      <c r="C9626" s="2"/>
    </row>
    <row r="9627" spans="1:3" ht="19.2">
      <c r="A9627" s="2"/>
      <c r="B9627" s="2"/>
      <c r="C9627" s="2"/>
    </row>
    <row r="9628" spans="1:3" ht="19.2">
      <c r="A9628" s="2"/>
      <c r="B9628" s="2"/>
      <c r="C9628" s="2"/>
    </row>
    <row r="9629" spans="1:3" ht="19.2">
      <c r="A9629" s="2"/>
      <c r="B9629" s="2"/>
      <c r="C9629" s="2"/>
    </row>
    <row r="9630" spans="1:3" ht="19.2">
      <c r="A9630" s="2"/>
      <c r="B9630" s="2"/>
      <c r="C9630" s="2"/>
    </row>
    <row r="9631" spans="1:3" ht="19.2">
      <c r="A9631" s="2"/>
      <c r="B9631" s="2"/>
      <c r="C9631" s="2"/>
    </row>
    <row r="9632" spans="1:3" ht="19.2">
      <c r="A9632" s="2"/>
      <c r="B9632" s="2"/>
      <c r="C9632" s="2"/>
    </row>
    <row r="9633" spans="1:3" ht="19.2">
      <c r="A9633" s="2"/>
      <c r="B9633" s="2"/>
      <c r="C9633" s="2"/>
    </row>
    <row r="9634" spans="1:3" ht="19.2">
      <c r="A9634" s="2"/>
      <c r="B9634" s="2"/>
      <c r="C9634" s="2"/>
    </row>
    <row r="9635" spans="1:3" ht="19.2">
      <c r="A9635" s="2"/>
      <c r="B9635" s="2"/>
      <c r="C9635" s="2"/>
    </row>
    <row r="9636" spans="1:3" ht="19.2">
      <c r="A9636" s="2"/>
      <c r="B9636" s="2"/>
      <c r="C9636" s="2"/>
    </row>
    <row r="9637" spans="1:3" ht="19.2">
      <c r="A9637" s="2"/>
      <c r="B9637" s="2"/>
      <c r="C9637" s="2"/>
    </row>
    <row r="9638" spans="1:3" ht="19.2">
      <c r="A9638" s="2"/>
      <c r="B9638" s="2"/>
      <c r="C9638" s="2"/>
    </row>
    <row r="9639" spans="1:3" ht="19.2">
      <c r="A9639" s="2"/>
      <c r="B9639" s="2"/>
      <c r="C9639" s="2"/>
    </row>
    <row r="9640" spans="1:3" ht="19.2">
      <c r="A9640" s="2"/>
      <c r="B9640" s="2"/>
      <c r="C9640" s="2"/>
    </row>
    <row r="9641" spans="1:3" ht="19.2">
      <c r="A9641" s="2"/>
      <c r="B9641" s="2"/>
      <c r="C9641" s="2"/>
    </row>
    <row r="9642" spans="1:3" ht="19.2">
      <c r="A9642" s="2"/>
      <c r="B9642" s="2"/>
      <c r="C9642" s="2"/>
    </row>
    <row r="9643" spans="1:3" ht="19.2">
      <c r="A9643" s="2"/>
      <c r="B9643" s="2"/>
      <c r="C9643" s="2"/>
    </row>
    <row r="9644" spans="1:3" ht="19.2">
      <c r="A9644" s="2"/>
      <c r="B9644" s="2"/>
      <c r="C9644" s="2"/>
    </row>
    <row r="9645" spans="1:3" ht="19.2">
      <c r="A9645" s="2"/>
      <c r="B9645" s="2"/>
      <c r="C9645" s="2"/>
    </row>
    <row r="9646" spans="1:3" ht="19.2">
      <c r="A9646" s="2"/>
      <c r="B9646" s="2"/>
      <c r="C9646" s="2"/>
    </row>
    <row r="9647" spans="1:3" ht="19.2">
      <c r="A9647" s="2"/>
      <c r="B9647" s="2"/>
      <c r="C9647" s="2"/>
    </row>
    <row r="9648" spans="1:3" ht="19.2">
      <c r="A9648" s="2"/>
      <c r="B9648" s="2"/>
      <c r="C9648" s="2"/>
    </row>
    <row r="9649" spans="1:3" ht="19.2">
      <c r="A9649" s="2"/>
      <c r="B9649" s="2"/>
      <c r="C9649" s="2"/>
    </row>
    <row r="9650" spans="1:3" ht="19.2">
      <c r="A9650" s="2"/>
      <c r="B9650" s="2"/>
      <c r="C9650" s="2"/>
    </row>
    <row r="9651" spans="1:3" ht="19.2">
      <c r="A9651" s="2"/>
      <c r="B9651" s="2"/>
      <c r="C9651" s="2"/>
    </row>
    <row r="9652" spans="1:3" ht="19.2">
      <c r="A9652" s="2"/>
      <c r="B9652" s="2"/>
      <c r="C9652" s="2"/>
    </row>
    <row r="9653" spans="1:3" ht="19.2">
      <c r="A9653" s="2"/>
      <c r="B9653" s="2"/>
      <c r="C9653" s="2"/>
    </row>
    <row r="9654" spans="1:3" ht="19.2">
      <c r="A9654" s="2"/>
      <c r="B9654" s="2"/>
      <c r="C9654" s="2"/>
    </row>
    <row r="9655" spans="1:3" ht="19.2">
      <c r="A9655" s="2"/>
      <c r="B9655" s="2"/>
      <c r="C9655" s="2"/>
    </row>
    <row r="9656" spans="1:3" ht="19.2">
      <c r="A9656" s="2"/>
      <c r="B9656" s="2"/>
      <c r="C9656" s="2"/>
    </row>
    <row r="9657" spans="1:3" ht="19.2">
      <c r="A9657" s="2"/>
      <c r="B9657" s="2"/>
      <c r="C9657" s="2"/>
    </row>
    <row r="9658" spans="1:3" ht="19.2">
      <c r="A9658" s="2"/>
      <c r="B9658" s="2"/>
      <c r="C9658" s="2"/>
    </row>
    <row r="9659" spans="1:3" ht="19.2">
      <c r="A9659" s="2"/>
      <c r="B9659" s="2"/>
      <c r="C9659" s="2"/>
    </row>
    <row r="9660" spans="1:3" ht="19.2">
      <c r="A9660" s="2"/>
      <c r="B9660" s="2"/>
      <c r="C9660" s="2"/>
    </row>
    <row r="9661" spans="1:3" ht="19.2">
      <c r="A9661" s="2"/>
      <c r="B9661" s="2"/>
      <c r="C9661" s="2"/>
    </row>
    <row r="9662" spans="1:3" ht="19.2">
      <c r="A9662" s="2"/>
      <c r="B9662" s="2"/>
      <c r="C9662" s="2"/>
    </row>
    <row r="9663" spans="1:3" ht="19.2">
      <c r="A9663" s="2"/>
      <c r="B9663" s="2"/>
      <c r="C9663" s="2"/>
    </row>
    <row r="9664" spans="1:3" ht="19.2">
      <c r="A9664" s="2"/>
      <c r="B9664" s="2"/>
      <c r="C9664" s="2"/>
    </row>
    <row r="9665" spans="1:3" ht="19.2">
      <c r="A9665" s="2"/>
      <c r="B9665" s="2"/>
      <c r="C9665" s="2"/>
    </row>
    <row r="9666" spans="1:3" ht="19.2">
      <c r="A9666" s="2"/>
      <c r="B9666" s="2"/>
      <c r="C9666" s="2"/>
    </row>
    <row r="9667" spans="1:3" ht="19.2">
      <c r="A9667" s="2"/>
      <c r="B9667" s="2"/>
      <c r="C9667" s="2"/>
    </row>
    <row r="9668" spans="1:3" ht="19.2">
      <c r="A9668" s="2"/>
      <c r="B9668" s="2"/>
      <c r="C9668" s="2"/>
    </row>
    <row r="9669" spans="1:3" ht="19.2">
      <c r="A9669" s="2"/>
      <c r="B9669" s="2"/>
      <c r="C9669" s="2"/>
    </row>
    <row r="9670" spans="1:3" ht="19.2">
      <c r="A9670" s="2"/>
      <c r="B9670" s="2"/>
      <c r="C9670" s="2"/>
    </row>
    <row r="9671" spans="1:3" ht="19.2">
      <c r="A9671" s="2"/>
      <c r="B9671" s="2"/>
      <c r="C9671" s="2"/>
    </row>
    <row r="9672" spans="1:3" ht="19.2">
      <c r="A9672" s="2"/>
      <c r="B9672" s="2"/>
      <c r="C9672" s="2"/>
    </row>
    <row r="9673" spans="1:3" ht="19.2">
      <c r="A9673" s="2"/>
      <c r="B9673" s="2"/>
      <c r="C9673" s="2"/>
    </row>
    <row r="9674" spans="1:3" ht="19.2">
      <c r="A9674" s="2"/>
      <c r="B9674" s="2"/>
      <c r="C9674" s="2"/>
    </row>
    <row r="9675" spans="1:3" ht="19.2">
      <c r="A9675" s="2"/>
      <c r="B9675" s="2"/>
      <c r="C9675" s="2"/>
    </row>
    <row r="9676" spans="1:3" ht="19.2">
      <c r="A9676" s="2"/>
      <c r="B9676" s="2"/>
      <c r="C9676" s="2"/>
    </row>
    <row r="9677" spans="1:3" ht="19.2">
      <c r="A9677" s="2"/>
      <c r="B9677" s="2"/>
      <c r="C9677" s="2"/>
    </row>
    <row r="9678" spans="1:3" ht="19.2">
      <c r="A9678" s="2"/>
      <c r="B9678" s="2"/>
      <c r="C9678" s="2"/>
    </row>
    <row r="9679" spans="1:3" ht="19.2">
      <c r="A9679" s="2"/>
      <c r="B9679" s="2"/>
      <c r="C9679" s="2"/>
    </row>
    <row r="9680" spans="1:3" ht="19.2">
      <c r="A9680" s="2"/>
      <c r="B9680" s="2"/>
      <c r="C9680" s="2"/>
    </row>
    <row r="9681" spans="1:3" ht="19.2">
      <c r="A9681" s="2"/>
      <c r="B9681" s="2"/>
      <c r="C9681" s="2"/>
    </row>
    <row r="9682" spans="1:3" ht="19.2">
      <c r="A9682" s="2"/>
      <c r="B9682" s="2"/>
      <c r="C9682" s="2"/>
    </row>
    <row r="9683" spans="1:3" ht="19.2">
      <c r="A9683" s="2"/>
      <c r="B9683" s="2"/>
      <c r="C9683" s="2"/>
    </row>
    <row r="9684" spans="1:3" ht="19.2">
      <c r="A9684" s="2"/>
      <c r="B9684" s="2"/>
      <c r="C9684" s="2"/>
    </row>
    <row r="9685" spans="1:3" ht="19.2">
      <c r="A9685" s="2"/>
      <c r="B9685" s="2"/>
      <c r="C9685" s="2"/>
    </row>
    <row r="9686" spans="1:3" ht="19.2">
      <c r="A9686" s="2"/>
      <c r="B9686" s="2"/>
      <c r="C9686" s="2"/>
    </row>
    <row r="9687" spans="1:3" ht="19.2">
      <c r="A9687" s="2"/>
      <c r="B9687" s="2"/>
      <c r="C9687" s="2"/>
    </row>
    <row r="9688" spans="1:3" ht="19.2">
      <c r="A9688" s="2"/>
      <c r="B9688" s="2"/>
      <c r="C9688" s="2"/>
    </row>
    <row r="9689" spans="1:3" ht="19.2">
      <c r="A9689" s="2"/>
      <c r="B9689" s="2"/>
      <c r="C9689" s="2"/>
    </row>
    <row r="9690" spans="1:3" ht="19.2">
      <c r="A9690" s="2"/>
      <c r="B9690" s="2"/>
      <c r="C9690" s="2"/>
    </row>
    <row r="9691" spans="1:3" ht="19.2">
      <c r="A9691" s="2"/>
      <c r="B9691" s="2"/>
      <c r="C9691" s="2"/>
    </row>
    <row r="9692" spans="1:3" ht="19.2">
      <c r="A9692" s="2"/>
      <c r="B9692" s="2"/>
      <c r="C9692" s="2"/>
    </row>
    <row r="9693" spans="1:3" ht="19.2">
      <c r="A9693" s="2"/>
      <c r="B9693" s="2"/>
      <c r="C9693" s="2"/>
    </row>
    <row r="9694" spans="1:3" ht="19.2">
      <c r="A9694" s="2"/>
      <c r="B9694" s="2"/>
      <c r="C9694" s="2"/>
    </row>
    <row r="9695" spans="1:3" ht="19.2">
      <c r="A9695" s="2"/>
      <c r="B9695" s="2"/>
      <c r="C9695" s="2"/>
    </row>
    <row r="9696" spans="1:3" ht="19.2">
      <c r="A9696" s="2"/>
      <c r="B9696" s="2"/>
      <c r="C9696" s="2"/>
    </row>
    <row r="9697" spans="1:3" ht="19.2">
      <c r="A9697" s="2"/>
      <c r="B9697" s="2"/>
      <c r="C9697" s="2"/>
    </row>
    <row r="9698" spans="1:3" ht="19.2">
      <c r="A9698" s="2"/>
      <c r="B9698" s="2"/>
      <c r="C9698" s="2"/>
    </row>
    <row r="9699" spans="1:3" ht="19.2">
      <c r="A9699" s="2"/>
      <c r="B9699" s="2"/>
      <c r="C9699" s="2"/>
    </row>
    <row r="9700" spans="1:3" ht="19.2">
      <c r="A9700" s="2"/>
      <c r="B9700" s="2"/>
      <c r="C9700" s="2"/>
    </row>
    <row r="9701" spans="1:3" ht="19.2">
      <c r="A9701" s="2"/>
      <c r="B9701" s="2"/>
      <c r="C9701" s="2"/>
    </row>
    <row r="9702" spans="1:3" ht="19.2">
      <c r="A9702" s="2"/>
      <c r="B9702" s="2"/>
      <c r="C9702" s="2"/>
    </row>
    <row r="9703" spans="1:3" ht="19.2">
      <c r="A9703" s="2"/>
      <c r="B9703" s="2"/>
      <c r="C9703" s="2"/>
    </row>
    <row r="9704" spans="1:3" ht="19.2">
      <c r="A9704" s="2"/>
      <c r="B9704" s="2"/>
      <c r="C9704" s="2"/>
    </row>
    <row r="9705" spans="1:3" ht="19.2">
      <c r="A9705" s="2"/>
      <c r="B9705" s="2"/>
      <c r="C9705" s="2"/>
    </row>
    <row r="9706" spans="1:3" ht="19.2">
      <c r="A9706" s="2"/>
      <c r="B9706" s="2"/>
      <c r="C9706" s="2"/>
    </row>
    <row r="9707" spans="1:3" ht="19.2">
      <c r="A9707" s="2"/>
      <c r="B9707" s="2"/>
      <c r="C9707" s="2"/>
    </row>
    <row r="9708" spans="1:3" ht="19.2">
      <c r="A9708" s="2"/>
      <c r="B9708" s="2"/>
      <c r="C9708" s="2"/>
    </row>
    <row r="9709" spans="1:3" ht="19.2">
      <c r="A9709" s="2"/>
      <c r="B9709" s="2"/>
      <c r="C9709" s="2"/>
    </row>
    <row r="9710" spans="1:3" ht="19.2">
      <c r="A9710" s="2"/>
      <c r="B9710" s="2"/>
      <c r="C9710" s="2"/>
    </row>
    <row r="9711" spans="1:3" ht="19.2">
      <c r="A9711" s="2"/>
      <c r="B9711" s="2"/>
      <c r="C9711" s="2"/>
    </row>
    <row r="9712" spans="1:3" ht="19.2">
      <c r="A9712" s="2"/>
      <c r="B9712" s="2"/>
      <c r="C9712" s="2"/>
    </row>
    <row r="9713" spans="1:3" ht="19.2">
      <c r="A9713" s="2"/>
      <c r="B9713" s="2"/>
      <c r="C9713" s="2"/>
    </row>
    <row r="9714" spans="1:3" ht="19.2">
      <c r="A9714" s="2"/>
      <c r="B9714" s="2"/>
      <c r="C9714" s="2"/>
    </row>
    <row r="9715" spans="1:3" ht="19.2">
      <c r="A9715" s="2"/>
      <c r="B9715" s="2"/>
      <c r="C9715" s="2"/>
    </row>
    <row r="9716" spans="1:3" ht="19.2">
      <c r="A9716" s="2"/>
      <c r="B9716" s="2"/>
      <c r="C9716" s="2"/>
    </row>
    <row r="9717" spans="1:3" ht="19.2">
      <c r="A9717" s="2"/>
      <c r="B9717" s="2"/>
      <c r="C9717" s="2"/>
    </row>
    <row r="9718" spans="1:3" ht="19.2">
      <c r="A9718" s="2"/>
      <c r="B9718" s="2"/>
      <c r="C9718" s="2"/>
    </row>
    <row r="9719" spans="1:3" ht="19.2">
      <c r="A9719" s="2"/>
      <c r="B9719" s="2"/>
      <c r="C9719" s="2"/>
    </row>
    <row r="9720" spans="1:3" ht="19.2">
      <c r="A9720" s="2"/>
      <c r="B9720" s="2"/>
      <c r="C9720" s="2"/>
    </row>
    <row r="9721" spans="1:3" ht="19.2">
      <c r="A9721" s="2"/>
      <c r="B9721" s="2"/>
      <c r="C9721" s="2"/>
    </row>
    <row r="9722" spans="1:3" ht="19.2">
      <c r="A9722" s="2"/>
      <c r="B9722" s="2"/>
      <c r="C9722" s="2"/>
    </row>
    <row r="9723" spans="1:3" ht="19.2">
      <c r="A9723" s="2"/>
      <c r="B9723" s="2"/>
      <c r="C9723" s="2"/>
    </row>
    <row r="9724" spans="1:3" ht="19.2">
      <c r="A9724" s="2"/>
      <c r="B9724" s="2"/>
      <c r="C9724" s="2"/>
    </row>
    <row r="9725" spans="1:3" ht="19.2">
      <c r="A9725" s="2"/>
      <c r="B9725" s="2"/>
      <c r="C9725" s="2"/>
    </row>
    <row r="9726" spans="1:3" ht="19.2">
      <c r="A9726" s="2"/>
      <c r="B9726" s="2"/>
      <c r="C9726" s="2"/>
    </row>
    <row r="9727" spans="1:3" ht="19.2">
      <c r="A9727" s="2"/>
      <c r="B9727" s="2"/>
      <c r="C9727" s="2"/>
    </row>
    <row r="9728" spans="1:3" ht="19.2">
      <c r="A9728" s="2"/>
      <c r="B9728" s="2"/>
      <c r="C9728" s="2"/>
    </row>
    <row r="9729" spans="1:3" ht="19.2">
      <c r="A9729" s="2"/>
      <c r="B9729" s="2"/>
      <c r="C9729" s="2"/>
    </row>
    <row r="9730" spans="1:3" ht="19.2">
      <c r="A9730" s="2"/>
      <c r="B9730" s="2"/>
      <c r="C9730" s="2"/>
    </row>
    <row r="9731" spans="1:3" ht="19.2">
      <c r="A9731" s="2"/>
      <c r="B9731" s="2"/>
      <c r="C9731" s="2"/>
    </row>
    <row r="9732" spans="1:3" ht="19.2">
      <c r="A9732" s="2"/>
      <c r="B9732" s="2"/>
      <c r="C9732" s="2"/>
    </row>
    <row r="9733" spans="1:3" ht="19.2">
      <c r="A9733" s="2"/>
      <c r="B9733" s="2"/>
      <c r="C9733" s="2"/>
    </row>
    <row r="9734" spans="1:3" ht="19.2">
      <c r="A9734" s="2"/>
      <c r="B9734" s="2"/>
      <c r="C9734" s="2"/>
    </row>
    <row r="9735" spans="1:3" ht="19.2">
      <c r="A9735" s="2"/>
      <c r="B9735" s="2"/>
      <c r="C9735" s="2"/>
    </row>
    <row r="9736" spans="1:3" ht="19.2">
      <c r="A9736" s="2"/>
      <c r="B9736" s="2"/>
      <c r="C9736" s="2"/>
    </row>
    <row r="9737" spans="1:3" ht="19.2">
      <c r="A9737" s="2"/>
      <c r="B9737" s="2"/>
      <c r="C9737" s="2"/>
    </row>
    <row r="9738" spans="1:3" ht="19.2">
      <c r="A9738" s="2"/>
      <c r="B9738" s="2"/>
      <c r="C9738" s="2"/>
    </row>
    <row r="9739" spans="1:3" ht="19.2">
      <c r="A9739" s="2"/>
      <c r="B9739" s="2"/>
      <c r="C9739" s="2"/>
    </row>
    <row r="9740" spans="1:3" ht="19.2">
      <c r="A9740" s="2"/>
      <c r="B9740" s="2"/>
      <c r="C9740" s="2"/>
    </row>
    <row r="9741" spans="1:3" ht="19.2">
      <c r="A9741" s="2"/>
      <c r="B9741" s="2"/>
      <c r="C9741" s="2"/>
    </row>
    <row r="9742" spans="1:3" ht="19.2">
      <c r="A9742" s="2"/>
      <c r="B9742" s="2"/>
      <c r="C9742" s="2"/>
    </row>
    <row r="9743" spans="1:3" ht="19.2">
      <c r="A9743" s="2"/>
      <c r="B9743" s="2"/>
      <c r="C9743" s="2"/>
    </row>
    <row r="9744" spans="1:3" ht="19.2">
      <c r="A9744" s="2"/>
      <c r="B9744" s="2"/>
      <c r="C9744" s="2"/>
    </row>
    <row r="9745" spans="1:3" ht="19.2">
      <c r="A9745" s="2"/>
      <c r="B9745" s="2"/>
      <c r="C9745" s="2"/>
    </row>
    <row r="9746" spans="1:3" ht="19.2">
      <c r="A9746" s="2"/>
      <c r="B9746" s="2"/>
      <c r="C9746" s="2"/>
    </row>
    <row r="9747" spans="1:3" ht="19.2">
      <c r="A9747" s="2"/>
      <c r="B9747" s="2"/>
      <c r="C9747" s="2"/>
    </row>
    <row r="9748" spans="1:3" ht="19.2">
      <c r="A9748" s="2"/>
      <c r="B9748" s="2"/>
      <c r="C9748" s="2"/>
    </row>
    <row r="9749" spans="1:3" ht="19.2">
      <c r="A9749" s="2"/>
      <c r="B9749" s="2"/>
      <c r="C9749" s="2"/>
    </row>
    <row r="9750" spans="1:3" ht="19.2">
      <c r="A9750" s="2"/>
      <c r="B9750" s="2"/>
      <c r="C9750" s="2"/>
    </row>
    <row r="9751" spans="1:3" ht="19.2">
      <c r="A9751" s="2"/>
      <c r="B9751" s="2"/>
      <c r="C9751" s="2"/>
    </row>
    <row r="9752" spans="1:3" ht="19.2">
      <c r="A9752" s="2"/>
      <c r="B9752" s="2"/>
      <c r="C9752" s="2"/>
    </row>
    <row r="9753" spans="1:3" ht="19.2">
      <c r="A9753" s="2"/>
      <c r="B9753" s="2"/>
      <c r="C9753" s="2"/>
    </row>
    <row r="9754" spans="1:3" ht="19.2">
      <c r="A9754" s="2"/>
      <c r="B9754" s="2"/>
      <c r="C9754" s="2"/>
    </row>
    <row r="9755" spans="1:3" ht="19.2">
      <c r="A9755" s="2"/>
      <c r="B9755" s="2"/>
      <c r="C9755" s="2"/>
    </row>
    <row r="9756" spans="1:3" ht="19.2">
      <c r="A9756" s="2"/>
      <c r="B9756" s="2"/>
      <c r="C9756" s="2"/>
    </row>
    <row r="9757" spans="1:3" ht="19.2">
      <c r="A9757" s="2"/>
      <c r="B9757" s="2"/>
      <c r="C9757" s="2"/>
    </row>
    <row r="9758" spans="1:3" ht="19.2">
      <c r="A9758" s="2"/>
      <c r="B9758" s="2"/>
      <c r="C9758" s="2"/>
    </row>
    <row r="9759" spans="1:3" ht="19.2">
      <c r="A9759" s="2"/>
      <c r="B9759" s="2"/>
      <c r="C9759" s="2"/>
    </row>
    <row r="9760" spans="1:3" ht="19.2">
      <c r="A9760" s="2"/>
      <c r="B9760" s="2"/>
      <c r="C9760" s="2"/>
    </row>
    <row r="9761" spans="1:3" ht="19.2">
      <c r="A9761" s="2"/>
      <c r="B9761" s="2"/>
      <c r="C9761" s="2"/>
    </row>
    <row r="9762" spans="1:3" ht="19.2">
      <c r="A9762" s="2"/>
      <c r="B9762" s="2"/>
      <c r="C9762" s="2"/>
    </row>
    <row r="9763" spans="1:3" ht="19.2">
      <c r="A9763" s="2"/>
      <c r="B9763" s="2"/>
      <c r="C9763" s="2"/>
    </row>
    <row r="9764" spans="1:3" ht="19.2">
      <c r="A9764" s="2"/>
      <c r="B9764" s="2"/>
      <c r="C9764" s="2"/>
    </row>
    <row r="9765" spans="1:3" ht="19.2">
      <c r="A9765" s="2"/>
      <c r="B9765" s="2"/>
      <c r="C9765" s="2"/>
    </row>
    <row r="9766" spans="1:3" ht="19.2">
      <c r="A9766" s="2"/>
      <c r="B9766" s="2"/>
      <c r="C9766" s="2"/>
    </row>
    <row r="9767" spans="1:3" ht="19.2">
      <c r="A9767" s="2"/>
      <c r="B9767" s="2"/>
      <c r="C9767" s="2"/>
    </row>
    <row r="9768" spans="1:3" ht="19.2">
      <c r="A9768" s="2"/>
      <c r="B9768" s="2"/>
      <c r="C9768" s="2"/>
    </row>
    <row r="9769" spans="1:3" ht="19.2">
      <c r="A9769" s="2"/>
      <c r="B9769" s="2"/>
      <c r="C9769" s="2"/>
    </row>
    <row r="9770" spans="1:3" ht="19.2">
      <c r="A9770" s="2"/>
      <c r="B9770" s="2"/>
      <c r="C9770" s="2"/>
    </row>
    <row r="9771" spans="1:3" ht="19.2">
      <c r="A9771" s="2"/>
      <c r="B9771" s="2"/>
      <c r="C9771" s="2"/>
    </row>
    <row r="9772" spans="1:3" ht="19.2">
      <c r="A9772" s="2"/>
      <c r="B9772" s="2"/>
      <c r="C9772" s="2"/>
    </row>
    <row r="9773" spans="1:3" ht="19.2">
      <c r="A9773" s="2"/>
      <c r="B9773" s="2"/>
      <c r="C9773" s="2"/>
    </row>
    <row r="9774" spans="1:3" ht="19.2">
      <c r="A9774" s="2"/>
      <c r="B9774" s="2"/>
      <c r="C9774" s="2"/>
    </row>
    <row r="9775" spans="1:3" ht="19.2">
      <c r="A9775" s="2"/>
      <c r="B9775" s="2"/>
      <c r="C9775" s="2"/>
    </row>
    <row r="9776" spans="1:3" ht="19.2">
      <c r="A9776" s="2"/>
      <c r="B9776" s="2"/>
      <c r="C9776" s="2"/>
    </row>
    <row r="9777" spans="1:3" ht="19.2">
      <c r="A9777" s="2"/>
      <c r="B9777" s="2"/>
      <c r="C9777" s="2"/>
    </row>
    <row r="9778" spans="1:3" ht="19.2">
      <c r="A9778" s="2"/>
      <c r="B9778" s="2"/>
      <c r="C9778" s="2"/>
    </row>
    <row r="9779" spans="1:3" ht="19.2">
      <c r="A9779" s="2"/>
      <c r="B9779" s="2"/>
      <c r="C9779" s="2"/>
    </row>
    <row r="9780" spans="1:3" ht="19.2">
      <c r="A9780" s="2"/>
      <c r="B9780" s="2"/>
      <c r="C9780" s="2"/>
    </row>
    <row r="9781" spans="1:3" ht="19.2">
      <c r="A9781" s="2"/>
      <c r="B9781" s="2"/>
      <c r="C9781" s="2"/>
    </row>
    <row r="9782" spans="1:3" ht="19.2">
      <c r="A9782" s="2"/>
      <c r="B9782" s="2"/>
      <c r="C9782" s="2"/>
    </row>
    <row r="9783" spans="1:3" ht="19.2">
      <c r="A9783" s="2"/>
      <c r="B9783" s="2"/>
      <c r="C9783" s="2"/>
    </row>
    <row r="9784" spans="1:3" ht="19.2">
      <c r="A9784" s="2"/>
      <c r="B9784" s="2"/>
      <c r="C9784" s="2"/>
    </row>
    <row r="9785" spans="1:3" ht="19.2">
      <c r="A9785" s="2"/>
      <c r="B9785" s="2"/>
      <c r="C9785" s="2"/>
    </row>
    <row r="9786" spans="1:3" ht="19.2">
      <c r="A9786" s="2"/>
      <c r="B9786" s="2"/>
      <c r="C9786" s="2"/>
    </row>
    <row r="9787" spans="1:3" ht="19.2">
      <c r="A9787" s="2"/>
      <c r="B9787" s="2"/>
      <c r="C9787" s="2"/>
    </row>
    <row r="9788" spans="1:3" ht="19.2">
      <c r="A9788" s="2"/>
      <c r="B9788" s="2"/>
      <c r="C9788" s="2"/>
    </row>
    <row r="9789" spans="1:3" ht="19.2">
      <c r="A9789" s="2"/>
      <c r="B9789" s="2"/>
      <c r="C9789" s="2"/>
    </row>
    <row r="9790" spans="1:3" ht="19.2">
      <c r="A9790" s="2"/>
      <c r="B9790" s="2"/>
      <c r="C9790" s="2"/>
    </row>
    <row r="9791" spans="1:3" ht="19.2">
      <c r="A9791" s="2"/>
      <c r="B9791" s="2"/>
      <c r="C9791" s="2"/>
    </row>
    <row r="9792" spans="1:3" ht="19.2">
      <c r="A9792" s="2"/>
      <c r="B9792" s="2"/>
      <c r="C9792" s="2"/>
    </row>
    <row r="9793" spans="1:3" ht="19.2">
      <c r="A9793" s="2"/>
      <c r="B9793" s="2"/>
      <c r="C9793" s="2"/>
    </row>
    <row r="9794" spans="1:3" ht="19.2">
      <c r="A9794" s="2"/>
      <c r="B9794" s="2"/>
      <c r="C9794" s="2"/>
    </row>
    <row r="9795" spans="1:3" ht="19.2">
      <c r="A9795" s="2"/>
      <c r="B9795" s="2"/>
      <c r="C9795" s="2"/>
    </row>
    <row r="9796" spans="1:3" ht="19.2">
      <c r="A9796" s="2"/>
      <c r="B9796" s="2"/>
      <c r="C9796" s="2"/>
    </row>
    <row r="9797" spans="1:3" ht="19.2">
      <c r="A9797" s="2"/>
      <c r="B9797" s="2"/>
      <c r="C9797" s="2"/>
    </row>
    <row r="9798" spans="1:3" ht="19.2">
      <c r="A9798" s="2"/>
      <c r="B9798" s="2"/>
      <c r="C9798" s="2"/>
    </row>
    <row r="9799" spans="1:3" ht="19.2">
      <c r="A9799" s="2"/>
      <c r="B9799" s="2"/>
      <c r="C9799" s="2"/>
    </row>
    <row r="9800" spans="1:3" ht="19.2">
      <c r="A9800" s="2"/>
      <c r="B9800" s="2"/>
      <c r="C9800" s="2"/>
    </row>
    <row r="9801" spans="1:3" ht="19.2">
      <c r="A9801" s="2"/>
      <c r="B9801" s="2"/>
      <c r="C9801" s="2"/>
    </row>
    <row r="9802" spans="1:3" ht="19.2">
      <c r="A9802" s="2"/>
      <c r="B9802" s="2"/>
      <c r="C9802" s="2"/>
    </row>
    <row r="9803" spans="1:3" ht="19.2">
      <c r="A9803" s="2"/>
      <c r="B9803" s="2"/>
      <c r="C9803" s="2"/>
    </row>
    <row r="9804" spans="1:3" ht="19.2">
      <c r="A9804" s="2"/>
      <c r="B9804" s="2"/>
      <c r="C9804" s="2"/>
    </row>
    <row r="9805" spans="1:3" ht="19.2">
      <c r="A9805" s="2"/>
      <c r="B9805" s="2"/>
      <c r="C9805" s="2"/>
    </row>
    <row r="9806" spans="1:3" ht="19.2">
      <c r="A9806" s="2"/>
      <c r="B9806" s="2"/>
      <c r="C9806" s="2"/>
    </row>
    <row r="9807" spans="1:3" ht="19.2">
      <c r="A9807" s="2"/>
      <c r="B9807" s="2"/>
      <c r="C9807" s="2"/>
    </row>
    <row r="9808" spans="1:3" ht="19.2">
      <c r="A9808" s="2"/>
      <c r="B9808" s="2"/>
      <c r="C9808" s="2"/>
    </row>
    <row r="9809" spans="1:3" ht="19.2">
      <c r="A9809" s="2"/>
      <c r="B9809" s="2"/>
      <c r="C9809" s="2"/>
    </row>
    <row r="9810" spans="1:3" ht="19.2">
      <c r="A9810" s="2"/>
      <c r="B9810" s="2"/>
      <c r="C9810" s="2"/>
    </row>
    <row r="9811" spans="1:3" ht="19.2">
      <c r="A9811" s="2"/>
      <c r="B9811" s="2"/>
      <c r="C9811" s="2"/>
    </row>
    <row r="9812" spans="1:3" ht="19.2">
      <c r="A9812" s="2"/>
      <c r="B9812" s="2"/>
      <c r="C9812" s="2"/>
    </row>
    <row r="9813" spans="1:3" ht="19.2">
      <c r="A9813" s="2"/>
      <c r="B9813" s="2"/>
      <c r="C9813" s="2"/>
    </row>
    <row r="9814" spans="1:3" ht="19.2">
      <c r="A9814" s="2"/>
      <c r="B9814" s="2"/>
      <c r="C9814" s="2"/>
    </row>
    <row r="9815" spans="1:3" ht="19.2">
      <c r="A9815" s="2"/>
      <c r="B9815" s="2"/>
      <c r="C9815" s="2"/>
    </row>
    <row r="9816" spans="1:3" ht="19.2">
      <c r="A9816" s="2"/>
      <c r="B9816" s="2"/>
      <c r="C9816" s="2"/>
    </row>
    <row r="9817" spans="1:3" ht="19.2">
      <c r="A9817" s="2"/>
      <c r="B9817" s="2"/>
      <c r="C9817" s="2"/>
    </row>
    <row r="9818" spans="1:3" ht="19.2">
      <c r="A9818" s="2"/>
      <c r="B9818" s="2"/>
      <c r="C9818" s="2"/>
    </row>
    <row r="9819" spans="1:3" ht="19.2">
      <c r="A9819" s="2"/>
      <c r="B9819" s="2"/>
      <c r="C9819" s="2"/>
    </row>
    <row r="9820" spans="1:3" ht="19.2">
      <c r="A9820" s="2"/>
      <c r="B9820" s="2"/>
      <c r="C9820" s="2"/>
    </row>
    <row r="9821" spans="1:3" ht="19.2">
      <c r="A9821" s="2"/>
      <c r="B9821" s="2"/>
      <c r="C9821" s="2"/>
    </row>
    <row r="9822" spans="1:3" ht="19.2">
      <c r="A9822" s="2"/>
      <c r="B9822" s="2"/>
      <c r="C9822" s="2"/>
    </row>
    <row r="9823" spans="1:3" ht="19.2">
      <c r="A9823" s="2"/>
      <c r="B9823" s="2"/>
      <c r="C9823" s="2"/>
    </row>
    <row r="9824" spans="1:3" ht="19.2">
      <c r="A9824" s="2"/>
      <c r="B9824" s="2"/>
      <c r="C9824" s="2"/>
    </row>
    <row r="9825" spans="1:3" ht="19.2">
      <c r="A9825" s="2"/>
      <c r="B9825" s="2"/>
      <c r="C9825" s="2"/>
    </row>
    <row r="9826" spans="1:3" ht="19.2">
      <c r="A9826" s="2"/>
      <c r="B9826" s="2"/>
      <c r="C9826" s="2"/>
    </row>
    <row r="9827" spans="1:3" ht="19.2">
      <c r="A9827" s="2"/>
      <c r="B9827" s="2"/>
      <c r="C9827" s="2"/>
    </row>
    <row r="9828" spans="1:3" ht="19.2">
      <c r="A9828" s="2"/>
      <c r="B9828" s="2"/>
      <c r="C9828" s="2"/>
    </row>
    <row r="9829" spans="1:3" ht="19.2">
      <c r="A9829" s="2"/>
      <c r="B9829" s="2"/>
      <c r="C9829" s="2"/>
    </row>
    <row r="9830" spans="1:3" ht="19.2">
      <c r="A9830" s="2"/>
      <c r="B9830" s="2"/>
      <c r="C9830" s="2"/>
    </row>
    <row r="9831" spans="1:3" ht="19.2">
      <c r="A9831" s="2"/>
      <c r="B9831" s="2"/>
      <c r="C9831" s="2"/>
    </row>
    <row r="9832" spans="1:3" ht="19.2">
      <c r="A9832" s="2"/>
      <c r="B9832" s="2"/>
      <c r="C9832" s="2"/>
    </row>
    <row r="9833" spans="1:3" ht="19.2">
      <c r="A9833" s="2"/>
      <c r="B9833" s="2"/>
      <c r="C9833" s="2"/>
    </row>
    <row r="9834" spans="1:3" ht="19.2">
      <c r="A9834" s="2"/>
      <c r="B9834" s="2"/>
      <c r="C9834" s="2"/>
    </row>
    <row r="9835" spans="1:3" ht="19.2">
      <c r="A9835" s="2"/>
      <c r="B9835" s="2"/>
      <c r="C9835" s="2"/>
    </row>
    <row r="9836" spans="1:3" ht="19.2">
      <c r="A9836" s="2"/>
      <c r="B9836" s="2"/>
      <c r="C9836" s="2"/>
    </row>
    <row r="9837" spans="1:3" ht="19.2">
      <c r="A9837" s="2"/>
      <c r="B9837" s="2"/>
      <c r="C9837" s="2"/>
    </row>
    <row r="9838" spans="1:3" ht="19.2">
      <c r="A9838" s="2"/>
      <c r="B9838" s="2"/>
      <c r="C9838" s="2"/>
    </row>
    <row r="9839" spans="1:3" ht="19.2">
      <c r="A9839" s="2"/>
      <c r="B9839" s="2"/>
      <c r="C9839" s="2"/>
    </row>
    <row r="9840" spans="1:3" ht="19.2">
      <c r="A9840" s="2"/>
      <c r="B9840" s="2"/>
      <c r="C9840" s="2"/>
    </row>
    <row r="9841" spans="1:3" ht="19.2">
      <c r="A9841" s="2"/>
      <c r="B9841" s="2"/>
      <c r="C9841" s="2"/>
    </row>
    <row r="9842" spans="1:3" ht="19.2">
      <c r="A9842" s="2"/>
      <c r="B9842" s="2"/>
      <c r="C9842" s="2"/>
    </row>
    <row r="9843" spans="1:3" ht="19.2">
      <c r="A9843" s="2"/>
      <c r="B9843" s="2"/>
      <c r="C9843" s="2"/>
    </row>
    <row r="9844" spans="1:3" ht="19.2">
      <c r="A9844" s="2"/>
      <c r="B9844" s="2"/>
      <c r="C9844" s="2"/>
    </row>
    <row r="9845" spans="1:3" ht="19.2">
      <c r="A9845" s="2"/>
      <c r="B9845" s="2"/>
      <c r="C9845" s="2"/>
    </row>
    <row r="9846" spans="1:3" ht="19.2">
      <c r="A9846" s="2"/>
      <c r="B9846" s="2"/>
      <c r="C9846" s="2"/>
    </row>
    <row r="9847" spans="1:3" ht="19.2">
      <c r="A9847" s="2"/>
      <c r="B9847" s="2"/>
      <c r="C9847" s="2"/>
    </row>
    <row r="9848" spans="1:3" ht="19.2">
      <c r="A9848" s="2"/>
      <c r="B9848" s="2"/>
      <c r="C9848" s="2"/>
    </row>
    <row r="9849" spans="1:3" ht="19.2">
      <c r="A9849" s="2"/>
      <c r="B9849" s="2"/>
      <c r="C9849" s="2"/>
    </row>
    <row r="9850" spans="1:3" ht="19.2">
      <c r="A9850" s="2"/>
      <c r="B9850" s="2"/>
      <c r="C9850" s="2"/>
    </row>
    <row r="9851" spans="1:3" ht="19.2">
      <c r="A9851" s="2"/>
      <c r="B9851" s="2"/>
      <c r="C9851" s="2"/>
    </row>
    <row r="9852" spans="1:3" ht="19.2">
      <c r="A9852" s="2"/>
      <c r="B9852" s="2"/>
      <c r="C9852" s="2"/>
    </row>
    <row r="9853" spans="1:3" ht="19.2">
      <c r="A9853" s="2"/>
      <c r="B9853" s="2"/>
      <c r="C9853" s="2"/>
    </row>
    <row r="9854" spans="1:3" ht="19.2">
      <c r="A9854" s="2"/>
      <c r="B9854" s="2"/>
      <c r="C9854" s="2"/>
    </row>
    <row r="9855" spans="1:3" ht="19.2">
      <c r="A9855" s="2"/>
      <c r="B9855" s="2"/>
      <c r="C9855" s="2"/>
    </row>
    <row r="9856" spans="1:3" ht="19.2">
      <c r="A9856" s="2"/>
      <c r="B9856" s="2"/>
      <c r="C9856" s="2"/>
    </row>
    <row r="9857" spans="1:3" ht="19.2">
      <c r="A9857" s="2"/>
      <c r="B9857" s="2"/>
      <c r="C9857" s="2"/>
    </row>
    <row r="9858" spans="1:3" ht="19.2">
      <c r="A9858" s="2"/>
      <c r="B9858" s="2"/>
      <c r="C9858" s="2"/>
    </row>
    <row r="9859" spans="1:3" ht="19.2">
      <c r="A9859" s="2"/>
      <c r="B9859" s="2"/>
      <c r="C9859" s="2"/>
    </row>
    <row r="9860" spans="1:3" ht="19.2">
      <c r="A9860" s="2"/>
      <c r="B9860" s="2"/>
      <c r="C9860" s="2"/>
    </row>
    <row r="9861" spans="1:3" ht="19.2">
      <c r="A9861" s="2"/>
      <c r="B9861" s="2"/>
      <c r="C9861" s="2"/>
    </row>
    <row r="9862" spans="1:3" ht="19.2">
      <c r="A9862" s="2"/>
      <c r="B9862" s="2"/>
      <c r="C9862" s="2"/>
    </row>
    <row r="9863" spans="1:3" ht="19.2">
      <c r="A9863" s="2"/>
      <c r="B9863" s="2"/>
      <c r="C9863" s="2"/>
    </row>
    <row r="9864" spans="1:3" ht="19.2">
      <c r="A9864" s="2"/>
      <c r="B9864" s="2"/>
      <c r="C9864" s="2"/>
    </row>
    <row r="9865" spans="1:3" ht="19.2">
      <c r="A9865" s="2"/>
      <c r="B9865" s="2"/>
      <c r="C9865" s="2"/>
    </row>
    <row r="9866" spans="1:3" ht="19.2">
      <c r="A9866" s="2"/>
      <c r="B9866" s="2"/>
      <c r="C9866" s="2"/>
    </row>
    <row r="9867" spans="1:3" ht="19.2">
      <c r="A9867" s="2"/>
      <c r="B9867" s="2"/>
      <c r="C9867" s="2"/>
    </row>
    <row r="9868" spans="1:3" ht="19.2">
      <c r="A9868" s="2"/>
      <c r="B9868" s="2"/>
      <c r="C9868" s="2"/>
    </row>
    <row r="9869" spans="1:3" ht="19.2">
      <c r="A9869" s="2"/>
      <c r="B9869" s="2"/>
      <c r="C9869" s="2"/>
    </row>
    <row r="9870" spans="1:3" ht="19.2">
      <c r="A9870" s="2"/>
      <c r="B9870" s="2"/>
      <c r="C9870" s="2"/>
    </row>
    <row r="9871" spans="1:3" ht="19.2">
      <c r="A9871" s="2"/>
      <c r="B9871" s="2"/>
      <c r="C9871" s="2"/>
    </row>
    <row r="9872" spans="1:3" ht="19.2">
      <c r="A9872" s="2"/>
      <c r="B9872" s="2"/>
      <c r="C9872" s="2"/>
    </row>
    <row r="9873" spans="1:3" ht="19.2">
      <c r="A9873" s="2"/>
      <c r="B9873" s="2"/>
      <c r="C9873" s="2"/>
    </row>
    <row r="9874" spans="1:3" ht="19.2">
      <c r="A9874" s="2"/>
      <c r="B9874" s="2"/>
      <c r="C9874" s="2"/>
    </row>
    <row r="9875" spans="1:3" ht="19.2">
      <c r="A9875" s="2"/>
      <c r="B9875" s="2"/>
      <c r="C9875" s="2"/>
    </row>
    <row r="9876" spans="1:3" ht="19.2">
      <c r="A9876" s="2"/>
      <c r="B9876" s="2"/>
      <c r="C9876" s="2"/>
    </row>
    <row r="9877" spans="1:3" ht="19.2">
      <c r="A9877" s="2"/>
      <c r="B9877" s="2"/>
      <c r="C9877" s="2"/>
    </row>
    <row r="9878" spans="1:3" ht="19.2">
      <c r="A9878" s="2"/>
      <c r="B9878" s="2"/>
      <c r="C9878" s="2"/>
    </row>
    <row r="9879" spans="1:3" ht="19.2">
      <c r="A9879" s="2"/>
      <c r="B9879" s="2"/>
      <c r="C9879" s="2"/>
    </row>
    <row r="9880" spans="1:3" ht="19.2">
      <c r="A9880" s="2"/>
      <c r="B9880" s="2"/>
      <c r="C9880" s="2"/>
    </row>
    <row r="9881" spans="1:3" ht="19.2">
      <c r="A9881" s="2"/>
      <c r="B9881" s="2"/>
      <c r="C9881" s="2"/>
    </row>
    <row r="9882" spans="1:3" ht="19.2">
      <c r="A9882" s="2"/>
      <c r="B9882" s="2"/>
      <c r="C9882" s="2"/>
    </row>
    <row r="9883" spans="1:3" ht="19.2">
      <c r="A9883" s="2"/>
      <c r="B9883" s="2"/>
      <c r="C9883" s="2"/>
    </row>
    <row r="9884" spans="1:3" ht="19.2">
      <c r="A9884" s="2"/>
      <c r="B9884" s="2"/>
      <c r="C9884" s="2"/>
    </row>
    <row r="9885" spans="1:3" ht="19.2">
      <c r="A9885" s="2"/>
      <c r="B9885" s="2"/>
      <c r="C9885" s="2"/>
    </row>
    <row r="9886" spans="1:3" ht="19.2">
      <c r="A9886" s="2"/>
      <c r="B9886" s="2"/>
      <c r="C9886" s="2"/>
    </row>
    <row r="9887" spans="1:3" ht="19.2">
      <c r="A9887" s="2"/>
      <c r="B9887" s="2"/>
      <c r="C9887" s="2"/>
    </row>
    <row r="9888" spans="1:3" ht="19.2">
      <c r="A9888" s="2"/>
      <c r="B9888" s="2"/>
      <c r="C9888" s="2"/>
    </row>
    <row r="9889" spans="1:3" ht="19.2">
      <c r="A9889" s="2"/>
      <c r="B9889" s="2"/>
      <c r="C9889" s="2"/>
    </row>
    <row r="9890" spans="1:3" ht="19.2">
      <c r="A9890" s="2"/>
      <c r="B9890" s="2"/>
      <c r="C9890" s="2"/>
    </row>
    <row r="9891" spans="1:3" ht="19.2">
      <c r="A9891" s="2"/>
      <c r="B9891" s="2"/>
      <c r="C9891" s="2"/>
    </row>
    <row r="9892" spans="1:3" ht="19.2">
      <c r="A9892" s="2"/>
      <c r="B9892" s="2"/>
      <c r="C9892" s="2"/>
    </row>
    <row r="9893" spans="1:3" ht="19.2">
      <c r="A9893" s="2"/>
      <c r="B9893" s="2"/>
      <c r="C9893" s="2"/>
    </row>
    <row r="9894" spans="1:3" ht="19.2">
      <c r="A9894" s="2"/>
      <c r="B9894" s="2"/>
      <c r="C9894" s="2"/>
    </row>
    <row r="9895" spans="1:3" ht="19.2">
      <c r="A9895" s="2"/>
      <c r="B9895" s="2"/>
      <c r="C9895" s="2"/>
    </row>
    <row r="9896" spans="1:3" ht="19.2">
      <c r="A9896" s="2"/>
      <c r="B9896" s="2"/>
      <c r="C9896" s="2"/>
    </row>
    <row r="9897" spans="1:3" ht="19.2">
      <c r="A9897" s="2"/>
      <c r="B9897" s="2"/>
      <c r="C9897" s="2"/>
    </row>
    <row r="9898" spans="1:3" ht="19.2">
      <c r="A9898" s="2"/>
      <c r="B9898" s="2"/>
      <c r="C9898" s="2"/>
    </row>
    <row r="9899" spans="1:3" ht="19.2">
      <c r="A9899" s="2"/>
      <c r="B9899" s="2"/>
      <c r="C9899" s="2"/>
    </row>
    <row r="9900" spans="1:3" ht="19.2">
      <c r="A9900" s="2"/>
      <c r="B9900" s="2"/>
      <c r="C9900" s="2"/>
    </row>
    <row r="9901" spans="1:3" ht="19.2">
      <c r="A9901" s="2"/>
      <c r="B9901" s="2"/>
      <c r="C9901" s="2"/>
    </row>
    <row r="9902" spans="1:3" ht="19.2">
      <c r="A9902" s="2"/>
      <c r="B9902" s="2"/>
      <c r="C9902" s="2"/>
    </row>
    <row r="9903" spans="1:3" ht="19.2">
      <c r="A9903" s="2"/>
      <c r="B9903" s="2"/>
      <c r="C9903" s="2"/>
    </row>
    <row r="9904" spans="1:3" ht="19.2">
      <c r="A9904" s="2"/>
      <c r="B9904" s="2"/>
      <c r="C9904" s="2"/>
    </row>
    <row r="9905" spans="1:3" ht="19.2">
      <c r="A9905" s="2"/>
      <c r="B9905" s="2"/>
      <c r="C9905" s="2"/>
    </row>
    <row r="9906" spans="1:3" ht="19.2">
      <c r="A9906" s="2"/>
      <c r="B9906" s="2"/>
      <c r="C9906" s="2"/>
    </row>
    <row r="9907" spans="1:3" ht="19.2">
      <c r="A9907" s="2"/>
      <c r="B9907" s="2"/>
      <c r="C9907" s="2"/>
    </row>
    <row r="9908" spans="1:3" ht="19.2">
      <c r="A9908" s="2"/>
      <c r="B9908" s="2"/>
      <c r="C9908" s="2"/>
    </row>
    <row r="9909" spans="1:3" ht="19.2">
      <c r="A9909" s="2"/>
      <c r="B9909" s="2"/>
      <c r="C9909" s="2"/>
    </row>
    <row r="9910" spans="1:3" ht="19.2">
      <c r="A9910" s="2"/>
      <c r="B9910" s="2"/>
      <c r="C9910" s="2"/>
    </row>
    <row r="9911" spans="1:3" ht="19.2">
      <c r="A9911" s="2"/>
      <c r="B9911" s="2"/>
      <c r="C9911" s="2"/>
    </row>
    <row r="9912" spans="1:3" ht="19.2">
      <c r="A9912" s="2"/>
      <c r="B9912" s="2"/>
      <c r="C9912" s="2"/>
    </row>
    <row r="9913" spans="1:3" ht="19.2">
      <c r="A9913" s="2"/>
      <c r="B9913" s="2"/>
      <c r="C9913" s="2"/>
    </row>
    <row r="9914" spans="1:3" ht="19.2">
      <c r="A9914" s="2"/>
      <c r="B9914" s="2"/>
      <c r="C9914" s="2"/>
    </row>
    <row r="9915" spans="1:3" ht="19.2">
      <c r="A9915" s="2"/>
      <c r="B9915" s="2"/>
      <c r="C9915" s="2"/>
    </row>
    <row r="9916" spans="1:3" ht="19.2">
      <c r="A9916" s="2"/>
      <c r="B9916" s="2"/>
      <c r="C9916" s="2"/>
    </row>
    <row r="9917" spans="1:3" ht="19.2">
      <c r="A9917" s="2"/>
      <c r="B9917" s="2"/>
      <c r="C9917" s="2"/>
    </row>
    <row r="9918" spans="1:3" ht="19.2">
      <c r="A9918" s="2"/>
      <c r="B9918" s="2"/>
      <c r="C9918" s="2"/>
    </row>
    <row r="9919" spans="1:3" ht="19.2">
      <c r="A9919" s="2"/>
      <c r="B9919" s="2"/>
      <c r="C9919" s="2"/>
    </row>
    <row r="9920" spans="1:3" ht="19.2">
      <c r="A9920" s="2"/>
      <c r="B9920" s="2"/>
      <c r="C9920" s="2"/>
    </row>
    <row r="9921" spans="1:3" ht="19.2">
      <c r="A9921" s="2"/>
      <c r="B9921" s="2"/>
      <c r="C9921" s="2"/>
    </row>
    <row r="9922" spans="1:3" ht="19.2">
      <c r="A9922" s="2"/>
      <c r="B9922" s="2"/>
      <c r="C9922" s="2"/>
    </row>
    <row r="9923" spans="1:3" ht="19.2">
      <c r="A9923" s="2"/>
      <c r="B9923" s="2"/>
      <c r="C9923" s="2"/>
    </row>
    <row r="9924" spans="1:3" ht="19.2">
      <c r="A9924" s="2"/>
      <c r="B9924" s="2"/>
      <c r="C9924" s="2"/>
    </row>
    <row r="9925" spans="1:3" ht="19.2">
      <c r="A9925" s="2"/>
      <c r="B9925" s="2"/>
      <c r="C9925" s="2"/>
    </row>
    <row r="9926" spans="1:3" ht="19.2">
      <c r="A9926" s="2"/>
      <c r="B9926" s="2"/>
      <c r="C9926" s="2"/>
    </row>
    <row r="9927" spans="1:3" ht="19.2">
      <c r="A9927" s="2"/>
      <c r="B9927" s="2"/>
      <c r="C9927" s="2"/>
    </row>
    <row r="9928" spans="1:3" ht="19.2">
      <c r="A9928" s="2"/>
      <c r="B9928" s="2"/>
      <c r="C9928" s="2"/>
    </row>
    <row r="9929" spans="1:3" ht="19.2">
      <c r="A9929" s="2"/>
      <c r="B9929" s="2"/>
      <c r="C9929" s="2"/>
    </row>
    <row r="9930" spans="1:3" ht="19.2">
      <c r="A9930" s="2"/>
      <c r="B9930" s="2"/>
      <c r="C9930" s="2"/>
    </row>
    <row r="9931" spans="1:3" ht="19.2">
      <c r="A9931" s="2"/>
      <c r="B9931" s="2"/>
      <c r="C9931" s="2"/>
    </row>
    <row r="9932" spans="1:3" ht="19.2">
      <c r="A9932" s="2"/>
      <c r="B9932" s="2"/>
      <c r="C9932" s="2"/>
    </row>
    <row r="9933" spans="1:3" ht="19.2">
      <c r="A9933" s="2"/>
      <c r="B9933" s="2"/>
      <c r="C9933" s="2"/>
    </row>
    <row r="9934" spans="1:3" ht="19.2">
      <c r="A9934" s="2"/>
      <c r="B9934" s="2"/>
      <c r="C9934" s="2"/>
    </row>
    <row r="9935" spans="1:3" ht="19.2">
      <c r="A9935" s="2"/>
      <c r="B9935" s="2"/>
      <c r="C9935" s="2"/>
    </row>
    <row r="9936" spans="1:3" ht="19.2">
      <c r="A9936" s="2"/>
      <c r="B9936" s="2"/>
      <c r="C9936" s="2"/>
    </row>
    <row r="9937" spans="1:3" ht="19.2">
      <c r="A9937" s="2"/>
      <c r="B9937" s="2"/>
      <c r="C9937" s="2"/>
    </row>
    <row r="9938" spans="1:3" ht="19.2">
      <c r="A9938" s="2"/>
      <c r="B9938" s="2"/>
      <c r="C9938" s="2"/>
    </row>
    <row r="9939" spans="1:3" ht="19.2">
      <c r="A9939" s="2"/>
      <c r="B9939" s="2"/>
      <c r="C9939" s="2"/>
    </row>
    <row r="9940" spans="1:3" ht="19.2">
      <c r="A9940" s="2"/>
      <c r="B9940" s="2"/>
      <c r="C9940" s="2"/>
    </row>
    <row r="9941" spans="1:3" ht="19.2">
      <c r="A9941" s="2"/>
      <c r="B9941" s="2"/>
      <c r="C9941" s="2"/>
    </row>
    <row r="9942" spans="1:3" ht="19.2">
      <c r="A9942" s="2"/>
      <c r="B9942" s="2"/>
      <c r="C9942" s="2"/>
    </row>
    <row r="9943" spans="1:3" ht="19.2">
      <c r="A9943" s="2"/>
      <c r="B9943" s="2"/>
      <c r="C9943" s="2"/>
    </row>
    <row r="9944" spans="1:3" ht="19.2">
      <c r="A9944" s="2"/>
      <c r="B9944" s="2"/>
      <c r="C9944" s="2"/>
    </row>
    <row r="9945" spans="1:3" ht="19.2">
      <c r="A9945" s="2"/>
      <c r="B9945" s="2"/>
      <c r="C9945" s="2"/>
    </row>
    <row r="9946" spans="1:3" ht="19.2">
      <c r="A9946" s="2"/>
      <c r="B9946" s="2"/>
      <c r="C9946" s="2"/>
    </row>
    <row r="9947" spans="1:3" ht="19.2">
      <c r="A9947" s="2"/>
      <c r="B9947" s="2"/>
      <c r="C9947" s="2"/>
    </row>
    <row r="9948" spans="1:3" ht="19.2">
      <c r="A9948" s="2"/>
      <c r="B9948" s="2"/>
      <c r="C9948" s="2"/>
    </row>
    <row r="9949" spans="1:3" ht="19.2">
      <c r="A9949" s="2"/>
      <c r="B9949" s="2"/>
      <c r="C9949" s="2"/>
    </row>
    <row r="9950" spans="1:3" ht="19.2">
      <c r="A9950" s="2"/>
      <c r="B9950" s="2"/>
      <c r="C9950" s="2"/>
    </row>
    <row r="9951" spans="1:3" ht="19.2">
      <c r="A9951" s="2"/>
      <c r="B9951" s="2"/>
      <c r="C9951" s="2"/>
    </row>
    <row r="9952" spans="1:3" ht="19.2">
      <c r="A9952" s="2"/>
      <c r="B9952" s="2"/>
      <c r="C9952" s="2"/>
    </row>
    <row r="9953" spans="1:3" ht="19.2">
      <c r="A9953" s="2"/>
      <c r="B9953" s="2"/>
      <c r="C9953" s="2"/>
    </row>
    <row r="9954" spans="1:3" ht="19.2">
      <c r="A9954" s="2"/>
      <c r="B9954" s="2"/>
      <c r="C9954" s="2"/>
    </row>
    <row r="9955" spans="1:3" ht="19.2">
      <c r="A9955" s="2"/>
      <c r="B9955" s="2"/>
      <c r="C9955" s="2"/>
    </row>
    <row r="9956" spans="1:3" ht="19.2">
      <c r="A9956" s="2"/>
      <c r="B9956" s="2"/>
      <c r="C9956" s="2"/>
    </row>
    <row r="9957" spans="1:3" ht="19.2">
      <c r="A9957" s="2"/>
      <c r="B9957" s="2"/>
      <c r="C9957" s="2"/>
    </row>
    <row r="9958" spans="1:3" ht="19.2">
      <c r="A9958" s="2"/>
      <c r="B9958" s="2"/>
      <c r="C9958" s="2"/>
    </row>
    <row r="9959" spans="1:3" ht="19.2">
      <c r="A9959" s="2"/>
      <c r="B9959" s="2"/>
      <c r="C9959" s="2"/>
    </row>
    <row r="9960" spans="1:3" ht="19.2">
      <c r="A9960" s="2"/>
      <c r="B9960" s="2"/>
      <c r="C9960" s="2"/>
    </row>
    <row r="9961" spans="1:3" ht="19.2">
      <c r="A9961" s="2"/>
      <c r="B9961" s="2"/>
      <c r="C9961" s="2"/>
    </row>
    <row r="9962" spans="1:3" ht="19.2">
      <c r="A9962" s="2"/>
      <c r="B9962" s="2"/>
      <c r="C9962" s="2"/>
    </row>
    <row r="9963" spans="1:3" ht="19.2">
      <c r="A9963" s="2"/>
      <c r="B9963" s="2"/>
      <c r="C9963" s="2"/>
    </row>
    <row r="9964" spans="1:3" ht="19.2">
      <c r="A9964" s="2"/>
      <c r="B9964" s="2"/>
      <c r="C9964" s="2"/>
    </row>
    <row r="9965" spans="1:3" ht="19.2">
      <c r="A9965" s="2"/>
      <c r="B9965" s="2"/>
      <c r="C9965" s="2"/>
    </row>
    <row r="9966" spans="1:3" ht="19.2">
      <c r="A9966" s="2"/>
      <c r="B9966" s="2"/>
      <c r="C9966" s="2"/>
    </row>
    <row r="9967" spans="1:3" ht="19.2">
      <c r="A9967" s="2"/>
      <c r="B9967" s="2"/>
      <c r="C9967" s="2"/>
    </row>
    <row r="9968" spans="1:3" ht="19.2">
      <c r="A9968" s="2"/>
      <c r="B9968" s="2"/>
      <c r="C9968" s="2"/>
    </row>
    <row r="9969" spans="1:3" ht="19.2">
      <c r="A9969" s="2"/>
      <c r="B9969" s="2"/>
      <c r="C9969" s="2"/>
    </row>
    <row r="9970" spans="1:3" ht="19.2">
      <c r="A9970" s="2"/>
      <c r="B9970" s="2"/>
      <c r="C9970" s="2"/>
    </row>
    <row r="9971" spans="1:3" ht="19.2">
      <c r="A9971" s="2"/>
      <c r="B9971" s="2"/>
      <c r="C9971" s="2"/>
    </row>
    <row r="9972" spans="1:3" ht="19.2">
      <c r="A9972" s="2"/>
      <c r="B9972" s="2"/>
      <c r="C9972" s="2"/>
    </row>
    <row r="9973" spans="1:3" ht="19.2">
      <c r="A9973" s="2"/>
      <c r="B9973" s="2"/>
      <c r="C9973" s="2"/>
    </row>
    <row r="9974" spans="1:3" ht="19.2">
      <c r="A9974" s="2"/>
      <c r="B9974" s="2"/>
      <c r="C9974" s="2"/>
    </row>
    <row r="9975" spans="1:3" ht="19.2">
      <c r="A9975" s="2"/>
      <c r="B9975" s="2"/>
      <c r="C9975" s="2"/>
    </row>
    <row r="9976" spans="1:3" ht="19.2">
      <c r="A9976" s="2"/>
      <c r="B9976" s="2"/>
      <c r="C9976" s="2"/>
    </row>
    <row r="9977" spans="1:3" ht="19.2">
      <c r="A9977" s="2"/>
      <c r="B9977" s="2"/>
      <c r="C9977" s="2"/>
    </row>
    <row r="9978" spans="1:3" ht="19.2">
      <c r="A9978" s="2"/>
      <c r="B9978" s="2"/>
      <c r="C9978" s="2"/>
    </row>
    <row r="9979" spans="1:3" ht="19.2">
      <c r="A9979" s="2"/>
      <c r="B9979" s="2"/>
      <c r="C9979" s="2"/>
    </row>
    <row r="9980" spans="1:3" ht="19.2">
      <c r="A9980" s="2"/>
      <c r="B9980" s="2"/>
      <c r="C9980" s="2"/>
    </row>
    <row r="9981" spans="1:3" ht="19.2">
      <c r="A9981" s="2"/>
      <c r="B9981" s="2"/>
      <c r="C9981" s="2"/>
    </row>
    <row r="9982" spans="1:3" ht="19.2">
      <c r="A9982" s="2"/>
      <c r="B9982" s="2"/>
      <c r="C9982" s="2"/>
    </row>
    <row r="9983" spans="1:3" ht="19.2">
      <c r="A9983" s="2"/>
      <c r="B9983" s="2"/>
      <c r="C9983" s="2"/>
    </row>
    <row r="9984" spans="1:3" ht="19.2">
      <c r="A9984" s="2"/>
      <c r="B9984" s="2"/>
      <c r="C9984" s="2"/>
    </row>
    <row r="9985" spans="1:3" ht="19.2">
      <c r="A9985" s="2"/>
      <c r="B9985" s="2"/>
      <c r="C9985" s="2"/>
    </row>
    <row r="9986" spans="1:3" ht="19.2">
      <c r="A9986" s="2"/>
      <c r="B9986" s="2"/>
      <c r="C9986" s="2"/>
    </row>
    <row r="9987" spans="1:3" ht="19.2">
      <c r="A9987" s="2"/>
      <c r="B9987" s="2"/>
      <c r="C9987" s="2"/>
    </row>
    <row r="9988" spans="1:3" ht="19.2">
      <c r="A9988" s="2"/>
      <c r="B9988" s="2"/>
      <c r="C9988" s="2"/>
    </row>
    <row r="9989" spans="1:3" ht="19.2">
      <c r="A9989" s="2"/>
      <c r="B9989" s="2"/>
      <c r="C9989" s="2"/>
    </row>
    <row r="9990" spans="1:3" ht="19.2">
      <c r="A9990" s="2"/>
      <c r="B9990" s="2"/>
      <c r="C9990" s="2"/>
    </row>
    <row r="9991" spans="1:3" ht="19.2">
      <c r="A9991" s="2"/>
      <c r="B9991" s="2"/>
      <c r="C9991" s="2"/>
    </row>
    <row r="9992" spans="1:3" ht="19.2">
      <c r="A9992" s="2"/>
      <c r="B9992" s="2"/>
      <c r="C9992" s="2"/>
    </row>
    <row r="9993" spans="1:3" ht="19.2">
      <c r="A9993" s="2"/>
      <c r="B9993" s="2"/>
      <c r="C9993" s="2"/>
    </row>
    <row r="9994" spans="1:3" ht="19.2">
      <c r="A9994" s="2"/>
      <c r="B9994" s="2"/>
      <c r="C9994" s="2"/>
    </row>
    <row r="9995" spans="1:3" ht="19.2">
      <c r="A9995" s="2"/>
      <c r="B9995" s="2"/>
      <c r="C9995" s="2"/>
    </row>
    <row r="9996" spans="1:3" ht="19.2">
      <c r="A9996" s="2"/>
      <c r="B9996" s="2"/>
      <c r="C9996" s="2"/>
    </row>
    <row r="9997" spans="1:3" ht="19.2">
      <c r="A9997" s="2"/>
      <c r="B9997" s="2"/>
      <c r="C9997" s="2"/>
    </row>
    <row r="9998" spans="1:3" ht="19.2">
      <c r="A9998" s="2"/>
      <c r="B9998" s="2"/>
      <c r="C9998" s="2"/>
    </row>
    <row r="9999" spans="1:3" ht="19.2">
      <c r="A9999" s="2"/>
      <c r="B9999" s="2"/>
      <c r="C9999" s="2"/>
    </row>
    <row r="10000" spans="1:3" ht="19.2">
      <c r="A10000" s="2"/>
      <c r="B10000" s="2"/>
      <c r="C10000" s="2"/>
    </row>
    <row r="10001" spans="1:3" ht="19.2">
      <c r="A10001" s="2"/>
      <c r="B10001" s="2"/>
      <c r="C10001" s="2"/>
    </row>
    <row r="10002" spans="1:3" ht="19.2">
      <c r="A10002" s="2"/>
      <c r="B10002" s="2"/>
      <c r="C10002" s="2"/>
    </row>
    <row r="10003" spans="1:3" ht="19.2">
      <c r="A10003" s="2"/>
      <c r="B10003" s="2"/>
      <c r="C10003" s="2"/>
    </row>
    <row r="10004" spans="1:3" ht="19.2">
      <c r="A10004" s="2"/>
      <c r="B10004" s="2"/>
      <c r="C10004" s="2"/>
    </row>
    <row r="10005" spans="1:3" ht="19.2">
      <c r="A10005" s="2"/>
      <c r="B10005" s="2"/>
      <c r="C10005" s="2"/>
    </row>
    <row r="10006" spans="1:3" ht="19.2">
      <c r="A10006" s="2"/>
      <c r="B10006" s="2"/>
      <c r="C10006" s="2"/>
    </row>
    <row r="10007" spans="1:3" ht="19.2">
      <c r="A10007" s="2"/>
      <c r="B10007" s="2"/>
      <c r="C10007" s="2"/>
    </row>
    <row r="10008" spans="1:3" ht="19.2">
      <c r="A10008" s="2"/>
      <c r="B10008" s="2"/>
      <c r="C10008" s="2"/>
    </row>
    <row r="10009" spans="1:3" ht="19.2">
      <c r="A10009" s="2"/>
      <c r="B10009" s="2"/>
      <c r="C10009" s="2"/>
    </row>
    <row r="10010" spans="1:3" ht="19.2">
      <c r="A10010" s="2"/>
      <c r="B10010" s="2"/>
      <c r="C10010" s="2"/>
    </row>
    <row r="10011" spans="1:3" ht="19.2">
      <c r="A10011" s="2"/>
      <c r="B10011" s="2"/>
      <c r="C10011" s="2"/>
    </row>
    <row r="10012" spans="1:3" ht="19.2">
      <c r="A10012" s="2"/>
      <c r="B10012" s="2"/>
      <c r="C10012" s="2"/>
    </row>
    <row r="10013" spans="1:3" ht="19.2">
      <c r="A10013" s="2"/>
      <c r="B10013" s="2"/>
      <c r="C10013" s="2"/>
    </row>
    <row r="10014" spans="1:3" ht="19.2">
      <c r="A10014" s="2"/>
      <c r="B10014" s="2"/>
      <c r="C10014" s="2"/>
    </row>
    <row r="10015" spans="1:3" ht="19.2">
      <c r="A10015" s="2"/>
      <c r="B10015" s="2"/>
      <c r="C10015" s="2"/>
    </row>
    <row r="10016" spans="1:3" ht="19.2">
      <c r="A10016" s="2"/>
      <c r="B10016" s="2"/>
      <c r="C10016" s="2"/>
    </row>
    <row r="10017" spans="1:3" ht="19.2">
      <c r="A10017" s="2"/>
      <c r="B10017" s="2"/>
      <c r="C10017" s="2"/>
    </row>
    <row r="10018" spans="1:3" ht="19.2">
      <c r="A10018" s="2"/>
      <c r="B10018" s="2"/>
      <c r="C10018" s="2"/>
    </row>
    <row r="10019" spans="1:3" ht="19.2">
      <c r="A10019" s="2"/>
      <c r="B10019" s="2"/>
      <c r="C10019" s="2"/>
    </row>
    <row r="10020" spans="1:3" ht="19.2">
      <c r="A10020" s="2"/>
      <c r="B10020" s="2"/>
      <c r="C10020" s="2"/>
    </row>
    <row r="10021" spans="1:3" ht="19.2">
      <c r="A10021" s="2"/>
      <c r="B10021" s="2"/>
      <c r="C10021" s="2"/>
    </row>
    <row r="10022" spans="1:3" ht="19.2">
      <c r="A10022" s="2"/>
      <c r="B10022" s="2"/>
      <c r="C10022" s="2"/>
    </row>
    <row r="10023" spans="1:3" ht="19.2">
      <c r="A10023" s="2"/>
      <c r="B10023" s="2"/>
      <c r="C10023" s="2"/>
    </row>
    <row r="10024" spans="1:3" ht="19.2">
      <c r="A10024" s="2"/>
      <c r="B10024" s="2"/>
      <c r="C10024" s="2"/>
    </row>
    <row r="10025" spans="1:3" ht="19.2">
      <c r="A10025" s="2"/>
      <c r="B10025" s="2"/>
      <c r="C10025" s="2"/>
    </row>
    <row r="10026" spans="1:3" ht="19.2">
      <c r="A10026" s="2"/>
      <c r="B10026" s="2"/>
      <c r="C10026" s="2"/>
    </row>
    <row r="10027" spans="1:3" ht="19.2">
      <c r="A10027" s="2"/>
      <c r="B10027" s="2"/>
      <c r="C10027" s="2"/>
    </row>
    <row r="10028" spans="1:3" ht="19.2">
      <c r="A10028" s="2"/>
      <c r="B10028" s="2"/>
      <c r="C10028" s="2"/>
    </row>
    <row r="10029" spans="1:3" ht="19.2">
      <c r="A10029" s="2"/>
      <c r="B10029" s="2"/>
      <c r="C10029" s="2"/>
    </row>
    <row r="10030" spans="1:3" ht="19.2">
      <c r="A10030" s="2"/>
      <c r="B10030" s="2"/>
      <c r="C10030" s="2"/>
    </row>
    <row r="10031" spans="1:3" ht="19.2">
      <c r="A10031" s="2"/>
      <c r="B10031" s="2"/>
      <c r="C10031" s="2"/>
    </row>
    <row r="10032" spans="1:3" ht="19.2">
      <c r="A10032" s="2"/>
      <c r="B10032" s="2"/>
      <c r="C10032" s="2"/>
    </row>
    <row r="10033" spans="1:3" ht="19.2">
      <c r="A10033" s="2"/>
      <c r="B10033" s="2"/>
      <c r="C10033" s="2"/>
    </row>
    <row r="10034" spans="1:3" ht="19.2">
      <c r="A10034" s="2"/>
      <c r="B10034" s="2"/>
      <c r="C10034" s="2"/>
    </row>
    <row r="10035" spans="1:3" ht="19.2">
      <c r="A10035" s="2"/>
      <c r="B10035" s="2"/>
      <c r="C10035" s="2"/>
    </row>
    <row r="10036" spans="1:3" ht="19.2">
      <c r="A10036" s="2"/>
      <c r="B10036" s="2"/>
      <c r="C10036" s="2"/>
    </row>
    <row r="10037" spans="1:3" ht="19.2">
      <c r="A10037" s="2"/>
      <c r="B10037" s="2"/>
      <c r="C10037" s="2"/>
    </row>
    <row r="10038" spans="1:3" ht="19.2">
      <c r="A10038" s="2"/>
      <c r="B10038" s="2"/>
      <c r="C10038" s="2"/>
    </row>
    <row r="10039" spans="1:3" ht="19.2">
      <c r="A10039" s="2"/>
      <c r="B10039" s="2"/>
      <c r="C10039" s="2"/>
    </row>
    <row r="10040" spans="1:3" ht="19.2">
      <c r="A10040" s="2"/>
      <c r="B10040" s="2"/>
      <c r="C10040" s="2"/>
    </row>
    <row r="10041" spans="1:3" ht="19.2">
      <c r="A10041" s="2"/>
      <c r="B10041" s="2"/>
      <c r="C10041" s="2"/>
    </row>
    <row r="10042" spans="1:3" ht="19.2">
      <c r="A10042" s="2"/>
      <c r="B10042" s="2"/>
      <c r="C10042" s="2"/>
    </row>
    <row r="10043" spans="1:3" ht="19.2">
      <c r="A10043" s="2"/>
      <c r="B10043" s="2"/>
      <c r="C10043" s="2"/>
    </row>
    <row r="10044" spans="1:3" ht="19.2">
      <c r="A10044" s="2"/>
      <c r="B10044" s="2"/>
      <c r="C10044" s="2"/>
    </row>
    <row r="10045" spans="1:3" ht="19.2">
      <c r="A10045" s="2"/>
      <c r="B10045" s="2"/>
      <c r="C10045" s="2"/>
    </row>
    <row r="10046" spans="1:3" ht="19.2">
      <c r="A10046" s="2"/>
      <c r="B10046" s="2"/>
      <c r="C10046" s="2"/>
    </row>
    <row r="10047" spans="1:3" ht="19.2">
      <c r="A10047" s="2"/>
      <c r="B10047" s="2"/>
      <c r="C10047" s="2"/>
    </row>
    <row r="10048" spans="1:3" ht="19.2">
      <c r="A10048" s="2"/>
      <c r="B10048" s="2"/>
      <c r="C10048" s="2"/>
    </row>
    <row r="10049" spans="1:3" ht="19.2">
      <c r="A10049" s="2"/>
      <c r="B10049" s="2"/>
      <c r="C10049" s="2"/>
    </row>
    <row r="10050" spans="1:3" ht="19.2">
      <c r="A10050" s="2"/>
      <c r="B10050" s="2"/>
      <c r="C10050" s="2"/>
    </row>
    <row r="10051" spans="1:3" ht="19.2">
      <c r="A10051" s="2"/>
      <c r="B10051" s="2"/>
      <c r="C10051" s="2"/>
    </row>
    <row r="10052" spans="1:3" ht="19.2">
      <c r="A10052" s="2"/>
      <c r="B10052" s="2"/>
      <c r="C10052" s="2"/>
    </row>
    <row r="10053" spans="1:3" ht="19.2">
      <c r="A10053" s="2"/>
      <c r="B10053" s="2"/>
      <c r="C10053" s="2"/>
    </row>
    <row r="10054" spans="1:3" ht="19.2">
      <c r="A10054" s="2"/>
      <c r="B10054" s="2"/>
      <c r="C10054" s="2"/>
    </row>
    <row r="10055" spans="1:3" ht="19.2">
      <c r="A10055" s="2"/>
      <c r="B10055" s="2"/>
      <c r="C10055" s="2"/>
    </row>
    <row r="10056" spans="1:3" ht="19.2">
      <c r="A10056" s="2"/>
      <c r="B10056" s="2"/>
      <c r="C10056" s="2"/>
    </row>
    <row r="10057" spans="1:3" ht="19.2">
      <c r="A10057" s="2"/>
      <c r="B10057" s="2"/>
      <c r="C10057" s="2"/>
    </row>
    <row r="10058" spans="1:3" ht="19.2">
      <c r="A10058" s="2"/>
      <c r="B10058" s="2"/>
      <c r="C10058" s="2"/>
    </row>
    <row r="10059" spans="1:3" ht="19.2">
      <c r="A10059" s="2"/>
      <c r="B10059" s="2"/>
      <c r="C10059" s="2"/>
    </row>
    <row r="10060" spans="1:3" ht="19.2">
      <c r="A10060" s="2"/>
      <c r="B10060" s="2"/>
      <c r="C10060" s="2"/>
    </row>
    <row r="10061" spans="1:3" ht="19.2">
      <c r="A10061" s="2"/>
      <c r="B10061" s="2"/>
      <c r="C10061" s="2"/>
    </row>
    <row r="10062" spans="1:3" ht="19.2">
      <c r="A10062" s="2"/>
      <c r="B10062" s="2"/>
      <c r="C10062" s="2"/>
    </row>
    <row r="10063" spans="1:3" ht="19.2">
      <c r="A10063" s="2"/>
      <c r="B10063" s="2"/>
      <c r="C10063" s="2"/>
    </row>
    <row r="10064" spans="1:3" ht="19.2">
      <c r="A10064" s="2"/>
      <c r="B10064" s="2"/>
      <c r="C10064" s="2"/>
    </row>
    <row r="10065" spans="1:3" ht="19.2">
      <c r="A10065" s="2"/>
      <c r="B10065" s="2"/>
      <c r="C10065" s="2"/>
    </row>
    <row r="10066" spans="1:3" ht="19.2">
      <c r="A10066" s="2"/>
      <c r="B10066" s="2"/>
      <c r="C10066" s="2"/>
    </row>
    <row r="10067" spans="1:3" ht="19.2">
      <c r="A10067" s="2"/>
      <c r="B10067" s="2"/>
      <c r="C10067" s="2"/>
    </row>
    <row r="10068" spans="1:3" ht="19.2">
      <c r="A10068" s="2"/>
      <c r="B10068" s="2"/>
      <c r="C10068" s="2"/>
    </row>
    <row r="10069" spans="1:3" ht="19.2">
      <c r="A10069" s="2"/>
      <c r="B10069" s="2"/>
      <c r="C10069" s="2"/>
    </row>
    <row r="10070" spans="1:3" ht="19.2">
      <c r="A10070" s="2"/>
      <c r="B10070" s="2"/>
      <c r="C10070" s="2"/>
    </row>
    <row r="10071" spans="1:3" ht="19.2">
      <c r="A10071" s="2"/>
      <c r="B10071" s="2"/>
      <c r="C10071" s="2"/>
    </row>
    <row r="10072" spans="1:3" ht="19.2">
      <c r="A10072" s="2"/>
      <c r="B10072" s="2"/>
      <c r="C10072" s="2"/>
    </row>
    <row r="10073" spans="1:3" ht="19.2">
      <c r="A10073" s="2"/>
      <c r="B10073" s="2"/>
      <c r="C10073" s="2"/>
    </row>
    <row r="10074" spans="1:3" ht="19.2">
      <c r="A10074" s="2"/>
      <c r="B10074" s="2"/>
      <c r="C10074" s="2"/>
    </row>
    <row r="10075" spans="1:3" ht="19.2">
      <c r="A10075" s="2"/>
      <c r="B10075" s="2"/>
      <c r="C10075" s="2"/>
    </row>
    <row r="10076" spans="1:3" ht="19.2">
      <c r="A10076" s="2"/>
      <c r="B10076" s="2"/>
      <c r="C10076" s="2"/>
    </row>
    <row r="10077" spans="1:3" ht="19.2">
      <c r="A10077" s="2"/>
      <c r="B10077" s="2"/>
      <c r="C10077" s="2"/>
    </row>
    <row r="10078" spans="1:3" ht="19.2">
      <c r="A10078" s="2"/>
      <c r="B10078" s="2"/>
      <c r="C10078" s="2"/>
    </row>
    <row r="10079" spans="1:3" ht="19.2">
      <c r="A10079" s="2"/>
      <c r="B10079" s="2"/>
      <c r="C10079" s="2"/>
    </row>
    <row r="10080" spans="1:3" ht="19.2">
      <c r="A10080" s="2"/>
      <c r="B10080" s="2"/>
      <c r="C10080" s="2"/>
    </row>
    <row r="10081" spans="1:3" ht="19.2">
      <c r="A10081" s="2"/>
      <c r="B10081" s="2"/>
      <c r="C10081" s="2"/>
    </row>
    <row r="10082" spans="1:3" ht="19.2">
      <c r="A10082" s="2"/>
      <c r="B10082" s="2"/>
      <c r="C10082" s="2"/>
    </row>
    <row r="10083" spans="1:3" ht="19.2">
      <c r="A10083" s="2"/>
      <c r="B10083" s="2"/>
      <c r="C10083" s="2"/>
    </row>
    <row r="10084" spans="1:3" ht="19.2">
      <c r="A10084" s="2"/>
      <c r="B10084" s="2"/>
      <c r="C10084" s="2"/>
    </row>
    <row r="10085" spans="1:3" ht="19.2">
      <c r="A10085" s="2"/>
      <c r="B10085" s="2"/>
      <c r="C10085" s="2"/>
    </row>
    <row r="10086" spans="1:3" ht="19.2">
      <c r="A10086" s="2"/>
      <c r="B10086" s="2"/>
      <c r="C10086" s="2"/>
    </row>
    <row r="10087" spans="1:3" ht="19.2">
      <c r="A10087" s="2"/>
      <c r="B10087" s="2"/>
      <c r="C10087" s="2"/>
    </row>
    <row r="10088" spans="1:3" ht="19.2">
      <c r="A10088" s="2"/>
      <c r="B10088" s="2"/>
      <c r="C10088" s="2"/>
    </row>
    <row r="10089" spans="1:3" ht="19.2">
      <c r="A10089" s="2"/>
      <c r="B10089" s="2"/>
      <c r="C10089" s="2"/>
    </row>
    <row r="10090" spans="1:3" ht="19.2">
      <c r="A10090" s="2"/>
      <c r="B10090" s="2"/>
      <c r="C10090" s="2"/>
    </row>
    <row r="10091" spans="1:3" ht="19.2">
      <c r="A10091" s="2"/>
      <c r="B10091" s="2"/>
      <c r="C10091" s="2"/>
    </row>
    <row r="10092" spans="1:3" ht="19.2">
      <c r="A10092" s="2"/>
      <c r="B10092" s="2"/>
      <c r="C10092" s="2"/>
    </row>
    <row r="10093" spans="1:3" ht="19.2">
      <c r="A10093" s="2"/>
      <c r="B10093" s="2"/>
      <c r="C10093" s="2"/>
    </row>
    <row r="10094" spans="1:3" ht="19.2">
      <c r="A10094" s="2"/>
      <c r="B10094" s="2"/>
      <c r="C10094" s="2"/>
    </row>
    <row r="10095" spans="1:3" ht="19.2">
      <c r="A10095" s="2"/>
      <c r="B10095" s="2"/>
      <c r="C10095" s="2"/>
    </row>
    <row r="10096" spans="1:3" ht="19.2">
      <c r="A10096" s="2"/>
      <c r="B10096" s="2"/>
      <c r="C10096" s="2"/>
    </row>
    <row r="10097" spans="1:3" ht="19.2">
      <c r="A10097" s="2"/>
      <c r="B10097" s="2"/>
      <c r="C10097" s="2"/>
    </row>
    <row r="10098" spans="1:3" ht="19.2">
      <c r="A10098" s="2"/>
      <c r="B10098" s="2"/>
      <c r="C10098" s="2"/>
    </row>
    <row r="10099" spans="1:3" ht="19.2">
      <c r="A10099" s="2"/>
      <c r="B10099" s="2"/>
      <c r="C10099" s="2"/>
    </row>
    <row r="10100" spans="1:3" ht="19.2">
      <c r="A10100" s="2"/>
      <c r="B10100" s="2"/>
      <c r="C10100" s="2"/>
    </row>
    <row r="10101" spans="1:3" ht="19.2">
      <c r="A10101" s="2"/>
      <c r="B10101" s="2"/>
      <c r="C10101" s="2"/>
    </row>
    <row r="10102" spans="1:3" ht="19.2">
      <c r="A10102" s="2"/>
      <c r="B10102" s="2"/>
      <c r="C10102" s="2"/>
    </row>
    <row r="10103" spans="1:3" ht="19.2">
      <c r="A10103" s="2"/>
      <c r="B10103" s="2"/>
      <c r="C10103" s="2"/>
    </row>
    <row r="10104" spans="1:3" ht="19.2">
      <c r="A10104" s="2"/>
      <c r="B10104" s="2"/>
      <c r="C10104" s="2"/>
    </row>
    <row r="10105" spans="1:3" ht="19.2">
      <c r="A10105" s="2"/>
      <c r="B10105" s="2"/>
      <c r="C10105" s="2"/>
    </row>
    <row r="10106" spans="1:3" ht="19.2">
      <c r="A10106" s="2"/>
      <c r="B10106" s="2"/>
      <c r="C10106" s="2"/>
    </row>
    <row r="10107" spans="1:3" ht="19.2">
      <c r="A10107" s="2"/>
      <c r="B10107" s="2"/>
      <c r="C10107" s="2"/>
    </row>
    <row r="10108" spans="1:3" ht="19.2">
      <c r="A10108" s="2"/>
      <c r="B10108" s="2"/>
      <c r="C10108" s="2"/>
    </row>
    <row r="10109" spans="1:3" ht="19.2">
      <c r="A10109" s="2"/>
      <c r="B10109" s="2"/>
      <c r="C10109" s="2"/>
    </row>
    <row r="10110" spans="1:3" ht="19.2">
      <c r="A10110" s="2"/>
      <c r="B10110" s="2"/>
      <c r="C10110" s="2"/>
    </row>
    <row r="10111" spans="1:3" ht="19.2">
      <c r="A10111" s="2"/>
      <c r="B10111" s="2"/>
      <c r="C10111" s="2"/>
    </row>
    <row r="10112" spans="1:3" ht="19.2">
      <c r="A10112" s="2"/>
      <c r="B10112" s="2"/>
      <c r="C10112" s="2"/>
    </row>
    <row r="10113" spans="1:3" ht="19.2">
      <c r="A10113" s="2"/>
      <c r="B10113" s="2"/>
      <c r="C10113" s="2"/>
    </row>
    <row r="10114" spans="1:3" ht="19.2">
      <c r="A10114" s="2"/>
      <c r="B10114" s="2"/>
      <c r="C10114" s="2"/>
    </row>
    <row r="10115" spans="1:3" ht="19.2">
      <c r="A10115" s="2"/>
      <c r="B10115" s="2"/>
      <c r="C10115" s="2"/>
    </row>
    <row r="10116" spans="1:3" ht="19.2">
      <c r="A10116" s="2"/>
      <c r="B10116" s="2"/>
      <c r="C10116" s="2"/>
    </row>
    <row r="10117" spans="1:3" ht="19.2">
      <c r="A10117" s="2"/>
      <c r="B10117" s="2"/>
      <c r="C10117" s="2"/>
    </row>
    <row r="10118" spans="1:3" ht="19.2">
      <c r="A10118" s="2"/>
      <c r="B10118" s="2"/>
      <c r="C10118" s="2"/>
    </row>
    <row r="10119" spans="1:3" ht="19.2">
      <c r="A10119" s="2"/>
      <c r="B10119" s="2"/>
      <c r="C10119" s="2"/>
    </row>
    <row r="10120" spans="1:3" ht="19.2">
      <c r="A10120" s="2"/>
      <c r="B10120" s="2"/>
      <c r="C10120" s="2"/>
    </row>
    <row r="10121" spans="1:3" ht="19.2">
      <c r="A10121" s="2"/>
      <c r="B10121" s="2"/>
      <c r="C10121" s="2"/>
    </row>
    <row r="10122" spans="1:3" ht="19.2">
      <c r="A10122" s="2"/>
      <c r="B10122" s="2"/>
      <c r="C10122" s="2"/>
    </row>
    <row r="10123" spans="1:3" ht="19.2">
      <c r="A10123" s="2"/>
      <c r="B10123" s="2"/>
      <c r="C10123" s="2"/>
    </row>
    <row r="10124" spans="1:3" ht="19.2">
      <c r="A10124" s="2"/>
      <c r="B10124" s="2"/>
      <c r="C10124" s="2"/>
    </row>
    <row r="10125" spans="1:3" ht="19.2">
      <c r="A10125" s="2"/>
      <c r="B10125" s="2"/>
      <c r="C10125" s="2"/>
    </row>
    <row r="10126" spans="1:3" ht="19.2">
      <c r="A10126" s="2"/>
      <c r="B10126" s="2"/>
      <c r="C10126" s="2"/>
    </row>
    <row r="10127" spans="1:3" ht="19.2">
      <c r="A10127" s="2"/>
      <c r="B10127" s="2"/>
      <c r="C10127" s="2"/>
    </row>
    <row r="10128" spans="1:3" ht="19.2">
      <c r="A10128" s="2"/>
      <c r="B10128" s="2"/>
      <c r="C10128" s="2"/>
    </row>
    <row r="10129" spans="1:3" ht="19.2">
      <c r="A10129" s="2"/>
      <c r="B10129" s="2"/>
      <c r="C10129" s="2"/>
    </row>
    <row r="10130" spans="1:3" ht="19.2">
      <c r="A10130" s="2"/>
      <c r="B10130" s="2"/>
      <c r="C10130" s="2"/>
    </row>
    <row r="10131" spans="1:3" ht="19.2">
      <c r="A10131" s="2"/>
      <c r="B10131" s="2"/>
      <c r="C10131" s="2"/>
    </row>
    <row r="10132" spans="1:3" ht="19.2">
      <c r="A10132" s="2"/>
      <c r="B10132" s="2"/>
      <c r="C10132" s="2"/>
    </row>
    <row r="10133" spans="1:3" ht="19.2">
      <c r="A10133" s="2"/>
      <c r="B10133" s="2"/>
      <c r="C10133" s="2"/>
    </row>
    <row r="10134" spans="1:3" ht="19.2">
      <c r="A10134" s="2"/>
      <c r="B10134" s="2"/>
      <c r="C10134" s="2"/>
    </row>
    <row r="10135" spans="1:3" ht="19.2">
      <c r="A10135" s="2"/>
      <c r="B10135" s="2"/>
      <c r="C10135" s="2"/>
    </row>
    <row r="10136" spans="1:3" ht="19.2">
      <c r="A10136" s="2"/>
      <c r="B10136" s="2"/>
      <c r="C10136" s="2"/>
    </row>
    <row r="10137" spans="1:3" ht="19.2">
      <c r="A10137" s="2"/>
      <c r="B10137" s="2"/>
      <c r="C10137" s="2"/>
    </row>
    <row r="10138" spans="1:3" ht="19.2">
      <c r="A10138" s="2"/>
      <c r="B10138" s="2"/>
      <c r="C10138" s="2"/>
    </row>
    <row r="10139" spans="1:3" ht="19.2">
      <c r="A10139" s="2"/>
      <c r="B10139" s="2"/>
      <c r="C10139" s="2"/>
    </row>
    <row r="10140" spans="1:3" ht="19.2">
      <c r="A10140" s="2"/>
      <c r="B10140" s="2"/>
      <c r="C10140" s="2"/>
    </row>
    <row r="10141" spans="1:3" ht="19.2">
      <c r="A10141" s="2"/>
      <c r="B10141" s="2"/>
      <c r="C10141" s="2"/>
    </row>
    <row r="10142" spans="1:3" ht="19.2">
      <c r="A10142" s="2"/>
      <c r="B10142" s="2"/>
      <c r="C10142" s="2"/>
    </row>
    <row r="10143" spans="1:3" ht="19.2">
      <c r="A10143" s="2"/>
      <c r="B10143" s="2"/>
      <c r="C10143" s="2"/>
    </row>
    <row r="10144" spans="1:3" ht="19.2">
      <c r="A10144" s="2"/>
      <c r="B10144" s="2"/>
      <c r="C10144" s="2"/>
    </row>
    <row r="10145" spans="1:3" ht="19.2">
      <c r="A10145" s="2"/>
      <c r="B10145" s="2"/>
      <c r="C10145" s="2"/>
    </row>
    <row r="10146" spans="1:3" ht="19.2">
      <c r="A10146" s="2"/>
      <c r="B10146" s="2"/>
      <c r="C10146" s="2"/>
    </row>
    <row r="10147" spans="1:3" ht="19.2">
      <c r="A10147" s="2"/>
      <c r="B10147" s="2"/>
      <c r="C10147" s="2"/>
    </row>
    <row r="10148" spans="1:3" ht="19.2">
      <c r="A10148" s="2"/>
      <c r="B10148" s="2"/>
      <c r="C10148" s="2"/>
    </row>
    <row r="10149" spans="1:3" ht="19.2">
      <c r="A10149" s="2"/>
      <c r="B10149" s="2"/>
      <c r="C10149" s="2"/>
    </row>
    <row r="10150" spans="1:3" ht="19.2">
      <c r="A10150" s="2"/>
      <c r="B10150" s="2"/>
      <c r="C10150" s="2"/>
    </row>
    <row r="10151" spans="1:3" ht="19.2">
      <c r="A10151" s="2"/>
      <c r="B10151" s="2"/>
      <c r="C10151" s="2"/>
    </row>
    <row r="10152" spans="1:3" ht="19.2">
      <c r="A10152" s="2"/>
      <c r="B10152" s="2"/>
      <c r="C10152" s="2"/>
    </row>
    <row r="10153" spans="1:3" ht="19.2">
      <c r="A10153" s="2"/>
      <c r="B10153" s="2"/>
      <c r="C10153" s="2"/>
    </row>
    <row r="10154" spans="1:3" ht="19.2">
      <c r="A10154" s="2"/>
      <c r="B10154" s="2"/>
      <c r="C10154" s="2"/>
    </row>
    <row r="10155" spans="1:3" ht="19.2">
      <c r="A10155" s="2"/>
      <c r="B10155" s="2"/>
      <c r="C10155" s="2"/>
    </row>
    <row r="10156" spans="1:3" ht="19.2">
      <c r="A10156" s="2"/>
      <c r="B10156" s="2"/>
      <c r="C10156" s="2"/>
    </row>
    <row r="10157" spans="1:3" ht="19.2">
      <c r="A10157" s="2"/>
      <c r="B10157" s="2"/>
      <c r="C10157" s="2"/>
    </row>
    <row r="10158" spans="1:3" ht="19.2">
      <c r="A10158" s="2"/>
      <c r="B10158" s="2"/>
      <c r="C10158" s="2"/>
    </row>
    <row r="10159" spans="1:3" ht="19.2">
      <c r="A10159" s="2"/>
      <c r="B10159" s="2"/>
      <c r="C10159" s="2"/>
    </row>
    <row r="10160" spans="1:3" ht="19.2">
      <c r="A10160" s="2"/>
      <c r="B10160" s="2"/>
      <c r="C10160" s="2"/>
    </row>
    <row r="10161" spans="1:3" ht="19.2">
      <c r="A10161" s="2"/>
      <c r="B10161" s="2"/>
      <c r="C10161" s="2"/>
    </row>
    <row r="10162" spans="1:3" ht="19.2">
      <c r="A10162" s="2"/>
      <c r="B10162" s="2"/>
      <c r="C10162" s="2"/>
    </row>
    <row r="10163" spans="1:3" ht="19.2">
      <c r="A10163" s="2"/>
      <c r="B10163" s="2"/>
      <c r="C10163" s="2"/>
    </row>
    <row r="10164" spans="1:3" ht="19.2">
      <c r="A10164" s="2"/>
      <c r="B10164" s="2"/>
      <c r="C10164" s="2"/>
    </row>
    <row r="10165" spans="1:3" ht="19.2">
      <c r="A10165" s="2"/>
      <c r="B10165" s="2"/>
      <c r="C10165" s="2"/>
    </row>
    <row r="10166" spans="1:3" ht="19.2">
      <c r="A10166" s="2"/>
      <c r="B10166" s="2"/>
      <c r="C10166" s="2"/>
    </row>
    <row r="10167" spans="1:3" ht="19.2">
      <c r="A10167" s="2"/>
      <c r="B10167" s="2"/>
      <c r="C10167" s="2"/>
    </row>
    <row r="10168" spans="1:3" ht="19.2">
      <c r="A10168" s="2"/>
      <c r="B10168" s="2"/>
      <c r="C10168" s="2"/>
    </row>
    <row r="10169" spans="1:3" ht="19.2">
      <c r="A10169" s="2"/>
      <c r="B10169" s="2"/>
      <c r="C10169" s="2"/>
    </row>
    <row r="10170" spans="1:3" ht="19.2">
      <c r="A10170" s="2"/>
      <c r="B10170" s="2"/>
      <c r="C10170" s="2"/>
    </row>
    <row r="10171" spans="1:3" ht="19.2">
      <c r="A10171" s="2"/>
      <c r="B10171" s="2"/>
      <c r="C10171" s="2"/>
    </row>
    <row r="10172" spans="1:3" ht="19.2">
      <c r="A10172" s="2"/>
      <c r="B10172" s="2"/>
      <c r="C10172" s="2"/>
    </row>
    <row r="10173" spans="1:3" ht="19.2">
      <c r="A10173" s="2"/>
      <c r="B10173" s="2"/>
      <c r="C10173" s="2"/>
    </row>
    <row r="10174" spans="1:3" ht="19.2">
      <c r="A10174" s="2"/>
      <c r="B10174" s="2"/>
      <c r="C10174" s="2"/>
    </row>
    <row r="10175" spans="1:3" ht="19.2">
      <c r="A10175" s="2"/>
      <c r="B10175" s="2"/>
      <c r="C10175" s="2"/>
    </row>
    <row r="10176" spans="1:3" ht="19.2">
      <c r="A10176" s="2"/>
      <c r="B10176" s="2"/>
      <c r="C10176" s="2"/>
    </row>
    <row r="10177" spans="1:3" ht="19.2">
      <c r="A10177" s="2"/>
      <c r="B10177" s="2"/>
      <c r="C10177" s="2"/>
    </row>
    <row r="10178" spans="1:3" ht="19.2">
      <c r="A10178" s="2"/>
      <c r="B10178" s="2"/>
      <c r="C10178" s="2"/>
    </row>
    <row r="10179" spans="1:3" ht="19.2">
      <c r="A10179" s="2"/>
      <c r="B10179" s="2"/>
      <c r="C10179" s="2"/>
    </row>
    <row r="10180" spans="1:3" ht="19.2">
      <c r="A10180" s="2"/>
      <c r="B10180" s="2"/>
      <c r="C10180" s="2"/>
    </row>
    <row r="10181" spans="1:3" ht="19.2">
      <c r="A10181" s="2"/>
      <c r="B10181" s="2"/>
      <c r="C10181" s="2"/>
    </row>
    <row r="10182" spans="1:3" ht="19.2">
      <c r="A10182" s="2"/>
      <c r="B10182" s="2"/>
      <c r="C10182" s="2"/>
    </row>
    <row r="10183" spans="1:3" ht="19.2">
      <c r="A10183" s="2"/>
      <c r="B10183" s="2"/>
      <c r="C10183" s="2"/>
    </row>
    <row r="10184" spans="1:3" ht="19.2">
      <c r="A10184" s="2"/>
      <c r="B10184" s="2"/>
      <c r="C10184" s="2"/>
    </row>
    <row r="10185" spans="1:3" ht="19.2">
      <c r="A10185" s="2"/>
      <c r="B10185" s="2"/>
      <c r="C10185" s="2"/>
    </row>
    <row r="10186" spans="1:3" ht="19.2">
      <c r="A10186" s="2"/>
      <c r="B10186" s="2"/>
      <c r="C10186" s="2"/>
    </row>
    <row r="10187" spans="1:3" ht="19.2">
      <c r="A10187" s="2"/>
      <c r="B10187" s="2"/>
      <c r="C10187" s="2"/>
    </row>
    <row r="10188" spans="1:3" ht="19.2">
      <c r="A10188" s="2"/>
      <c r="B10188" s="2"/>
      <c r="C10188" s="2"/>
    </row>
    <row r="10189" spans="1:3" ht="19.2">
      <c r="A10189" s="2"/>
      <c r="B10189" s="2"/>
      <c r="C10189" s="2"/>
    </row>
    <row r="10190" spans="1:3" ht="19.2">
      <c r="A10190" s="2"/>
      <c r="B10190" s="2"/>
      <c r="C10190" s="2"/>
    </row>
    <row r="10191" spans="1:3" ht="19.2">
      <c r="A10191" s="2"/>
      <c r="B10191" s="2"/>
      <c r="C10191" s="2"/>
    </row>
    <row r="10192" spans="1:3" ht="19.2">
      <c r="A10192" s="2"/>
      <c r="B10192" s="2"/>
      <c r="C10192" s="2"/>
    </row>
    <row r="10193" spans="1:3" ht="19.2">
      <c r="A10193" s="2"/>
      <c r="B10193" s="2"/>
      <c r="C10193" s="2"/>
    </row>
    <row r="10194" spans="1:3" ht="19.2">
      <c r="A10194" s="2"/>
      <c r="B10194" s="2"/>
      <c r="C10194" s="2"/>
    </row>
    <row r="10195" spans="1:3" ht="19.2">
      <c r="A10195" s="2"/>
      <c r="B10195" s="2"/>
      <c r="C10195" s="2"/>
    </row>
    <row r="10196" spans="1:3" ht="19.2">
      <c r="A10196" s="2"/>
      <c r="B10196" s="2"/>
      <c r="C10196" s="2"/>
    </row>
    <row r="10197" spans="1:3" ht="19.2">
      <c r="A10197" s="2"/>
      <c r="B10197" s="2"/>
      <c r="C10197" s="2"/>
    </row>
    <row r="10198" spans="1:3" ht="19.2">
      <c r="A10198" s="2"/>
      <c r="B10198" s="2"/>
      <c r="C10198" s="2"/>
    </row>
    <row r="10199" spans="1:3" ht="19.2">
      <c r="A10199" s="2"/>
      <c r="B10199" s="2"/>
      <c r="C10199" s="2"/>
    </row>
    <row r="10200" spans="1:3" ht="19.2">
      <c r="A10200" s="2"/>
      <c r="B10200" s="2"/>
      <c r="C10200" s="2"/>
    </row>
    <row r="10201" spans="1:3" ht="19.2">
      <c r="A10201" s="2"/>
      <c r="B10201" s="2"/>
      <c r="C10201" s="2"/>
    </row>
    <row r="10202" spans="1:3" ht="19.2">
      <c r="A10202" s="2"/>
      <c r="B10202" s="2"/>
      <c r="C10202" s="2"/>
    </row>
    <row r="10203" spans="1:3" ht="19.2">
      <c r="A10203" s="2"/>
      <c r="B10203" s="2"/>
      <c r="C10203" s="2"/>
    </row>
    <row r="10204" spans="1:3" ht="19.2">
      <c r="A10204" s="2"/>
      <c r="B10204" s="2"/>
      <c r="C10204" s="2"/>
    </row>
    <row r="10205" spans="1:3" ht="19.2">
      <c r="A10205" s="2"/>
      <c r="B10205" s="2"/>
      <c r="C10205" s="2"/>
    </row>
    <row r="10206" spans="1:3" ht="19.2">
      <c r="A10206" s="2"/>
      <c r="B10206" s="2"/>
      <c r="C10206" s="2"/>
    </row>
    <row r="10207" spans="1:3" ht="19.2">
      <c r="A10207" s="2"/>
      <c r="B10207" s="2"/>
      <c r="C10207" s="2"/>
    </row>
    <row r="10208" spans="1:3" ht="19.2">
      <c r="A10208" s="2"/>
      <c r="B10208" s="2"/>
      <c r="C10208" s="2"/>
    </row>
    <row r="10209" spans="1:3" ht="19.2">
      <c r="A10209" s="2"/>
      <c r="B10209" s="2"/>
      <c r="C10209" s="2"/>
    </row>
    <row r="10210" spans="1:3" ht="19.2">
      <c r="A10210" s="2"/>
      <c r="B10210" s="2"/>
      <c r="C10210" s="2"/>
    </row>
    <row r="10211" spans="1:3" ht="19.2">
      <c r="A10211" s="2"/>
      <c r="B10211" s="2"/>
      <c r="C10211" s="2"/>
    </row>
    <row r="10212" spans="1:3" ht="19.2">
      <c r="A10212" s="2"/>
      <c r="B10212" s="2"/>
      <c r="C10212" s="2"/>
    </row>
    <row r="10213" spans="1:3" ht="19.2">
      <c r="A10213" s="2"/>
      <c r="B10213" s="2"/>
      <c r="C10213" s="2"/>
    </row>
    <row r="10214" spans="1:3" ht="19.2">
      <c r="A10214" s="2"/>
      <c r="B10214" s="2"/>
      <c r="C10214" s="2"/>
    </row>
    <row r="10215" spans="1:3" ht="19.2">
      <c r="A10215" s="2"/>
      <c r="B10215" s="2"/>
      <c r="C10215" s="2"/>
    </row>
    <row r="10216" spans="1:3" ht="19.2">
      <c r="A10216" s="2"/>
      <c r="B10216" s="2"/>
      <c r="C10216" s="2"/>
    </row>
    <row r="10217" spans="1:3" ht="19.2">
      <c r="A10217" s="2"/>
      <c r="B10217" s="2"/>
      <c r="C10217" s="2"/>
    </row>
    <row r="10218" spans="1:3" ht="19.2">
      <c r="A10218" s="2"/>
      <c r="B10218" s="2"/>
      <c r="C10218" s="2"/>
    </row>
    <row r="10219" spans="1:3" ht="19.2">
      <c r="A10219" s="2"/>
      <c r="B10219" s="2"/>
      <c r="C10219" s="2"/>
    </row>
    <row r="10220" spans="1:3" ht="19.2">
      <c r="A10220" s="2"/>
      <c r="B10220" s="2"/>
      <c r="C10220" s="2"/>
    </row>
    <row r="10221" spans="1:3" ht="19.2">
      <c r="A10221" s="2"/>
      <c r="B10221" s="2"/>
      <c r="C10221" s="2"/>
    </row>
    <row r="10222" spans="1:3" ht="19.2">
      <c r="A10222" s="2"/>
      <c r="B10222" s="2"/>
      <c r="C10222" s="2"/>
    </row>
    <row r="10223" spans="1:3" ht="19.2">
      <c r="A10223" s="2"/>
      <c r="B10223" s="2"/>
      <c r="C10223" s="2"/>
    </row>
    <row r="10224" spans="1:3" ht="19.2">
      <c r="A10224" s="2"/>
      <c r="B10224" s="2"/>
      <c r="C10224" s="2"/>
    </row>
    <row r="10225" spans="1:3" ht="19.2">
      <c r="A10225" s="2"/>
      <c r="B10225" s="2"/>
      <c r="C10225" s="2"/>
    </row>
    <row r="10226" spans="1:3" ht="19.2">
      <c r="A10226" s="2"/>
      <c r="B10226" s="2"/>
      <c r="C10226" s="2"/>
    </row>
    <row r="10227" spans="1:3" ht="19.2">
      <c r="A10227" s="2"/>
      <c r="B10227" s="2"/>
      <c r="C10227" s="2"/>
    </row>
    <row r="10228" spans="1:3" ht="19.2">
      <c r="A10228" s="2"/>
      <c r="B10228" s="2"/>
      <c r="C10228" s="2"/>
    </row>
    <row r="10229" spans="1:3" ht="19.2">
      <c r="A10229" s="2"/>
      <c r="B10229" s="2"/>
      <c r="C10229" s="2"/>
    </row>
    <row r="10230" spans="1:3" ht="19.2">
      <c r="A10230" s="2"/>
      <c r="B10230" s="2"/>
      <c r="C10230" s="2"/>
    </row>
    <row r="10231" spans="1:3" ht="19.2">
      <c r="A10231" s="2"/>
      <c r="B10231" s="2"/>
      <c r="C10231" s="2"/>
    </row>
    <row r="10232" spans="1:3" ht="19.2">
      <c r="A10232" s="2"/>
      <c r="B10232" s="2"/>
      <c r="C10232" s="2"/>
    </row>
    <row r="10233" spans="1:3" ht="19.2">
      <c r="A10233" s="2"/>
      <c r="B10233" s="2"/>
      <c r="C10233" s="2"/>
    </row>
    <row r="10234" spans="1:3" ht="19.2">
      <c r="A10234" s="2"/>
      <c r="B10234" s="2"/>
      <c r="C10234" s="2"/>
    </row>
    <row r="10235" spans="1:3" ht="19.2">
      <c r="A10235" s="2"/>
      <c r="B10235" s="2"/>
      <c r="C10235" s="2"/>
    </row>
    <row r="10236" spans="1:3" ht="19.2">
      <c r="A10236" s="2"/>
      <c r="B10236" s="2"/>
      <c r="C10236" s="2"/>
    </row>
    <row r="10237" spans="1:3" ht="19.2">
      <c r="A10237" s="2"/>
      <c r="B10237" s="2"/>
      <c r="C10237" s="2"/>
    </row>
    <row r="10238" spans="1:3" ht="19.2">
      <c r="A10238" s="2"/>
      <c r="B10238" s="2"/>
      <c r="C10238" s="2"/>
    </row>
    <row r="10239" spans="1:3" ht="19.2">
      <c r="A10239" s="2"/>
      <c r="B10239" s="2"/>
      <c r="C10239" s="2"/>
    </row>
    <row r="10240" spans="1:3" ht="19.2">
      <c r="A10240" s="2"/>
      <c r="B10240" s="2"/>
      <c r="C10240" s="2"/>
    </row>
    <row r="10241" spans="1:3" ht="19.2">
      <c r="A10241" s="2"/>
      <c r="B10241" s="2"/>
      <c r="C10241" s="2"/>
    </row>
    <row r="10242" spans="1:3" ht="19.2">
      <c r="A10242" s="2"/>
      <c r="B10242" s="2"/>
      <c r="C10242" s="2"/>
    </row>
    <row r="10243" spans="1:3" ht="19.2">
      <c r="A10243" s="2"/>
      <c r="B10243" s="2"/>
      <c r="C10243" s="2"/>
    </row>
    <row r="10244" spans="1:3" ht="19.2">
      <c r="A10244" s="2"/>
      <c r="B10244" s="2"/>
      <c r="C10244" s="2"/>
    </row>
    <row r="10245" spans="1:3" ht="19.2">
      <c r="A10245" s="2"/>
      <c r="B10245" s="2"/>
      <c r="C10245" s="2"/>
    </row>
    <row r="10246" spans="1:3" ht="19.2">
      <c r="A10246" s="2"/>
      <c r="B10246" s="2"/>
      <c r="C10246" s="2"/>
    </row>
    <row r="10247" spans="1:3" ht="19.2">
      <c r="A10247" s="2"/>
      <c r="B10247" s="2"/>
      <c r="C10247" s="2"/>
    </row>
    <row r="10248" spans="1:3" ht="19.2">
      <c r="A10248" s="2"/>
      <c r="B10248" s="2"/>
      <c r="C10248" s="2"/>
    </row>
    <row r="10249" spans="1:3" ht="19.2">
      <c r="A10249" s="2"/>
      <c r="B10249" s="2"/>
      <c r="C10249" s="2"/>
    </row>
    <row r="10250" spans="1:3" ht="19.2">
      <c r="A10250" s="2"/>
      <c r="B10250" s="2"/>
      <c r="C10250" s="2"/>
    </row>
    <row r="10251" spans="1:3" ht="19.2">
      <c r="A10251" s="2"/>
      <c r="B10251" s="2"/>
      <c r="C10251" s="2"/>
    </row>
    <row r="10252" spans="1:3" ht="19.2">
      <c r="A10252" s="2"/>
      <c r="B10252" s="2"/>
      <c r="C10252" s="2"/>
    </row>
    <row r="10253" spans="1:3" ht="19.2">
      <c r="A10253" s="2"/>
      <c r="B10253" s="2"/>
      <c r="C10253" s="2"/>
    </row>
    <row r="10254" spans="1:3" ht="19.2">
      <c r="A10254" s="2"/>
      <c r="B10254" s="2"/>
      <c r="C10254" s="2"/>
    </row>
    <row r="10255" spans="1:3" ht="19.2">
      <c r="A10255" s="2"/>
      <c r="B10255" s="2"/>
      <c r="C10255" s="2"/>
    </row>
    <row r="10256" spans="1:3" ht="19.2">
      <c r="A10256" s="2"/>
      <c r="B10256" s="2"/>
      <c r="C10256" s="2"/>
    </row>
    <row r="10257" spans="1:3" ht="19.2">
      <c r="A10257" s="2"/>
      <c r="B10257" s="2"/>
      <c r="C10257" s="2"/>
    </row>
    <row r="10258" spans="1:3" ht="19.2">
      <c r="A10258" s="2"/>
      <c r="B10258" s="2"/>
      <c r="C10258" s="2"/>
    </row>
    <row r="10259" spans="1:3" ht="19.2">
      <c r="A10259" s="2"/>
      <c r="B10259" s="2"/>
      <c r="C10259" s="2"/>
    </row>
    <row r="10260" spans="1:3" ht="19.2">
      <c r="A10260" s="2"/>
      <c r="B10260" s="2"/>
      <c r="C10260" s="2"/>
    </row>
    <row r="10261" spans="1:3" ht="19.2">
      <c r="A10261" s="2"/>
      <c r="B10261" s="2"/>
      <c r="C10261" s="2"/>
    </row>
    <row r="10262" spans="1:3" ht="19.2">
      <c r="A10262" s="2"/>
      <c r="B10262" s="2"/>
      <c r="C10262" s="2"/>
    </row>
    <row r="10263" spans="1:3" ht="19.2">
      <c r="A10263" s="2"/>
      <c r="B10263" s="2"/>
      <c r="C10263" s="2"/>
    </row>
    <row r="10264" spans="1:3" ht="19.2">
      <c r="A10264" s="2"/>
      <c r="B10264" s="2"/>
      <c r="C10264" s="2"/>
    </row>
    <row r="10265" spans="1:3" ht="19.2">
      <c r="A10265" s="2"/>
      <c r="B10265" s="2"/>
      <c r="C10265" s="2"/>
    </row>
    <row r="10266" spans="1:3" ht="19.2">
      <c r="A10266" s="2"/>
      <c r="B10266" s="2"/>
      <c r="C10266" s="2"/>
    </row>
    <row r="10267" spans="1:3" ht="19.2">
      <c r="A10267" s="2"/>
      <c r="B10267" s="2"/>
      <c r="C10267" s="2"/>
    </row>
    <row r="10268" spans="1:3" ht="19.2">
      <c r="A10268" s="2"/>
      <c r="B10268" s="2"/>
      <c r="C10268" s="2"/>
    </row>
    <row r="10269" spans="1:3" ht="19.2">
      <c r="A10269" s="2"/>
      <c r="B10269" s="2"/>
      <c r="C10269" s="2"/>
    </row>
    <row r="10270" spans="1:3" ht="19.2">
      <c r="A10270" s="2"/>
      <c r="B10270" s="2"/>
      <c r="C10270" s="2"/>
    </row>
    <row r="10271" spans="1:3" ht="19.2">
      <c r="A10271" s="2"/>
      <c r="B10271" s="2"/>
      <c r="C10271" s="2"/>
    </row>
    <row r="10272" spans="1:3" ht="19.2">
      <c r="A10272" s="2"/>
      <c r="B10272" s="2"/>
      <c r="C10272" s="2"/>
    </row>
    <row r="10273" spans="1:3" ht="19.2">
      <c r="A10273" s="2"/>
      <c r="B10273" s="2"/>
      <c r="C10273" s="2"/>
    </row>
    <row r="10274" spans="1:3" ht="19.2">
      <c r="A10274" s="2"/>
      <c r="B10274" s="2"/>
      <c r="C10274" s="2"/>
    </row>
    <row r="10275" spans="1:3" ht="19.2">
      <c r="A10275" s="2"/>
      <c r="B10275" s="2"/>
      <c r="C10275" s="2"/>
    </row>
    <row r="10276" spans="1:3" ht="19.2">
      <c r="A10276" s="2"/>
      <c r="B10276" s="2"/>
      <c r="C10276" s="2"/>
    </row>
    <row r="10277" spans="1:3" ht="19.2">
      <c r="A10277" s="2"/>
      <c r="B10277" s="2"/>
      <c r="C10277" s="2"/>
    </row>
    <row r="10278" spans="1:3" ht="19.2">
      <c r="A10278" s="2"/>
      <c r="B10278" s="2"/>
      <c r="C10278" s="2"/>
    </row>
    <row r="10279" spans="1:3" ht="19.2">
      <c r="A10279" s="2"/>
      <c r="B10279" s="2"/>
      <c r="C10279" s="2"/>
    </row>
    <row r="10280" spans="1:3" ht="19.2">
      <c r="A10280" s="2"/>
      <c r="B10280" s="2"/>
      <c r="C10280" s="2"/>
    </row>
    <row r="10281" spans="1:3" ht="19.2">
      <c r="A10281" s="2"/>
      <c r="B10281" s="2"/>
      <c r="C10281" s="2"/>
    </row>
    <row r="10282" spans="1:3" ht="19.2">
      <c r="A10282" s="2"/>
      <c r="B10282" s="2"/>
      <c r="C10282" s="2"/>
    </row>
    <row r="10283" spans="1:3" ht="19.2">
      <c r="A10283" s="2"/>
      <c r="B10283" s="2"/>
      <c r="C10283" s="2"/>
    </row>
    <row r="10284" spans="1:3" ht="19.2">
      <c r="A10284" s="2"/>
      <c r="B10284" s="2"/>
      <c r="C10284" s="2"/>
    </row>
    <row r="10285" spans="1:3" ht="19.2">
      <c r="A10285" s="2"/>
      <c r="B10285" s="2"/>
      <c r="C10285" s="2"/>
    </row>
    <row r="10286" spans="1:3" ht="19.2">
      <c r="A10286" s="2"/>
      <c r="B10286" s="2"/>
      <c r="C10286" s="2"/>
    </row>
    <row r="10287" spans="1:3" ht="19.2">
      <c r="A10287" s="2"/>
      <c r="B10287" s="2"/>
      <c r="C10287" s="2"/>
    </row>
    <row r="10288" spans="1:3" ht="19.2">
      <c r="A10288" s="2"/>
      <c r="B10288" s="2"/>
      <c r="C10288" s="2"/>
    </row>
    <row r="10289" spans="1:3" ht="19.2">
      <c r="A10289" s="2"/>
      <c r="B10289" s="2"/>
      <c r="C10289" s="2"/>
    </row>
    <row r="10290" spans="1:3" ht="19.2">
      <c r="A10290" s="2"/>
      <c r="B10290" s="2"/>
      <c r="C10290" s="2"/>
    </row>
    <row r="10291" spans="1:3" ht="19.2">
      <c r="A10291" s="2"/>
      <c r="B10291" s="2"/>
      <c r="C10291" s="2"/>
    </row>
    <row r="10292" spans="1:3" ht="19.2">
      <c r="A10292" s="2"/>
      <c r="B10292" s="2"/>
      <c r="C10292" s="2"/>
    </row>
    <row r="10293" spans="1:3" ht="19.2">
      <c r="A10293" s="2"/>
      <c r="B10293" s="2"/>
      <c r="C10293" s="2"/>
    </row>
    <row r="10294" spans="1:3" ht="19.2">
      <c r="A10294" s="2"/>
      <c r="B10294" s="2"/>
      <c r="C10294" s="2"/>
    </row>
    <row r="10295" spans="1:3" ht="19.2">
      <c r="A10295" s="2"/>
      <c r="B10295" s="2"/>
      <c r="C10295" s="2"/>
    </row>
    <row r="10296" spans="1:3" ht="19.2">
      <c r="A10296" s="2"/>
      <c r="B10296" s="2"/>
      <c r="C10296" s="2"/>
    </row>
    <row r="10297" spans="1:3" ht="19.2">
      <c r="A10297" s="2"/>
      <c r="B10297" s="2"/>
      <c r="C10297" s="2"/>
    </row>
    <row r="10298" spans="1:3" ht="19.2">
      <c r="A10298" s="2"/>
      <c r="B10298" s="2"/>
      <c r="C10298" s="2"/>
    </row>
    <row r="10299" spans="1:3" ht="19.2">
      <c r="A10299" s="2"/>
      <c r="B10299" s="2"/>
      <c r="C10299" s="2"/>
    </row>
    <row r="10300" spans="1:3" ht="19.2">
      <c r="A10300" s="2"/>
      <c r="B10300" s="2"/>
      <c r="C10300" s="2"/>
    </row>
    <row r="10301" spans="1:3" ht="19.2">
      <c r="A10301" s="2"/>
      <c r="B10301" s="2"/>
      <c r="C10301" s="2"/>
    </row>
    <row r="10302" spans="1:3" ht="19.2">
      <c r="A10302" s="2"/>
      <c r="B10302" s="2"/>
      <c r="C10302" s="2"/>
    </row>
    <row r="10303" spans="1:3" ht="19.2">
      <c r="A10303" s="2"/>
      <c r="B10303" s="2"/>
      <c r="C10303" s="2"/>
    </row>
    <row r="10304" spans="1:3" ht="19.2">
      <c r="A10304" s="2"/>
      <c r="B10304" s="2"/>
      <c r="C10304" s="2"/>
    </row>
    <row r="10305" spans="1:3" ht="19.2">
      <c r="A10305" s="2"/>
      <c r="B10305" s="2"/>
      <c r="C10305" s="2"/>
    </row>
    <row r="10306" spans="1:3" ht="19.2">
      <c r="A10306" s="2"/>
      <c r="B10306" s="2"/>
      <c r="C10306" s="2"/>
    </row>
    <row r="10307" spans="1:3" ht="19.2">
      <c r="A10307" s="2"/>
      <c r="B10307" s="2"/>
      <c r="C10307" s="2"/>
    </row>
    <row r="10308" spans="1:3" ht="19.2">
      <c r="A10308" s="2"/>
      <c r="B10308" s="2"/>
      <c r="C10308" s="2"/>
    </row>
    <row r="10309" spans="1:3" ht="19.2">
      <c r="A10309" s="2"/>
      <c r="B10309" s="2"/>
      <c r="C10309" s="2"/>
    </row>
    <row r="10310" spans="1:3" ht="19.2">
      <c r="A10310" s="2"/>
      <c r="B10310" s="2"/>
      <c r="C10310" s="2"/>
    </row>
    <row r="10311" spans="1:3" ht="19.2">
      <c r="A10311" s="2"/>
      <c r="B10311" s="2"/>
      <c r="C10311" s="2"/>
    </row>
    <row r="10312" spans="1:3" ht="19.2">
      <c r="A10312" s="2"/>
      <c r="B10312" s="2"/>
      <c r="C10312" s="2"/>
    </row>
    <row r="10313" spans="1:3" ht="19.2">
      <c r="A10313" s="2"/>
      <c r="B10313" s="2"/>
      <c r="C10313" s="2"/>
    </row>
    <row r="10314" spans="1:3" ht="19.2">
      <c r="A10314" s="2"/>
      <c r="B10314" s="2"/>
      <c r="C10314" s="2"/>
    </row>
    <row r="10315" spans="1:3" ht="19.2">
      <c r="A10315" s="2"/>
      <c r="B10315" s="2"/>
      <c r="C10315" s="2"/>
    </row>
    <row r="10316" spans="1:3" ht="19.2">
      <c r="A10316" s="2"/>
      <c r="B10316" s="2"/>
      <c r="C10316" s="2"/>
    </row>
    <row r="10317" spans="1:3" ht="19.2">
      <c r="A10317" s="2"/>
      <c r="B10317" s="2"/>
      <c r="C10317" s="2"/>
    </row>
    <row r="10318" spans="1:3" ht="19.2">
      <c r="A10318" s="2"/>
      <c r="B10318" s="2"/>
      <c r="C10318" s="2"/>
    </row>
    <row r="10319" spans="1:3" ht="19.2">
      <c r="A10319" s="2"/>
      <c r="B10319" s="2"/>
      <c r="C10319" s="2"/>
    </row>
    <row r="10320" spans="1:3" ht="19.2">
      <c r="A10320" s="2"/>
      <c r="B10320" s="2"/>
      <c r="C10320" s="2"/>
    </row>
    <row r="10321" spans="1:3" ht="19.2">
      <c r="A10321" s="2"/>
      <c r="B10321" s="2"/>
      <c r="C10321" s="2"/>
    </row>
    <row r="10322" spans="1:3" ht="19.2">
      <c r="A10322" s="2"/>
      <c r="B10322" s="2"/>
      <c r="C10322" s="2"/>
    </row>
    <row r="10323" spans="1:3" ht="19.2">
      <c r="A10323" s="2"/>
      <c r="B10323" s="2"/>
      <c r="C10323" s="2"/>
    </row>
    <row r="10324" spans="1:3" ht="19.2">
      <c r="A10324" s="2"/>
      <c r="B10324" s="2"/>
      <c r="C10324" s="2"/>
    </row>
    <row r="10325" spans="1:3" ht="19.2">
      <c r="A10325" s="2"/>
      <c r="B10325" s="2"/>
      <c r="C10325" s="2"/>
    </row>
    <row r="10326" spans="1:3" ht="19.2">
      <c r="A10326" s="2"/>
      <c r="B10326" s="2"/>
      <c r="C10326" s="2"/>
    </row>
    <row r="10327" spans="1:3" ht="19.2">
      <c r="A10327" s="2"/>
      <c r="B10327" s="2"/>
      <c r="C10327" s="2"/>
    </row>
    <row r="10328" spans="1:3" ht="19.2">
      <c r="A10328" s="2"/>
      <c r="B10328" s="2"/>
      <c r="C10328" s="2"/>
    </row>
    <row r="10329" spans="1:3" ht="19.2">
      <c r="A10329" s="2"/>
      <c r="B10329" s="2"/>
      <c r="C10329" s="2"/>
    </row>
    <row r="10330" spans="1:3" ht="19.2">
      <c r="A10330" s="2"/>
      <c r="B10330" s="2"/>
      <c r="C10330" s="2"/>
    </row>
    <row r="10331" spans="1:3" ht="19.2">
      <c r="A10331" s="2"/>
      <c r="B10331" s="2"/>
      <c r="C10331" s="2"/>
    </row>
    <row r="10332" spans="1:3" ht="19.2">
      <c r="A10332" s="2"/>
      <c r="B10332" s="2"/>
      <c r="C10332" s="2"/>
    </row>
    <row r="10333" spans="1:3" ht="19.2">
      <c r="A10333" s="2"/>
      <c r="B10333" s="2"/>
      <c r="C10333" s="2"/>
    </row>
    <row r="10334" spans="1:3" ht="19.2">
      <c r="A10334" s="2"/>
      <c r="B10334" s="2"/>
      <c r="C10334" s="2"/>
    </row>
    <row r="10335" spans="1:3" ht="19.2">
      <c r="A10335" s="2"/>
      <c r="B10335" s="2"/>
      <c r="C10335" s="2"/>
    </row>
    <row r="10336" spans="1:3" ht="19.2">
      <c r="A10336" s="2"/>
      <c r="B10336" s="2"/>
      <c r="C10336" s="2"/>
    </row>
    <row r="10337" spans="1:3" ht="19.2">
      <c r="A10337" s="2"/>
      <c r="B10337" s="2"/>
      <c r="C10337" s="2"/>
    </row>
    <row r="10338" spans="1:3" ht="19.2">
      <c r="A10338" s="2"/>
      <c r="B10338" s="2"/>
      <c r="C10338" s="2"/>
    </row>
    <row r="10339" spans="1:3" ht="19.2">
      <c r="A10339" s="2"/>
      <c r="B10339" s="2"/>
      <c r="C10339" s="2"/>
    </row>
    <row r="10340" spans="1:3" ht="19.2">
      <c r="A10340" s="2"/>
      <c r="B10340" s="2"/>
      <c r="C10340" s="2"/>
    </row>
    <row r="10341" spans="1:3" ht="19.2">
      <c r="A10341" s="2"/>
      <c r="B10341" s="2"/>
      <c r="C10341" s="2"/>
    </row>
    <row r="10342" spans="1:3" ht="19.2">
      <c r="A10342" s="2"/>
      <c r="B10342" s="2"/>
      <c r="C10342" s="2"/>
    </row>
    <row r="10343" spans="1:3" ht="19.2">
      <c r="A10343" s="2"/>
      <c r="B10343" s="2"/>
      <c r="C10343" s="2"/>
    </row>
    <row r="10344" spans="1:3" ht="19.2">
      <c r="A10344" s="2"/>
      <c r="B10344" s="2"/>
      <c r="C10344" s="2"/>
    </row>
    <row r="10345" spans="1:3" ht="19.2">
      <c r="A10345" s="2"/>
      <c r="B10345" s="2"/>
      <c r="C10345" s="2"/>
    </row>
    <row r="10346" spans="1:3" ht="19.2">
      <c r="A10346" s="2"/>
      <c r="B10346" s="2"/>
      <c r="C10346" s="2"/>
    </row>
    <row r="10347" spans="1:3" ht="19.2">
      <c r="A10347" s="2"/>
      <c r="B10347" s="2"/>
      <c r="C10347" s="2"/>
    </row>
    <row r="10348" spans="1:3" ht="19.2">
      <c r="A10348" s="2"/>
      <c r="B10348" s="2"/>
      <c r="C10348" s="2"/>
    </row>
    <row r="10349" spans="1:3" ht="19.2">
      <c r="A10349" s="2"/>
      <c r="B10349" s="2"/>
      <c r="C10349" s="2"/>
    </row>
    <row r="10350" spans="1:3" ht="19.2">
      <c r="A10350" s="2"/>
      <c r="B10350" s="2"/>
      <c r="C10350" s="2"/>
    </row>
    <row r="10351" spans="1:3" ht="19.2">
      <c r="A10351" s="2"/>
      <c r="B10351" s="2"/>
      <c r="C10351" s="2"/>
    </row>
    <row r="10352" spans="1:3" ht="19.2">
      <c r="A10352" s="2"/>
      <c r="B10352" s="2"/>
      <c r="C10352" s="2"/>
    </row>
    <row r="10353" spans="1:3" ht="19.2">
      <c r="A10353" s="2"/>
      <c r="B10353" s="2"/>
      <c r="C10353" s="2"/>
    </row>
    <row r="10354" spans="1:3" ht="19.2">
      <c r="A10354" s="2"/>
      <c r="B10354" s="2"/>
      <c r="C10354" s="2"/>
    </row>
    <row r="10355" spans="1:3" ht="19.2">
      <c r="A10355" s="2"/>
      <c r="B10355" s="2"/>
      <c r="C10355" s="2"/>
    </row>
    <row r="10356" spans="1:3" ht="19.2">
      <c r="A10356" s="2"/>
      <c r="B10356" s="2"/>
      <c r="C10356" s="2"/>
    </row>
    <row r="10357" spans="1:3" ht="19.2">
      <c r="A10357" s="2"/>
      <c r="B10357" s="2"/>
      <c r="C10357" s="2"/>
    </row>
    <row r="10358" spans="1:3" ht="19.2">
      <c r="A10358" s="2"/>
      <c r="B10358" s="2"/>
      <c r="C10358" s="2"/>
    </row>
    <row r="10359" spans="1:3" ht="19.2">
      <c r="A10359" s="2"/>
      <c r="B10359" s="2"/>
      <c r="C10359" s="2"/>
    </row>
    <row r="10360" spans="1:3" ht="19.2">
      <c r="A10360" s="2"/>
      <c r="B10360" s="2"/>
      <c r="C10360" s="2"/>
    </row>
    <row r="10361" spans="1:3" ht="19.2">
      <c r="A10361" s="2"/>
      <c r="B10361" s="2"/>
      <c r="C10361" s="2"/>
    </row>
    <row r="10362" spans="1:3" ht="19.2">
      <c r="A10362" s="2"/>
      <c r="B10362" s="2"/>
      <c r="C10362" s="2"/>
    </row>
    <row r="10363" spans="1:3" ht="19.2">
      <c r="A10363" s="2"/>
      <c r="B10363" s="2"/>
      <c r="C10363" s="2"/>
    </row>
    <row r="10364" spans="1:3" ht="19.2">
      <c r="A10364" s="2"/>
      <c r="B10364" s="2"/>
      <c r="C10364" s="2"/>
    </row>
    <row r="10365" spans="1:3" ht="19.2">
      <c r="A10365" s="2"/>
      <c r="B10365" s="2"/>
      <c r="C10365" s="2"/>
    </row>
    <row r="10366" spans="1:3" ht="19.2">
      <c r="A10366" s="2"/>
      <c r="B10366" s="2"/>
      <c r="C10366" s="2"/>
    </row>
    <row r="10367" spans="1:3" ht="19.2">
      <c r="A10367" s="2"/>
      <c r="B10367" s="2"/>
      <c r="C10367" s="2"/>
    </row>
    <row r="10368" spans="1:3" ht="19.2">
      <c r="A10368" s="2"/>
      <c r="B10368" s="2"/>
      <c r="C10368" s="2"/>
    </row>
    <row r="10369" spans="1:3" ht="19.2">
      <c r="A10369" s="2"/>
      <c r="B10369" s="2"/>
      <c r="C10369" s="2"/>
    </row>
    <row r="10370" spans="1:3" ht="19.2">
      <c r="A10370" s="2"/>
      <c r="B10370" s="2"/>
      <c r="C10370" s="2"/>
    </row>
    <row r="10371" spans="1:3" ht="19.2">
      <c r="A10371" s="2"/>
      <c r="B10371" s="2"/>
      <c r="C10371" s="2"/>
    </row>
    <row r="10372" spans="1:3" ht="19.2">
      <c r="A10372" s="2"/>
      <c r="B10372" s="2"/>
      <c r="C10372" s="2"/>
    </row>
    <row r="10373" spans="1:3" ht="19.2">
      <c r="A10373" s="2"/>
      <c r="B10373" s="2"/>
      <c r="C10373" s="2"/>
    </row>
    <row r="10374" spans="1:3" ht="19.2">
      <c r="A10374" s="2"/>
      <c r="B10374" s="2"/>
      <c r="C10374" s="2"/>
    </row>
    <row r="10375" spans="1:3" ht="19.2">
      <c r="A10375" s="2"/>
      <c r="B10375" s="2"/>
      <c r="C10375" s="2"/>
    </row>
    <row r="10376" spans="1:3" ht="19.2">
      <c r="A10376" s="2"/>
      <c r="B10376" s="2"/>
      <c r="C10376" s="2"/>
    </row>
    <row r="10377" spans="1:3" ht="19.2">
      <c r="A10377" s="2"/>
      <c r="B10377" s="2"/>
      <c r="C10377" s="2"/>
    </row>
    <row r="10378" spans="1:3" ht="19.2">
      <c r="A10378" s="2"/>
      <c r="B10378" s="2"/>
      <c r="C10378" s="2"/>
    </row>
    <row r="10379" spans="1:3" ht="19.2">
      <c r="A10379" s="2"/>
      <c r="B10379" s="2"/>
      <c r="C10379" s="2"/>
    </row>
    <row r="10380" spans="1:3" ht="19.2">
      <c r="A10380" s="2"/>
      <c r="B10380" s="2"/>
      <c r="C10380" s="2"/>
    </row>
    <row r="10381" spans="1:3" ht="19.2">
      <c r="A10381" s="2"/>
      <c r="B10381" s="2"/>
      <c r="C10381" s="2"/>
    </row>
    <row r="10382" spans="1:3" ht="19.2">
      <c r="A10382" s="2"/>
      <c r="B10382" s="2"/>
      <c r="C10382" s="2"/>
    </row>
    <row r="10383" spans="1:3" ht="19.2">
      <c r="A10383" s="2"/>
      <c r="B10383" s="2"/>
      <c r="C10383" s="2"/>
    </row>
    <row r="10384" spans="1:3" ht="19.2">
      <c r="A10384" s="2"/>
      <c r="B10384" s="2"/>
      <c r="C10384" s="2"/>
    </row>
    <row r="10385" spans="1:3" ht="19.2">
      <c r="A10385" s="2"/>
      <c r="B10385" s="2"/>
      <c r="C10385" s="2"/>
    </row>
    <row r="10386" spans="1:3" ht="19.2">
      <c r="A10386" s="2"/>
      <c r="B10386" s="2"/>
      <c r="C10386" s="2"/>
    </row>
    <row r="10387" spans="1:3" ht="19.2">
      <c r="A10387" s="2"/>
      <c r="B10387" s="2"/>
      <c r="C10387" s="2"/>
    </row>
    <row r="10388" spans="1:3" ht="19.2">
      <c r="A10388" s="2"/>
      <c r="B10388" s="2"/>
      <c r="C10388" s="2"/>
    </row>
    <row r="10389" spans="1:3" ht="19.2">
      <c r="A10389" s="2"/>
      <c r="B10389" s="2"/>
      <c r="C10389" s="2"/>
    </row>
    <row r="10390" spans="1:3" ht="19.2">
      <c r="A10390" s="2"/>
      <c r="B10390" s="2"/>
      <c r="C10390" s="2"/>
    </row>
    <row r="10391" spans="1:3" ht="19.2">
      <c r="A10391" s="2"/>
      <c r="B10391" s="2"/>
      <c r="C10391" s="2"/>
    </row>
    <row r="10392" spans="1:3" ht="19.2">
      <c r="A10392" s="2"/>
      <c r="B10392" s="2"/>
      <c r="C10392" s="2"/>
    </row>
    <row r="10393" spans="1:3" ht="19.2">
      <c r="A10393" s="2"/>
      <c r="B10393" s="2"/>
      <c r="C10393" s="2"/>
    </row>
    <row r="10394" spans="1:3" ht="19.2">
      <c r="A10394" s="2"/>
      <c r="B10394" s="2"/>
      <c r="C10394" s="2"/>
    </row>
    <row r="10395" spans="1:3" ht="19.2">
      <c r="A10395" s="2"/>
      <c r="B10395" s="2"/>
      <c r="C10395" s="2"/>
    </row>
    <row r="10396" spans="1:3" ht="19.2">
      <c r="A10396" s="2"/>
      <c r="B10396" s="2"/>
      <c r="C10396" s="2"/>
    </row>
    <row r="10397" spans="1:3" ht="19.2">
      <c r="A10397" s="2"/>
      <c r="B10397" s="2"/>
      <c r="C10397" s="2"/>
    </row>
    <row r="10398" spans="1:3" ht="19.2">
      <c r="A10398" s="2"/>
      <c r="B10398" s="2"/>
      <c r="C10398" s="2"/>
    </row>
    <row r="10399" spans="1:3" ht="19.2">
      <c r="A10399" s="2"/>
      <c r="B10399" s="2"/>
      <c r="C10399" s="2"/>
    </row>
    <row r="10400" spans="1:3" ht="19.2">
      <c r="A10400" s="2"/>
      <c r="B10400" s="2"/>
      <c r="C10400" s="2"/>
    </row>
    <row r="10401" spans="1:3" ht="19.2">
      <c r="A10401" s="2"/>
      <c r="B10401" s="2"/>
      <c r="C10401" s="2"/>
    </row>
    <row r="10402" spans="1:3" ht="19.2">
      <c r="A10402" s="2"/>
      <c r="B10402" s="2"/>
      <c r="C10402" s="2"/>
    </row>
    <row r="10403" spans="1:3" ht="19.2">
      <c r="A10403" s="2"/>
      <c r="B10403" s="2"/>
      <c r="C10403" s="2"/>
    </row>
    <row r="10404" spans="1:3" ht="19.2">
      <c r="A10404" s="2"/>
      <c r="B10404" s="2"/>
      <c r="C10404" s="2"/>
    </row>
    <row r="10405" spans="1:3" ht="19.2">
      <c r="A10405" s="2"/>
      <c r="B10405" s="2"/>
      <c r="C10405" s="2"/>
    </row>
    <row r="10406" spans="1:3" ht="19.2">
      <c r="A10406" s="2"/>
      <c r="B10406" s="2"/>
      <c r="C10406" s="2"/>
    </row>
    <row r="10407" spans="1:3" ht="19.2">
      <c r="A10407" s="2"/>
      <c r="B10407" s="2"/>
      <c r="C10407" s="2"/>
    </row>
    <row r="10408" spans="1:3" ht="19.2">
      <c r="A10408" s="2"/>
      <c r="B10408" s="2"/>
      <c r="C10408" s="2"/>
    </row>
    <row r="10409" spans="1:3" ht="19.2">
      <c r="A10409" s="2"/>
      <c r="B10409" s="2"/>
      <c r="C10409" s="2"/>
    </row>
    <row r="10410" spans="1:3" ht="19.2">
      <c r="A10410" s="2"/>
      <c r="B10410" s="2"/>
      <c r="C10410" s="2"/>
    </row>
    <row r="10411" spans="1:3" ht="19.2">
      <c r="A10411" s="2"/>
      <c r="B10411" s="2"/>
      <c r="C10411" s="2"/>
    </row>
    <row r="10412" spans="1:3" ht="19.2">
      <c r="A10412" s="2"/>
      <c r="B10412" s="2"/>
      <c r="C10412" s="2"/>
    </row>
    <row r="10413" spans="1:3" ht="19.2">
      <c r="A10413" s="2"/>
      <c r="B10413" s="2"/>
      <c r="C10413" s="2"/>
    </row>
    <row r="10414" spans="1:3" ht="19.2">
      <c r="A10414" s="2"/>
      <c r="B10414" s="2"/>
      <c r="C10414" s="2"/>
    </row>
    <row r="10415" spans="1:3" ht="19.2">
      <c r="A10415" s="2"/>
      <c r="B10415" s="2"/>
      <c r="C10415" s="2"/>
    </row>
    <row r="10416" spans="1:3" ht="19.2">
      <c r="A10416" s="2"/>
      <c r="B10416" s="2"/>
      <c r="C10416" s="2"/>
    </row>
    <row r="10417" spans="1:3" ht="19.2">
      <c r="A10417" s="2"/>
      <c r="B10417" s="2"/>
      <c r="C10417" s="2"/>
    </row>
    <row r="10418" spans="1:3" ht="19.2">
      <c r="A10418" s="2"/>
      <c r="B10418" s="2"/>
      <c r="C10418" s="2"/>
    </row>
    <row r="10419" spans="1:3" ht="19.2">
      <c r="A10419" s="2"/>
      <c r="B10419" s="2"/>
      <c r="C10419" s="2"/>
    </row>
    <row r="10420" spans="1:3" ht="19.2">
      <c r="A10420" s="2"/>
      <c r="B10420" s="2"/>
      <c r="C10420" s="2"/>
    </row>
    <row r="10421" spans="1:3" ht="19.2">
      <c r="A10421" s="2"/>
      <c r="B10421" s="2"/>
      <c r="C10421" s="2"/>
    </row>
    <row r="10422" spans="1:3" ht="19.2">
      <c r="A10422" s="2"/>
      <c r="B10422" s="2"/>
      <c r="C10422" s="2"/>
    </row>
    <row r="10423" spans="1:3" ht="19.2">
      <c r="A10423" s="2"/>
      <c r="B10423" s="2"/>
      <c r="C10423" s="2"/>
    </row>
    <row r="10424" spans="1:3" ht="19.2">
      <c r="A10424" s="2"/>
      <c r="B10424" s="2"/>
      <c r="C10424" s="2"/>
    </row>
    <row r="10425" spans="1:3" ht="19.2">
      <c r="A10425" s="2"/>
      <c r="B10425" s="2"/>
      <c r="C10425" s="2"/>
    </row>
    <row r="10426" spans="1:3" ht="19.2">
      <c r="A10426" s="2"/>
      <c r="B10426" s="2"/>
      <c r="C10426" s="2"/>
    </row>
    <row r="10427" spans="1:3" ht="19.2">
      <c r="A10427" s="2"/>
      <c r="B10427" s="2"/>
      <c r="C10427" s="2"/>
    </row>
    <row r="10428" spans="1:3" ht="19.2">
      <c r="A10428" s="2"/>
      <c r="B10428" s="2"/>
      <c r="C10428" s="2"/>
    </row>
    <row r="10429" spans="1:3" ht="19.2">
      <c r="A10429" s="2"/>
      <c r="B10429" s="2"/>
      <c r="C10429" s="2"/>
    </row>
    <row r="10430" spans="1:3" ht="19.2">
      <c r="A10430" s="2"/>
      <c r="B10430" s="2"/>
      <c r="C10430" s="2"/>
    </row>
    <row r="10431" spans="1:3" ht="19.2">
      <c r="A10431" s="2"/>
      <c r="B10431" s="2"/>
      <c r="C10431" s="2"/>
    </row>
    <row r="10432" spans="1:3" ht="19.2">
      <c r="A10432" s="2"/>
      <c r="B10432" s="2"/>
      <c r="C10432" s="2"/>
    </row>
    <row r="10433" spans="1:3" ht="19.2">
      <c r="A10433" s="2"/>
      <c r="B10433" s="2"/>
      <c r="C10433" s="2"/>
    </row>
    <row r="10434" spans="1:3" ht="19.2">
      <c r="A10434" s="2"/>
      <c r="B10434" s="2"/>
      <c r="C10434" s="2"/>
    </row>
    <row r="10435" spans="1:3" ht="19.2">
      <c r="A10435" s="2"/>
      <c r="B10435" s="2"/>
      <c r="C10435" s="2"/>
    </row>
    <row r="10436" spans="1:3" ht="19.2">
      <c r="A10436" s="2"/>
      <c r="B10436" s="2"/>
      <c r="C10436" s="2"/>
    </row>
    <row r="10437" spans="1:3" ht="19.2">
      <c r="A10437" s="2"/>
      <c r="B10437" s="2"/>
      <c r="C10437" s="2"/>
    </row>
    <row r="10438" spans="1:3" ht="19.2">
      <c r="A10438" s="2"/>
      <c r="B10438" s="2"/>
      <c r="C10438" s="2"/>
    </row>
    <row r="10439" spans="1:3" ht="19.2">
      <c r="A10439" s="2"/>
      <c r="B10439" s="2"/>
      <c r="C10439" s="2"/>
    </row>
    <row r="10440" spans="1:3" ht="19.2">
      <c r="A10440" s="2"/>
      <c r="B10440" s="2"/>
      <c r="C10440" s="2"/>
    </row>
    <row r="10441" spans="1:3" ht="19.2">
      <c r="A10441" s="2"/>
      <c r="B10441" s="2"/>
      <c r="C10441" s="2"/>
    </row>
    <row r="10442" spans="1:3" ht="19.2">
      <c r="A10442" s="2"/>
      <c r="B10442" s="2"/>
      <c r="C10442" s="2"/>
    </row>
    <row r="10443" spans="1:3" ht="19.2">
      <c r="A10443" s="2"/>
      <c r="B10443" s="2"/>
      <c r="C10443" s="2"/>
    </row>
    <row r="10444" spans="1:3" ht="19.2">
      <c r="A10444" s="2"/>
      <c r="B10444" s="2"/>
      <c r="C10444" s="2"/>
    </row>
    <row r="10445" spans="1:3" ht="19.2">
      <c r="A10445" s="2"/>
      <c r="B10445" s="2"/>
      <c r="C10445" s="2"/>
    </row>
    <row r="10446" spans="1:3" ht="19.2">
      <c r="A10446" s="2"/>
      <c r="B10446" s="2"/>
      <c r="C10446" s="2"/>
    </row>
    <row r="10447" spans="1:3" ht="19.2">
      <c r="A10447" s="2"/>
      <c r="B10447" s="2"/>
      <c r="C10447" s="2"/>
    </row>
    <row r="10448" spans="1:3" ht="19.2">
      <c r="A10448" s="2"/>
      <c r="B10448" s="2"/>
      <c r="C10448" s="2"/>
    </row>
    <row r="10449" spans="1:3" ht="19.2">
      <c r="A10449" s="2"/>
      <c r="B10449" s="2"/>
      <c r="C10449" s="2"/>
    </row>
    <row r="10450" spans="1:3" ht="19.2">
      <c r="A10450" s="2"/>
      <c r="B10450" s="2"/>
      <c r="C10450" s="2"/>
    </row>
    <row r="10451" spans="1:3" ht="19.2">
      <c r="A10451" s="2"/>
      <c r="B10451" s="2"/>
      <c r="C10451" s="2"/>
    </row>
    <row r="10452" spans="1:3" ht="19.2">
      <c r="A10452" s="2"/>
      <c r="B10452" s="2"/>
      <c r="C10452" s="2"/>
    </row>
    <row r="10453" spans="1:3" ht="19.2">
      <c r="A10453" s="2"/>
      <c r="B10453" s="2"/>
      <c r="C10453" s="2"/>
    </row>
    <row r="10454" spans="1:3" ht="19.2">
      <c r="A10454" s="2"/>
      <c r="B10454" s="2"/>
      <c r="C10454" s="2"/>
    </row>
    <row r="10455" spans="1:3" ht="19.2">
      <c r="A10455" s="2"/>
      <c r="B10455" s="2"/>
      <c r="C10455" s="2"/>
    </row>
    <row r="10456" spans="1:3" ht="19.2">
      <c r="A10456" s="2"/>
      <c r="B10456" s="2"/>
      <c r="C10456" s="2"/>
    </row>
    <row r="10457" spans="1:3" ht="19.2">
      <c r="A10457" s="2"/>
      <c r="B10457" s="2"/>
      <c r="C10457" s="2"/>
    </row>
    <row r="10458" spans="1:3" ht="19.2">
      <c r="A10458" s="2"/>
      <c r="B10458" s="2"/>
      <c r="C10458" s="2"/>
    </row>
    <row r="10459" spans="1:3" ht="19.2">
      <c r="A10459" s="2"/>
      <c r="B10459" s="2"/>
      <c r="C10459" s="2"/>
    </row>
    <row r="10460" spans="1:3" ht="19.2">
      <c r="A10460" s="2"/>
      <c r="B10460" s="2"/>
      <c r="C10460" s="2"/>
    </row>
    <row r="10461" spans="1:3" ht="19.2">
      <c r="A10461" s="2"/>
      <c r="B10461" s="2"/>
      <c r="C10461" s="2"/>
    </row>
    <row r="10462" spans="1:3" ht="19.2">
      <c r="A10462" s="2"/>
      <c r="B10462" s="2"/>
      <c r="C10462" s="2"/>
    </row>
    <row r="10463" spans="1:3" ht="19.2">
      <c r="A10463" s="2"/>
      <c r="B10463" s="2"/>
      <c r="C10463" s="2"/>
    </row>
    <row r="10464" spans="1:3" ht="19.2">
      <c r="A10464" s="2"/>
      <c r="B10464" s="2"/>
      <c r="C10464" s="2"/>
    </row>
    <row r="10465" spans="1:3" ht="19.2">
      <c r="A10465" s="2"/>
      <c r="B10465" s="2"/>
      <c r="C10465" s="2"/>
    </row>
    <row r="10466" spans="1:3" ht="19.2">
      <c r="A10466" s="2"/>
      <c r="B10466" s="2"/>
      <c r="C10466" s="2"/>
    </row>
    <row r="10467" spans="1:3" ht="19.2">
      <c r="A10467" s="2"/>
      <c r="B10467" s="2"/>
      <c r="C10467" s="2"/>
    </row>
    <row r="10468" spans="1:3" ht="19.2">
      <c r="A10468" s="2"/>
      <c r="B10468" s="2"/>
      <c r="C10468" s="2"/>
    </row>
    <row r="10469" spans="1:3" ht="19.2">
      <c r="A10469" s="2"/>
      <c r="B10469" s="2"/>
      <c r="C10469" s="2"/>
    </row>
    <row r="10470" spans="1:3" ht="19.2">
      <c r="A10470" s="2"/>
      <c r="B10470" s="2"/>
      <c r="C10470" s="2"/>
    </row>
    <row r="10471" spans="1:3" ht="19.2">
      <c r="A10471" s="2"/>
      <c r="B10471" s="2"/>
      <c r="C10471" s="2"/>
    </row>
    <row r="10472" spans="1:3" ht="19.2">
      <c r="A10472" s="2"/>
      <c r="B10472" s="2"/>
      <c r="C10472" s="2"/>
    </row>
    <row r="10473" spans="1:3" ht="19.2">
      <c r="A10473" s="2"/>
      <c r="B10473" s="2"/>
      <c r="C10473" s="2"/>
    </row>
    <row r="10474" spans="1:3" ht="19.2">
      <c r="A10474" s="2"/>
      <c r="B10474" s="2"/>
      <c r="C10474" s="2"/>
    </row>
    <row r="10475" spans="1:3" ht="19.2">
      <c r="A10475" s="2"/>
      <c r="B10475" s="2"/>
      <c r="C10475" s="2"/>
    </row>
    <row r="10476" spans="1:3" ht="19.2">
      <c r="A10476" s="2"/>
      <c r="B10476" s="2"/>
      <c r="C10476" s="2"/>
    </row>
    <row r="10477" spans="1:3" ht="19.2">
      <c r="A10477" s="2"/>
      <c r="B10477" s="2"/>
      <c r="C10477" s="2"/>
    </row>
    <row r="10478" spans="1:3" ht="19.2">
      <c r="A10478" s="2"/>
      <c r="B10478" s="2"/>
      <c r="C10478" s="2"/>
    </row>
    <row r="10479" spans="1:3" ht="19.2">
      <c r="A10479" s="2"/>
      <c r="B10479" s="2"/>
      <c r="C10479" s="2"/>
    </row>
    <row r="10480" spans="1:3" ht="19.2">
      <c r="A10480" s="2"/>
      <c r="B10480" s="2"/>
      <c r="C10480" s="2"/>
    </row>
    <row r="10481" spans="1:3" ht="19.2">
      <c r="A10481" s="2"/>
      <c r="B10481" s="2"/>
      <c r="C10481" s="2"/>
    </row>
    <row r="10482" spans="1:3" ht="19.2">
      <c r="A10482" s="2"/>
      <c r="B10482" s="2"/>
      <c r="C10482" s="2"/>
    </row>
    <row r="10483" spans="1:3" ht="19.2">
      <c r="A10483" s="2"/>
      <c r="B10483" s="2"/>
      <c r="C10483" s="2"/>
    </row>
    <row r="10484" spans="1:3" ht="19.2">
      <c r="A10484" s="2"/>
      <c r="B10484" s="2"/>
      <c r="C10484" s="2"/>
    </row>
    <row r="10485" spans="1:3" ht="19.2">
      <c r="A10485" s="2"/>
      <c r="B10485" s="2"/>
      <c r="C10485" s="2"/>
    </row>
    <row r="10486" spans="1:3" ht="19.2">
      <c r="A10486" s="2"/>
      <c r="B10486" s="2"/>
      <c r="C10486" s="2"/>
    </row>
    <row r="10487" spans="1:3" ht="19.2">
      <c r="A10487" s="2"/>
      <c r="B10487" s="2"/>
      <c r="C10487" s="2"/>
    </row>
    <row r="10488" spans="1:3" ht="19.2">
      <c r="A10488" s="2"/>
      <c r="B10488" s="2"/>
      <c r="C10488" s="2"/>
    </row>
    <row r="10489" spans="1:3" ht="19.2">
      <c r="A10489" s="2"/>
      <c r="B10489" s="2"/>
      <c r="C10489" s="2"/>
    </row>
    <row r="10490" spans="1:3" ht="19.2">
      <c r="A10490" s="2"/>
      <c r="B10490" s="2"/>
      <c r="C10490" s="2"/>
    </row>
    <row r="10491" spans="1:3" ht="19.2">
      <c r="A10491" s="2"/>
      <c r="B10491" s="2"/>
      <c r="C10491" s="2"/>
    </row>
    <row r="10492" spans="1:3" ht="19.2">
      <c r="A10492" s="2"/>
      <c r="B10492" s="2"/>
      <c r="C10492" s="2"/>
    </row>
    <row r="10493" spans="1:3" ht="19.2">
      <c r="A10493" s="2"/>
      <c r="B10493" s="2"/>
      <c r="C10493" s="2"/>
    </row>
    <row r="10494" spans="1:3" ht="19.2">
      <c r="A10494" s="2"/>
      <c r="B10494" s="2"/>
      <c r="C10494" s="2"/>
    </row>
    <row r="10495" spans="1:3" ht="19.2">
      <c r="A10495" s="2"/>
      <c r="B10495" s="2"/>
      <c r="C10495" s="2"/>
    </row>
    <row r="10496" spans="1:3" ht="19.2">
      <c r="A10496" s="2"/>
      <c r="B10496" s="2"/>
      <c r="C10496" s="2"/>
    </row>
    <row r="10497" spans="1:3" ht="19.2">
      <c r="A10497" s="2"/>
      <c r="B10497" s="2"/>
      <c r="C10497" s="2"/>
    </row>
    <row r="10498" spans="1:3" ht="19.2">
      <c r="A10498" s="2"/>
      <c r="B10498" s="2"/>
      <c r="C10498" s="2"/>
    </row>
    <row r="10499" spans="1:3" ht="19.2">
      <c r="A10499" s="2"/>
      <c r="B10499" s="2"/>
      <c r="C10499" s="2"/>
    </row>
    <row r="10500" spans="1:3" ht="19.2">
      <c r="A10500" s="2"/>
      <c r="B10500" s="2"/>
      <c r="C10500" s="2"/>
    </row>
    <row r="10501" spans="1:3" ht="19.2">
      <c r="A10501" s="2"/>
      <c r="B10501" s="2"/>
      <c r="C10501" s="2"/>
    </row>
    <row r="10502" spans="1:3" ht="19.2">
      <c r="A10502" s="2"/>
      <c r="B10502" s="2"/>
      <c r="C10502" s="2"/>
    </row>
    <row r="10503" spans="1:3" ht="19.2">
      <c r="A10503" s="2"/>
      <c r="B10503" s="2"/>
      <c r="C10503" s="2"/>
    </row>
    <row r="10504" spans="1:3" ht="19.2">
      <c r="A10504" s="2"/>
      <c r="B10504" s="2"/>
      <c r="C10504" s="2"/>
    </row>
    <row r="10505" spans="1:3" ht="19.2">
      <c r="A10505" s="2"/>
      <c r="B10505" s="2"/>
      <c r="C10505" s="2"/>
    </row>
    <row r="10506" spans="1:3" ht="19.2">
      <c r="A10506" s="2"/>
      <c r="B10506" s="2"/>
      <c r="C10506" s="2"/>
    </row>
    <row r="10507" spans="1:3" ht="19.2">
      <c r="A10507" s="2"/>
      <c r="B10507" s="2"/>
      <c r="C10507" s="2"/>
    </row>
    <row r="10508" spans="1:3" ht="19.2">
      <c r="A10508" s="2"/>
      <c r="B10508" s="2"/>
      <c r="C10508" s="2"/>
    </row>
    <row r="10509" spans="1:3" ht="19.2">
      <c r="A10509" s="2"/>
      <c r="B10509" s="2"/>
      <c r="C10509" s="2"/>
    </row>
    <row r="10510" spans="1:3" ht="19.2">
      <c r="A10510" s="2"/>
      <c r="B10510" s="2"/>
      <c r="C10510" s="2"/>
    </row>
    <row r="10511" spans="1:3" ht="19.2">
      <c r="A10511" s="2"/>
      <c r="B10511" s="2"/>
      <c r="C10511" s="2"/>
    </row>
    <row r="10512" spans="1:3" ht="19.2">
      <c r="A10512" s="2"/>
      <c r="B10512" s="2"/>
      <c r="C10512" s="2"/>
    </row>
    <row r="10513" spans="1:3" ht="19.2">
      <c r="A10513" s="2"/>
      <c r="B10513" s="2"/>
      <c r="C10513" s="2"/>
    </row>
    <row r="10514" spans="1:3" ht="19.2">
      <c r="A10514" s="2"/>
      <c r="B10514" s="2"/>
      <c r="C10514" s="2"/>
    </row>
    <row r="10515" spans="1:3" ht="19.2">
      <c r="A10515" s="2"/>
      <c r="B10515" s="2"/>
      <c r="C10515" s="2"/>
    </row>
    <row r="10516" spans="1:3" ht="19.2">
      <c r="A10516" s="2"/>
      <c r="B10516" s="2"/>
      <c r="C10516" s="2"/>
    </row>
    <row r="10517" spans="1:3" ht="19.2">
      <c r="A10517" s="2"/>
      <c r="B10517" s="2"/>
      <c r="C10517" s="2"/>
    </row>
    <row r="10518" spans="1:3" ht="19.2">
      <c r="A10518" s="2"/>
      <c r="B10518" s="2"/>
      <c r="C10518" s="2"/>
    </row>
    <row r="10519" spans="1:3" ht="19.2">
      <c r="A10519" s="2"/>
      <c r="B10519" s="2"/>
      <c r="C10519" s="2"/>
    </row>
    <row r="10520" spans="1:3" ht="19.2">
      <c r="A10520" s="2"/>
      <c r="B10520" s="2"/>
      <c r="C10520" s="2"/>
    </row>
    <row r="10521" spans="1:3" ht="19.2">
      <c r="A10521" s="2"/>
      <c r="B10521" s="2"/>
      <c r="C10521" s="2"/>
    </row>
    <row r="10522" spans="1:3" ht="19.2">
      <c r="A10522" s="2"/>
      <c r="B10522" s="2"/>
      <c r="C10522" s="2"/>
    </row>
    <row r="10523" spans="1:3" ht="19.2">
      <c r="A10523" s="2"/>
      <c r="B10523" s="2"/>
      <c r="C10523" s="2"/>
    </row>
    <row r="10524" spans="1:3" ht="19.2">
      <c r="A10524" s="2"/>
      <c r="B10524" s="2"/>
      <c r="C10524" s="2"/>
    </row>
    <row r="10525" spans="1:3" ht="19.2">
      <c r="A10525" s="2"/>
      <c r="B10525" s="2"/>
      <c r="C10525" s="2"/>
    </row>
    <row r="10526" spans="1:3" ht="19.2">
      <c r="A10526" s="2"/>
      <c r="B10526" s="2"/>
      <c r="C10526" s="2"/>
    </row>
    <row r="10527" spans="1:3" ht="19.2">
      <c r="A10527" s="2"/>
      <c r="B10527" s="2"/>
      <c r="C10527" s="2"/>
    </row>
    <row r="10528" spans="1:3" ht="19.2">
      <c r="A10528" s="2"/>
      <c r="B10528" s="2"/>
      <c r="C10528" s="2"/>
    </row>
    <row r="10529" spans="1:3" ht="19.2">
      <c r="A10529" s="2"/>
      <c r="B10529" s="2"/>
      <c r="C10529" s="2"/>
    </row>
    <row r="10530" spans="1:3" ht="19.2">
      <c r="A10530" s="2"/>
      <c r="B10530" s="2"/>
      <c r="C10530" s="2"/>
    </row>
    <row r="10531" spans="1:3" ht="19.2">
      <c r="A10531" s="2"/>
      <c r="B10531" s="2"/>
      <c r="C10531" s="2"/>
    </row>
    <row r="10532" spans="1:3" ht="19.2">
      <c r="A10532" s="2"/>
      <c r="B10532" s="2"/>
      <c r="C10532" s="2"/>
    </row>
    <row r="10533" spans="1:3" ht="19.2">
      <c r="A10533" s="2"/>
      <c r="B10533" s="2"/>
      <c r="C10533" s="2"/>
    </row>
    <row r="10534" spans="1:3" ht="19.2">
      <c r="A10534" s="2"/>
      <c r="B10534" s="2"/>
      <c r="C10534" s="2"/>
    </row>
    <row r="10535" spans="1:3" ht="19.2">
      <c r="A10535" s="2"/>
      <c r="B10535" s="2"/>
      <c r="C10535" s="2"/>
    </row>
    <row r="10536" spans="1:3" ht="19.2">
      <c r="A10536" s="2"/>
      <c r="B10536" s="2"/>
      <c r="C10536" s="2"/>
    </row>
    <row r="10537" spans="1:3" ht="19.2">
      <c r="A10537" s="2"/>
      <c r="B10537" s="2"/>
      <c r="C10537" s="2"/>
    </row>
    <row r="10538" spans="1:3" ht="19.2">
      <c r="A10538" s="2"/>
      <c r="B10538" s="2"/>
      <c r="C10538" s="2"/>
    </row>
    <row r="10539" spans="1:3" ht="19.2">
      <c r="A10539" s="2"/>
      <c r="B10539" s="2"/>
      <c r="C10539" s="2"/>
    </row>
    <row r="10540" spans="1:3" ht="19.2">
      <c r="A10540" s="2"/>
      <c r="B10540" s="2"/>
      <c r="C10540" s="2"/>
    </row>
    <row r="10541" spans="1:3" ht="19.2">
      <c r="A10541" s="2"/>
      <c r="B10541" s="2"/>
      <c r="C10541" s="2"/>
    </row>
    <row r="10542" spans="1:3" ht="19.2">
      <c r="A10542" s="2"/>
      <c r="B10542" s="2"/>
      <c r="C10542" s="2"/>
    </row>
    <row r="10543" spans="1:3" ht="19.2">
      <c r="A10543" s="2"/>
      <c r="B10543" s="2"/>
      <c r="C10543" s="2"/>
    </row>
    <row r="10544" spans="1:3" ht="19.2">
      <c r="A10544" s="2"/>
      <c r="B10544" s="2"/>
      <c r="C10544" s="2"/>
    </row>
    <row r="10545" spans="1:3" ht="19.2">
      <c r="A10545" s="2"/>
      <c r="B10545" s="2"/>
      <c r="C10545" s="2"/>
    </row>
    <row r="10546" spans="1:3" ht="19.2">
      <c r="A10546" s="2"/>
      <c r="B10546" s="2"/>
      <c r="C10546" s="2"/>
    </row>
    <row r="10547" spans="1:3" ht="19.2">
      <c r="A10547" s="2"/>
      <c r="B10547" s="2"/>
      <c r="C10547" s="2"/>
    </row>
    <row r="10548" spans="1:3" ht="19.2">
      <c r="A10548" s="2"/>
      <c r="B10548" s="2"/>
      <c r="C10548" s="2"/>
    </row>
    <row r="10549" spans="1:3" ht="19.2">
      <c r="A10549" s="2"/>
      <c r="B10549" s="2"/>
      <c r="C10549" s="2"/>
    </row>
    <row r="10550" spans="1:3" ht="19.2">
      <c r="A10550" s="2"/>
      <c r="B10550" s="2"/>
      <c r="C10550" s="2"/>
    </row>
    <row r="10551" spans="1:3" ht="19.2">
      <c r="A10551" s="2"/>
      <c r="B10551" s="2"/>
      <c r="C10551" s="2"/>
    </row>
    <row r="10552" spans="1:3" ht="19.2">
      <c r="A10552" s="2"/>
      <c r="B10552" s="2"/>
      <c r="C10552" s="2"/>
    </row>
    <row r="10553" spans="1:3" ht="19.2">
      <c r="A10553" s="2"/>
      <c r="B10553" s="2"/>
      <c r="C10553" s="2"/>
    </row>
    <row r="10554" spans="1:3" ht="19.2">
      <c r="A10554" s="2"/>
      <c r="B10554" s="2"/>
      <c r="C10554" s="2"/>
    </row>
    <row r="10555" spans="1:3" ht="19.2">
      <c r="A10555" s="2"/>
      <c r="B10555" s="2"/>
      <c r="C10555" s="2"/>
    </row>
    <row r="10556" spans="1:3" ht="19.2">
      <c r="A10556" s="2"/>
      <c r="B10556" s="2"/>
      <c r="C10556" s="2"/>
    </row>
    <row r="10557" spans="1:3" ht="19.2">
      <c r="A10557" s="2"/>
      <c r="B10557" s="2"/>
      <c r="C10557" s="2"/>
    </row>
    <row r="10558" spans="1:3" ht="19.2">
      <c r="A10558" s="2"/>
      <c r="B10558" s="2"/>
      <c r="C10558" s="2"/>
    </row>
    <row r="10559" spans="1:3" ht="19.2">
      <c r="A10559" s="2"/>
      <c r="B10559" s="2"/>
      <c r="C10559" s="2"/>
    </row>
    <row r="10560" spans="1:3" ht="19.2">
      <c r="A10560" s="2"/>
      <c r="B10560" s="2"/>
      <c r="C10560" s="2"/>
    </row>
    <row r="10561" spans="1:3" ht="19.2">
      <c r="A10561" s="2"/>
      <c r="B10561" s="2"/>
      <c r="C10561" s="2"/>
    </row>
    <row r="10562" spans="1:3" ht="19.2">
      <c r="A10562" s="2"/>
      <c r="B10562" s="2"/>
      <c r="C10562" s="2"/>
    </row>
    <row r="10563" spans="1:3" ht="19.2">
      <c r="A10563" s="2"/>
      <c r="B10563" s="2"/>
      <c r="C10563" s="2"/>
    </row>
    <row r="10564" spans="1:3" ht="19.2">
      <c r="A10564" s="2"/>
      <c r="B10564" s="2"/>
      <c r="C10564" s="2"/>
    </row>
    <row r="10565" spans="1:3" ht="19.2">
      <c r="A10565" s="2"/>
      <c r="B10565" s="2"/>
      <c r="C10565" s="2"/>
    </row>
    <row r="10566" spans="1:3" ht="19.2">
      <c r="A10566" s="2"/>
      <c r="B10566" s="2"/>
      <c r="C10566" s="2"/>
    </row>
    <row r="10567" spans="1:3" ht="19.2">
      <c r="A10567" s="2"/>
      <c r="B10567" s="2"/>
      <c r="C10567" s="2"/>
    </row>
    <row r="10568" spans="1:3" ht="19.2">
      <c r="A10568" s="2"/>
      <c r="B10568" s="2"/>
      <c r="C10568" s="2"/>
    </row>
    <row r="10569" spans="1:3" ht="19.2">
      <c r="A10569" s="2"/>
      <c r="B10569" s="2"/>
      <c r="C10569" s="2"/>
    </row>
    <row r="10570" spans="1:3" ht="19.2">
      <c r="A10570" s="2"/>
      <c r="B10570" s="2"/>
      <c r="C10570" s="2"/>
    </row>
    <row r="10571" spans="1:3" ht="19.2">
      <c r="A10571" s="2"/>
      <c r="B10571" s="2"/>
      <c r="C10571" s="2"/>
    </row>
    <row r="10572" spans="1:3" ht="19.2">
      <c r="A10572" s="2"/>
      <c r="B10572" s="2"/>
      <c r="C10572" s="2"/>
    </row>
    <row r="10573" spans="1:3" ht="19.2">
      <c r="A10573" s="2"/>
      <c r="B10573" s="2"/>
      <c r="C10573" s="2"/>
    </row>
    <row r="10574" spans="1:3" ht="19.2">
      <c r="A10574" s="2"/>
      <c r="B10574" s="2"/>
      <c r="C10574" s="2"/>
    </row>
    <row r="10575" spans="1:3" ht="19.2">
      <c r="A10575" s="2"/>
      <c r="B10575" s="2"/>
      <c r="C10575" s="2"/>
    </row>
    <row r="10576" spans="1:3" ht="19.2">
      <c r="A10576" s="2"/>
      <c r="B10576" s="2"/>
      <c r="C10576" s="2"/>
    </row>
    <row r="10577" spans="1:3" ht="19.2">
      <c r="A10577" s="2"/>
      <c r="B10577" s="2"/>
      <c r="C10577" s="2"/>
    </row>
    <row r="10578" spans="1:3" ht="19.2">
      <c r="A10578" s="2"/>
      <c r="B10578" s="2"/>
      <c r="C10578" s="2"/>
    </row>
    <row r="10579" spans="1:3" ht="19.2">
      <c r="A10579" s="2"/>
      <c r="B10579" s="2"/>
      <c r="C10579" s="2"/>
    </row>
    <row r="10580" spans="1:3" ht="19.2">
      <c r="A10580" s="2"/>
      <c r="B10580" s="2"/>
      <c r="C10580" s="2"/>
    </row>
    <row r="10581" spans="1:3" ht="19.2">
      <c r="A10581" s="2"/>
      <c r="B10581" s="2"/>
      <c r="C10581" s="2"/>
    </row>
    <row r="10582" spans="1:3" ht="19.2">
      <c r="A10582" s="2"/>
      <c r="B10582" s="2"/>
      <c r="C10582" s="2"/>
    </row>
    <row r="10583" spans="1:3" ht="19.2">
      <c r="A10583" s="2"/>
      <c r="B10583" s="2"/>
      <c r="C10583" s="2"/>
    </row>
    <row r="10584" spans="1:3" ht="19.2">
      <c r="A10584" s="2"/>
      <c r="B10584" s="2"/>
      <c r="C10584" s="2"/>
    </row>
    <row r="10585" spans="1:3" ht="19.2">
      <c r="A10585" s="2"/>
      <c r="B10585" s="2"/>
      <c r="C10585" s="2"/>
    </row>
    <row r="10586" spans="1:3" ht="19.2">
      <c r="A10586" s="2"/>
      <c r="B10586" s="2"/>
      <c r="C10586" s="2"/>
    </row>
    <row r="10587" spans="1:3" ht="19.2">
      <c r="A10587" s="2"/>
      <c r="B10587" s="2"/>
      <c r="C10587" s="2"/>
    </row>
    <row r="10588" spans="1:3" ht="19.2">
      <c r="A10588" s="2"/>
      <c r="B10588" s="2"/>
      <c r="C10588" s="2"/>
    </row>
    <row r="10589" spans="1:3" ht="19.2">
      <c r="A10589" s="2"/>
      <c r="B10589" s="2"/>
      <c r="C10589" s="2"/>
    </row>
    <row r="10590" spans="1:3" ht="19.2">
      <c r="A10590" s="2"/>
      <c r="B10590" s="2"/>
      <c r="C10590" s="2"/>
    </row>
    <row r="10591" spans="1:3" ht="19.2">
      <c r="A10591" s="2"/>
      <c r="B10591" s="2"/>
      <c r="C10591" s="2"/>
    </row>
    <row r="10592" spans="1:3" ht="19.2">
      <c r="A10592" s="2"/>
      <c r="B10592" s="2"/>
      <c r="C10592" s="2"/>
    </row>
    <row r="10593" spans="1:3" ht="19.2">
      <c r="A10593" s="2"/>
      <c r="B10593" s="2"/>
      <c r="C10593" s="2"/>
    </row>
    <row r="10594" spans="1:3" ht="19.2">
      <c r="A10594" s="2"/>
      <c r="B10594" s="2"/>
      <c r="C10594" s="2"/>
    </row>
    <row r="10595" spans="1:3" ht="19.2">
      <c r="A10595" s="2"/>
      <c r="B10595" s="2"/>
      <c r="C10595" s="2"/>
    </row>
    <row r="10596" spans="1:3" ht="19.2">
      <c r="A10596" s="2"/>
      <c r="B10596" s="2"/>
      <c r="C10596" s="2"/>
    </row>
    <row r="10597" spans="1:3" ht="19.2">
      <c r="A10597" s="2"/>
      <c r="B10597" s="2"/>
      <c r="C10597" s="2"/>
    </row>
    <row r="10598" spans="1:3" ht="19.2">
      <c r="A10598" s="2"/>
      <c r="B10598" s="2"/>
      <c r="C10598" s="2"/>
    </row>
    <row r="10599" spans="1:3" ht="19.2">
      <c r="A10599" s="2"/>
      <c r="B10599" s="2"/>
      <c r="C10599" s="2"/>
    </row>
    <row r="10600" spans="1:3" ht="19.2">
      <c r="A10600" s="2"/>
      <c r="B10600" s="2"/>
      <c r="C10600" s="2"/>
    </row>
    <row r="10601" spans="1:3" ht="19.2">
      <c r="A10601" s="2"/>
      <c r="B10601" s="2"/>
      <c r="C10601" s="2"/>
    </row>
    <row r="10602" spans="1:3" ht="19.2">
      <c r="A10602" s="2"/>
      <c r="B10602" s="2"/>
      <c r="C10602" s="2"/>
    </row>
    <row r="10603" spans="1:3" ht="19.2">
      <c r="A10603" s="2"/>
      <c r="B10603" s="2"/>
      <c r="C10603" s="2"/>
    </row>
    <row r="10604" spans="1:3" ht="19.2">
      <c r="A10604" s="2"/>
      <c r="B10604" s="2"/>
      <c r="C10604" s="2"/>
    </row>
    <row r="10605" spans="1:3" ht="19.2">
      <c r="A10605" s="2"/>
      <c r="B10605" s="2"/>
      <c r="C10605" s="2"/>
    </row>
    <row r="10606" spans="1:3" ht="19.2">
      <c r="A10606" s="2"/>
      <c r="B10606" s="2"/>
      <c r="C10606" s="2"/>
    </row>
    <row r="10607" spans="1:3" ht="19.2">
      <c r="A10607" s="2"/>
      <c r="B10607" s="2"/>
      <c r="C10607" s="2"/>
    </row>
    <row r="10608" spans="1:3" ht="19.2">
      <c r="A10608" s="2"/>
      <c r="B10608" s="2"/>
      <c r="C10608" s="2"/>
    </row>
    <row r="10609" spans="1:3" ht="19.2">
      <c r="A10609" s="2"/>
      <c r="B10609" s="2"/>
      <c r="C10609" s="2"/>
    </row>
    <row r="10610" spans="1:3" ht="19.2">
      <c r="A10610" s="2"/>
      <c r="B10610" s="2"/>
      <c r="C10610" s="2"/>
    </row>
    <row r="10611" spans="1:3" ht="19.2">
      <c r="A10611" s="2"/>
      <c r="B10611" s="2"/>
      <c r="C10611" s="2"/>
    </row>
    <row r="10612" spans="1:3" ht="19.2">
      <c r="A10612" s="2"/>
      <c r="B10612" s="2"/>
      <c r="C10612" s="2"/>
    </row>
    <row r="10613" spans="1:3" ht="19.2">
      <c r="A10613" s="2"/>
      <c r="B10613" s="2"/>
      <c r="C10613" s="2"/>
    </row>
    <row r="10614" spans="1:3" ht="19.2">
      <c r="A10614" s="2"/>
      <c r="B10614" s="2"/>
      <c r="C10614" s="2"/>
    </row>
    <row r="10615" spans="1:3" ht="19.2">
      <c r="A10615" s="2"/>
      <c r="B10615" s="2"/>
      <c r="C10615" s="2"/>
    </row>
    <row r="10616" spans="1:3" ht="19.2">
      <c r="A10616" s="2"/>
      <c r="B10616" s="2"/>
      <c r="C10616" s="2"/>
    </row>
    <row r="10617" spans="1:3" ht="19.2">
      <c r="A10617" s="2"/>
      <c r="B10617" s="2"/>
      <c r="C10617" s="2"/>
    </row>
    <row r="10618" spans="1:3" ht="19.2">
      <c r="A10618" s="2"/>
      <c r="B10618" s="2"/>
      <c r="C10618" s="2"/>
    </row>
    <row r="10619" spans="1:3" ht="19.2">
      <c r="A10619" s="2"/>
      <c r="B10619" s="2"/>
      <c r="C10619" s="2"/>
    </row>
    <row r="10620" spans="1:3" ht="19.2">
      <c r="A10620" s="2"/>
      <c r="B10620" s="2"/>
      <c r="C10620" s="2"/>
    </row>
    <row r="10621" spans="1:3" ht="19.2">
      <c r="A10621" s="2"/>
      <c r="B10621" s="2"/>
      <c r="C10621" s="2"/>
    </row>
    <row r="10622" spans="1:3" ht="19.2">
      <c r="A10622" s="2"/>
      <c r="B10622" s="2"/>
      <c r="C10622" s="2"/>
    </row>
    <row r="10623" spans="1:3" ht="19.2">
      <c r="A10623" s="2"/>
      <c r="B10623" s="2"/>
      <c r="C10623" s="2"/>
    </row>
    <row r="10624" spans="1:3" ht="19.2">
      <c r="A10624" s="2"/>
      <c r="B10624" s="2"/>
      <c r="C10624" s="2"/>
    </row>
    <row r="10625" spans="1:3" ht="19.2">
      <c r="A10625" s="2"/>
      <c r="B10625" s="2"/>
      <c r="C10625" s="2"/>
    </row>
    <row r="10626" spans="1:3" ht="19.2">
      <c r="A10626" s="2"/>
      <c r="B10626" s="2"/>
      <c r="C10626" s="2"/>
    </row>
    <row r="10627" spans="1:3" ht="19.2">
      <c r="A10627" s="2"/>
      <c r="B10627" s="2"/>
      <c r="C10627" s="2"/>
    </row>
    <row r="10628" spans="1:3" ht="19.2">
      <c r="A10628" s="2"/>
      <c r="B10628" s="2"/>
      <c r="C10628" s="2"/>
    </row>
    <row r="10629" spans="1:3" ht="19.2">
      <c r="A10629" s="2"/>
      <c r="B10629" s="2"/>
      <c r="C10629" s="2"/>
    </row>
    <row r="10630" spans="1:3" ht="19.2">
      <c r="A10630" s="2"/>
      <c r="B10630" s="2"/>
      <c r="C10630" s="2"/>
    </row>
    <row r="10631" spans="1:3" ht="19.2">
      <c r="A10631" s="2"/>
      <c r="B10631" s="2"/>
      <c r="C10631" s="2"/>
    </row>
    <row r="10632" spans="1:3" ht="19.2">
      <c r="A10632" s="2"/>
      <c r="B10632" s="2"/>
      <c r="C10632" s="2"/>
    </row>
    <row r="10633" spans="1:3" ht="19.2">
      <c r="A10633" s="2"/>
      <c r="B10633" s="2"/>
      <c r="C10633" s="2"/>
    </row>
    <row r="10634" spans="1:3" ht="19.2">
      <c r="A10634" s="2"/>
      <c r="B10634" s="2"/>
      <c r="C10634" s="2"/>
    </row>
    <row r="10635" spans="1:3" ht="19.2">
      <c r="A10635" s="2"/>
      <c r="B10635" s="2"/>
      <c r="C10635" s="2"/>
    </row>
    <row r="10636" spans="1:3" ht="19.2">
      <c r="A10636" s="2"/>
      <c r="B10636" s="2"/>
      <c r="C10636" s="2"/>
    </row>
    <row r="10637" spans="1:3" ht="19.2">
      <c r="A10637" s="2"/>
      <c r="B10637" s="2"/>
      <c r="C10637" s="2"/>
    </row>
    <row r="10638" spans="1:3" ht="19.2">
      <c r="A10638" s="2"/>
      <c r="B10638" s="2"/>
      <c r="C10638" s="2"/>
    </row>
    <row r="10639" spans="1:3" ht="19.2">
      <c r="A10639" s="2"/>
      <c r="B10639" s="2"/>
      <c r="C10639" s="2"/>
    </row>
    <row r="10640" spans="1:3" ht="19.2">
      <c r="A10640" s="2"/>
      <c r="B10640" s="2"/>
      <c r="C10640" s="2"/>
    </row>
    <row r="10641" spans="1:3" ht="19.2">
      <c r="A10641" s="2"/>
      <c r="B10641" s="2"/>
      <c r="C10641" s="2"/>
    </row>
    <row r="10642" spans="1:3" ht="19.2">
      <c r="A10642" s="2"/>
      <c r="B10642" s="2"/>
      <c r="C10642" s="2"/>
    </row>
    <row r="10643" spans="1:3" ht="19.2">
      <c r="A10643" s="2"/>
      <c r="B10643" s="2"/>
      <c r="C10643" s="2"/>
    </row>
    <row r="10644" spans="1:3" ht="19.2">
      <c r="A10644" s="2"/>
      <c r="B10644" s="2"/>
      <c r="C10644" s="2"/>
    </row>
    <row r="10645" spans="1:3" ht="19.2">
      <c r="A10645" s="2"/>
      <c r="B10645" s="2"/>
      <c r="C10645" s="2"/>
    </row>
    <row r="10646" spans="1:3" ht="19.2">
      <c r="A10646" s="2"/>
      <c r="B10646" s="2"/>
      <c r="C10646" s="2"/>
    </row>
    <row r="10647" spans="1:3" ht="19.2">
      <c r="A10647" s="2"/>
      <c r="B10647" s="2"/>
      <c r="C10647" s="2"/>
    </row>
    <row r="10648" spans="1:3" ht="19.2">
      <c r="A10648" s="2"/>
      <c r="B10648" s="2"/>
      <c r="C10648" s="2"/>
    </row>
    <row r="10649" spans="1:3" ht="19.2">
      <c r="A10649" s="2"/>
      <c r="B10649" s="2"/>
      <c r="C10649" s="2"/>
    </row>
    <row r="10650" spans="1:3" ht="19.2">
      <c r="A10650" s="2"/>
      <c r="B10650" s="2"/>
      <c r="C10650" s="2"/>
    </row>
    <row r="10651" spans="1:3" ht="19.2">
      <c r="A10651" s="2"/>
      <c r="B10651" s="2"/>
      <c r="C10651" s="2"/>
    </row>
    <row r="10652" spans="1:3" ht="19.2">
      <c r="A10652" s="2"/>
      <c r="B10652" s="2"/>
      <c r="C10652" s="2"/>
    </row>
    <row r="10653" spans="1:3" ht="19.2">
      <c r="A10653" s="2"/>
      <c r="B10653" s="2"/>
      <c r="C10653" s="2"/>
    </row>
    <row r="10654" spans="1:3" ht="19.2">
      <c r="A10654" s="2"/>
      <c r="B10654" s="2"/>
      <c r="C10654" s="2"/>
    </row>
    <row r="10655" spans="1:3" ht="19.2">
      <c r="A10655" s="2"/>
      <c r="B10655" s="2"/>
      <c r="C10655" s="2"/>
    </row>
    <row r="10656" spans="1:3" ht="19.2">
      <c r="A10656" s="2"/>
      <c r="B10656" s="2"/>
      <c r="C10656" s="2"/>
    </row>
    <row r="10657" spans="1:3" ht="19.2">
      <c r="A10657" s="2"/>
      <c r="B10657" s="2"/>
      <c r="C10657" s="2"/>
    </row>
    <row r="10658" spans="1:3" ht="19.2">
      <c r="A10658" s="2"/>
      <c r="B10658" s="2"/>
      <c r="C10658" s="2"/>
    </row>
    <row r="10659" spans="1:3" ht="19.2">
      <c r="A10659" s="2"/>
      <c r="B10659" s="2"/>
      <c r="C10659" s="2"/>
    </row>
    <row r="10660" spans="1:3" ht="19.2">
      <c r="A10660" s="2"/>
      <c r="B10660" s="2"/>
      <c r="C10660" s="2"/>
    </row>
    <row r="10661" spans="1:3" ht="19.2">
      <c r="A10661" s="2"/>
      <c r="B10661" s="2"/>
      <c r="C10661" s="2"/>
    </row>
    <row r="10662" spans="1:3" ht="19.2">
      <c r="A10662" s="2"/>
      <c r="B10662" s="2"/>
      <c r="C10662" s="2"/>
    </row>
    <row r="10663" spans="1:3" ht="19.2">
      <c r="A10663" s="2"/>
      <c r="B10663" s="2"/>
      <c r="C10663" s="2"/>
    </row>
    <row r="10664" spans="1:3" ht="19.2">
      <c r="A10664" s="2"/>
      <c r="B10664" s="2"/>
      <c r="C10664" s="2"/>
    </row>
    <row r="10665" spans="1:3" ht="19.2">
      <c r="A10665" s="2"/>
      <c r="B10665" s="2"/>
      <c r="C10665" s="2"/>
    </row>
    <row r="10666" spans="1:3" ht="19.2">
      <c r="A10666" s="2"/>
      <c r="B10666" s="2"/>
      <c r="C10666" s="2"/>
    </row>
    <row r="10667" spans="1:3" ht="19.2">
      <c r="A10667" s="2"/>
      <c r="B10667" s="2"/>
      <c r="C10667" s="2"/>
    </row>
    <row r="10668" spans="1:3" ht="19.2">
      <c r="A10668" s="2"/>
      <c r="B10668" s="2"/>
      <c r="C10668" s="2"/>
    </row>
    <row r="10669" spans="1:3" ht="19.2">
      <c r="A10669" s="2"/>
      <c r="B10669" s="2"/>
      <c r="C10669" s="2"/>
    </row>
    <row r="10670" spans="1:3" ht="19.2">
      <c r="A10670" s="2"/>
      <c r="B10670" s="2"/>
      <c r="C10670" s="2"/>
    </row>
    <row r="10671" spans="1:3" ht="19.2">
      <c r="A10671" s="2"/>
      <c r="B10671" s="2"/>
      <c r="C10671" s="2"/>
    </row>
    <row r="10672" spans="1:3" ht="19.2">
      <c r="A10672" s="2"/>
      <c r="B10672" s="2"/>
      <c r="C10672" s="2"/>
    </row>
    <row r="10673" spans="1:3" ht="19.2">
      <c r="A10673" s="2"/>
      <c r="B10673" s="2"/>
      <c r="C10673" s="2"/>
    </row>
    <row r="10674" spans="1:3" ht="19.2">
      <c r="A10674" s="2"/>
      <c r="B10674" s="2"/>
      <c r="C10674" s="2"/>
    </row>
    <row r="10675" spans="1:3" ht="19.2">
      <c r="A10675" s="2"/>
      <c r="B10675" s="2"/>
      <c r="C10675" s="2"/>
    </row>
    <row r="10676" spans="1:3" ht="19.2">
      <c r="A10676" s="2"/>
      <c r="B10676" s="2"/>
      <c r="C10676" s="2"/>
    </row>
    <row r="10677" spans="1:3" ht="19.2">
      <c r="A10677" s="2"/>
      <c r="B10677" s="2"/>
      <c r="C10677" s="2"/>
    </row>
    <row r="10678" spans="1:3" ht="19.2">
      <c r="A10678" s="2"/>
      <c r="B10678" s="2"/>
      <c r="C10678" s="2"/>
    </row>
    <row r="10679" spans="1:3" ht="19.2">
      <c r="A10679" s="2"/>
      <c r="B10679" s="2"/>
      <c r="C10679" s="2"/>
    </row>
    <row r="10680" spans="1:3" ht="19.2">
      <c r="A10680" s="2"/>
      <c r="B10680" s="2"/>
      <c r="C10680" s="2"/>
    </row>
    <row r="10681" spans="1:3" ht="19.2">
      <c r="A10681" s="2"/>
      <c r="B10681" s="2"/>
      <c r="C10681" s="2"/>
    </row>
    <row r="10682" spans="1:3" ht="19.2">
      <c r="A10682" s="2"/>
      <c r="B10682" s="2"/>
      <c r="C10682" s="2"/>
    </row>
    <row r="10683" spans="1:3" ht="19.2">
      <c r="A10683" s="2"/>
      <c r="B10683" s="2"/>
      <c r="C10683" s="2"/>
    </row>
    <row r="10684" spans="1:3" ht="19.2">
      <c r="A10684" s="2"/>
      <c r="B10684" s="2"/>
      <c r="C10684" s="2"/>
    </row>
    <row r="10685" spans="1:3" ht="19.2">
      <c r="A10685" s="2"/>
      <c r="B10685" s="2"/>
      <c r="C10685" s="2"/>
    </row>
    <row r="10686" spans="1:3" ht="19.2">
      <c r="A10686" s="2"/>
      <c r="B10686" s="2"/>
      <c r="C10686" s="2"/>
    </row>
    <row r="10687" spans="1:3" ht="19.2">
      <c r="A10687" s="2"/>
      <c r="B10687" s="2"/>
      <c r="C10687" s="2"/>
    </row>
    <row r="10688" spans="1:3" ht="19.2">
      <c r="A10688" s="2"/>
      <c r="B10688" s="2"/>
      <c r="C10688" s="2"/>
    </row>
    <row r="10689" spans="1:3" ht="19.2">
      <c r="A10689" s="2"/>
      <c r="B10689" s="2"/>
      <c r="C10689" s="2"/>
    </row>
    <row r="10690" spans="1:3" ht="19.2">
      <c r="A10690" s="2"/>
      <c r="B10690" s="2"/>
      <c r="C10690" s="2"/>
    </row>
    <row r="10691" spans="1:3" ht="19.2">
      <c r="A10691" s="2"/>
      <c r="B10691" s="2"/>
      <c r="C10691" s="2"/>
    </row>
    <row r="10692" spans="1:3" ht="19.2">
      <c r="A10692" s="2"/>
      <c r="B10692" s="2"/>
      <c r="C10692" s="2"/>
    </row>
    <row r="10693" spans="1:3" ht="19.2">
      <c r="A10693" s="2"/>
      <c r="B10693" s="2"/>
      <c r="C10693" s="2"/>
    </row>
    <row r="10694" spans="1:3" ht="19.2">
      <c r="A10694" s="2"/>
      <c r="B10694" s="2"/>
      <c r="C10694" s="2"/>
    </row>
    <row r="10695" spans="1:3" ht="19.2">
      <c r="A10695" s="2"/>
      <c r="B10695" s="2"/>
      <c r="C10695" s="2"/>
    </row>
    <row r="10696" spans="1:3" ht="19.2">
      <c r="A10696" s="2"/>
      <c r="B10696" s="2"/>
      <c r="C10696" s="2"/>
    </row>
    <row r="10697" spans="1:3" ht="19.2">
      <c r="A10697" s="2"/>
      <c r="B10697" s="2"/>
      <c r="C10697" s="2"/>
    </row>
    <row r="10698" spans="1:3" ht="19.2">
      <c r="A10698" s="2"/>
      <c r="B10698" s="2"/>
      <c r="C10698" s="2"/>
    </row>
    <row r="10699" spans="1:3" ht="19.2">
      <c r="A10699" s="2"/>
      <c r="B10699" s="2"/>
      <c r="C10699" s="2"/>
    </row>
    <row r="10700" spans="1:3" ht="19.2">
      <c r="A10700" s="2"/>
      <c r="B10700" s="2"/>
      <c r="C10700" s="2"/>
    </row>
    <row r="10701" spans="1:3" ht="19.2">
      <c r="A10701" s="2"/>
      <c r="B10701" s="2"/>
      <c r="C10701" s="2"/>
    </row>
    <row r="10702" spans="1:3" ht="19.2">
      <c r="A10702" s="2"/>
      <c r="B10702" s="2"/>
      <c r="C10702" s="2"/>
    </row>
    <row r="10703" spans="1:3" ht="19.2">
      <c r="A10703" s="2"/>
      <c r="B10703" s="2"/>
      <c r="C10703" s="2"/>
    </row>
    <row r="10704" spans="1:3" ht="19.2">
      <c r="A10704" s="2"/>
      <c r="B10704" s="2"/>
      <c r="C10704" s="2"/>
    </row>
    <row r="10705" spans="1:3" ht="19.2">
      <c r="A10705" s="2"/>
      <c r="B10705" s="2"/>
      <c r="C10705" s="2"/>
    </row>
    <row r="10706" spans="1:3" ht="19.2">
      <c r="A10706" s="2"/>
      <c r="B10706" s="2"/>
      <c r="C10706" s="2"/>
    </row>
    <row r="10707" spans="1:3" ht="19.2">
      <c r="A10707" s="2"/>
      <c r="B10707" s="2"/>
      <c r="C10707" s="2"/>
    </row>
    <row r="10708" spans="1:3" ht="19.2">
      <c r="A10708" s="2"/>
      <c r="B10708" s="2"/>
      <c r="C10708" s="2"/>
    </row>
    <row r="10709" spans="1:3" ht="19.2">
      <c r="A10709" s="2"/>
      <c r="B10709" s="2"/>
      <c r="C10709" s="2"/>
    </row>
    <row r="10710" spans="1:3" ht="19.2">
      <c r="A10710" s="2"/>
      <c r="B10710" s="2"/>
      <c r="C10710" s="2"/>
    </row>
    <row r="10711" spans="1:3" ht="19.2">
      <c r="A10711" s="2"/>
      <c r="B10711" s="2"/>
      <c r="C10711" s="2"/>
    </row>
    <row r="10712" spans="1:3" ht="19.2">
      <c r="A10712" s="2"/>
      <c r="B10712" s="2"/>
      <c r="C10712" s="2"/>
    </row>
    <row r="10713" spans="1:3" ht="19.2">
      <c r="A10713" s="2"/>
      <c r="B10713" s="2"/>
      <c r="C10713" s="2"/>
    </row>
    <row r="10714" spans="1:3" ht="19.2">
      <c r="A10714" s="2"/>
      <c r="B10714" s="2"/>
      <c r="C10714" s="2"/>
    </row>
    <row r="10715" spans="1:3" ht="19.2">
      <c r="A10715" s="2"/>
      <c r="B10715" s="2"/>
      <c r="C10715" s="2"/>
    </row>
    <row r="10716" spans="1:3" ht="19.2">
      <c r="A10716" s="2"/>
      <c r="B10716" s="2"/>
      <c r="C10716" s="2"/>
    </row>
    <row r="10717" spans="1:3" ht="19.2">
      <c r="A10717" s="2"/>
      <c r="B10717" s="2"/>
      <c r="C10717" s="2"/>
    </row>
    <row r="10718" spans="1:3" ht="19.2">
      <c r="A10718" s="2"/>
      <c r="B10718" s="2"/>
      <c r="C10718" s="2"/>
    </row>
    <row r="10719" spans="1:3" ht="19.2">
      <c r="A10719" s="2"/>
      <c r="B10719" s="2"/>
      <c r="C10719" s="2"/>
    </row>
    <row r="10720" spans="1:3" ht="19.2">
      <c r="A10720" s="2"/>
      <c r="B10720" s="2"/>
      <c r="C10720" s="2"/>
    </row>
    <row r="10721" spans="1:3" ht="19.2">
      <c r="A10721" s="2"/>
      <c r="B10721" s="2"/>
      <c r="C10721" s="2"/>
    </row>
    <row r="10722" spans="1:3" ht="19.2">
      <c r="A10722" s="2"/>
      <c r="B10722" s="2"/>
      <c r="C10722" s="2"/>
    </row>
    <row r="10723" spans="1:3" ht="19.2">
      <c r="A10723" s="2"/>
      <c r="B10723" s="2"/>
      <c r="C10723" s="2"/>
    </row>
    <row r="10724" spans="1:3" ht="19.2">
      <c r="A10724" s="2"/>
      <c r="B10724" s="2"/>
      <c r="C10724" s="2"/>
    </row>
    <row r="10725" spans="1:3" ht="19.2">
      <c r="A10725" s="2"/>
      <c r="B10725" s="2"/>
      <c r="C10725" s="2"/>
    </row>
    <row r="10726" spans="1:3" ht="19.2">
      <c r="A10726" s="2"/>
      <c r="B10726" s="2"/>
      <c r="C10726" s="2"/>
    </row>
    <row r="10727" spans="1:3" ht="19.2">
      <c r="A10727" s="2"/>
      <c r="B10727" s="2"/>
      <c r="C10727" s="2"/>
    </row>
    <row r="10728" spans="1:3" ht="19.2">
      <c r="A10728" s="2"/>
      <c r="B10728" s="2"/>
      <c r="C10728" s="2"/>
    </row>
    <row r="10729" spans="1:3" ht="19.2">
      <c r="A10729" s="2"/>
      <c r="B10729" s="2"/>
      <c r="C10729" s="2"/>
    </row>
    <row r="10730" spans="1:3" ht="19.2">
      <c r="A10730" s="2"/>
      <c r="B10730" s="2"/>
      <c r="C10730" s="2"/>
    </row>
    <row r="10731" spans="1:3" ht="19.2">
      <c r="A10731" s="2"/>
      <c r="B10731" s="2"/>
      <c r="C10731" s="2"/>
    </row>
    <row r="10732" spans="1:3" ht="19.2">
      <c r="A10732" s="2"/>
      <c r="B10732" s="2"/>
      <c r="C10732" s="2"/>
    </row>
    <row r="10733" spans="1:3" ht="19.2">
      <c r="A10733" s="2"/>
      <c r="B10733" s="2"/>
      <c r="C10733" s="2"/>
    </row>
    <row r="10734" spans="1:3" ht="19.2">
      <c r="A10734" s="2"/>
      <c r="B10734" s="2"/>
      <c r="C10734" s="2"/>
    </row>
    <row r="10735" spans="1:3" ht="19.2">
      <c r="A10735" s="2"/>
      <c r="B10735" s="2"/>
      <c r="C10735" s="2"/>
    </row>
    <row r="10736" spans="1:3" ht="19.2">
      <c r="A10736" s="2"/>
      <c r="B10736" s="2"/>
      <c r="C10736" s="2"/>
    </row>
    <row r="10737" spans="1:3" ht="19.2">
      <c r="A10737" s="2"/>
      <c r="B10737" s="2"/>
      <c r="C10737" s="2"/>
    </row>
    <row r="10738" spans="1:3" ht="19.2">
      <c r="A10738" s="2"/>
      <c r="B10738" s="2"/>
      <c r="C10738" s="2"/>
    </row>
    <row r="10739" spans="1:3" ht="19.2">
      <c r="A10739" s="2"/>
      <c r="B10739" s="2"/>
      <c r="C10739" s="2"/>
    </row>
    <row r="10740" spans="1:3" ht="19.2">
      <c r="A10740" s="2"/>
      <c r="B10740" s="2"/>
      <c r="C10740" s="2"/>
    </row>
    <row r="10741" spans="1:3" ht="19.2">
      <c r="A10741" s="2"/>
      <c r="B10741" s="2"/>
      <c r="C10741" s="2"/>
    </row>
    <row r="10742" spans="1:3" ht="19.2">
      <c r="A10742" s="2"/>
      <c r="B10742" s="2"/>
      <c r="C10742" s="2"/>
    </row>
    <row r="10743" spans="1:3" ht="19.2">
      <c r="A10743" s="2"/>
      <c r="B10743" s="2"/>
      <c r="C10743" s="2"/>
    </row>
    <row r="10744" spans="1:3" ht="19.2">
      <c r="A10744" s="2"/>
      <c r="B10744" s="2"/>
      <c r="C10744" s="2"/>
    </row>
    <row r="10745" spans="1:3" ht="19.2">
      <c r="A10745" s="2"/>
      <c r="B10745" s="2"/>
      <c r="C10745" s="2"/>
    </row>
    <row r="10746" spans="1:3" ht="19.2">
      <c r="A10746" s="2"/>
      <c r="B10746" s="2"/>
      <c r="C10746" s="2"/>
    </row>
    <row r="10747" spans="1:3" ht="19.2">
      <c r="A10747" s="2"/>
      <c r="B10747" s="2"/>
      <c r="C10747" s="2"/>
    </row>
    <row r="10748" spans="1:3" ht="19.2">
      <c r="A10748" s="2"/>
      <c r="B10748" s="2"/>
      <c r="C10748" s="2"/>
    </row>
    <row r="10749" spans="1:3" ht="19.2">
      <c r="A10749" s="2"/>
      <c r="B10749" s="2"/>
      <c r="C10749" s="2"/>
    </row>
    <row r="10750" spans="1:3" ht="19.2">
      <c r="A10750" s="2"/>
      <c r="B10750" s="2"/>
      <c r="C10750" s="2"/>
    </row>
    <row r="10751" spans="1:3" ht="19.2">
      <c r="A10751" s="2"/>
      <c r="B10751" s="2"/>
      <c r="C10751" s="2"/>
    </row>
    <row r="10752" spans="1:3" ht="19.2">
      <c r="A10752" s="2"/>
      <c r="B10752" s="2"/>
      <c r="C10752" s="2"/>
    </row>
    <row r="10753" spans="1:3" ht="19.2">
      <c r="A10753" s="2"/>
      <c r="B10753" s="2"/>
      <c r="C10753" s="2"/>
    </row>
    <row r="10754" spans="1:3" ht="19.2">
      <c r="A10754" s="2"/>
      <c r="B10754" s="2"/>
      <c r="C10754" s="2"/>
    </row>
    <row r="10755" spans="1:3" ht="19.2">
      <c r="A10755" s="2"/>
      <c r="B10755" s="2"/>
      <c r="C10755" s="2"/>
    </row>
    <row r="10756" spans="1:3" ht="19.2">
      <c r="A10756" s="2"/>
      <c r="B10756" s="2"/>
      <c r="C10756" s="2"/>
    </row>
    <row r="10757" spans="1:3" ht="19.2">
      <c r="A10757" s="2"/>
      <c r="B10757" s="2"/>
      <c r="C10757" s="2"/>
    </row>
    <row r="10758" spans="1:3" ht="19.2">
      <c r="A10758" s="2"/>
      <c r="B10758" s="2"/>
      <c r="C10758" s="2"/>
    </row>
    <row r="10759" spans="1:3" ht="19.2">
      <c r="A10759" s="2"/>
      <c r="B10759" s="2"/>
      <c r="C10759" s="2"/>
    </row>
    <row r="10760" spans="1:3" ht="19.2">
      <c r="A10760" s="2"/>
      <c r="B10760" s="2"/>
      <c r="C10760" s="2"/>
    </row>
    <row r="10761" spans="1:3" ht="19.2">
      <c r="A10761" s="2"/>
      <c r="B10761" s="2"/>
      <c r="C10761" s="2"/>
    </row>
    <row r="10762" spans="1:3" ht="19.2">
      <c r="A10762" s="2"/>
      <c r="B10762" s="2"/>
      <c r="C10762" s="2"/>
    </row>
    <row r="10763" spans="1:3" ht="19.2">
      <c r="A10763" s="2"/>
      <c r="B10763" s="2"/>
      <c r="C10763" s="2"/>
    </row>
    <row r="10764" spans="1:3" ht="19.2">
      <c r="A10764" s="2"/>
      <c r="B10764" s="2"/>
      <c r="C10764" s="2"/>
    </row>
    <row r="10765" spans="1:3" ht="19.2">
      <c r="A10765" s="2"/>
      <c r="B10765" s="2"/>
      <c r="C10765" s="2"/>
    </row>
    <row r="10766" spans="1:3" ht="19.2">
      <c r="A10766" s="2"/>
      <c r="B10766" s="2"/>
      <c r="C10766" s="2"/>
    </row>
    <row r="10767" spans="1:3" ht="19.2">
      <c r="A10767" s="2"/>
      <c r="B10767" s="2"/>
      <c r="C10767" s="2"/>
    </row>
    <row r="10768" spans="1:3" ht="19.2">
      <c r="A10768" s="2"/>
      <c r="B10768" s="2"/>
      <c r="C10768" s="2"/>
    </row>
    <row r="10769" spans="1:3" ht="19.2">
      <c r="A10769" s="2"/>
      <c r="B10769" s="2"/>
      <c r="C10769" s="2"/>
    </row>
    <row r="10770" spans="1:3" ht="19.2">
      <c r="A10770" s="2"/>
      <c r="B10770" s="2"/>
      <c r="C10770" s="2"/>
    </row>
    <row r="10771" spans="1:3" ht="19.2">
      <c r="A10771" s="2"/>
      <c r="B10771" s="2"/>
      <c r="C10771" s="2"/>
    </row>
    <row r="10772" spans="1:3" ht="19.2">
      <c r="A10772" s="2"/>
      <c r="B10772" s="2"/>
      <c r="C10772" s="2"/>
    </row>
    <row r="10773" spans="1:3" ht="19.2">
      <c r="A10773" s="2"/>
      <c r="B10773" s="2"/>
      <c r="C10773" s="2"/>
    </row>
    <row r="10774" spans="1:3" ht="19.2">
      <c r="A10774" s="2"/>
      <c r="B10774" s="2"/>
      <c r="C10774" s="2"/>
    </row>
    <row r="10775" spans="1:3" ht="19.2">
      <c r="A10775" s="2"/>
      <c r="B10775" s="2"/>
      <c r="C10775" s="2"/>
    </row>
    <row r="10776" spans="1:3" ht="19.2">
      <c r="A10776" s="2"/>
      <c r="B10776" s="2"/>
      <c r="C10776" s="2"/>
    </row>
    <row r="10777" spans="1:3" ht="19.2">
      <c r="A10777" s="2"/>
      <c r="B10777" s="2"/>
      <c r="C10777" s="2"/>
    </row>
    <row r="10778" spans="1:3" ht="19.2">
      <c r="A10778" s="2"/>
      <c r="B10778" s="2"/>
      <c r="C10778" s="2"/>
    </row>
    <row r="10779" spans="1:3" ht="19.2">
      <c r="A10779" s="2"/>
      <c r="B10779" s="2"/>
      <c r="C10779" s="2"/>
    </row>
    <row r="10780" spans="1:3" ht="19.2">
      <c r="A10780" s="2"/>
      <c r="B10780" s="2"/>
      <c r="C10780" s="2"/>
    </row>
    <row r="10781" spans="1:3" ht="19.2">
      <c r="A10781" s="2"/>
      <c r="B10781" s="2"/>
      <c r="C10781" s="2"/>
    </row>
    <row r="10782" spans="1:3" ht="19.2">
      <c r="A10782" s="2"/>
      <c r="B10782" s="2"/>
      <c r="C10782" s="2"/>
    </row>
    <row r="10783" spans="1:3" ht="19.2">
      <c r="A10783" s="2"/>
      <c r="B10783" s="2"/>
      <c r="C10783" s="2"/>
    </row>
    <row r="10784" spans="1:3" ht="19.2">
      <c r="A10784" s="2"/>
      <c r="B10784" s="2"/>
      <c r="C10784" s="2"/>
    </row>
    <row r="10785" spans="1:3" ht="19.2">
      <c r="A10785" s="2"/>
      <c r="B10785" s="2"/>
      <c r="C10785" s="2"/>
    </row>
    <row r="10786" spans="1:3" ht="19.2">
      <c r="A10786" s="2"/>
      <c r="B10786" s="2"/>
      <c r="C10786" s="2"/>
    </row>
    <row r="10787" spans="1:3" ht="19.2">
      <c r="A10787" s="2"/>
      <c r="B10787" s="2"/>
      <c r="C10787" s="2"/>
    </row>
    <row r="10788" spans="1:3" ht="19.2">
      <c r="A10788" s="2"/>
      <c r="B10788" s="2"/>
      <c r="C10788" s="2"/>
    </row>
    <row r="10789" spans="1:3" ht="19.2">
      <c r="A10789" s="2"/>
      <c r="B10789" s="2"/>
      <c r="C10789" s="2"/>
    </row>
    <row r="10790" spans="1:3" ht="19.2">
      <c r="A10790" s="2"/>
      <c r="B10790" s="2"/>
      <c r="C10790" s="2"/>
    </row>
    <row r="10791" spans="1:3" ht="19.2">
      <c r="A10791" s="2"/>
      <c r="B10791" s="2"/>
      <c r="C10791" s="2"/>
    </row>
    <row r="10792" spans="1:3" ht="19.2">
      <c r="A10792" s="2"/>
      <c r="B10792" s="2"/>
      <c r="C10792" s="2"/>
    </row>
    <row r="10793" spans="1:3" ht="19.2">
      <c r="A10793" s="2"/>
      <c r="B10793" s="2"/>
      <c r="C10793" s="2"/>
    </row>
    <row r="10794" spans="1:3" ht="19.2">
      <c r="A10794" s="2"/>
      <c r="B10794" s="2"/>
      <c r="C10794" s="2"/>
    </row>
    <row r="10795" spans="1:3" ht="19.2">
      <c r="A10795" s="2"/>
      <c r="B10795" s="2"/>
      <c r="C10795" s="2"/>
    </row>
    <row r="10796" spans="1:3" ht="19.2">
      <c r="A10796" s="2"/>
      <c r="B10796" s="2"/>
      <c r="C10796" s="2"/>
    </row>
    <row r="10797" spans="1:3" ht="19.2">
      <c r="A10797" s="2"/>
      <c r="B10797" s="2"/>
      <c r="C10797" s="2"/>
    </row>
    <row r="10798" spans="1:3" ht="19.2">
      <c r="A10798" s="2"/>
      <c r="B10798" s="2"/>
      <c r="C10798" s="2"/>
    </row>
    <row r="10799" spans="1:3" ht="19.2">
      <c r="A10799" s="2"/>
      <c r="B10799" s="2"/>
      <c r="C10799" s="2"/>
    </row>
    <row r="10800" spans="1:3" ht="19.2">
      <c r="A10800" s="2"/>
      <c r="B10800" s="2"/>
      <c r="C10800" s="2"/>
    </row>
    <row r="10801" spans="1:3" ht="19.2">
      <c r="A10801" s="2"/>
      <c r="B10801" s="2"/>
      <c r="C10801" s="2"/>
    </row>
    <row r="10802" spans="1:3" ht="19.2">
      <c r="A10802" s="2"/>
      <c r="B10802" s="2"/>
      <c r="C10802" s="2"/>
    </row>
    <row r="10803" spans="1:3" ht="19.2">
      <c r="A10803" s="2"/>
      <c r="B10803" s="2"/>
      <c r="C10803" s="2"/>
    </row>
    <row r="10804" spans="1:3" ht="19.2">
      <c r="A10804" s="2"/>
      <c r="B10804" s="2"/>
      <c r="C10804" s="2"/>
    </row>
    <row r="10805" spans="1:3" ht="19.2">
      <c r="A10805" s="2"/>
      <c r="B10805" s="2"/>
      <c r="C10805" s="2"/>
    </row>
    <row r="10806" spans="1:3" ht="19.2">
      <c r="A10806" s="2"/>
      <c r="B10806" s="2"/>
      <c r="C10806" s="2"/>
    </row>
    <row r="10807" spans="1:3" ht="19.2">
      <c r="A10807" s="2"/>
      <c r="B10807" s="2"/>
      <c r="C10807" s="2"/>
    </row>
    <row r="10808" spans="1:3" ht="19.2">
      <c r="A10808" s="2"/>
      <c r="B10808" s="2"/>
      <c r="C10808" s="2"/>
    </row>
    <row r="10809" spans="1:3" ht="19.2">
      <c r="A10809" s="2"/>
      <c r="B10809" s="2"/>
      <c r="C10809" s="2"/>
    </row>
    <row r="10810" spans="1:3" ht="19.2">
      <c r="A10810" s="2"/>
      <c r="B10810" s="2"/>
      <c r="C10810" s="2"/>
    </row>
    <row r="10811" spans="1:3" ht="19.2">
      <c r="A10811" s="2"/>
      <c r="B10811" s="2"/>
      <c r="C10811" s="2"/>
    </row>
    <row r="10812" spans="1:3" ht="19.2">
      <c r="A10812" s="2"/>
      <c r="B10812" s="2"/>
      <c r="C10812" s="2"/>
    </row>
    <row r="10813" spans="1:3" ht="19.2">
      <c r="A10813" s="2"/>
      <c r="B10813" s="2"/>
      <c r="C10813" s="2"/>
    </row>
    <row r="10814" spans="1:3" ht="19.2">
      <c r="A10814" s="2"/>
      <c r="B10814" s="2"/>
      <c r="C10814" s="2"/>
    </row>
    <row r="10815" spans="1:3" ht="19.2">
      <c r="A10815" s="2"/>
      <c r="B10815" s="2"/>
      <c r="C10815" s="2"/>
    </row>
    <row r="10816" spans="1:3" ht="19.2">
      <c r="A10816" s="2"/>
      <c r="B10816" s="2"/>
      <c r="C10816" s="2"/>
    </row>
    <row r="10817" spans="1:3" ht="19.2">
      <c r="A10817" s="2"/>
      <c r="B10817" s="2"/>
      <c r="C10817" s="2"/>
    </row>
    <row r="10818" spans="1:3" ht="19.2">
      <c r="A10818" s="2"/>
      <c r="B10818" s="2"/>
      <c r="C10818" s="2"/>
    </row>
    <row r="10819" spans="1:3" ht="19.2">
      <c r="A10819" s="2"/>
      <c r="B10819" s="2"/>
      <c r="C10819" s="2"/>
    </row>
    <row r="10820" spans="1:3" ht="19.2">
      <c r="A10820" s="2"/>
      <c r="B10820" s="2"/>
      <c r="C10820" s="2"/>
    </row>
    <row r="10821" spans="1:3" ht="19.2">
      <c r="A10821" s="2"/>
      <c r="B10821" s="2"/>
      <c r="C10821" s="2"/>
    </row>
    <row r="10822" spans="1:3" ht="19.2">
      <c r="A10822" s="2"/>
      <c r="B10822" s="2"/>
      <c r="C10822" s="2"/>
    </row>
    <row r="10823" spans="1:3" ht="19.2">
      <c r="A10823" s="2"/>
      <c r="B10823" s="2"/>
      <c r="C10823" s="2"/>
    </row>
    <row r="10824" spans="1:3" ht="19.2">
      <c r="A10824" s="2"/>
      <c r="B10824" s="2"/>
      <c r="C10824" s="2"/>
    </row>
    <row r="10825" spans="1:3" ht="19.2">
      <c r="A10825" s="2"/>
      <c r="B10825" s="2"/>
      <c r="C10825" s="2"/>
    </row>
    <row r="10826" spans="1:3" ht="19.2">
      <c r="A10826" s="2"/>
      <c r="B10826" s="2"/>
      <c r="C10826" s="2"/>
    </row>
    <row r="10827" spans="1:3" ht="19.2">
      <c r="A10827" s="2"/>
      <c r="B10827" s="2"/>
      <c r="C10827" s="2"/>
    </row>
    <row r="10828" spans="1:3" ht="19.2">
      <c r="A10828" s="2"/>
      <c r="B10828" s="2"/>
      <c r="C10828" s="2"/>
    </row>
    <row r="10829" spans="1:3" ht="19.2">
      <c r="A10829" s="2"/>
      <c r="B10829" s="2"/>
      <c r="C10829" s="2"/>
    </row>
    <row r="10830" spans="1:3" ht="19.2">
      <c r="A10830" s="2"/>
      <c r="B10830" s="2"/>
      <c r="C10830" s="2"/>
    </row>
    <row r="10831" spans="1:3" ht="19.2">
      <c r="A10831" s="2"/>
      <c r="B10831" s="2"/>
      <c r="C10831" s="2"/>
    </row>
    <row r="10832" spans="1:3" ht="19.2">
      <c r="A10832" s="2"/>
      <c r="B10832" s="2"/>
      <c r="C10832" s="2"/>
    </row>
    <row r="10833" spans="1:3" ht="19.2">
      <c r="A10833" s="2"/>
      <c r="B10833" s="2"/>
      <c r="C10833" s="2"/>
    </row>
    <row r="10834" spans="1:3" ht="19.2">
      <c r="A10834" s="2"/>
      <c r="B10834" s="2"/>
      <c r="C10834" s="2"/>
    </row>
    <row r="10835" spans="1:3" ht="19.2">
      <c r="A10835" s="2"/>
      <c r="B10835" s="2"/>
      <c r="C10835" s="2"/>
    </row>
    <row r="10836" spans="1:3" ht="19.2">
      <c r="A10836" s="2"/>
      <c r="B10836" s="2"/>
      <c r="C10836" s="2"/>
    </row>
    <row r="10837" spans="1:3" ht="19.2">
      <c r="A10837" s="2"/>
      <c r="B10837" s="2"/>
      <c r="C10837" s="2"/>
    </row>
    <row r="10838" spans="1:3" ht="19.2">
      <c r="A10838" s="2"/>
      <c r="B10838" s="2"/>
      <c r="C10838" s="2"/>
    </row>
    <row r="10839" spans="1:3" ht="19.2">
      <c r="A10839" s="2"/>
      <c r="B10839" s="2"/>
      <c r="C10839" s="2"/>
    </row>
    <row r="10840" spans="1:3" ht="19.2">
      <c r="A10840" s="2"/>
      <c r="B10840" s="2"/>
      <c r="C10840" s="2"/>
    </row>
    <row r="10841" spans="1:3" ht="19.2">
      <c r="A10841" s="2"/>
      <c r="B10841" s="2"/>
      <c r="C10841" s="2"/>
    </row>
    <row r="10842" spans="1:3" ht="19.2">
      <c r="A10842" s="2"/>
      <c r="B10842" s="2"/>
      <c r="C10842" s="2"/>
    </row>
    <row r="10843" spans="1:3" ht="19.2">
      <c r="A10843" s="2"/>
      <c r="B10843" s="2"/>
      <c r="C10843" s="2"/>
    </row>
    <row r="10844" spans="1:3" ht="19.2">
      <c r="A10844" s="2"/>
      <c r="B10844" s="2"/>
      <c r="C10844" s="2"/>
    </row>
    <row r="10845" spans="1:3" ht="19.2">
      <c r="A10845" s="2"/>
      <c r="B10845" s="2"/>
      <c r="C10845" s="2"/>
    </row>
    <row r="10846" spans="1:3" ht="19.2">
      <c r="A10846" s="2"/>
      <c r="B10846" s="2"/>
      <c r="C10846" s="2"/>
    </row>
    <row r="10847" spans="1:3" ht="19.2">
      <c r="A10847" s="2"/>
      <c r="B10847" s="2"/>
      <c r="C10847" s="2"/>
    </row>
    <row r="10848" spans="1:3" ht="19.2">
      <c r="A10848" s="2"/>
      <c r="B10848" s="2"/>
      <c r="C10848" s="2"/>
    </row>
    <row r="10849" spans="1:3" ht="19.2">
      <c r="A10849" s="2"/>
      <c r="B10849" s="2"/>
      <c r="C10849" s="2"/>
    </row>
    <row r="10850" spans="1:3" ht="19.2">
      <c r="A10850" s="2"/>
      <c r="B10850" s="2"/>
      <c r="C10850" s="2"/>
    </row>
    <row r="10851" spans="1:3" ht="19.2">
      <c r="A10851" s="2"/>
      <c r="B10851" s="2"/>
      <c r="C10851" s="2"/>
    </row>
    <row r="10852" spans="1:3" ht="19.2">
      <c r="A10852" s="2"/>
      <c r="B10852" s="2"/>
      <c r="C10852" s="2"/>
    </row>
    <row r="10853" spans="1:3" ht="19.2">
      <c r="A10853" s="2"/>
      <c r="B10853" s="2"/>
      <c r="C10853" s="2"/>
    </row>
    <row r="10854" spans="1:3" ht="19.2">
      <c r="A10854" s="2"/>
      <c r="B10854" s="2"/>
      <c r="C10854" s="2"/>
    </row>
    <row r="10855" spans="1:3" ht="19.2">
      <c r="A10855" s="2"/>
      <c r="B10855" s="2"/>
      <c r="C10855" s="2"/>
    </row>
    <row r="10856" spans="1:3" ht="19.2">
      <c r="A10856" s="2"/>
      <c r="B10856" s="2"/>
      <c r="C10856" s="2"/>
    </row>
    <row r="10857" spans="1:3" ht="19.2">
      <c r="A10857" s="2"/>
      <c r="B10857" s="2"/>
      <c r="C10857" s="2"/>
    </row>
    <row r="10858" spans="1:3" ht="19.2">
      <c r="A10858" s="2"/>
      <c r="B10858" s="2"/>
      <c r="C10858" s="2"/>
    </row>
    <row r="10859" spans="1:3" ht="19.2">
      <c r="A10859" s="2"/>
      <c r="B10859" s="2"/>
      <c r="C10859" s="2"/>
    </row>
    <row r="10860" spans="1:3" ht="19.2">
      <c r="A10860" s="2"/>
      <c r="B10860" s="2"/>
      <c r="C10860" s="2"/>
    </row>
    <row r="10861" spans="1:3" ht="19.2">
      <c r="A10861" s="2"/>
      <c r="B10861" s="2"/>
      <c r="C10861" s="2"/>
    </row>
    <row r="10862" spans="1:3" ht="19.2">
      <c r="A10862" s="2"/>
      <c r="B10862" s="2"/>
      <c r="C10862" s="2"/>
    </row>
    <row r="10863" spans="1:3" ht="19.2">
      <c r="A10863" s="2"/>
      <c r="B10863" s="2"/>
      <c r="C10863" s="2"/>
    </row>
    <row r="10864" spans="1:3" ht="19.2">
      <c r="A10864" s="2"/>
      <c r="B10864" s="2"/>
      <c r="C10864" s="2"/>
    </row>
    <row r="10865" spans="1:3" ht="19.2">
      <c r="A10865" s="2"/>
      <c r="B10865" s="2"/>
      <c r="C10865" s="2"/>
    </row>
    <row r="10866" spans="1:3" ht="19.2">
      <c r="A10866" s="2"/>
      <c r="B10866" s="2"/>
      <c r="C10866" s="2"/>
    </row>
    <row r="10867" spans="1:3" ht="19.2">
      <c r="A10867" s="2"/>
      <c r="B10867" s="2"/>
      <c r="C10867" s="2"/>
    </row>
    <row r="10868" spans="1:3" ht="19.2">
      <c r="A10868" s="2"/>
      <c r="B10868" s="2"/>
      <c r="C10868" s="2"/>
    </row>
    <row r="10869" spans="1:3" ht="19.2">
      <c r="A10869" s="2"/>
      <c r="B10869" s="2"/>
      <c r="C10869" s="2"/>
    </row>
    <row r="10870" spans="1:3" ht="19.2">
      <c r="A10870" s="2"/>
      <c r="B10870" s="2"/>
      <c r="C10870" s="2"/>
    </row>
    <row r="10871" spans="1:3" ht="19.2">
      <c r="A10871" s="2"/>
      <c r="B10871" s="2"/>
      <c r="C10871" s="2"/>
    </row>
    <row r="10872" spans="1:3" ht="19.2">
      <c r="A10872" s="2"/>
      <c r="B10872" s="2"/>
      <c r="C10872" s="2"/>
    </row>
    <row r="10873" spans="1:3" ht="19.2">
      <c r="A10873" s="2"/>
      <c r="B10873" s="2"/>
      <c r="C10873" s="2"/>
    </row>
    <row r="10874" spans="1:3" ht="19.2">
      <c r="A10874" s="2"/>
      <c r="B10874" s="2"/>
      <c r="C10874" s="2"/>
    </row>
    <row r="10875" spans="1:3" ht="19.2">
      <c r="A10875" s="2"/>
      <c r="B10875" s="2"/>
      <c r="C10875" s="2"/>
    </row>
    <row r="10876" spans="1:3" ht="19.2">
      <c r="A10876" s="2"/>
      <c r="B10876" s="2"/>
      <c r="C10876" s="2"/>
    </row>
    <row r="10877" spans="1:3" ht="19.2">
      <c r="A10877" s="2"/>
      <c r="B10877" s="2"/>
      <c r="C10877" s="2"/>
    </row>
    <row r="10878" spans="1:3" ht="19.2">
      <c r="A10878" s="2"/>
      <c r="B10878" s="2"/>
      <c r="C10878" s="2"/>
    </row>
    <row r="10879" spans="1:3" ht="19.2">
      <c r="A10879" s="2"/>
      <c r="B10879" s="2"/>
      <c r="C10879" s="2"/>
    </row>
    <row r="10880" spans="1:3" ht="19.2">
      <c r="A10880" s="2"/>
      <c r="B10880" s="2"/>
      <c r="C10880" s="2"/>
    </row>
    <row r="10881" spans="1:3" ht="19.2">
      <c r="A10881" s="2"/>
      <c r="B10881" s="2"/>
      <c r="C10881" s="2"/>
    </row>
    <row r="10882" spans="1:3" ht="19.2">
      <c r="A10882" s="2"/>
      <c r="B10882" s="2"/>
      <c r="C10882" s="2"/>
    </row>
    <row r="10883" spans="1:3" ht="19.2">
      <c r="A10883" s="2"/>
      <c r="B10883" s="2"/>
      <c r="C10883" s="2"/>
    </row>
    <row r="10884" spans="1:3" ht="19.2">
      <c r="A10884" s="2"/>
      <c r="B10884" s="2"/>
      <c r="C10884" s="2"/>
    </row>
    <row r="10885" spans="1:3" ht="19.2">
      <c r="A10885" s="2"/>
      <c r="B10885" s="2"/>
      <c r="C10885" s="2"/>
    </row>
    <row r="10886" spans="1:3" ht="19.2">
      <c r="A10886" s="2"/>
      <c r="B10886" s="2"/>
      <c r="C10886" s="2"/>
    </row>
    <row r="10887" spans="1:3" ht="19.2">
      <c r="A10887" s="2"/>
      <c r="B10887" s="2"/>
      <c r="C10887" s="2"/>
    </row>
    <row r="10888" spans="1:3" ht="19.2">
      <c r="A10888" s="2"/>
      <c r="B10888" s="2"/>
      <c r="C10888" s="2"/>
    </row>
    <row r="10889" spans="1:3" ht="19.2">
      <c r="A10889" s="2"/>
      <c r="B10889" s="2"/>
      <c r="C10889" s="2"/>
    </row>
    <row r="10890" spans="1:3" ht="19.2">
      <c r="A10890" s="2"/>
      <c r="B10890" s="2"/>
      <c r="C10890" s="2"/>
    </row>
    <row r="10891" spans="1:3" ht="19.2">
      <c r="A10891" s="2"/>
      <c r="B10891" s="2"/>
      <c r="C10891" s="2"/>
    </row>
    <row r="10892" spans="1:3" ht="19.2">
      <c r="A10892" s="2"/>
      <c r="B10892" s="2"/>
      <c r="C10892" s="2"/>
    </row>
    <row r="10893" spans="1:3" ht="19.2">
      <c r="A10893" s="2"/>
      <c r="B10893" s="2"/>
      <c r="C10893" s="2"/>
    </row>
    <row r="10894" spans="1:3" ht="19.2">
      <c r="A10894" s="2"/>
      <c r="B10894" s="2"/>
      <c r="C10894" s="2"/>
    </row>
    <row r="10895" spans="1:3" ht="19.2">
      <c r="A10895" s="2"/>
      <c r="B10895" s="2"/>
      <c r="C10895" s="2"/>
    </row>
    <row r="10896" spans="1:3" ht="19.2">
      <c r="A10896" s="2"/>
      <c r="B10896" s="2"/>
      <c r="C10896" s="2"/>
    </row>
    <row r="10897" spans="1:3" ht="19.2">
      <c r="A10897" s="2"/>
      <c r="B10897" s="2"/>
      <c r="C10897" s="2"/>
    </row>
    <row r="10898" spans="1:3" ht="19.2">
      <c r="A10898" s="2"/>
      <c r="B10898" s="2"/>
      <c r="C10898" s="2"/>
    </row>
    <row r="10899" spans="1:3" ht="19.2">
      <c r="A10899" s="2"/>
      <c r="B10899" s="2"/>
      <c r="C10899" s="2"/>
    </row>
    <row r="10900" spans="1:3" ht="19.2">
      <c r="A10900" s="2"/>
      <c r="B10900" s="2"/>
      <c r="C10900" s="2"/>
    </row>
    <row r="10901" spans="1:3" ht="19.2">
      <c r="A10901" s="2"/>
      <c r="B10901" s="2"/>
      <c r="C10901" s="2"/>
    </row>
    <row r="10902" spans="1:3" ht="19.2">
      <c r="A10902" s="2"/>
      <c r="B10902" s="2"/>
      <c r="C10902" s="2"/>
    </row>
    <row r="10903" spans="1:3" ht="19.2">
      <c r="A10903" s="2"/>
      <c r="B10903" s="2"/>
      <c r="C10903" s="2"/>
    </row>
    <row r="10904" spans="1:3" ht="19.2">
      <c r="A10904" s="2"/>
      <c r="B10904" s="2"/>
      <c r="C10904" s="2"/>
    </row>
    <row r="10905" spans="1:3" ht="19.2">
      <c r="A10905" s="2"/>
      <c r="B10905" s="2"/>
      <c r="C10905" s="2"/>
    </row>
    <row r="10906" spans="1:3" ht="19.2">
      <c r="A10906" s="2"/>
      <c r="B10906" s="2"/>
      <c r="C10906" s="2"/>
    </row>
    <row r="10907" spans="1:3" ht="19.2">
      <c r="A10907" s="2"/>
      <c r="B10907" s="2"/>
      <c r="C10907" s="2"/>
    </row>
    <row r="10908" spans="1:3" ht="19.2">
      <c r="A10908" s="2"/>
      <c r="B10908" s="2"/>
      <c r="C10908" s="2"/>
    </row>
    <row r="10909" spans="1:3" ht="19.2">
      <c r="A10909" s="2"/>
      <c r="B10909" s="2"/>
      <c r="C10909" s="2"/>
    </row>
    <row r="10910" spans="1:3" ht="19.2">
      <c r="A10910" s="2"/>
      <c r="B10910" s="2"/>
      <c r="C10910" s="2"/>
    </row>
    <row r="10911" spans="1:3" ht="19.2">
      <c r="A10911" s="2"/>
      <c r="B10911" s="2"/>
      <c r="C10911" s="2"/>
    </row>
    <row r="10912" spans="1:3" ht="19.2">
      <c r="A10912" s="2"/>
      <c r="B10912" s="2"/>
      <c r="C10912" s="2"/>
    </row>
    <row r="10913" spans="1:3" ht="19.2">
      <c r="A10913" s="2"/>
      <c r="B10913" s="2"/>
      <c r="C10913" s="2"/>
    </row>
    <row r="10914" spans="1:3" ht="19.2">
      <c r="A10914" s="2"/>
      <c r="B10914" s="2"/>
      <c r="C10914" s="2"/>
    </row>
    <row r="10915" spans="1:3" ht="19.2">
      <c r="A10915" s="2"/>
      <c r="B10915" s="2"/>
      <c r="C10915" s="2"/>
    </row>
    <row r="10916" spans="1:3" ht="19.2">
      <c r="A10916" s="2"/>
      <c r="B10916" s="2"/>
      <c r="C10916" s="2"/>
    </row>
    <row r="10917" spans="1:3" ht="19.2">
      <c r="A10917" s="2"/>
      <c r="B10917" s="2"/>
      <c r="C10917" s="2"/>
    </row>
    <row r="10918" spans="1:3" ht="19.2">
      <c r="A10918" s="2"/>
      <c r="B10918" s="2"/>
      <c r="C10918" s="2"/>
    </row>
    <row r="10919" spans="1:3" ht="19.2">
      <c r="A10919" s="2"/>
      <c r="B10919" s="2"/>
      <c r="C10919" s="2"/>
    </row>
    <row r="10920" spans="1:3" ht="19.2">
      <c r="A10920" s="2"/>
      <c r="B10920" s="2"/>
      <c r="C10920" s="2"/>
    </row>
    <row r="10921" spans="1:3" ht="19.2">
      <c r="A10921" s="2"/>
      <c r="B10921" s="2"/>
      <c r="C10921" s="2"/>
    </row>
    <row r="10922" spans="1:3" ht="19.2">
      <c r="A10922" s="2"/>
      <c r="B10922" s="2"/>
      <c r="C10922" s="2"/>
    </row>
    <row r="10923" spans="1:3" ht="19.2">
      <c r="A10923" s="2"/>
      <c r="B10923" s="2"/>
      <c r="C10923" s="2"/>
    </row>
    <row r="10924" spans="1:3" ht="19.2">
      <c r="A10924" s="2"/>
      <c r="B10924" s="2"/>
      <c r="C10924" s="2"/>
    </row>
    <row r="10925" spans="1:3" ht="19.2">
      <c r="A10925" s="2"/>
      <c r="B10925" s="2"/>
      <c r="C10925" s="2"/>
    </row>
    <row r="10926" spans="1:3" ht="19.2">
      <c r="A10926" s="2"/>
      <c r="B10926" s="2"/>
      <c r="C10926" s="2"/>
    </row>
    <row r="10927" spans="1:3" ht="19.2">
      <c r="A10927" s="2"/>
      <c r="B10927" s="2"/>
      <c r="C10927" s="2"/>
    </row>
    <row r="10928" spans="1:3" ht="19.2">
      <c r="A10928" s="2"/>
      <c r="B10928" s="2"/>
      <c r="C10928" s="2"/>
    </row>
    <row r="10929" spans="1:3" ht="19.2">
      <c r="A10929" s="2"/>
      <c r="B10929" s="2"/>
      <c r="C10929" s="2"/>
    </row>
    <row r="10930" spans="1:3" ht="19.2">
      <c r="A10930" s="2"/>
      <c r="B10930" s="2"/>
      <c r="C10930" s="2"/>
    </row>
    <row r="10931" spans="1:3" ht="19.2">
      <c r="A10931" s="2"/>
      <c r="B10931" s="2"/>
      <c r="C10931" s="2"/>
    </row>
    <row r="10932" spans="1:3" ht="19.2">
      <c r="A10932" s="2"/>
      <c r="B10932" s="2"/>
      <c r="C10932" s="2"/>
    </row>
    <row r="10933" spans="1:3" ht="19.2">
      <c r="A10933" s="2"/>
      <c r="B10933" s="2"/>
      <c r="C10933" s="2"/>
    </row>
    <row r="10934" spans="1:3" ht="19.2">
      <c r="A10934" s="2"/>
      <c r="B10934" s="2"/>
      <c r="C10934" s="2"/>
    </row>
    <row r="10935" spans="1:3" ht="19.2">
      <c r="A10935" s="2"/>
      <c r="B10935" s="2"/>
      <c r="C10935" s="2"/>
    </row>
    <row r="10936" spans="1:3" ht="19.2">
      <c r="A10936" s="2"/>
      <c r="B10936" s="2"/>
      <c r="C10936" s="2"/>
    </row>
    <row r="10937" spans="1:3" ht="19.2">
      <c r="A10937" s="2"/>
      <c r="B10937" s="2"/>
      <c r="C10937" s="2"/>
    </row>
    <row r="10938" spans="1:3" ht="19.2">
      <c r="A10938" s="2"/>
      <c r="B10938" s="2"/>
      <c r="C10938" s="2"/>
    </row>
    <row r="10939" spans="1:3" ht="19.2">
      <c r="A10939" s="2"/>
      <c r="B10939" s="2"/>
      <c r="C10939" s="2"/>
    </row>
    <row r="10940" spans="1:3" ht="19.2">
      <c r="A10940" s="2"/>
      <c r="B10940" s="2"/>
      <c r="C10940" s="2"/>
    </row>
    <row r="10941" spans="1:3" ht="19.2">
      <c r="A10941" s="2"/>
      <c r="B10941" s="2"/>
      <c r="C10941" s="2"/>
    </row>
    <row r="10942" spans="1:3" ht="19.2">
      <c r="A10942" s="2"/>
      <c r="B10942" s="2"/>
      <c r="C10942" s="2"/>
    </row>
    <row r="10943" spans="1:3" ht="19.2">
      <c r="A10943" s="2"/>
      <c r="B10943" s="2"/>
      <c r="C10943" s="2"/>
    </row>
    <row r="10944" spans="1:3" ht="19.2">
      <c r="A10944" s="2"/>
      <c r="B10944" s="2"/>
      <c r="C10944" s="2"/>
    </row>
    <row r="10945" spans="1:3" ht="19.2">
      <c r="A10945" s="2"/>
      <c r="B10945" s="2"/>
      <c r="C10945" s="2"/>
    </row>
    <row r="10946" spans="1:3" ht="19.2">
      <c r="A10946" s="2"/>
      <c r="B10946" s="2"/>
      <c r="C10946" s="2"/>
    </row>
    <row r="10947" spans="1:3" ht="19.2">
      <c r="A10947" s="2"/>
      <c r="B10947" s="2"/>
      <c r="C10947" s="2"/>
    </row>
    <row r="10948" spans="1:3" ht="19.2">
      <c r="A10948" s="2"/>
      <c r="B10948" s="2"/>
      <c r="C10948" s="2"/>
    </row>
    <row r="10949" spans="1:3" ht="19.2">
      <c r="A10949" s="2"/>
      <c r="B10949" s="2"/>
      <c r="C10949" s="2"/>
    </row>
    <row r="10950" spans="1:3" ht="19.2">
      <c r="A10950" s="2"/>
      <c r="B10950" s="2"/>
      <c r="C10950" s="2"/>
    </row>
    <row r="10951" spans="1:3" ht="19.2">
      <c r="A10951" s="2"/>
      <c r="B10951" s="2"/>
      <c r="C10951" s="2"/>
    </row>
    <row r="10952" spans="1:3" ht="19.2">
      <c r="A10952" s="2"/>
      <c r="B10952" s="2"/>
      <c r="C10952" s="2"/>
    </row>
    <row r="10953" spans="1:3" ht="19.2">
      <c r="A10953" s="2"/>
      <c r="B10953" s="2"/>
      <c r="C10953" s="2"/>
    </row>
    <row r="10954" spans="1:3" ht="19.2">
      <c r="A10954" s="2"/>
      <c r="B10954" s="2"/>
      <c r="C10954" s="2"/>
    </row>
    <row r="10955" spans="1:3" ht="19.2">
      <c r="A10955" s="2"/>
      <c r="B10955" s="2"/>
      <c r="C10955" s="2"/>
    </row>
    <row r="10956" spans="1:3" ht="19.2">
      <c r="A10956" s="2"/>
      <c r="B10956" s="2"/>
      <c r="C10956" s="2"/>
    </row>
    <row r="10957" spans="1:3" ht="19.2">
      <c r="A10957" s="2"/>
      <c r="B10957" s="2"/>
      <c r="C10957" s="2"/>
    </row>
    <row r="10958" spans="1:3" ht="19.2">
      <c r="A10958" s="2"/>
      <c r="B10958" s="2"/>
      <c r="C10958" s="2"/>
    </row>
    <row r="10959" spans="1:3" ht="19.2">
      <c r="A10959" s="2"/>
      <c r="B10959" s="2"/>
      <c r="C10959" s="2"/>
    </row>
    <row r="10960" spans="1:3" ht="19.2">
      <c r="A10960" s="2"/>
      <c r="B10960" s="2"/>
      <c r="C10960" s="2"/>
    </row>
    <row r="10961" spans="1:3" ht="19.2">
      <c r="A10961" s="2"/>
      <c r="B10961" s="2"/>
      <c r="C10961" s="2"/>
    </row>
    <row r="10962" spans="1:3" ht="19.2">
      <c r="A10962" s="2"/>
      <c r="B10962" s="2"/>
      <c r="C10962" s="2"/>
    </row>
    <row r="10963" spans="1:3" ht="19.2">
      <c r="A10963" s="2"/>
      <c r="B10963" s="2"/>
      <c r="C10963" s="2"/>
    </row>
    <row r="10964" spans="1:3" ht="19.2">
      <c r="A10964" s="2"/>
      <c r="B10964" s="2"/>
      <c r="C10964" s="2"/>
    </row>
    <row r="10965" spans="1:3" ht="19.2">
      <c r="A10965" s="2"/>
      <c r="B10965" s="2"/>
      <c r="C10965" s="2"/>
    </row>
    <row r="10966" spans="1:3" ht="19.2">
      <c r="A10966" s="2"/>
      <c r="B10966" s="2"/>
      <c r="C10966" s="2"/>
    </row>
    <row r="10967" spans="1:3" ht="19.2">
      <c r="A10967" s="2"/>
      <c r="B10967" s="2"/>
      <c r="C10967" s="2"/>
    </row>
    <row r="10968" spans="1:3" ht="19.2">
      <c r="A10968" s="2"/>
      <c r="B10968" s="2"/>
      <c r="C10968" s="2"/>
    </row>
    <row r="10969" spans="1:3" ht="19.2">
      <c r="A10969" s="2"/>
      <c r="B10969" s="2"/>
      <c r="C10969" s="2"/>
    </row>
    <row r="10970" spans="1:3" ht="19.2">
      <c r="A10970" s="2"/>
      <c r="B10970" s="2"/>
      <c r="C10970" s="2"/>
    </row>
    <row r="10971" spans="1:3" ht="19.2">
      <c r="A10971" s="2"/>
      <c r="B10971" s="2"/>
      <c r="C10971" s="2"/>
    </row>
    <row r="10972" spans="1:3" ht="19.2">
      <c r="A10972" s="2"/>
      <c r="B10972" s="2"/>
      <c r="C10972" s="2"/>
    </row>
    <row r="10973" spans="1:3" ht="19.2">
      <c r="A10973" s="2"/>
      <c r="B10973" s="2"/>
      <c r="C10973" s="2"/>
    </row>
    <row r="10974" spans="1:3" ht="19.2">
      <c r="A10974" s="2"/>
      <c r="B10974" s="2"/>
      <c r="C10974" s="2"/>
    </row>
    <row r="10975" spans="1:3" ht="19.2">
      <c r="A10975" s="2"/>
      <c r="B10975" s="2"/>
      <c r="C10975" s="2"/>
    </row>
    <row r="10976" spans="1:3" ht="19.2">
      <c r="A10976" s="2"/>
      <c r="B10976" s="2"/>
      <c r="C10976" s="2"/>
    </row>
    <row r="10977" spans="1:3" ht="19.2">
      <c r="A10977" s="2"/>
      <c r="B10977" s="2"/>
      <c r="C10977" s="2"/>
    </row>
    <row r="10978" spans="1:3" ht="19.2">
      <c r="A10978" s="2"/>
      <c r="B10978" s="2"/>
      <c r="C10978" s="2"/>
    </row>
    <row r="10979" spans="1:3" ht="19.2">
      <c r="A10979" s="2"/>
      <c r="B10979" s="2"/>
      <c r="C10979" s="2"/>
    </row>
    <row r="10980" spans="1:3" ht="19.2">
      <c r="A10980" s="2"/>
      <c r="B10980" s="2"/>
      <c r="C10980" s="2"/>
    </row>
    <row r="10981" spans="1:3" ht="19.2">
      <c r="A10981" s="2"/>
      <c r="B10981" s="2"/>
      <c r="C10981" s="2"/>
    </row>
    <row r="10982" spans="1:3" ht="19.2">
      <c r="A10982" s="2"/>
      <c r="B10982" s="2"/>
      <c r="C10982" s="2"/>
    </row>
    <row r="10983" spans="1:3" ht="19.2">
      <c r="A10983" s="2"/>
      <c r="B10983" s="2"/>
      <c r="C10983" s="2"/>
    </row>
    <row r="10984" spans="1:3" ht="19.2">
      <c r="A10984" s="2"/>
      <c r="B10984" s="2"/>
      <c r="C10984" s="2"/>
    </row>
    <row r="10985" spans="1:3" ht="19.2">
      <c r="A10985" s="2"/>
      <c r="B10985" s="2"/>
      <c r="C10985" s="2"/>
    </row>
    <row r="10986" spans="1:3" ht="19.2">
      <c r="A10986" s="2"/>
      <c r="B10986" s="2"/>
      <c r="C10986" s="2"/>
    </row>
    <row r="10987" spans="1:3" ht="19.2">
      <c r="A10987" s="2"/>
      <c r="B10987" s="2"/>
      <c r="C10987" s="2"/>
    </row>
    <row r="10988" spans="1:3" ht="19.2">
      <c r="A10988" s="2"/>
      <c r="B10988" s="2"/>
      <c r="C10988" s="2"/>
    </row>
    <row r="10989" spans="1:3" ht="19.2">
      <c r="A10989" s="2"/>
      <c r="B10989" s="2"/>
      <c r="C10989" s="2"/>
    </row>
    <row r="10990" spans="1:3" ht="19.2">
      <c r="A10990" s="2"/>
      <c r="B10990" s="2"/>
      <c r="C10990" s="2"/>
    </row>
    <row r="10991" spans="1:3" ht="19.2">
      <c r="A10991" s="2"/>
      <c r="B10991" s="2"/>
      <c r="C10991" s="2"/>
    </row>
    <row r="10992" spans="1:3" ht="19.2">
      <c r="A10992" s="2"/>
      <c r="B10992" s="2"/>
      <c r="C10992" s="2"/>
    </row>
    <row r="10993" spans="1:3" ht="19.2">
      <c r="A10993" s="2"/>
      <c r="B10993" s="2"/>
      <c r="C10993" s="2"/>
    </row>
    <row r="10994" spans="1:3" ht="19.2">
      <c r="A10994" s="2"/>
      <c r="B10994" s="2"/>
      <c r="C10994" s="2"/>
    </row>
    <row r="10995" spans="1:3" ht="19.2">
      <c r="A10995" s="2"/>
      <c r="B10995" s="2"/>
      <c r="C10995" s="2"/>
    </row>
    <row r="10996" spans="1:3" ht="19.2">
      <c r="A10996" s="2"/>
      <c r="B10996" s="2"/>
      <c r="C10996" s="2"/>
    </row>
    <row r="10997" spans="1:3" ht="19.2">
      <c r="A10997" s="2"/>
      <c r="B10997" s="2"/>
      <c r="C10997" s="2"/>
    </row>
    <row r="10998" spans="1:3" ht="19.2">
      <c r="A10998" s="2"/>
      <c r="B10998" s="2"/>
      <c r="C10998" s="2"/>
    </row>
    <row r="10999" spans="1:3" ht="19.2">
      <c r="A10999" s="2"/>
      <c r="B10999" s="2"/>
      <c r="C10999" s="2"/>
    </row>
    <row r="11000" spans="1:3" ht="19.2">
      <c r="A11000" s="2"/>
      <c r="B11000" s="2"/>
      <c r="C11000" s="2"/>
    </row>
    <row r="11001" spans="1:3" ht="19.2">
      <c r="A11001" s="2"/>
      <c r="B11001" s="2"/>
      <c r="C11001" s="2"/>
    </row>
    <row r="11002" spans="1:3" ht="19.2">
      <c r="A11002" s="2"/>
      <c r="B11002" s="2"/>
      <c r="C11002" s="2"/>
    </row>
    <row r="11003" spans="1:3" ht="19.2">
      <c r="A11003" s="2"/>
      <c r="B11003" s="2"/>
      <c r="C11003" s="2"/>
    </row>
    <row r="11004" spans="1:3" ht="19.2">
      <c r="A11004" s="2"/>
      <c r="B11004" s="2"/>
      <c r="C11004" s="2"/>
    </row>
    <row r="11005" spans="1:3" ht="19.2">
      <c r="A11005" s="2"/>
      <c r="B11005" s="2"/>
      <c r="C11005" s="2"/>
    </row>
    <row r="11006" spans="1:3" ht="19.2">
      <c r="A11006" s="2"/>
      <c r="B11006" s="2"/>
      <c r="C11006" s="2"/>
    </row>
    <row r="11007" spans="1:3" ht="19.2">
      <c r="A11007" s="2"/>
      <c r="B11007" s="2"/>
      <c r="C11007" s="2"/>
    </row>
    <row r="11008" spans="1:3" ht="19.2">
      <c r="A11008" s="2"/>
      <c r="B11008" s="2"/>
      <c r="C11008" s="2"/>
    </row>
    <row r="11009" spans="1:3" ht="19.2">
      <c r="A11009" s="2"/>
      <c r="B11009" s="2"/>
      <c r="C11009" s="2"/>
    </row>
    <row r="11010" spans="1:3" ht="19.2">
      <c r="A11010" s="2"/>
      <c r="B11010" s="2"/>
      <c r="C11010" s="2"/>
    </row>
    <row r="11011" spans="1:3" ht="19.2">
      <c r="A11011" s="2"/>
      <c r="B11011" s="2"/>
      <c r="C11011" s="2"/>
    </row>
    <row r="11012" spans="1:3" ht="19.2">
      <c r="A11012" s="2"/>
      <c r="B11012" s="2"/>
      <c r="C11012" s="2"/>
    </row>
    <row r="11013" spans="1:3" ht="19.2">
      <c r="A11013" s="2"/>
      <c r="B11013" s="2"/>
      <c r="C11013" s="2"/>
    </row>
    <row r="11014" spans="1:3" ht="19.2">
      <c r="A11014" s="2"/>
      <c r="B11014" s="2"/>
      <c r="C11014" s="2"/>
    </row>
    <row r="11015" spans="1:3" ht="19.2">
      <c r="A11015" s="2"/>
      <c r="B11015" s="2"/>
      <c r="C11015" s="2"/>
    </row>
    <row r="11016" spans="1:3" ht="19.2">
      <c r="A11016" s="2"/>
      <c r="B11016" s="2"/>
      <c r="C11016" s="2"/>
    </row>
    <row r="11017" spans="1:3" ht="19.2">
      <c r="A11017" s="2"/>
      <c r="B11017" s="2"/>
      <c r="C11017" s="2"/>
    </row>
    <row r="11018" spans="1:3" ht="19.2">
      <c r="A11018" s="2"/>
      <c r="B11018" s="2"/>
      <c r="C11018" s="2"/>
    </row>
    <row r="11019" spans="1:3" ht="19.2">
      <c r="A11019" s="2"/>
      <c r="B11019" s="2"/>
      <c r="C11019" s="2"/>
    </row>
    <row r="11020" spans="1:3" ht="19.2">
      <c r="A11020" s="2"/>
      <c r="B11020" s="2"/>
      <c r="C11020" s="2"/>
    </row>
    <row r="11021" spans="1:3" ht="19.2">
      <c r="A11021" s="2"/>
      <c r="B11021" s="2"/>
      <c r="C11021" s="2"/>
    </row>
    <row r="11022" spans="1:3" ht="19.2">
      <c r="A11022" s="2"/>
      <c r="B11022" s="2"/>
      <c r="C11022" s="2"/>
    </row>
    <row r="11023" spans="1:3" ht="19.2">
      <c r="A11023" s="2"/>
      <c r="B11023" s="2"/>
      <c r="C11023" s="2"/>
    </row>
    <row r="11024" spans="1:3" ht="19.2">
      <c r="A11024" s="2"/>
      <c r="B11024" s="2"/>
      <c r="C11024" s="2"/>
    </row>
    <row r="11025" spans="1:3" ht="19.2">
      <c r="A11025" s="2"/>
      <c r="B11025" s="2"/>
      <c r="C11025" s="2"/>
    </row>
    <row r="11026" spans="1:3" ht="19.2">
      <c r="A11026" s="2"/>
      <c r="B11026" s="2"/>
      <c r="C11026" s="2"/>
    </row>
    <row r="11027" spans="1:3" ht="19.2">
      <c r="A11027" s="2"/>
      <c r="B11027" s="2"/>
      <c r="C11027" s="2"/>
    </row>
    <row r="11028" spans="1:3" ht="19.2">
      <c r="A11028" s="2"/>
      <c r="B11028" s="2"/>
      <c r="C11028" s="2"/>
    </row>
    <row r="11029" spans="1:3" ht="19.2">
      <c r="A11029" s="2"/>
      <c r="B11029" s="2"/>
      <c r="C11029" s="2"/>
    </row>
    <row r="11030" spans="1:3" ht="19.2">
      <c r="A11030" s="2"/>
      <c r="B11030" s="2"/>
      <c r="C11030" s="2"/>
    </row>
    <row r="11031" spans="1:3" ht="19.2">
      <c r="A11031" s="2"/>
      <c r="B11031" s="2"/>
      <c r="C11031" s="2"/>
    </row>
    <row r="11032" spans="1:3" ht="19.2">
      <c r="A11032" s="2"/>
      <c r="B11032" s="2"/>
      <c r="C11032" s="2"/>
    </row>
    <row r="11033" spans="1:3" ht="19.2">
      <c r="A11033" s="2"/>
      <c r="B11033" s="2"/>
      <c r="C11033" s="2"/>
    </row>
    <row r="11034" spans="1:3" ht="19.2">
      <c r="A11034" s="2"/>
      <c r="B11034" s="2"/>
      <c r="C11034" s="2"/>
    </row>
    <row r="11035" spans="1:3" ht="19.2">
      <c r="A11035" s="2"/>
      <c r="B11035" s="2"/>
      <c r="C11035" s="2"/>
    </row>
    <row r="11036" spans="1:3" ht="19.2">
      <c r="A11036" s="2"/>
      <c r="B11036" s="2"/>
      <c r="C11036" s="2"/>
    </row>
    <row r="11037" spans="1:3" ht="19.2">
      <c r="A11037" s="2"/>
      <c r="B11037" s="2"/>
      <c r="C11037" s="2"/>
    </row>
    <row r="11038" spans="1:3" ht="19.2">
      <c r="A11038" s="2"/>
      <c r="B11038" s="2"/>
      <c r="C11038" s="2"/>
    </row>
    <row r="11039" spans="1:3" ht="19.2">
      <c r="A11039" s="2"/>
      <c r="B11039" s="2"/>
      <c r="C11039" s="2"/>
    </row>
    <row r="11040" spans="1:3" ht="19.2">
      <c r="A11040" s="2"/>
      <c r="B11040" s="2"/>
      <c r="C11040" s="2"/>
    </row>
    <row r="11041" spans="1:3" ht="19.2">
      <c r="A11041" s="2"/>
      <c r="B11041" s="2"/>
      <c r="C11041" s="2"/>
    </row>
    <row r="11042" spans="1:3" ht="19.2">
      <c r="A11042" s="2"/>
      <c r="B11042" s="2"/>
      <c r="C11042" s="2"/>
    </row>
    <row r="11043" spans="1:3" ht="19.2">
      <c r="A11043" s="2"/>
      <c r="B11043" s="2"/>
      <c r="C11043" s="2"/>
    </row>
    <row r="11044" spans="1:3" ht="19.2">
      <c r="A11044" s="2"/>
      <c r="B11044" s="2"/>
      <c r="C11044" s="2"/>
    </row>
    <row r="11045" spans="1:3" ht="19.2">
      <c r="A11045" s="2"/>
      <c r="B11045" s="2"/>
      <c r="C11045" s="2"/>
    </row>
    <row r="11046" spans="1:3" ht="19.2">
      <c r="A11046" s="2"/>
      <c r="B11046" s="2"/>
      <c r="C11046" s="2"/>
    </row>
    <row r="11047" spans="1:3" ht="19.2">
      <c r="A11047" s="2"/>
      <c r="B11047" s="2"/>
      <c r="C11047" s="2"/>
    </row>
    <row r="11048" spans="1:3" ht="19.2">
      <c r="A11048" s="2"/>
      <c r="B11048" s="2"/>
      <c r="C11048" s="2"/>
    </row>
    <row r="11049" spans="1:3" ht="19.2">
      <c r="A11049" s="2"/>
      <c r="B11049" s="2"/>
      <c r="C11049" s="2"/>
    </row>
    <row r="11050" spans="1:3" ht="19.2">
      <c r="A11050" s="2"/>
      <c r="B11050" s="2"/>
      <c r="C11050" s="2"/>
    </row>
    <row r="11051" spans="1:3" ht="19.2">
      <c r="A11051" s="2"/>
      <c r="B11051" s="2"/>
      <c r="C11051" s="2"/>
    </row>
    <row r="11052" spans="1:3" ht="19.2">
      <c r="A11052" s="2"/>
      <c r="B11052" s="2"/>
      <c r="C11052" s="2"/>
    </row>
    <row r="11053" spans="1:3" ht="19.2">
      <c r="A11053" s="2"/>
      <c r="B11053" s="2"/>
      <c r="C11053" s="2"/>
    </row>
    <row r="11054" spans="1:3" ht="19.2">
      <c r="A11054" s="2"/>
      <c r="B11054" s="2"/>
      <c r="C11054" s="2"/>
    </row>
    <row r="11055" spans="1:3" ht="19.2">
      <c r="A11055" s="2"/>
      <c r="B11055" s="2"/>
      <c r="C11055" s="2"/>
    </row>
    <row r="11056" spans="1:3" ht="19.2">
      <c r="A11056" s="2"/>
      <c r="B11056" s="2"/>
      <c r="C11056" s="2"/>
    </row>
    <row r="11057" spans="1:3" ht="19.2">
      <c r="A11057" s="2"/>
      <c r="B11057" s="2"/>
      <c r="C11057" s="2"/>
    </row>
    <row r="11058" spans="1:3" ht="19.2">
      <c r="A11058" s="2"/>
      <c r="B11058" s="2"/>
      <c r="C11058" s="2"/>
    </row>
    <row r="11059" spans="1:3" ht="19.2">
      <c r="A11059" s="2"/>
      <c r="B11059" s="2"/>
      <c r="C11059" s="2"/>
    </row>
    <row r="11060" spans="1:3" ht="19.2">
      <c r="A11060" s="2"/>
      <c r="B11060" s="2"/>
      <c r="C11060" s="2"/>
    </row>
    <row r="11061" spans="1:3" ht="19.2">
      <c r="A11061" s="2"/>
      <c r="B11061" s="2"/>
      <c r="C11061" s="2"/>
    </row>
    <row r="11062" spans="1:3" ht="19.2">
      <c r="A11062" s="2"/>
      <c r="B11062" s="2"/>
      <c r="C11062" s="2"/>
    </row>
    <row r="11063" spans="1:3" ht="19.2">
      <c r="A11063" s="2"/>
      <c r="B11063" s="2"/>
      <c r="C11063" s="2"/>
    </row>
    <row r="11064" spans="1:3" ht="19.2">
      <c r="A11064" s="2"/>
      <c r="B11064" s="2"/>
      <c r="C11064" s="2"/>
    </row>
    <row r="11065" spans="1:3" ht="19.2">
      <c r="A11065" s="2"/>
      <c r="B11065" s="2"/>
      <c r="C11065" s="2"/>
    </row>
    <row r="11066" spans="1:3" ht="19.2">
      <c r="A11066" s="2"/>
      <c r="B11066" s="2"/>
      <c r="C11066" s="2"/>
    </row>
    <row r="11067" spans="1:3" ht="19.2">
      <c r="A11067" s="2"/>
      <c r="B11067" s="2"/>
      <c r="C11067" s="2"/>
    </row>
    <row r="11068" spans="1:3" ht="19.2">
      <c r="A11068" s="2"/>
      <c r="B11068" s="2"/>
      <c r="C11068" s="2"/>
    </row>
    <row r="11069" spans="1:3" ht="19.2">
      <c r="A11069" s="2"/>
      <c r="B11069" s="2"/>
      <c r="C11069" s="2"/>
    </row>
    <row r="11070" spans="1:3" ht="19.2">
      <c r="A11070" s="2"/>
      <c r="B11070" s="2"/>
      <c r="C11070" s="2"/>
    </row>
    <row r="11071" spans="1:3" ht="19.2">
      <c r="A11071" s="2"/>
      <c r="B11071" s="2"/>
      <c r="C11071" s="2"/>
    </row>
    <row r="11072" spans="1:3" ht="19.2">
      <c r="A11072" s="2"/>
      <c r="B11072" s="2"/>
      <c r="C11072" s="2"/>
    </row>
    <row r="11073" spans="1:3" ht="19.2">
      <c r="A11073" s="2"/>
      <c r="B11073" s="2"/>
      <c r="C11073" s="2"/>
    </row>
    <row r="11074" spans="1:3" ht="19.2">
      <c r="A11074" s="2"/>
      <c r="B11074" s="2"/>
      <c r="C11074" s="2"/>
    </row>
    <row r="11075" spans="1:3" ht="19.2">
      <c r="A11075" s="2"/>
      <c r="B11075" s="2"/>
      <c r="C11075" s="2"/>
    </row>
    <row r="11076" spans="1:3" ht="19.2">
      <c r="A11076" s="2"/>
      <c r="B11076" s="2"/>
      <c r="C11076" s="2"/>
    </row>
    <row r="11077" spans="1:3" ht="19.2">
      <c r="A11077" s="2"/>
      <c r="B11077" s="2"/>
      <c r="C11077" s="2"/>
    </row>
    <row r="11078" spans="1:3" ht="19.2">
      <c r="A11078" s="2"/>
      <c r="B11078" s="2"/>
      <c r="C11078" s="2"/>
    </row>
    <row r="11079" spans="1:3" ht="19.2">
      <c r="A11079" s="2"/>
      <c r="B11079" s="2"/>
      <c r="C11079" s="2"/>
    </row>
    <row r="11080" spans="1:3" ht="19.2">
      <c r="A11080" s="2"/>
      <c r="B11080" s="2"/>
      <c r="C11080" s="2"/>
    </row>
    <row r="11081" spans="1:3" ht="19.2">
      <c r="A11081" s="2"/>
      <c r="B11081" s="2"/>
      <c r="C11081" s="2"/>
    </row>
    <row r="11082" spans="1:3" ht="19.2">
      <c r="A11082" s="2"/>
      <c r="B11082" s="2"/>
      <c r="C11082" s="2"/>
    </row>
    <row r="11083" spans="1:3" ht="19.2">
      <c r="A11083" s="2"/>
      <c r="B11083" s="2"/>
      <c r="C11083" s="2"/>
    </row>
    <row r="11084" spans="1:3" ht="19.2">
      <c r="A11084" s="2"/>
      <c r="B11084" s="2"/>
      <c r="C11084" s="2"/>
    </row>
    <row r="11085" spans="1:3" ht="19.2">
      <c r="A11085" s="2"/>
      <c r="B11085" s="2"/>
      <c r="C11085" s="2"/>
    </row>
    <row r="11086" spans="1:3" ht="19.2">
      <c r="A11086" s="2"/>
      <c r="B11086" s="2"/>
      <c r="C11086" s="2"/>
    </row>
    <row r="11087" spans="1:3" ht="19.2">
      <c r="A11087" s="2"/>
      <c r="B11087" s="2"/>
      <c r="C11087" s="2"/>
    </row>
    <row r="11088" spans="1:3" ht="19.2">
      <c r="A11088" s="2"/>
      <c r="B11088" s="2"/>
      <c r="C11088" s="2"/>
    </row>
    <row r="11089" spans="1:3" ht="19.2">
      <c r="A11089" s="2"/>
      <c r="B11089" s="2"/>
      <c r="C11089" s="2"/>
    </row>
    <row r="11090" spans="1:3" ht="19.2">
      <c r="A11090" s="2"/>
      <c r="B11090" s="2"/>
      <c r="C11090" s="2"/>
    </row>
    <row r="11091" spans="1:3" ht="19.2">
      <c r="A11091" s="2"/>
      <c r="B11091" s="2"/>
      <c r="C11091" s="2"/>
    </row>
    <row r="11092" spans="1:3" ht="19.2">
      <c r="A11092" s="2"/>
      <c r="B11092" s="2"/>
      <c r="C11092" s="2"/>
    </row>
    <row r="11093" spans="1:3" ht="19.2">
      <c r="A11093" s="2"/>
      <c r="B11093" s="2"/>
      <c r="C11093" s="2"/>
    </row>
    <row r="11094" spans="1:3" ht="19.2">
      <c r="A11094" s="2"/>
      <c r="B11094" s="2"/>
      <c r="C11094" s="2"/>
    </row>
    <row r="11095" spans="1:3" ht="19.2">
      <c r="A11095" s="2"/>
      <c r="B11095" s="2"/>
      <c r="C11095" s="2"/>
    </row>
    <row r="11096" spans="1:3" ht="19.2">
      <c r="A11096" s="2"/>
      <c r="B11096" s="2"/>
      <c r="C11096" s="2"/>
    </row>
    <row r="11097" spans="1:3" ht="19.2">
      <c r="A11097" s="2"/>
      <c r="B11097" s="2"/>
      <c r="C11097" s="2"/>
    </row>
    <row r="11098" spans="1:3" ht="19.2">
      <c r="A11098" s="2"/>
      <c r="B11098" s="2"/>
      <c r="C11098" s="2"/>
    </row>
    <row r="11099" spans="1:3" ht="19.2">
      <c r="A11099" s="2"/>
      <c r="B11099" s="2"/>
      <c r="C11099" s="2"/>
    </row>
    <row r="11100" spans="1:3" ht="19.2">
      <c r="A11100" s="2"/>
      <c r="B11100" s="2"/>
      <c r="C11100" s="2"/>
    </row>
    <row r="11101" spans="1:3" ht="19.2">
      <c r="A11101" s="2"/>
      <c r="B11101" s="2"/>
      <c r="C11101" s="2"/>
    </row>
    <row r="11102" spans="1:3" ht="19.2">
      <c r="A11102" s="2"/>
      <c r="B11102" s="2"/>
      <c r="C11102" s="2"/>
    </row>
    <row r="11103" spans="1:3" ht="19.2">
      <c r="A11103" s="2"/>
      <c r="B11103" s="2"/>
      <c r="C11103" s="2"/>
    </row>
    <row r="11104" spans="1:3" ht="19.2">
      <c r="A11104" s="2"/>
      <c r="B11104" s="2"/>
      <c r="C11104" s="2"/>
    </row>
    <row r="11105" spans="1:3" ht="19.2">
      <c r="A11105" s="2"/>
      <c r="B11105" s="2"/>
      <c r="C11105" s="2"/>
    </row>
    <row r="11106" spans="1:3" ht="19.2">
      <c r="A11106" s="2"/>
      <c r="B11106" s="2"/>
      <c r="C11106" s="2"/>
    </row>
    <row r="11107" spans="1:3" ht="19.2">
      <c r="A11107" s="2"/>
      <c r="B11107" s="2"/>
      <c r="C11107" s="2"/>
    </row>
    <row r="11108" spans="1:3" ht="19.2">
      <c r="A11108" s="2"/>
      <c r="B11108" s="2"/>
      <c r="C11108" s="2"/>
    </row>
    <row r="11109" spans="1:3" ht="19.2">
      <c r="A11109" s="2"/>
      <c r="B11109" s="2"/>
      <c r="C11109" s="2"/>
    </row>
    <row r="11110" spans="1:3" ht="19.2">
      <c r="A11110" s="2"/>
      <c r="B11110" s="2"/>
      <c r="C11110" s="2"/>
    </row>
    <row r="11111" spans="1:3" ht="19.2">
      <c r="A11111" s="2"/>
      <c r="B11111" s="2"/>
      <c r="C11111" s="2"/>
    </row>
    <row r="11112" spans="1:3" ht="19.2">
      <c r="A11112" s="2"/>
      <c r="B11112" s="2"/>
      <c r="C11112" s="2"/>
    </row>
    <row r="11113" spans="1:3" ht="19.2">
      <c r="A11113" s="2"/>
      <c r="B11113" s="2"/>
      <c r="C11113" s="2"/>
    </row>
    <row r="11114" spans="1:3" ht="19.2">
      <c r="A11114" s="2"/>
      <c r="B11114" s="2"/>
      <c r="C11114" s="2"/>
    </row>
    <row r="11115" spans="1:3" ht="19.2">
      <c r="A11115" s="2"/>
      <c r="B11115" s="2"/>
      <c r="C11115" s="2"/>
    </row>
    <row r="11116" spans="1:3" ht="19.2">
      <c r="A11116" s="2"/>
      <c r="B11116" s="2"/>
      <c r="C11116" s="2"/>
    </row>
    <row r="11117" spans="1:3" ht="19.2">
      <c r="A11117" s="2"/>
      <c r="B11117" s="2"/>
      <c r="C11117" s="2"/>
    </row>
    <row r="11118" spans="1:3" ht="19.2">
      <c r="A11118" s="2"/>
      <c r="B11118" s="2"/>
      <c r="C11118" s="2"/>
    </row>
    <row r="11119" spans="1:3" ht="19.2">
      <c r="A11119" s="2"/>
      <c r="B11119" s="2"/>
      <c r="C11119" s="2"/>
    </row>
    <row r="11120" spans="1:3" ht="19.2">
      <c r="A11120" s="2"/>
      <c r="B11120" s="2"/>
      <c r="C11120" s="2"/>
    </row>
    <row r="11121" spans="1:3" ht="19.2">
      <c r="A11121" s="2"/>
      <c r="B11121" s="2"/>
      <c r="C11121" s="2"/>
    </row>
    <row r="11122" spans="1:3" ht="19.2">
      <c r="A11122" s="2"/>
      <c r="B11122" s="2"/>
      <c r="C11122" s="2"/>
    </row>
    <row r="11123" spans="1:3" ht="19.2">
      <c r="A11123" s="2"/>
      <c r="B11123" s="2"/>
      <c r="C11123" s="2"/>
    </row>
    <row r="11124" spans="1:3" ht="19.2">
      <c r="A11124" s="2"/>
      <c r="B11124" s="2"/>
      <c r="C11124" s="2"/>
    </row>
    <row r="11125" spans="1:3" ht="19.2">
      <c r="A11125" s="2"/>
      <c r="B11125" s="2"/>
      <c r="C11125" s="2"/>
    </row>
    <row r="11126" spans="1:3" ht="19.2">
      <c r="A11126" s="2"/>
      <c r="B11126" s="2"/>
      <c r="C11126" s="2"/>
    </row>
    <row r="11127" spans="1:3" ht="19.2">
      <c r="A11127" s="2"/>
      <c r="B11127" s="2"/>
      <c r="C11127" s="2"/>
    </row>
    <row r="11128" spans="1:3" ht="19.2">
      <c r="A11128" s="2"/>
      <c r="B11128" s="2"/>
      <c r="C11128" s="2"/>
    </row>
    <row r="11129" spans="1:3" ht="19.2">
      <c r="A11129" s="2"/>
      <c r="B11129" s="2"/>
      <c r="C11129" s="2"/>
    </row>
    <row r="11130" spans="1:3" ht="19.2">
      <c r="A11130" s="2"/>
      <c r="B11130" s="2"/>
      <c r="C11130" s="2"/>
    </row>
    <row r="11131" spans="1:3" ht="19.2">
      <c r="A11131" s="2"/>
      <c r="B11131" s="2"/>
      <c r="C11131" s="2"/>
    </row>
    <row r="11132" spans="1:3" ht="19.2">
      <c r="A11132" s="2"/>
      <c r="B11132" s="2"/>
      <c r="C11132" s="2"/>
    </row>
    <row r="11133" spans="1:3" ht="19.2">
      <c r="A11133" s="2"/>
      <c r="B11133" s="2"/>
      <c r="C11133" s="2"/>
    </row>
    <row r="11134" spans="1:3" ht="19.2">
      <c r="A11134" s="2"/>
      <c r="B11134" s="2"/>
      <c r="C11134" s="2"/>
    </row>
    <row r="11135" spans="1:3" ht="19.2">
      <c r="A11135" s="2"/>
      <c r="B11135" s="2"/>
      <c r="C11135" s="2"/>
    </row>
    <row r="11136" spans="1:3" ht="19.2">
      <c r="A11136" s="2"/>
      <c r="B11136" s="2"/>
      <c r="C11136" s="2"/>
    </row>
    <row r="11137" spans="1:3" ht="19.2">
      <c r="A11137" s="2"/>
      <c r="B11137" s="2"/>
      <c r="C11137" s="2"/>
    </row>
    <row r="11138" spans="1:3" ht="19.2">
      <c r="A11138" s="2"/>
      <c r="B11138" s="2"/>
      <c r="C11138" s="2"/>
    </row>
    <row r="11139" spans="1:3" ht="19.2">
      <c r="A11139" s="2"/>
      <c r="B11139" s="2"/>
      <c r="C11139" s="2"/>
    </row>
    <row r="11140" spans="1:3" ht="19.2">
      <c r="A11140" s="2"/>
      <c r="B11140" s="2"/>
      <c r="C11140" s="2"/>
    </row>
    <row r="11141" spans="1:3" ht="19.2">
      <c r="A11141" s="2"/>
      <c r="B11141" s="2"/>
      <c r="C11141" s="2"/>
    </row>
    <row r="11142" spans="1:3" ht="19.2">
      <c r="A11142" s="2"/>
      <c r="B11142" s="2"/>
      <c r="C11142" s="2"/>
    </row>
    <row r="11143" spans="1:3" ht="19.2">
      <c r="A11143" s="2"/>
      <c r="B11143" s="2"/>
      <c r="C11143" s="2"/>
    </row>
    <row r="11144" spans="1:3" ht="19.2">
      <c r="A11144" s="2"/>
      <c r="B11144" s="2"/>
      <c r="C11144" s="2"/>
    </row>
    <row r="11145" spans="1:3" ht="19.2">
      <c r="A11145" s="2"/>
      <c r="B11145" s="2"/>
      <c r="C11145" s="2"/>
    </row>
    <row r="11146" spans="1:3" ht="19.2">
      <c r="A11146" s="2"/>
      <c r="B11146" s="2"/>
      <c r="C11146" s="2"/>
    </row>
    <row r="11147" spans="1:3" ht="19.2">
      <c r="A11147" s="2"/>
      <c r="B11147" s="2"/>
      <c r="C11147" s="2"/>
    </row>
    <row r="11148" spans="1:3" ht="19.2">
      <c r="A11148" s="2"/>
      <c r="B11148" s="2"/>
      <c r="C11148" s="2"/>
    </row>
    <row r="11149" spans="1:3" ht="19.2">
      <c r="A11149" s="2"/>
      <c r="B11149" s="2"/>
      <c r="C11149" s="2"/>
    </row>
    <row r="11150" spans="1:3" ht="19.2">
      <c r="A11150" s="2"/>
      <c r="B11150" s="2"/>
      <c r="C11150" s="2"/>
    </row>
    <row r="11151" spans="1:3" ht="19.2">
      <c r="A11151" s="2"/>
      <c r="B11151" s="2"/>
      <c r="C11151" s="2"/>
    </row>
    <row r="11152" spans="1:3" ht="19.2">
      <c r="A11152" s="2"/>
      <c r="B11152" s="2"/>
      <c r="C11152" s="2"/>
    </row>
    <row r="11153" spans="1:3" ht="19.2">
      <c r="A11153" s="2"/>
      <c r="B11153" s="2"/>
      <c r="C11153" s="2"/>
    </row>
    <row r="11154" spans="1:3" ht="19.2">
      <c r="A11154" s="2"/>
      <c r="B11154" s="2"/>
      <c r="C11154" s="2"/>
    </row>
    <row r="11155" spans="1:3" ht="19.2">
      <c r="A11155" s="2"/>
      <c r="B11155" s="2"/>
      <c r="C11155" s="2"/>
    </row>
    <row r="11156" spans="1:3" ht="19.2">
      <c r="A11156" s="2"/>
      <c r="B11156" s="2"/>
      <c r="C11156" s="2"/>
    </row>
    <row r="11157" spans="1:3" ht="19.2">
      <c r="A11157" s="2"/>
      <c r="B11157" s="2"/>
      <c r="C11157" s="2"/>
    </row>
    <row r="11158" spans="1:3" ht="19.2">
      <c r="A11158" s="2"/>
      <c r="B11158" s="2"/>
      <c r="C11158" s="2"/>
    </row>
    <row r="11159" spans="1:3" ht="19.2">
      <c r="A11159" s="2"/>
      <c r="B11159" s="2"/>
      <c r="C11159" s="2"/>
    </row>
    <row r="11160" spans="1:3" ht="19.2">
      <c r="A11160" s="2"/>
      <c r="B11160" s="2"/>
      <c r="C11160" s="2"/>
    </row>
    <row r="11161" spans="1:3" ht="19.2">
      <c r="A11161" s="2"/>
      <c r="B11161" s="2"/>
      <c r="C11161" s="2"/>
    </row>
    <row r="11162" spans="1:3" ht="19.2">
      <c r="A11162" s="2"/>
      <c r="B11162" s="2"/>
      <c r="C11162" s="2"/>
    </row>
    <row r="11163" spans="1:3" ht="19.2">
      <c r="A11163" s="2"/>
      <c r="B11163" s="2"/>
      <c r="C11163" s="2"/>
    </row>
    <row r="11164" spans="1:3" ht="19.2">
      <c r="A11164" s="2"/>
      <c r="B11164" s="2"/>
      <c r="C11164" s="2"/>
    </row>
    <row r="11165" spans="1:3" ht="19.2">
      <c r="A11165" s="2"/>
      <c r="B11165" s="2"/>
      <c r="C11165" s="2"/>
    </row>
    <row r="11166" spans="1:3" ht="19.2">
      <c r="A11166" s="2"/>
      <c r="B11166" s="2"/>
      <c r="C11166" s="2"/>
    </row>
    <row r="11167" spans="1:3" ht="19.2">
      <c r="A11167" s="2"/>
      <c r="B11167" s="2"/>
      <c r="C11167" s="2"/>
    </row>
    <row r="11168" spans="1:3" ht="19.2">
      <c r="A11168" s="2"/>
      <c r="B11168" s="2"/>
      <c r="C11168" s="2"/>
    </row>
    <row r="11169" spans="1:3" ht="19.2">
      <c r="A11169" s="2"/>
      <c r="B11169" s="2"/>
      <c r="C11169" s="2"/>
    </row>
    <row r="11170" spans="1:3" ht="19.2">
      <c r="A11170" s="2"/>
      <c r="B11170" s="2"/>
      <c r="C11170" s="2"/>
    </row>
    <row r="11171" spans="1:3" ht="19.2">
      <c r="A11171" s="2"/>
      <c r="B11171" s="2"/>
      <c r="C11171" s="2"/>
    </row>
    <row r="11172" spans="1:3" ht="19.2">
      <c r="A11172" s="2"/>
      <c r="B11172" s="2"/>
      <c r="C11172" s="2"/>
    </row>
    <row r="11173" spans="1:3" ht="19.2">
      <c r="A11173" s="2"/>
      <c r="B11173" s="2"/>
      <c r="C11173" s="2"/>
    </row>
    <row r="11174" spans="1:3" ht="19.2">
      <c r="A11174" s="2"/>
      <c r="B11174" s="2"/>
      <c r="C11174" s="2"/>
    </row>
    <row r="11175" spans="1:3" ht="19.2">
      <c r="A11175" s="2"/>
      <c r="B11175" s="2"/>
      <c r="C11175" s="2"/>
    </row>
    <row r="11176" spans="1:3" ht="19.2">
      <c r="A11176" s="2"/>
      <c r="B11176" s="2"/>
      <c r="C11176" s="2"/>
    </row>
    <row r="11177" spans="1:3" ht="19.2">
      <c r="A11177" s="2"/>
      <c r="B11177" s="2"/>
      <c r="C11177" s="2"/>
    </row>
    <row r="11178" spans="1:3" ht="19.2">
      <c r="A11178" s="2"/>
      <c r="B11178" s="2"/>
      <c r="C11178" s="2"/>
    </row>
    <row r="11179" spans="1:3" ht="19.2">
      <c r="A11179" s="2"/>
      <c r="B11179" s="2"/>
      <c r="C11179" s="2"/>
    </row>
    <row r="11180" spans="1:3" ht="19.2">
      <c r="A11180" s="2"/>
      <c r="B11180" s="2"/>
      <c r="C11180" s="2"/>
    </row>
    <row r="11181" spans="1:3" ht="19.2">
      <c r="A11181" s="2"/>
      <c r="B11181" s="2"/>
      <c r="C11181" s="2"/>
    </row>
    <row r="11182" spans="1:3" ht="19.2">
      <c r="A11182" s="2"/>
      <c r="B11182" s="2"/>
      <c r="C11182" s="2"/>
    </row>
    <row r="11183" spans="1:3" ht="19.2">
      <c r="A11183" s="2"/>
      <c r="B11183" s="2"/>
      <c r="C11183" s="2"/>
    </row>
    <row r="11184" spans="1:3" ht="19.2">
      <c r="A11184" s="2"/>
      <c r="B11184" s="2"/>
      <c r="C11184" s="2"/>
    </row>
    <row r="11185" spans="1:3" ht="19.2">
      <c r="A11185" s="2"/>
      <c r="B11185" s="2"/>
      <c r="C11185" s="2"/>
    </row>
    <row r="11186" spans="1:3" ht="19.2">
      <c r="A11186" s="2"/>
      <c r="B11186" s="2"/>
      <c r="C11186" s="2"/>
    </row>
    <row r="11187" spans="1:3" ht="19.2">
      <c r="A11187" s="2"/>
      <c r="B11187" s="2"/>
      <c r="C11187" s="2"/>
    </row>
    <row r="11188" spans="1:3" ht="19.2">
      <c r="A11188" s="2"/>
      <c r="B11188" s="2"/>
      <c r="C11188" s="2"/>
    </row>
    <row r="11189" spans="1:3" ht="19.2">
      <c r="A11189" s="2"/>
      <c r="B11189" s="2"/>
      <c r="C11189" s="2"/>
    </row>
    <row r="11190" spans="1:3" ht="19.2">
      <c r="A11190" s="2"/>
      <c r="B11190" s="2"/>
      <c r="C11190" s="2"/>
    </row>
    <row r="11191" spans="1:3" ht="19.2">
      <c r="A11191" s="2"/>
      <c r="B11191" s="2"/>
      <c r="C11191" s="2"/>
    </row>
    <row r="11192" spans="1:3" ht="19.2">
      <c r="A11192" s="2"/>
      <c r="B11192" s="2"/>
      <c r="C11192" s="2"/>
    </row>
    <row r="11193" spans="1:3" ht="19.2">
      <c r="A11193" s="2"/>
      <c r="B11193" s="2"/>
      <c r="C11193" s="2"/>
    </row>
    <row r="11194" spans="1:3" ht="19.2">
      <c r="A11194" s="2"/>
      <c r="B11194" s="2"/>
      <c r="C11194" s="2"/>
    </row>
    <row r="11195" spans="1:3" ht="19.2">
      <c r="A11195" s="2"/>
      <c r="B11195" s="2"/>
      <c r="C11195" s="2"/>
    </row>
    <row r="11196" spans="1:3" ht="19.2">
      <c r="A11196" s="2"/>
      <c r="B11196" s="2"/>
      <c r="C11196" s="2"/>
    </row>
    <row r="11197" spans="1:3" ht="19.2">
      <c r="A11197" s="2"/>
      <c r="B11197" s="2"/>
      <c r="C11197" s="2"/>
    </row>
    <row r="11198" spans="1:3" ht="19.2">
      <c r="A11198" s="2"/>
      <c r="B11198" s="2"/>
      <c r="C11198" s="2"/>
    </row>
    <row r="11199" spans="1:3" ht="19.2">
      <c r="A11199" s="2"/>
      <c r="B11199" s="2"/>
      <c r="C11199" s="2"/>
    </row>
    <row r="11200" spans="1:3" ht="19.2">
      <c r="A11200" s="2"/>
      <c r="B11200" s="2"/>
      <c r="C11200" s="2"/>
    </row>
    <row r="11201" spans="1:3" ht="19.2">
      <c r="A11201" s="2"/>
      <c r="B11201" s="2"/>
      <c r="C11201" s="2"/>
    </row>
    <row r="11202" spans="1:3" ht="19.2">
      <c r="A11202" s="2"/>
      <c r="B11202" s="2"/>
      <c r="C11202" s="2"/>
    </row>
    <row r="11203" spans="1:3" ht="19.2">
      <c r="A11203" s="2"/>
      <c r="B11203" s="2"/>
      <c r="C11203" s="2"/>
    </row>
    <row r="11204" spans="1:3" ht="19.2">
      <c r="A11204" s="2"/>
      <c r="B11204" s="2"/>
      <c r="C11204" s="2"/>
    </row>
    <row r="11205" spans="1:3" ht="19.2">
      <c r="A11205" s="2"/>
      <c r="B11205" s="2"/>
      <c r="C11205" s="2"/>
    </row>
    <row r="11206" spans="1:3" ht="19.2">
      <c r="A11206" s="2"/>
      <c r="B11206" s="2"/>
      <c r="C11206" s="2"/>
    </row>
    <row r="11207" spans="1:3" ht="19.2">
      <c r="A11207" s="2"/>
      <c r="B11207" s="2"/>
      <c r="C11207" s="2"/>
    </row>
    <row r="11208" spans="1:3" ht="19.2">
      <c r="A11208" s="2"/>
      <c r="B11208" s="2"/>
      <c r="C11208" s="2"/>
    </row>
    <row r="11209" spans="1:3" ht="19.2">
      <c r="A11209" s="2"/>
      <c r="B11209" s="2"/>
      <c r="C11209" s="2"/>
    </row>
    <row r="11210" spans="1:3" ht="19.2">
      <c r="A11210" s="2"/>
      <c r="B11210" s="2"/>
      <c r="C11210" s="2"/>
    </row>
    <row r="11211" spans="1:3" ht="19.2">
      <c r="A11211" s="2"/>
      <c r="B11211" s="2"/>
      <c r="C11211" s="2"/>
    </row>
    <row r="11212" spans="1:3" ht="19.2">
      <c r="A11212" s="2"/>
      <c r="B11212" s="2"/>
      <c r="C11212" s="2"/>
    </row>
    <row r="11213" spans="1:3" ht="19.2">
      <c r="A11213" s="2"/>
      <c r="B11213" s="2"/>
      <c r="C11213" s="2"/>
    </row>
    <row r="11214" spans="1:3" ht="19.2">
      <c r="A11214" s="2"/>
      <c r="B11214" s="2"/>
      <c r="C11214" s="2"/>
    </row>
    <row r="11215" spans="1:3" ht="19.2">
      <c r="A11215" s="2"/>
      <c r="B11215" s="2"/>
      <c r="C11215" s="2"/>
    </row>
    <row r="11216" spans="1:3" ht="19.2">
      <c r="A11216" s="2"/>
      <c r="B11216" s="2"/>
      <c r="C11216" s="2"/>
    </row>
    <row r="11217" spans="1:3" ht="19.2">
      <c r="A11217" s="2"/>
      <c r="B11217" s="2"/>
      <c r="C11217" s="2"/>
    </row>
    <row r="11218" spans="1:3" ht="19.2">
      <c r="A11218" s="2"/>
      <c r="B11218" s="2"/>
      <c r="C11218" s="2"/>
    </row>
    <row r="11219" spans="1:3" ht="19.2">
      <c r="A11219" s="2"/>
      <c r="B11219" s="2"/>
      <c r="C11219" s="2"/>
    </row>
    <row r="11220" spans="1:3" ht="19.2">
      <c r="A11220" s="2"/>
      <c r="B11220" s="2"/>
      <c r="C11220" s="2"/>
    </row>
    <row r="11221" spans="1:3" ht="19.2">
      <c r="A11221" s="2"/>
      <c r="B11221" s="2"/>
      <c r="C11221" s="2"/>
    </row>
    <row r="11222" spans="1:3" ht="19.2">
      <c r="A11222" s="2"/>
      <c r="B11222" s="2"/>
      <c r="C11222" s="2"/>
    </row>
    <row r="11223" spans="1:3" ht="19.2">
      <c r="A11223" s="2"/>
      <c r="B11223" s="2"/>
      <c r="C11223" s="2"/>
    </row>
    <row r="11224" spans="1:3" ht="19.2">
      <c r="A11224" s="2"/>
      <c r="B11224" s="2"/>
      <c r="C11224" s="2"/>
    </row>
    <row r="11225" spans="1:3" ht="19.2">
      <c r="A11225" s="2"/>
      <c r="B11225" s="2"/>
      <c r="C11225" s="2"/>
    </row>
    <row r="11226" spans="1:3" ht="19.2">
      <c r="A11226" s="2"/>
      <c r="B11226" s="2"/>
      <c r="C11226" s="2"/>
    </row>
    <row r="11227" spans="1:3" ht="19.2">
      <c r="A11227" s="2"/>
      <c r="B11227" s="2"/>
      <c r="C11227" s="2"/>
    </row>
    <row r="11228" spans="1:3" ht="19.2">
      <c r="A11228" s="2"/>
      <c r="B11228" s="2"/>
      <c r="C11228" s="2"/>
    </row>
    <row r="11229" spans="1:3" ht="19.2">
      <c r="A11229" s="2"/>
      <c r="B11229" s="2"/>
      <c r="C11229" s="2"/>
    </row>
    <row r="11230" spans="1:3" ht="19.2">
      <c r="A11230" s="2"/>
      <c r="B11230" s="2"/>
      <c r="C11230" s="2"/>
    </row>
    <row r="11231" spans="1:3" ht="19.2">
      <c r="A11231" s="2"/>
      <c r="B11231" s="2"/>
      <c r="C11231" s="2"/>
    </row>
    <row r="11232" spans="1:3" ht="19.2">
      <c r="A11232" s="2"/>
      <c r="B11232" s="2"/>
      <c r="C11232" s="2"/>
    </row>
    <row r="11233" spans="1:3" ht="19.2">
      <c r="A11233" s="2"/>
      <c r="B11233" s="2"/>
      <c r="C11233" s="2"/>
    </row>
    <row r="11234" spans="1:3" ht="19.2">
      <c r="A11234" s="2"/>
      <c r="B11234" s="2"/>
      <c r="C11234" s="2"/>
    </row>
    <row r="11235" spans="1:3" ht="19.2">
      <c r="A11235" s="2"/>
      <c r="B11235" s="2"/>
      <c r="C11235" s="2"/>
    </row>
    <row r="11236" spans="1:3" ht="19.2">
      <c r="A11236" s="2"/>
      <c r="B11236" s="2"/>
      <c r="C11236" s="2"/>
    </row>
    <row r="11237" spans="1:3" ht="19.2">
      <c r="A11237" s="2"/>
      <c r="B11237" s="2"/>
      <c r="C11237" s="2"/>
    </row>
    <row r="11238" spans="1:3" ht="19.2">
      <c r="A11238" s="2"/>
      <c r="B11238" s="2"/>
      <c r="C11238" s="2"/>
    </row>
    <row r="11239" spans="1:3" ht="19.2">
      <c r="A11239" s="2"/>
      <c r="B11239" s="2"/>
      <c r="C11239" s="2"/>
    </row>
    <row r="11240" spans="1:3" ht="19.2">
      <c r="A11240" s="2"/>
      <c r="B11240" s="2"/>
      <c r="C11240" s="2"/>
    </row>
    <row r="11241" spans="1:3" ht="19.2">
      <c r="A11241" s="2"/>
      <c r="B11241" s="2"/>
      <c r="C11241" s="2"/>
    </row>
    <row r="11242" spans="1:3" ht="19.2">
      <c r="A11242" s="2"/>
      <c r="B11242" s="2"/>
      <c r="C11242" s="2"/>
    </row>
    <row r="11243" spans="1:3" ht="19.2">
      <c r="A11243" s="2"/>
      <c r="B11243" s="2"/>
      <c r="C11243" s="2"/>
    </row>
    <row r="11244" spans="1:3" ht="19.2">
      <c r="A11244" s="2"/>
      <c r="B11244" s="2"/>
      <c r="C11244" s="2"/>
    </row>
    <row r="11245" spans="1:3" ht="19.2">
      <c r="A11245" s="2"/>
      <c r="B11245" s="2"/>
      <c r="C11245" s="2"/>
    </row>
    <row r="11246" spans="1:3" ht="19.2">
      <c r="A11246" s="2"/>
      <c r="B11246" s="2"/>
      <c r="C11246" s="2"/>
    </row>
    <row r="11247" spans="1:3" ht="19.2">
      <c r="A11247" s="2"/>
      <c r="B11247" s="2"/>
      <c r="C11247" s="2"/>
    </row>
    <row r="11248" spans="1:3" ht="19.2">
      <c r="A11248" s="2"/>
      <c r="B11248" s="2"/>
      <c r="C11248" s="2"/>
    </row>
    <row r="11249" spans="1:3" ht="19.2">
      <c r="A11249" s="2"/>
      <c r="B11249" s="2"/>
      <c r="C11249" s="2"/>
    </row>
    <row r="11250" spans="1:3" ht="19.2">
      <c r="A11250" s="2"/>
      <c r="B11250" s="2"/>
      <c r="C11250" s="2"/>
    </row>
    <row r="11251" spans="1:3" ht="19.2">
      <c r="A11251" s="2"/>
      <c r="B11251" s="2"/>
      <c r="C11251" s="2"/>
    </row>
    <row r="11252" spans="1:3" ht="19.2">
      <c r="A11252" s="2"/>
      <c r="B11252" s="2"/>
      <c r="C11252" s="2"/>
    </row>
    <row r="11253" spans="1:3" ht="19.2">
      <c r="A11253" s="2"/>
      <c r="B11253" s="2"/>
      <c r="C11253" s="2"/>
    </row>
    <row r="11254" spans="1:3" ht="19.2">
      <c r="A11254" s="2"/>
      <c r="B11254" s="2"/>
      <c r="C11254" s="2"/>
    </row>
    <row r="11255" spans="1:3" ht="19.2">
      <c r="A11255" s="2"/>
      <c r="B11255" s="2"/>
      <c r="C11255" s="2"/>
    </row>
    <row r="11256" spans="1:3" ht="19.2">
      <c r="A11256" s="2"/>
      <c r="B11256" s="2"/>
      <c r="C11256" s="2"/>
    </row>
    <row r="11257" spans="1:3" ht="19.2">
      <c r="A11257" s="2"/>
      <c r="B11257" s="2"/>
      <c r="C11257" s="2"/>
    </row>
    <row r="11258" spans="1:3" ht="19.2">
      <c r="A11258" s="2"/>
      <c r="B11258" s="2"/>
      <c r="C11258" s="2"/>
    </row>
    <row r="11259" spans="1:3" ht="19.2">
      <c r="A11259" s="2"/>
      <c r="B11259" s="2"/>
      <c r="C11259" s="2"/>
    </row>
    <row r="11260" spans="1:3" ht="19.2">
      <c r="A11260" s="2"/>
      <c r="B11260" s="2"/>
      <c r="C11260" s="2"/>
    </row>
    <row r="11261" spans="1:3" ht="19.2">
      <c r="A11261" s="2"/>
      <c r="B11261" s="2"/>
      <c r="C11261" s="2"/>
    </row>
    <row r="11262" spans="1:3" ht="19.2">
      <c r="A11262" s="2"/>
      <c r="B11262" s="2"/>
      <c r="C11262" s="2"/>
    </row>
    <row r="11263" spans="1:3" ht="19.2">
      <c r="A11263" s="2"/>
      <c r="B11263" s="2"/>
      <c r="C11263" s="2"/>
    </row>
    <row r="11264" spans="1:3" ht="19.2">
      <c r="A11264" s="2"/>
      <c r="B11264" s="2"/>
      <c r="C11264" s="2"/>
    </row>
    <row r="11265" spans="1:3" ht="19.2">
      <c r="A11265" s="2"/>
      <c r="B11265" s="2"/>
      <c r="C11265" s="2"/>
    </row>
    <row r="11266" spans="1:3" ht="19.2">
      <c r="A11266" s="2"/>
      <c r="B11266" s="2"/>
      <c r="C11266" s="2"/>
    </row>
    <row r="11267" spans="1:3" ht="19.2">
      <c r="A11267" s="2"/>
      <c r="B11267" s="2"/>
      <c r="C11267" s="2"/>
    </row>
    <row r="11268" spans="1:3" ht="19.2">
      <c r="A11268" s="2"/>
      <c r="B11268" s="2"/>
      <c r="C11268" s="2"/>
    </row>
    <row r="11269" spans="1:3" ht="19.2">
      <c r="A11269" s="2"/>
      <c r="B11269" s="2"/>
      <c r="C11269" s="2"/>
    </row>
    <row r="11270" spans="1:3" ht="19.2">
      <c r="A11270" s="2"/>
      <c r="B11270" s="2"/>
      <c r="C11270" s="2"/>
    </row>
    <row r="11271" spans="1:3" ht="19.2">
      <c r="A11271" s="2"/>
      <c r="B11271" s="2"/>
      <c r="C11271" s="2"/>
    </row>
    <row r="11272" spans="1:3" ht="19.2">
      <c r="A11272" s="2"/>
      <c r="B11272" s="2"/>
      <c r="C11272" s="2"/>
    </row>
    <row r="11273" spans="1:3" ht="19.2">
      <c r="A11273" s="2"/>
      <c r="B11273" s="2"/>
      <c r="C11273" s="2"/>
    </row>
    <row r="11274" spans="1:3" ht="19.2">
      <c r="A11274" s="2"/>
      <c r="B11274" s="2"/>
      <c r="C11274" s="2"/>
    </row>
    <row r="11275" spans="1:3" ht="19.2">
      <c r="A11275" s="2"/>
      <c r="B11275" s="2"/>
      <c r="C11275" s="2"/>
    </row>
    <row r="11276" spans="1:3" ht="19.2">
      <c r="A11276" s="2"/>
      <c r="B11276" s="2"/>
      <c r="C11276" s="2"/>
    </row>
    <row r="11277" spans="1:3" ht="19.2">
      <c r="A11277" s="2"/>
      <c r="B11277" s="2"/>
      <c r="C11277" s="2"/>
    </row>
    <row r="11278" spans="1:3" ht="19.2">
      <c r="A11278" s="2"/>
      <c r="B11278" s="2"/>
      <c r="C11278" s="2"/>
    </row>
    <row r="11279" spans="1:3" ht="19.2">
      <c r="A11279" s="2"/>
      <c r="B11279" s="2"/>
      <c r="C11279" s="2"/>
    </row>
    <row r="11280" spans="1:3" ht="19.2">
      <c r="A11280" s="2"/>
      <c r="B11280" s="2"/>
      <c r="C11280" s="2"/>
    </row>
    <row r="11281" spans="1:3" ht="19.2">
      <c r="A11281" s="2"/>
      <c r="B11281" s="2"/>
      <c r="C11281" s="2"/>
    </row>
    <row r="11282" spans="1:3" ht="19.2">
      <c r="A11282" s="2"/>
      <c r="B11282" s="2"/>
      <c r="C11282" s="2"/>
    </row>
    <row r="11283" spans="1:3" ht="19.2">
      <c r="A11283" s="2"/>
      <c r="B11283" s="2"/>
      <c r="C11283" s="2"/>
    </row>
    <row r="11284" spans="1:3" ht="19.2">
      <c r="A11284" s="2"/>
      <c r="B11284" s="2"/>
      <c r="C11284" s="2"/>
    </row>
    <row r="11285" spans="1:3" ht="19.2">
      <c r="A11285" s="2"/>
      <c r="B11285" s="2"/>
      <c r="C11285" s="2"/>
    </row>
    <row r="11286" spans="1:3" ht="19.2">
      <c r="A11286" s="2"/>
      <c r="B11286" s="2"/>
      <c r="C11286" s="2"/>
    </row>
    <row r="11287" spans="1:3" ht="19.2">
      <c r="A11287" s="2"/>
      <c r="B11287" s="2"/>
      <c r="C11287" s="2"/>
    </row>
    <row r="11288" spans="1:3" ht="19.2">
      <c r="A11288" s="2"/>
      <c r="B11288" s="2"/>
      <c r="C11288" s="2"/>
    </row>
    <row r="11289" spans="1:3" ht="19.2">
      <c r="A11289" s="2"/>
      <c r="B11289" s="2"/>
      <c r="C11289" s="2"/>
    </row>
    <row r="11290" spans="1:3" ht="19.2">
      <c r="A11290" s="2"/>
      <c r="B11290" s="2"/>
      <c r="C11290" s="2"/>
    </row>
    <row r="11291" spans="1:3" ht="19.2">
      <c r="A11291" s="2"/>
      <c r="B11291" s="2"/>
      <c r="C11291" s="2"/>
    </row>
    <row r="11292" spans="1:3" ht="19.2">
      <c r="A11292" s="2"/>
      <c r="B11292" s="2"/>
      <c r="C11292" s="2"/>
    </row>
    <row r="11293" spans="1:3" ht="19.2">
      <c r="A11293" s="2"/>
      <c r="B11293" s="2"/>
      <c r="C11293" s="2"/>
    </row>
    <row r="11294" spans="1:3" ht="19.2">
      <c r="A11294" s="2"/>
      <c r="B11294" s="2"/>
      <c r="C11294" s="2"/>
    </row>
    <row r="11295" spans="1:3" ht="19.2">
      <c r="A11295" s="2"/>
      <c r="B11295" s="2"/>
      <c r="C11295" s="2"/>
    </row>
    <row r="11296" spans="1:3" ht="19.2">
      <c r="A11296" s="2"/>
      <c r="B11296" s="2"/>
      <c r="C11296" s="2"/>
    </row>
    <row r="11297" spans="1:3" ht="19.2">
      <c r="A11297" s="2"/>
      <c r="B11297" s="2"/>
      <c r="C11297" s="2"/>
    </row>
    <row r="11298" spans="1:3" ht="19.2">
      <c r="A11298" s="2"/>
      <c r="B11298" s="2"/>
      <c r="C11298" s="2"/>
    </row>
    <row r="11299" spans="1:3" ht="19.2">
      <c r="A11299" s="2"/>
      <c r="B11299" s="2"/>
      <c r="C11299" s="2"/>
    </row>
    <row r="11300" spans="1:3" ht="19.2">
      <c r="A11300" s="2"/>
      <c r="B11300" s="2"/>
      <c r="C11300" s="2"/>
    </row>
    <row r="11301" spans="1:3" ht="19.2">
      <c r="A11301" s="2"/>
      <c r="B11301" s="2"/>
      <c r="C11301" s="2"/>
    </row>
    <row r="11302" spans="1:3" ht="19.2">
      <c r="A11302" s="2"/>
      <c r="B11302" s="2"/>
      <c r="C11302" s="2"/>
    </row>
    <row r="11303" spans="1:3" ht="19.2">
      <c r="A11303" s="2"/>
      <c r="B11303" s="2"/>
      <c r="C11303" s="2"/>
    </row>
    <row r="11304" spans="1:3" ht="19.2">
      <c r="A11304" s="2"/>
      <c r="B11304" s="2"/>
      <c r="C11304" s="2"/>
    </row>
    <row r="11305" spans="1:3" ht="19.2">
      <c r="A11305" s="2"/>
      <c r="B11305" s="2"/>
      <c r="C11305" s="2"/>
    </row>
    <row r="11306" spans="1:3" ht="19.2">
      <c r="A11306" s="2"/>
      <c r="B11306" s="2"/>
      <c r="C11306" s="2"/>
    </row>
    <row r="11307" spans="1:3" ht="19.2">
      <c r="A11307" s="2"/>
      <c r="B11307" s="2"/>
      <c r="C11307" s="2"/>
    </row>
    <row r="11308" spans="1:3" ht="19.2">
      <c r="A11308" s="2"/>
      <c r="B11308" s="2"/>
      <c r="C11308" s="2"/>
    </row>
    <row r="11309" spans="1:3" ht="19.2">
      <c r="A11309" s="2"/>
      <c r="B11309" s="2"/>
      <c r="C11309" s="2"/>
    </row>
    <row r="11310" spans="1:3" ht="19.2">
      <c r="A11310" s="2"/>
      <c r="B11310" s="2"/>
      <c r="C11310" s="2"/>
    </row>
    <row r="11311" spans="1:3" ht="19.2">
      <c r="A11311" s="2"/>
      <c r="B11311" s="2"/>
      <c r="C11311" s="2"/>
    </row>
    <row r="11312" spans="1:3" ht="19.2">
      <c r="A11312" s="2"/>
      <c r="B11312" s="2"/>
      <c r="C11312" s="2"/>
    </row>
    <row r="11313" spans="1:3" ht="19.2">
      <c r="A11313" s="2"/>
      <c r="B11313" s="2"/>
      <c r="C11313" s="2"/>
    </row>
    <row r="11314" spans="1:3" ht="19.2">
      <c r="A11314" s="2"/>
      <c r="B11314" s="2"/>
      <c r="C11314" s="2"/>
    </row>
    <row r="11315" spans="1:3" ht="19.2">
      <c r="A11315" s="2"/>
      <c r="B11315" s="2"/>
      <c r="C11315" s="2"/>
    </row>
    <row r="11316" spans="1:3" ht="19.2">
      <c r="A11316" s="2"/>
      <c r="B11316" s="2"/>
      <c r="C11316" s="2"/>
    </row>
    <row r="11317" spans="1:3" ht="19.2">
      <c r="A11317" s="2"/>
      <c r="B11317" s="2"/>
      <c r="C11317" s="2"/>
    </row>
    <row r="11318" spans="1:3" ht="19.2">
      <c r="A11318" s="2"/>
      <c r="B11318" s="2"/>
      <c r="C11318" s="2"/>
    </row>
    <row r="11319" spans="1:3" ht="19.2">
      <c r="A11319" s="2"/>
      <c r="B11319" s="2"/>
      <c r="C11319" s="2"/>
    </row>
    <row r="11320" spans="1:3" ht="19.2">
      <c r="A11320" s="2"/>
      <c r="B11320" s="2"/>
      <c r="C11320" s="2"/>
    </row>
    <row r="11321" spans="1:3" ht="19.2">
      <c r="A11321" s="2"/>
      <c r="B11321" s="2"/>
      <c r="C11321" s="2"/>
    </row>
    <row r="11322" spans="1:3" ht="19.2">
      <c r="A11322" s="2"/>
      <c r="B11322" s="2"/>
      <c r="C11322" s="2"/>
    </row>
    <row r="11323" spans="1:3" ht="19.2">
      <c r="A11323" s="2"/>
      <c r="B11323" s="2"/>
      <c r="C11323" s="2"/>
    </row>
    <row r="11324" spans="1:3" ht="19.2">
      <c r="A11324" s="2"/>
      <c r="B11324" s="2"/>
      <c r="C11324" s="2"/>
    </row>
    <row r="11325" spans="1:3" ht="19.2">
      <c r="A11325" s="2"/>
      <c r="B11325" s="2"/>
      <c r="C11325" s="2"/>
    </row>
    <row r="11326" spans="1:3" ht="19.2">
      <c r="A11326" s="2"/>
      <c r="B11326" s="2"/>
      <c r="C11326" s="2"/>
    </row>
    <row r="11327" spans="1:3" ht="19.2">
      <c r="A11327" s="2"/>
      <c r="B11327" s="2"/>
      <c r="C11327" s="2"/>
    </row>
    <row r="11328" spans="1:3" ht="19.2">
      <c r="A11328" s="2"/>
      <c r="B11328" s="2"/>
      <c r="C11328" s="2"/>
    </row>
    <row r="11329" spans="1:3" ht="19.2">
      <c r="A11329" s="2"/>
      <c r="B11329" s="2"/>
      <c r="C11329" s="2"/>
    </row>
    <row r="11330" spans="1:3" ht="19.2">
      <c r="A11330" s="2"/>
      <c r="B11330" s="2"/>
      <c r="C11330" s="2"/>
    </row>
    <row r="11331" spans="1:3" ht="19.2">
      <c r="A11331" s="2"/>
      <c r="B11331" s="2"/>
      <c r="C11331" s="2"/>
    </row>
    <row r="11332" spans="1:3" ht="19.2">
      <c r="A11332" s="2"/>
      <c r="B11332" s="2"/>
      <c r="C11332" s="2"/>
    </row>
    <row r="11333" spans="1:3" ht="19.2">
      <c r="A11333" s="2"/>
      <c r="B11333" s="2"/>
      <c r="C11333" s="2"/>
    </row>
    <row r="11334" spans="1:3" ht="19.2">
      <c r="A11334" s="2"/>
      <c r="B11334" s="2"/>
      <c r="C11334" s="2"/>
    </row>
    <row r="11335" spans="1:3" ht="19.2">
      <c r="A11335" s="2"/>
      <c r="B11335" s="2"/>
      <c r="C11335" s="2"/>
    </row>
    <row r="11336" spans="1:3" ht="19.2">
      <c r="A11336" s="2"/>
      <c r="B11336" s="2"/>
      <c r="C11336" s="2"/>
    </row>
    <row r="11337" spans="1:3" ht="19.2">
      <c r="A11337" s="2"/>
      <c r="B11337" s="2"/>
      <c r="C11337" s="2"/>
    </row>
    <row r="11338" spans="1:3" ht="19.2">
      <c r="A11338" s="2"/>
      <c r="B11338" s="2"/>
      <c r="C11338" s="2"/>
    </row>
    <row r="11339" spans="1:3" ht="19.2">
      <c r="A11339" s="2"/>
      <c r="B11339" s="2"/>
      <c r="C11339" s="2"/>
    </row>
    <row r="11340" spans="1:3" ht="19.2">
      <c r="A11340" s="2"/>
      <c r="B11340" s="2"/>
      <c r="C11340" s="2"/>
    </row>
    <row r="11341" spans="1:3" ht="19.2">
      <c r="A11341" s="2"/>
      <c r="B11341" s="2"/>
      <c r="C11341" s="2"/>
    </row>
    <row r="11342" spans="1:3" ht="19.2">
      <c r="A11342" s="2"/>
      <c r="B11342" s="2"/>
      <c r="C11342" s="2"/>
    </row>
    <row r="11343" spans="1:3" ht="19.2">
      <c r="A11343" s="2"/>
      <c r="B11343" s="2"/>
      <c r="C11343" s="2"/>
    </row>
    <row r="11344" spans="1:3" ht="19.2">
      <c r="A11344" s="2"/>
      <c r="B11344" s="2"/>
      <c r="C11344" s="2"/>
    </row>
    <row r="11345" spans="1:3" ht="19.2">
      <c r="A11345" s="2"/>
      <c r="B11345" s="2"/>
      <c r="C11345" s="2"/>
    </row>
    <row r="11346" spans="1:3" ht="19.2">
      <c r="A11346" s="2"/>
      <c r="B11346" s="2"/>
      <c r="C11346" s="2"/>
    </row>
    <row r="11347" spans="1:3" ht="19.2">
      <c r="A11347" s="2"/>
      <c r="B11347" s="2"/>
      <c r="C11347" s="2"/>
    </row>
    <row r="11348" spans="1:3" ht="19.2">
      <c r="A11348" s="2"/>
      <c r="B11348" s="2"/>
      <c r="C11348" s="2"/>
    </row>
    <row r="11349" spans="1:3" ht="19.2">
      <c r="A11349" s="2"/>
      <c r="B11349" s="2"/>
      <c r="C11349" s="2"/>
    </row>
    <row r="11350" spans="1:3" ht="19.2">
      <c r="A11350" s="2"/>
      <c r="B11350" s="2"/>
      <c r="C11350" s="2"/>
    </row>
    <row r="11351" spans="1:3" ht="19.2">
      <c r="A11351" s="2"/>
      <c r="B11351" s="2"/>
      <c r="C11351" s="2"/>
    </row>
    <row r="11352" spans="1:3" ht="19.2">
      <c r="A11352" s="2"/>
      <c r="B11352" s="2"/>
      <c r="C11352" s="2"/>
    </row>
    <row r="11353" spans="1:3" ht="19.2">
      <c r="A11353" s="2"/>
      <c r="B11353" s="2"/>
      <c r="C11353" s="2"/>
    </row>
    <row r="11354" spans="1:3" ht="19.2">
      <c r="A11354" s="2"/>
      <c r="B11354" s="2"/>
      <c r="C11354" s="2"/>
    </row>
    <row r="11355" spans="1:3" ht="19.2">
      <c r="A11355" s="2"/>
      <c r="B11355" s="2"/>
      <c r="C11355" s="2"/>
    </row>
    <row r="11356" spans="1:3" ht="19.2">
      <c r="A11356" s="2"/>
      <c r="B11356" s="2"/>
      <c r="C11356" s="2"/>
    </row>
    <row r="11357" spans="1:3" ht="19.2">
      <c r="A11357" s="2"/>
      <c r="B11357" s="2"/>
      <c r="C11357" s="2"/>
    </row>
    <row r="11358" spans="1:3" ht="19.2">
      <c r="A11358" s="2"/>
      <c r="B11358" s="2"/>
      <c r="C11358" s="2"/>
    </row>
    <row r="11359" spans="1:3" ht="19.2">
      <c r="A11359" s="2"/>
      <c r="B11359" s="2"/>
      <c r="C11359" s="2"/>
    </row>
    <row r="11360" spans="1:3" ht="19.2">
      <c r="A11360" s="2"/>
      <c r="B11360" s="2"/>
      <c r="C11360" s="2"/>
    </row>
    <row r="11361" spans="1:3" ht="19.2">
      <c r="A11361" s="2"/>
      <c r="B11361" s="2"/>
      <c r="C11361" s="2"/>
    </row>
    <row r="11362" spans="1:3" ht="19.2">
      <c r="A11362" s="2"/>
      <c r="B11362" s="2"/>
      <c r="C11362" s="2"/>
    </row>
    <row r="11363" spans="1:3" ht="19.2">
      <c r="A11363" s="2"/>
      <c r="B11363" s="2"/>
      <c r="C11363" s="2"/>
    </row>
    <row r="11364" spans="1:3" ht="19.2">
      <c r="A11364" s="2"/>
      <c r="B11364" s="2"/>
      <c r="C11364" s="2"/>
    </row>
    <row r="11365" spans="1:3" ht="19.2">
      <c r="A11365" s="2"/>
      <c r="B11365" s="2"/>
      <c r="C11365" s="2"/>
    </row>
    <row r="11366" spans="1:3" ht="19.2">
      <c r="A11366" s="2"/>
      <c r="B11366" s="2"/>
      <c r="C11366" s="2"/>
    </row>
    <row r="11367" spans="1:3" ht="19.2">
      <c r="A11367" s="2"/>
      <c r="B11367" s="2"/>
      <c r="C11367" s="2"/>
    </row>
    <row r="11368" spans="1:3" ht="19.2">
      <c r="A11368" s="2"/>
      <c r="B11368" s="2"/>
      <c r="C11368" s="2"/>
    </row>
    <row r="11369" spans="1:3" ht="19.2">
      <c r="A11369" s="2"/>
      <c r="B11369" s="2"/>
      <c r="C11369" s="2"/>
    </row>
    <row r="11370" spans="1:3" ht="19.2">
      <c r="A11370" s="2"/>
      <c r="B11370" s="2"/>
      <c r="C11370" s="2"/>
    </row>
    <row r="11371" spans="1:3" ht="19.2">
      <c r="A11371" s="2"/>
      <c r="B11371" s="2"/>
      <c r="C11371" s="2"/>
    </row>
    <row r="11372" spans="1:3" ht="19.2">
      <c r="A11372" s="2"/>
      <c r="B11372" s="2"/>
      <c r="C11372" s="2"/>
    </row>
    <row r="11373" spans="1:3" ht="19.2">
      <c r="A11373" s="2"/>
      <c r="B11373" s="2"/>
      <c r="C11373" s="2"/>
    </row>
    <row r="11374" spans="1:3" ht="19.2">
      <c r="A11374" s="2"/>
      <c r="B11374" s="2"/>
      <c r="C11374" s="2"/>
    </row>
    <row r="11375" spans="1:3" ht="19.2">
      <c r="A11375" s="2"/>
      <c r="B11375" s="2"/>
      <c r="C11375" s="2"/>
    </row>
    <row r="11376" spans="1:3" ht="19.2">
      <c r="A11376" s="2"/>
      <c r="B11376" s="2"/>
      <c r="C11376" s="2"/>
    </row>
    <row r="11377" spans="1:3" ht="19.2">
      <c r="A11377" s="2"/>
      <c r="B11377" s="2"/>
      <c r="C11377" s="2"/>
    </row>
    <row r="11378" spans="1:3" ht="19.2">
      <c r="A11378" s="2"/>
      <c r="B11378" s="2"/>
      <c r="C11378" s="2"/>
    </row>
    <row r="11379" spans="1:3" ht="19.2">
      <c r="A11379" s="2"/>
      <c r="B11379" s="2"/>
      <c r="C11379" s="2"/>
    </row>
    <row r="11380" spans="1:3" ht="19.2">
      <c r="A11380" s="2"/>
      <c r="B11380" s="2"/>
      <c r="C11380" s="2"/>
    </row>
    <row r="11381" spans="1:3" ht="19.2">
      <c r="A11381" s="2"/>
      <c r="B11381" s="2"/>
      <c r="C11381" s="2"/>
    </row>
    <row r="11382" spans="1:3" ht="19.2">
      <c r="A11382" s="2"/>
      <c r="B11382" s="2"/>
      <c r="C11382" s="2"/>
    </row>
    <row r="11383" spans="1:3" ht="19.2">
      <c r="A11383" s="2"/>
      <c r="B11383" s="2"/>
      <c r="C11383" s="2"/>
    </row>
    <row r="11384" spans="1:3" ht="19.2">
      <c r="A11384" s="2"/>
      <c r="B11384" s="2"/>
      <c r="C11384" s="2"/>
    </row>
    <row r="11385" spans="1:3" ht="19.2">
      <c r="A11385" s="2"/>
      <c r="B11385" s="2"/>
      <c r="C11385" s="2"/>
    </row>
    <row r="11386" spans="1:3" ht="19.2">
      <c r="A11386" s="2"/>
      <c r="B11386" s="2"/>
      <c r="C11386" s="2"/>
    </row>
    <row r="11387" spans="1:3" ht="19.2">
      <c r="A11387" s="2"/>
      <c r="B11387" s="2"/>
      <c r="C11387" s="2"/>
    </row>
    <row r="11388" spans="1:3" ht="19.2">
      <c r="A11388" s="2"/>
      <c r="B11388" s="2"/>
      <c r="C11388" s="2"/>
    </row>
    <row r="11389" spans="1:3" ht="19.2">
      <c r="A11389" s="2"/>
      <c r="B11389" s="2"/>
      <c r="C11389" s="2"/>
    </row>
    <row r="11390" spans="1:3" ht="19.2">
      <c r="A11390" s="2"/>
      <c r="B11390" s="2"/>
      <c r="C11390" s="2"/>
    </row>
    <row r="11391" spans="1:3" ht="19.2">
      <c r="A11391" s="2"/>
      <c r="B11391" s="2"/>
      <c r="C11391" s="2"/>
    </row>
    <row r="11392" spans="1:3" ht="19.2">
      <c r="A11392" s="2"/>
      <c r="B11392" s="2"/>
      <c r="C11392" s="2"/>
    </row>
    <row r="11393" spans="1:3" ht="19.2">
      <c r="A11393" s="2"/>
      <c r="B11393" s="2"/>
      <c r="C11393" s="2"/>
    </row>
    <row r="11394" spans="1:3" ht="19.2">
      <c r="A11394" s="2"/>
      <c r="B11394" s="2"/>
      <c r="C11394" s="2"/>
    </row>
    <row r="11395" spans="1:3" ht="19.2">
      <c r="A11395" s="2"/>
      <c r="B11395" s="2"/>
      <c r="C11395" s="2"/>
    </row>
    <row r="11396" spans="1:3" ht="19.2">
      <c r="A11396" s="2"/>
      <c r="B11396" s="2"/>
      <c r="C11396" s="2"/>
    </row>
    <row r="11397" spans="1:3" ht="19.2">
      <c r="A11397" s="2"/>
      <c r="B11397" s="2"/>
      <c r="C11397" s="2"/>
    </row>
    <row r="11398" spans="1:3" ht="19.2">
      <c r="A11398" s="2"/>
      <c r="B11398" s="2"/>
      <c r="C11398" s="2"/>
    </row>
    <row r="11399" spans="1:3" ht="19.2">
      <c r="A11399" s="2"/>
      <c r="B11399" s="2"/>
      <c r="C11399" s="2"/>
    </row>
    <row r="11400" spans="1:3" ht="19.2">
      <c r="A11400" s="2"/>
      <c r="B11400" s="2"/>
      <c r="C11400" s="2"/>
    </row>
    <row r="11401" spans="1:3" ht="19.2">
      <c r="A11401" s="2"/>
      <c r="B11401" s="2"/>
      <c r="C11401" s="2"/>
    </row>
    <row r="11402" spans="1:3" ht="19.2">
      <c r="A11402" s="2"/>
      <c r="B11402" s="2"/>
      <c r="C11402" s="2"/>
    </row>
    <row r="11403" spans="1:3" ht="19.2">
      <c r="A11403" s="2"/>
      <c r="B11403" s="2"/>
      <c r="C11403" s="2"/>
    </row>
    <row r="11404" spans="1:3" ht="19.2">
      <c r="A11404" s="2"/>
      <c r="B11404" s="2"/>
      <c r="C11404" s="2"/>
    </row>
    <row r="11405" spans="1:3" ht="19.2">
      <c r="A11405" s="2"/>
      <c r="B11405" s="2"/>
      <c r="C11405" s="2"/>
    </row>
    <row r="11406" spans="1:3" ht="19.2">
      <c r="A11406" s="2"/>
      <c r="B11406" s="2"/>
      <c r="C11406" s="2"/>
    </row>
    <row r="11407" spans="1:3" ht="19.2">
      <c r="A11407" s="2"/>
      <c r="B11407" s="2"/>
      <c r="C11407" s="2"/>
    </row>
    <row r="11408" spans="1:3" ht="19.2">
      <c r="A11408" s="2"/>
      <c r="B11408" s="2"/>
      <c r="C11408" s="2"/>
    </row>
    <row r="11409" spans="1:3" ht="19.2">
      <c r="A11409" s="2"/>
      <c r="B11409" s="2"/>
      <c r="C11409" s="2"/>
    </row>
    <row r="11410" spans="1:3" ht="19.2">
      <c r="A11410" s="2"/>
      <c r="B11410" s="2"/>
      <c r="C11410" s="2"/>
    </row>
    <row r="11411" spans="1:3" ht="19.2">
      <c r="A11411" s="2"/>
      <c r="B11411" s="2"/>
      <c r="C11411" s="2"/>
    </row>
    <row r="11412" spans="1:3" ht="19.2">
      <c r="A11412" s="2"/>
      <c r="B11412" s="2"/>
      <c r="C11412" s="2"/>
    </row>
    <row r="11413" spans="1:3" ht="19.2">
      <c r="A11413" s="2"/>
      <c r="B11413" s="2"/>
      <c r="C11413" s="2"/>
    </row>
    <row r="11414" spans="1:3" ht="19.2">
      <c r="A11414" s="2"/>
      <c r="B11414" s="2"/>
      <c r="C11414" s="2"/>
    </row>
    <row r="11415" spans="1:3" ht="19.2">
      <c r="A11415" s="2"/>
      <c r="B11415" s="2"/>
      <c r="C11415" s="2"/>
    </row>
    <row r="11416" spans="1:3" ht="19.2">
      <c r="A11416" s="2"/>
      <c r="B11416" s="2"/>
      <c r="C11416" s="2"/>
    </row>
    <row r="11417" spans="1:3" ht="19.2">
      <c r="A11417" s="2"/>
      <c r="B11417" s="2"/>
      <c r="C11417" s="2"/>
    </row>
    <row r="11418" spans="1:3" ht="19.2">
      <c r="A11418" s="2"/>
      <c r="B11418" s="2"/>
      <c r="C11418" s="2"/>
    </row>
    <row r="11419" spans="1:3" ht="19.2">
      <c r="A11419" s="2"/>
      <c r="B11419" s="2"/>
      <c r="C11419" s="2"/>
    </row>
    <row r="11420" spans="1:3" ht="19.2">
      <c r="A11420" s="2"/>
      <c r="B11420" s="2"/>
      <c r="C11420" s="2"/>
    </row>
    <row r="11421" spans="1:3" ht="19.2">
      <c r="A11421" s="2"/>
      <c r="B11421" s="2"/>
      <c r="C11421" s="2"/>
    </row>
    <row r="11422" spans="1:3" ht="19.2">
      <c r="A11422" s="2"/>
      <c r="B11422" s="2"/>
      <c r="C11422" s="2"/>
    </row>
    <row r="11423" spans="1:3" ht="19.2">
      <c r="A11423" s="2"/>
      <c r="B11423" s="2"/>
      <c r="C11423" s="2"/>
    </row>
    <row r="11424" spans="1:3" ht="19.2">
      <c r="A11424" s="2"/>
      <c r="B11424" s="2"/>
      <c r="C11424" s="2"/>
    </row>
    <row r="11425" spans="1:3" ht="19.2">
      <c r="A11425" s="2"/>
      <c r="B11425" s="2"/>
      <c r="C11425" s="2"/>
    </row>
    <row r="11426" spans="1:3" ht="19.2">
      <c r="A11426" s="2"/>
      <c r="B11426" s="2"/>
      <c r="C11426" s="2"/>
    </row>
    <row r="11427" spans="1:3" ht="19.2">
      <c r="A11427" s="2"/>
      <c r="B11427" s="2"/>
      <c r="C11427" s="2"/>
    </row>
    <row r="11428" spans="1:3" ht="19.2">
      <c r="A11428" s="2"/>
      <c r="B11428" s="2"/>
      <c r="C11428" s="2"/>
    </row>
    <row r="11429" spans="1:3" ht="19.2">
      <c r="A11429" s="2"/>
      <c r="B11429" s="2"/>
      <c r="C11429" s="2"/>
    </row>
    <row r="11430" spans="1:3" ht="19.2">
      <c r="A11430" s="2"/>
      <c r="B11430" s="2"/>
      <c r="C11430" s="2"/>
    </row>
    <row r="11431" spans="1:3" ht="19.2">
      <c r="A11431" s="2"/>
      <c r="B11431" s="2"/>
      <c r="C11431" s="2"/>
    </row>
    <row r="11432" spans="1:3" ht="19.2">
      <c r="A11432" s="2"/>
      <c r="B11432" s="2"/>
      <c r="C11432" s="2"/>
    </row>
    <row r="11433" spans="1:3" ht="19.2">
      <c r="A11433" s="2"/>
      <c r="B11433" s="2"/>
      <c r="C11433" s="2"/>
    </row>
    <row r="11434" spans="1:3" ht="19.2">
      <c r="A11434" s="2"/>
      <c r="B11434" s="2"/>
      <c r="C11434" s="2"/>
    </row>
    <row r="11435" spans="1:3" ht="19.2">
      <c r="A11435" s="2"/>
      <c r="B11435" s="2"/>
      <c r="C11435" s="2"/>
    </row>
    <row r="11436" spans="1:3" ht="19.2">
      <c r="A11436" s="2"/>
      <c r="B11436" s="2"/>
      <c r="C11436" s="2"/>
    </row>
    <row r="11437" spans="1:3" ht="19.2">
      <c r="A11437" s="2"/>
      <c r="B11437" s="2"/>
      <c r="C11437" s="2"/>
    </row>
    <row r="11438" spans="1:3" ht="19.2">
      <c r="A11438" s="2"/>
      <c r="B11438" s="2"/>
      <c r="C11438" s="2"/>
    </row>
    <row r="11439" spans="1:3" ht="19.2">
      <c r="A11439" s="2"/>
      <c r="B11439" s="2"/>
      <c r="C11439" s="2"/>
    </row>
    <row r="11440" spans="1:3" ht="19.2">
      <c r="A11440" s="2"/>
      <c r="B11440" s="2"/>
      <c r="C11440" s="2"/>
    </row>
    <row r="11441" spans="1:3" ht="19.2">
      <c r="A11441" s="2"/>
      <c r="B11441" s="2"/>
      <c r="C11441" s="2"/>
    </row>
    <row r="11442" spans="1:3" ht="19.2">
      <c r="A11442" s="2"/>
      <c r="B11442" s="2"/>
      <c r="C11442" s="2"/>
    </row>
    <row r="11443" spans="1:3" ht="19.2">
      <c r="A11443" s="2"/>
      <c r="B11443" s="2"/>
      <c r="C11443" s="2"/>
    </row>
    <row r="11444" spans="1:3" ht="19.2">
      <c r="A11444" s="2"/>
      <c r="B11444" s="2"/>
      <c r="C11444" s="2"/>
    </row>
    <row r="11445" spans="1:3" ht="19.2">
      <c r="A11445" s="2"/>
      <c r="B11445" s="2"/>
      <c r="C11445" s="2"/>
    </row>
    <row r="11446" spans="1:3" ht="19.2">
      <c r="A11446" s="2"/>
      <c r="B11446" s="2"/>
      <c r="C11446" s="2"/>
    </row>
    <row r="11447" spans="1:3" ht="19.2">
      <c r="A11447" s="2"/>
      <c r="B11447" s="2"/>
      <c r="C11447" s="2"/>
    </row>
    <row r="11448" spans="1:3" ht="19.2">
      <c r="A11448" s="2"/>
      <c r="B11448" s="2"/>
      <c r="C11448" s="2"/>
    </row>
    <row r="11449" spans="1:3" ht="19.2">
      <c r="A11449" s="2"/>
      <c r="B11449" s="2"/>
      <c r="C11449" s="2"/>
    </row>
    <row r="11450" spans="1:3" ht="19.2">
      <c r="A11450" s="2"/>
      <c r="B11450" s="2"/>
      <c r="C11450" s="2"/>
    </row>
    <row r="11451" spans="1:3" ht="19.2">
      <c r="A11451" s="2"/>
      <c r="B11451" s="2"/>
      <c r="C11451" s="2"/>
    </row>
    <row r="11452" spans="1:3" ht="19.2">
      <c r="A11452" s="2"/>
      <c r="B11452" s="2"/>
      <c r="C11452" s="2"/>
    </row>
    <row r="11453" spans="1:3" ht="19.2">
      <c r="A11453" s="2"/>
      <c r="B11453" s="2"/>
      <c r="C11453" s="2"/>
    </row>
    <row r="11454" spans="1:3" ht="19.2">
      <c r="A11454" s="2"/>
      <c r="B11454" s="2"/>
      <c r="C11454" s="2"/>
    </row>
    <row r="11455" spans="1:3" ht="19.2">
      <c r="A11455" s="2"/>
      <c r="B11455" s="2"/>
      <c r="C11455" s="2"/>
    </row>
    <row r="11456" spans="1:3" ht="19.2">
      <c r="A11456" s="2"/>
      <c r="B11456" s="2"/>
      <c r="C11456" s="2"/>
    </row>
    <row r="11457" spans="1:3" ht="19.2">
      <c r="A11457" s="2"/>
      <c r="B11457" s="2"/>
      <c r="C11457" s="2"/>
    </row>
    <row r="11458" spans="1:3" ht="19.2">
      <c r="A11458" s="2"/>
      <c r="B11458" s="2"/>
      <c r="C11458" s="2"/>
    </row>
    <row r="11459" spans="1:3" ht="19.2">
      <c r="A11459" s="2"/>
      <c r="B11459" s="2"/>
      <c r="C11459" s="2"/>
    </row>
    <row r="11460" spans="1:3" ht="19.2">
      <c r="A11460" s="2"/>
      <c r="B11460" s="2"/>
      <c r="C11460" s="2"/>
    </row>
    <row r="11461" spans="1:3" ht="19.2">
      <c r="A11461" s="2"/>
      <c r="B11461" s="2"/>
      <c r="C11461" s="2"/>
    </row>
    <row r="11462" spans="1:3" ht="19.2">
      <c r="A11462" s="2"/>
      <c r="B11462" s="2"/>
      <c r="C11462" s="2"/>
    </row>
    <row r="11463" spans="1:3" ht="19.2">
      <c r="A11463" s="2"/>
      <c r="B11463" s="2"/>
      <c r="C11463" s="2"/>
    </row>
    <row r="11464" spans="1:3" ht="19.2">
      <c r="A11464" s="2"/>
      <c r="B11464" s="2"/>
      <c r="C11464" s="2"/>
    </row>
    <row r="11465" spans="1:3" ht="19.2">
      <c r="A11465" s="2"/>
      <c r="B11465" s="2"/>
      <c r="C11465" s="2"/>
    </row>
    <row r="11466" spans="1:3" ht="19.2">
      <c r="A11466" s="2"/>
      <c r="B11466" s="2"/>
      <c r="C11466" s="2"/>
    </row>
    <row r="11467" spans="1:3" ht="19.2">
      <c r="A11467" s="2"/>
      <c r="B11467" s="2"/>
      <c r="C11467" s="2"/>
    </row>
    <row r="11468" spans="1:3" ht="19.2">
      <c r="A11468" s="2"/>
      <c r="B11468" s="2"/>
      <c r="C11468" s="2"/>
    </row>
    <row r="11469" spans="1:3" ht="19.2">
      <c r="A11469" s="2"/>
      <c r="B11469" s="2"/>
      <c r="C11469" s="2"/>
    </row>
    <row r="11470" spans="1:3" ht="19.2">
      <c r="A11470" s="2"/>
      <c r="B11470" s="2"/>
      <c r="C11470" s="2"/>
    </row>
    <row r="11471" spans="1:3" ht="19.2">
      <c r="A11471" s="2"/>
      <c r="B11471" s="2"/>
      <c r="C11471" s="2"/>
    </row>
    <row r="11472" spans="1:3" ht="19.2">
      <c r="A11472" s="2"/>
      <c r="B11472" s="2"/>
      <c r="C11472" s="2"/>
    </row>
    <row r="11473" spans="1:3" ht="19.2">
      <c r="A11473" s="2"/>
      <c r="B11473" s="2"/>
      <c r="C11473" s="2"/>
    </row>
    <row r="11474" spans="1:3" ht="19.2">
      <c r="A11474" s="2"/>
      <c r="B11474" s="2"/>
      <c r="C11474" s="2"/>
    </row>
    <row r="11475" spans="1:3" ht="19.2">
      <c r="A11475" s="2"/>
      <c r="B11475" s="2"/>
      <c r="C11475" s="2"/>
    </row>
    <row r="11476" spans="1:3" ht="19.2">
      <c r="A11476" s="2"/>
      <c r="B11476" s="2"/>
      <c r="C11476" s="2"/>
    </row>
    <row r="11477" spans="1:3" ht="19.2">
      <c r="A11477" s="2"/>
      <c r="B11477" s="2"/>
      <c r="C11477" s="2"/>
    </row>
    <row r="11478" spans="1:3" ht="19.2">
      <c r="A11478" s="2"/>
      <c r="B11478" s="2"/>
      <c r="C11478" s="2"/>
    </row>
    <row r="11479" spans="1:3" ht="19.2">
      <c r="A11479" s="2"/>
      <c r="B11479" s="2"/>
      <c r="C11479" s="2"/>
    </row>
    <row r="11480" spans="1:3" ht="19.2">
      <c r="A11480" s="2"/>
      <c r="B11480" s="2"/>
      <c r="C11480" s="2"/>
    </row>
    <row r="11481" spans="1:3" ht="19.2">
      <c r="A11481" s="2"/>
      <c r="B11481" s="2"/>
      <c r="C11481" s="2"/>
    </row>
    <row r="11482" spans="1:3" ht="19.2">
      <c r="A11482" s="2"/>
      <c r="B11482" s="2"/>
      <c r="C11482" s="2"/>
    </row>
    <row r="11483" spans="1:3" ht="19.2">
      <c r="A11483" s="2"/>
      <c r="B11483" s="2"/>
      <c r="C11483" s="2"/>
    </row>
    <row r="11484" spans="1:3" ht="19.2">
      <c r="A11484" s="2"/>
      <c r="B11484" s="2"/>
      <c r="C11484" s="2"/>
    </row>
    <row r="11485" spans="1:3" ht="19.2">
      <c r="A11485" s="2"/>
      <c r="B11485" s="2"/>
      <c r="C11485" s="2"/>
    </row>
    <row r="11486" spans="1:3" ht="19.2">
      <c r="A11486" s="2"/>
      <c r="B11486" s="2"/>
      <c r="C11486" s="2"/>
    </row>
    <row r="11487" spans="1:3" ht="19.2">
      <c r="A11487" s="2"/>
      <c r="B11487" s="2"/>
      <c r="C11487" s="2"/>
    </row>
    <row r="11488" spans="1:3" ht="19.2">
      <c r="A11488" s="2"/>
      <c r="B11488" s="2"/>
      <c r="C11488" s="2"/>
    </row>
    <row r="11489" spans="1:3" ht="19.2">
      <c r="A11489" s="2"/>
      <c r="B11489" s="2"/>
      <c r="C11489" s="2"/>
    </row>
    <row r="11490" spans="1:3" ht="19.2">
      <c r="A11490" s="2"/>
      <c r="B11490" s="2"/>
      <c r="C11490" s="2"/>
    </row>
    <row r="11491" spans="1:3" ht="19.2">
      <c r="A11491" s="2"/>
      <c r="B11491" s="2"/>
      <c r="C11491" s="2"/>
    </row>
    <row r="11492" spans="1:3" ht="19.2">
      <c r="A11492" s="2"/>
      <c r="B11492" s="2"/>
      <c r="C11492" s="2"/>
    </row>
    <row r="11493" spans="1:3" ht="19.2">
      <c r="A11493" s="2"/>
      <c r="B11493" s="2"/>
      <c r="C11493" s="2"/>
    </row>
    <row r="11494" spans="1:3" ht="19.2">
      <c r="A11494" s="2"/>
      <c r="B11494" s="2"/>
      <c r="C11494" s="2"/>
    </row>
    <row r="11495" spans="1:3" ht="19.2">
      <c r="A11495" s="2"/>
      <c r="B11495" s="2"/>
      <c r="C11495" s="2"/>
    </row>
    <row r="11496" spans="1:3" ht="19.2">
      <c r="A11496" s="2"/>
      <c r="B11496" s="2"/>
      <c r="C11496" s="2"/>
    </row>
    <row r="11497" spans="1:3" ht="19.2">
      <c r="A11497" s="2"/>
      <c r="B11497" s="2"/>
      <c r="C11497" s="2"/>
    </row>
    <row r="11498" spans="1:3" ht="19.2">
      <c r="A11498" s="2"/>
      <c r="B11498" s="2"/>
      <c r="C11498" s="2"/>
    </row>
    <row r="11499" spans="1:3" ht="19.2">
      <c r="A11499" s="2"/>
      <c r="B11499" s="2"/>
      <c r="C11499" s="2"/>
    </row>
    <row r="11500" spans="1:3" ht="19.2">
      <c r="A11500" s="2"/>
      <c r="B11500" s="2"/>
      <c r="C11500" s="2"/>
    </row>
    <row r="11501" spans="1:3" ht="19.2">
      <c r="A11501" s="2"/>
      <c r="B11501" s="2"/>
      <c r="C11501" s="2"/>
    </row>
    <row r="11502" spans="1:3" ht="19.2">
      <c r="A11502" s="2"/>
      <c r="B11502" s="2"/>
      <c r="C11502" s="2"/>
    </row>
    <row r="11503" spans="1:3" ht="19.2">
      <c r="A11503" s="2"/>
      <c r="B11503" s="2"/>
      <c r="C11503" s="2"/>
    </row>
    <row r="11504" spans="1:3" ht="19.2">
      <c r="A11504" s="2"/>
      <c r="B11504" s="2"/>
      <c r="C11504" s="2"/>
    </row>
    <row r="11505" spans="1:3" ht="19.2">
      <c r="A11505" s="2"/>
      <c r="B11505" s="2"/>
      <c r="C11505" s="2"/>
    </row>
    <row r="11506" spans="1:3" ht="19.2">
      <c r="A11506" s="2"/>
      <c r="B11506" s="2"/>
      <c r="C11506" s="2"/>
    </row>
    <row r="11507" spans="1:3" ht="19.2">
      <c r="A11507" s="2"/>
      <c r="B11507" s="2"/>
      <c r="C11507" s="2"/>
    </row>
    <row r="11508" spans="1:3" ht="19.2">
      <c r="A11508" s="2"/>
      <c r="B11508" s="2"/>
      <c r="C11508" s="2"/>
    </row>
    <row r="11509" spans="1:3" ht="19.2">
      <c r="A11509" s="2"/>
      <c r="B11509" s="2"/>
      <c r="C11509" s="2"/>
    </row>
    <row r="11510" spans="1:3" ht="19.2">
      <c r="A11510" s="2"/>
      <c r="B11510" s="2"/>
      <c r="C11510" s="2"/>
    </row>
    <row r="11511" spans="1:3" ht="19.2">
      <c r="A11511" s="2"/>
      <c r="B11511" s="2"/>
      <c r="C11511" s="2"/>
    </row>
    <row r="11512" spans="1:3" ht="19.2">
      <c r="A11512" s="2"/>
      <c r="B11512" s="2"/>
      <c r="C11512" s="2"/>
    </row>
    <row r="11513" spans="1:3" ht="19.2">
      <c r="A11513" s="2"/>
      <c r="B11513" s="2"/>
      <c r="C11513" s="2"/>
    </row>
    <row r="11514" spans="1:3" ht="19.2">
      <c r="A11514" s="2"/>
      <c r="B11514" s="2"/>
      <c r="C11514" s="2"/>
    </row>
    <row r="11515" spans="1:3" ht="19.2">
      <c r="A11515" s="2"/>
      <c r="B11515" s="2"/>
      <c r="C11515" s="2"/>
    </row>
    <row r="11516" spans="1:3" ht="19.2">
      <c r="A11516" s="2"/>
      <c r="B11516" s="2"/>
      <c r="C11516" s="2"/>
    </row>
    <row r="11517" spans="1:3" ht="19.2">
      <c r="A11517" s="2"/>
      <c r="B11517" s="2"/>
      <c r="C11517" s="2"/>
    </row>
    <row r="11518" spans="1:3" ht="19.2">
      <c r="A11518" s="2"/>
      <c r="B11518" s="2"/>
      <c r="C11518" s="2"/>
    </row>
    <row r="11519" spans="1:3" ht="19.2">
      <c r="A11519" s="2"/>
      <c r="B11519" s="2"/>
      <c r="C11519" s="2"/>
    </row>
    <row r="11520" spans="1:3" ht="19.2">
      <c r="A11520" s="2"/>
      <c r="B11520" s="2"/>
      <c r="C11520" s="2"/>
    </row>
    <row r="11521" spans="1:3" ht="19.2">
      <c r="A11521" s="2"/>
      <c r="B11521" s="2"/>
      <c r="C11521" s="2"/>
    </row>
    <row r="11522" spans="1:3" ht="19.2">
      <c r="A11522" s="2"/>
      <c r="B11522" s="2"/>
      <c r="C11522" s="2"/>
    </row>
    <row r="11523" spans="1:3" ht="19.2">
      <c r="A11523" s="2"/>
      <c r="B11523" s="2"/>
      <c r="C11523" s="2"/>
    </row>
    <row r="11524" spans="1:3" ht="19.2">
      <c r="A11524" s="2"/>
      <c r="B11524" s="2"/>
      <c r="C11524" s="2"/>
    </row>
    <row r="11525" spans="1:3" ht="19.2">
      <c r="A11525" s="2"/>
      <c r="B11525" s="2"/>
      <c r="C11525" s="2"/>
    </row>
    <row r="11526" spans="1:3" ht="19.2">
      <c r="A11526" s="2"/>
      <c r="B11526" s="2"/>
      <c r="C11526" s="2"/>
    </row>
    <row r="11527" spans="1:3" ht="19.2">
      <c r="A11527" s="2"/>
      <c r="B11527" s="2"/>
      <c r="C11527" s="2"/>
    </row>
    <row r="11528" spans="1:3" ht="19.2">
      <c r="A11528" s="2"/>
      <c r="B11528" s="2"/>
      <c r="C11528" s="2"/>
    </row>
    <row r="11529" spans="1:3" ht="19.2">
      <c r="A11529" s="2"/>
      <c r="B11529" s="2"/>
      <c r="C11529" s="2"/>
    </row>
    <row r="11530" spans="1:3" ht="19.2">
      <c r="A11530" s="2"/>
      <c r="B11530" s="2"/>
      <c r="C11530" s="2"/>
    </row>
    <row r="11531" spans="1:3" ht="19.2">
      <c r="A11531" s="2"/>
      <c r="B11531" s="2"/>
      <c r="C11531" s="2"/>
    </row>
    <row r="11532" spans="1:3" ht="19.2">
      <c r="A11532" s="2"/>
      <c r="B11532" s="2"/>
      <c r="C11532" s="2"/>
    </row>
    <row r="11533" spans="1:3" ht="19.2">
      <c r="A11533" s="2"/>
      <c r="B11533" s="2"/>
      <c r="C11533" s="2"/>
    </row>
    <row r="11534" spans="1:3" ht="19.2">
      <c r="A11534" s="2"/>
      <c r="B11534" s="2"/>
      <c r="C11534" s="2"/>
    </row>
    <row r="11535" spans="1:3" ht="19.2">
      <c r="A11535" s="2"/>
      <c r="B11535" s="2"/>
      <c r="C11535" s="2"/>
    </row>
    <row r="11536" spans="1:3" ht="19.2">
      <c r="A11536" s="2"/>
      <c r="B11536" s="2"/>
      <c r="C11536" s="2"/>
    </row>
    <row r="11537" spans="1:3" ht="19.2">
      <c r="A11537" s="2"/>
      <c r="B11537" s="2"/>
      <c r="C11537" s="2"/>
    </row>
    <row r="11538" spans="1:3" ht="19.2">
      <c r="A11538" s="2"/>
      <c r="B11538" s="2"/>
      <c r="C11538" s="2"/>
    </row>
    <row r="11539" spans="1:3" ht="19.2">
      <c r="A11539" s="2"/>
      <c r="B11539" s="2"/>
      <c r="C11539" s="2"/>
    </row>
    <row r="11540" spans="1:3" ht="19.2">
      <c r="A11540" s="2"/>
      <c r="B11540" s="2"/>
      <c r="C11540" s="2"/>
    </row>
    <row r="11541" spans="1:3" ht="19.2">
      <c r="A11541" s="2"/>
      <c r="B11541" s="2"/>
      <c r="C11541" s="2"/>
    </row>
    <row r="11542" spans="1:3" ht="19.2">
      <c r="A11542" s="2"/>
      <c r="B11542" s="2"/>
      <c r="C11542" s="2"/>
    </row>
    <row r="11543" spans="1:3" ht="19.2">
      <c r="A11543" s="2"/>
      <c r="B11543" s="2"/>
      <c r="C11543" s="2"/>
    </row>
    <row r="11544" spans="1:3" ht="19.2">
      <c r="A11544" s="2"/>
      <c r="B11544" s="2"/>
      <c r="C11544" s="2"/>
    </row>
    <row r="11545" spans="1:3" ht="19.2">
      <c r="A11545" s="2"/>
      <c r="B11545" s="2"/>
      <c r="C11545" s="2"/>
    </row>
    <row r="11546" spans="1:3" ht="19.2">
      <c r="A11546" s="2"/>
      <c r="B11546" s="2"/>
      <c r="C11546" s="2"/>
    </row>
    <row r="11547" spans="1:3" ht="19.2">
      <c r="A11547" s="2"/>
      <c r="B11547" s="2"/>
      <c r="C11547" s="2"/>
    </row>
    <row r="11548" spans="1:3" ht="19.2">
      <c r="A11548" s="2"/>
      <c r="B11548" s="2"/>
      <c r="C11548" s="2"/>
    </row>
    <row r="11549" spans="1:3" ht="19.2">
      <c r="A11549" s="2"/>
      <c r="B11549" s="2"/>
      <c r="C11549" s="2"/>
    </row>
    <row r="11550" spans="1:3" ht="19.2">
      <c r="A11550" s="2"/>
      <c r="B11550" s="2"/>
      <c r="C11550" s="2"/>
    </row>
    <row r="11551" spans="1:3" ht="19.2">
      <c r="A11551" s="2"/>
      <c r="B11551" s="2"/>
      <c r="C11551" s="2"/>
    </row>
    <row r="11552" spans="1:3" ht="19.2">
      <c r="A11552" s="2"/>
      <c r="B11552" s="2"/>
      <c r="C11552" s="2"/>
    </row>
    <row r="11553" spans="1:3" ht="19.2">
      <c r="A11553" s="2"/>
      <c r="B11553" s="2"/>
      <c r="C11553" s="2"/>
    </row>
    <row r="11554" spans="1:3" ht="19.2">
      <c r="A11554" s="2"/>
      <c r="B11554" s="2"/>
      <c r="C11554" s="2"/>
    </row>
    <row r="11555" spans="1:3" ht="19.2">
      <c r="A11555" s="2"/>
      <c r="B11555" s="2"/>
      <c r="C11555" s="2"/>
    </row>
    <row r="11556" spans="1:3" ht="19.2">
      <c r="A11556" s="2"/>
      <c r="B11556" s="2"/>
      <c r="C11556" s="2"/>
    </row>
    <row r="11557" spans="1:3" ht="19.2">
      <c r="A11557" s="2"/>
      <c r="B11557" s="2"/>
      <c r="C11557" s="2"/>
    </row>
    <row r="11558" spans="1:3" ht="19.2">
      <c r="A11558" s="2"/>
      <c r="B11558" s="2"/>
      <c r="C11558" s="2"/>
    </row>
    <row r="11559" spans="1:3" ht="19.2">
      <c r="A11559" s="2"/>
      <c r="B11559" s="2"/>
      <c r="C11559" s="2"/>
    </row>
    <row r="11560" spans="1:3" ht="19.2">
      <c r="A11560" s="2"/>
      <c r="B11560" s="2"/>
      <c r="C11560" s="2"/>
    </row>
    <row r="11561" spans="1:3" ht="19.2">
      <c r="A11561" s="2"/>
      <c r="B11561" s="2"/>
      <c r="C11561" s="2"/>
    </row>
    <row r="11562" spans="1:3" ht="19.2">
      <c r="A11562" s="2"/>
      <c r="B11562" s="2"/>
      <c r="C11562" s="2"/>
    </row>
    <row r="11563" spans="1:3" ht="19.2">
      <c r="A11563" s="2"/>
      <c r="B11563" s="2"/>
      <c r="C11563" s="2"/>
    </row>
    <row r="11564" spans="1:3" ht="19.2">
      <c r="A11564" s="2"/>
      <c r="B11564" s="2"/>
      <c r="C11564" s="2"/>
    </row>
    <row r="11565" spans="1:3" ht="19.2">
      <c r="A11565" s="2"/>
      <c r="B11565" s="2"/>
      <c r="C11565" s="2"/>
    </row>
    <row r="11566" spans="1:3" ht="19.2">
      <c r="A11566" s="2"/>
      <c r="B11566" s="2"/>
      <c r="C11566" s="2"/>
    </row>
    <row r="11567" spans="1:3" ht="19.2">
      <c r="A11567" s="2"/>
      <c r="B11567" s="2"/>
      <c r="C11567" s="2"/>
    </row>
    <row r="11568" spans="1:3" ht="19.2">
      <c r="A11568" s="2"/>
      <c r="B11568" s="2"/>
      <c r="C11568" s="2"/>
    </row>
    <row r="11569" spans="1:3" ht="19.2">
      <c r="A11569" s="2"/>
      <c r="B11569" s="2"/>
      <c r="C11569" s="2"/>
    </row>
    <row r="11570" spans="1:3" ht="19.2">
      <c r="A11570" s="2"/>
      <c r="B11570" s="2"/>
      <c r="C11570" s="2"/>
    </row>
    <row r="11571" spans="1:3" ht="19.2">
      <c r="A11571" s="2"/>
      <c r="B11571" s="2"/>
      <c r="C11571" s="2"/>
    </row>
    <row r="11572" spans="1:3" ht="19.2">
      <c r="A11572" s="2"/>
      <c r="B11572" s="2"/>
      <c r="C11572" s="2"/>
    </row>
    <row r="11573" spans="1:3" ht="19.2">
      <c r="A11573" s="2"/>
      <c r="B11573" s="2"/>
      <c r="C11573" s="2"/>
    </row>
    <row r="11574" spans="1:3" ht="19.2">
      <c r="A11574" s="2"/>
      <c r="B11574" s="2"/>
      <c r="C11574" s="2"/>
    </row>
    <row r="11575" spans="1:3" ht="19.2">
      <c r="A11575" s="2"/>
      <c r="B11575" s="2"/>
      <c r="C11575" s="2"/>
    </row>
    <row r="11576" spans="1:3" ht="19.2">
      <c r="A11576" s="2"/>
      <c r="B11576" s="2"/>
      <c r="C11576" s="2"/>
    </row>
    <row r="11577" spans="1:3" ht="19.2">
      <c r="A11577" s="2"/>
      <c r="B11577" s="2"/>
      <c r="C11577" s="2"/>
    </row>
    <row r="11578" spans="1:3" ht="19.2">
      <c r="A11578" s="2"/>
      <c r="B11578" s="2"/>
      <c r="C11578" s="2"/>
    </row>
    <row r="11579" spans="1:3" ht="19.2">
      <c r="A11579" s="2"/>
      <c r="B11579" s="2"/>
      <c r="C11579" s="2"/>
    </row>
    <row r="11580" spans="1:3" ht="19.2">
      <c r="A11580" s="2"/>
      <c r="B11580" s="2"/>
      <c r="C11580" s="2"/>
    </row>
    <row r="11581" spans="1:3" ht="19.2">
      <c r="A11581" s="2"/>
      <c r="B11581" s="2"/>
      <c r="C11581" s="2"/>
    </row>
    <row r="11582" spans="1:3" ht="19.2">
      <c r="A11582" s="2"/>
      <c r="B11582" s="2"/>
      <c r="C11582" s="2"/>
    </row>
    <row r="11583" spans="1:3" ht="19.2">
      <c r="A11583" s="2"/>
      <c r="B11583" s="2"/>
      <c r="C11583" s="2"/>
    </row>
    <row r="11584" spans="1:3" ht="19.2">
      <c r="A11584" s="2"/>
      <c r="B11584" s="2"/>
      <c r="C11584" s="2"/>
    </row>
    <row r="11585" spans="1:3" ht="19.2">
      <c r="A11585" s="2"/>
      <c r="B11585" s="2"/>
      <c r="C11585" s="2"/>
    </row>
    <row r="11586" spans="1:3" ht="19.2">
      <c r="A11586" s="2"/>
      <c r="B11586" s="2"/>
      <c r="C11586" s="2"/>
    </row>
    <row r="11587" spans="1:3" ht="19.2">
      <c r="A11587" s="2"/>
      <c r="B11587" s="2"/>
      <c r="C11587" s="2"/>
    </row>
    <row r="11588" spans="1:3" ht="19.2">
      <c r="A11588" s="2"/>
      <c r="B11588" s="2"/>
      <c r="C11588" s="2"/>
    </row>
    <row r="11589" spans="1:3" ht="19.2">
      <c r="A11589" s="2"/>
      <c r="B11589" s="2"/>
      <c r="C11589" s="2"/>
    </row>
    <row r="11590" spans="1:3" ht="19.2">
      <c r="A11590" s="2"/>
      <c r="B11590" s="2"/>
      <c r="C11590" s="2"/>
    </row>
    <row r="11591" spans="1:3" ht="19.2">
      <c r="A11591" s="2"/>
      <c r="B11591" s="2"/>
      <c r="C11591" s="2"/>
    </row>
    <row r="11592" spans="1:3" ht="19.2">
      <c r="A11592" s="2"/>
      <c r="B11592" s="2"/>
      <c r="C11592" s="2"/>
    </row>
    <row r="11593" spans="1:3" ht="19.2">
      <c r="A11593" s="2"/>
      <c r="B11593" s="2"/>
      <c r="C11593" s="2"/>
    </row>
    <row r="11594" spans="1:3" ht="19.2">
      <c r="A11594" s="2"/>
      <c r="B11594" s="2"/>
      <c r="C11594" s="2"/>
    </row>
    <row r="11595" spans="1:3" ht="19.2">
      <c r="A11595" s="2"/>
      <c r="B11595" s="2"/>
      <c r="C11595" s="2"/>
    </row>
    <row r="11596" spans="1:3" ht="19.2">
      <c r="A11596" s="2"/>
      <c r="B11596" s="2"/>
      <c r="C11596" s="2"/>
    </row>
    <row r="11597" spans="1:3" ht="19.2">
      <c r="A11597" s="2"/>
      <c r="B11597" s="2"/>
      <c r="C11597" s="2"/>
    </row>
    <row r="11598" spans="1:3" ht="19.2">
      <c r="A11598" s="2"/>
      <c r="B11598" s="2"/>
      <c r="C11598" s="2"/>
    </row>
    <row r="11599" spans="1:3" ht="19.2">
      <c r="A11599" s="2"/>
      <c r="B11599" s="2"/>
      <c r="C11599" s="2"/>
    </row>
    <row r="11600" spans="1:3" ht="19.2">
      <c r="A11600" s="2"/>
      <c r="B11600" s="2"/>
      <c r="C11600" s="2"/>
    </row>
    <row r="11601" spans="1:3" ht="19.2">
      <c r="A11601" s="2"/>
      <c r="B11601" s="2"/>
      <c r="C11601" s="2"/>
    </row>
    <row r="11602" spans="1:3" ht="19.2">
      <c r="A11602" s="2"/>
      <c r="B11602" s="2"/>
      <c r="C11602" s="2"/>
    </row>
    <row r="11603" spans="1:3" ht="19.2">
      <c r="A11603" s="2"/>
      <c r="B11603" s="2"/>
      <c r="C11603" s="2"/>
    </row>
    <row r="11604" spans="1:3" ht="19.2">
      <c r="A11604" s="2"/>
      <c r="B11604" s="2"/>
      <c r="C11604" s="2"/>
    </row>
    <row r="11605" spans="1:3" ht="19.2">
      <c r="A11605" s="2"/>
      <c r="B11605" s="2"/>
      <c r="C11605" s="2"/>
    </row>
    <row r="11606" spans="1:3" ht="19.2">
      <c r="A11606" s="2"/>
      <c r="B11606" s="2"/>
      <c r="C11606" s="2"/>
    </row>
    <row r="11607" spans="1:3" ht="19.2">
      <c r="A11607" s="2"/>
      <c r="B11607" s="2"/>
      <c r="C11607" s="2"/>
    </row>
    <row r="11608" spans="1:3" ht="19.2">
      <c r="A11608" s="2"/>
      <c r="B11608" s="2"/>
      <c r="C11608" s="2"/>
    </row>
    <row r="11609" spans="1:3" ht="19.2">
      <c r="A11609" s="2"/>
      <c r="B11609" s="2"/>
      <c r="C11609" s="2"/>
    </row>
    <row r="11610" spans="1:3" ht="19.2">
      <c r="A11610" s="2"/>
      <c r="B11610" s="2"/>
      <c r="C11610" s="2"/>
    </row>
    <row r="11611" spans="1:3" ht="19.2">
      <c r="A11611" s="2"/>
      <c r="B11611" s="2"/>
      <c r="C11611" s="2"/>
    </row>
    <row r="11612" spans="1:3" ht="19.2">
      <c r="A11612" s="2"/>
      <c r="B11612" s="2"/>
      <c r="C11612" s="2"/>
    </row>
    <row r="11613" spans="1:3" ht="19.2">
      <c r="A11613" s="2"/>
      <c r="B11613" s="2"/>
      <c r="C11613" s="2"/>
    </row>
    <row r="11614" spans="1:3" ht="19.2">
      <c r="A11614" s="2"/>
      <c r="B11614" s="2"/>
      <c r="C11614" s="2"/>
    </row>
    <row r="11615" spans="1:3" ht="19.2">
      <c r="A11615" s="2"/>
      <c r="B11615" s="2"/>
      <c r="C11615" s="2"/>
    </row>
    <row r="11616" spans="1:3" ht="19.2">
      <c r="A11616" s="2"/>
      <c r="B11616" s="2"/>
      <c r="C11616" s="2"/>
    </row>
    <row r="11617" spans="1:3" ht="19.2">
      <c r="A11617" s="2"/>
      <c r="B11617" s="2"/>
      <c r="C11617" s="2"/>
    </row>
    <row r="11618" spans="1:3" ht="19.2">
      <c r="A11618" s="2"/>
      <c r="B11618" s="2"/>
      <c r="C11618" s="2"/>
    </row>
    <row r="11619" spans="1:3" ht="19.2">
      <c r="A11619" s="2"/>
      <c r="B11619" s="2"/>
      <c r="C11619" s="2"/>
    </row>
    <row r="11620" spans="1:3" ht="19.2">
      <c r="A11620" s="2"/>
      <c r="B11620" s="2"/>
      <c r="C11620" s="2"/>
    </row>
    <row r="11621" spans="1:3" ht="19.2">
      <c r="A11621" s="2"/>
      <c r="B11621" s="2"/>
      <c r="C11621" s="2"/>
    </row>
    <row r="11622" spans="1:3" ht="19.2">
      <c r="A11622" s="2"/>
      <c r="B11622" s="2"/>
      <c r="C11622" s="2"/>
    </row>
    <row r="11623" spans="1:3" ht="19.2">
      <c r="A11623" s="2"/>
      <c r="B11623" s="2"/>
      <c r="C11623" s="2"/>
    </row>
    <row r="11624" spans="1:3" ht="19.2">
      <c r="A11624" s="2"/>
      <c r="B11624" s="2"/>
      <c r="C11624" s="2"/>
    </row>
    <row r="11625" spans="1:3" ht="19.2">
      <c r="A11625" s="2"/>
      <c r="B11625" s="2"/>
      <c r="C11625" s="2"/>
    </row>
    <row r="11626" spans="1:3" ht="19.2">
      <c r="A11626" s="2"/>
      <c r="B11626" s="2"/>
      <c r="C11626" s="2"/>
    </row>
    <row r="11627" spans="1:3" ht="19.2">
      <c r="A11627" s="2"/>
      <c r="B11627" s="2"/>
      <c r="C11627" s="2"/>
    </row>
    <row r="11628" spans="1:3" ht="19.2">
      <c r="A11628" s="2"/>
      <c r="B11628" s="2"/>
      <c r="C11628" s="2"/>
    </row>
    <row r="11629" spans="1:3" ht="19.2">
      <c r="A11629" s="2"/>
      <c r="B11629" s="2"/>
      <c r="C11629" s="2"/>
    </row>
    <row r="11630" spans="1:3" ht="19.2">
      <c r="A11630" s="2"/>
      <c r="B11630" s="2"/>
      <c r="C11630" s="2"/>
    </row>
    <row r="11631" spans="1:3" ht="19.2">
      <c r="A11631" s="2"/>
      <c r="B11631" s="2"/>
      <c r="C11631" s="2"/>
    </row>
    <row r="11632" spans="1:3" ht="19.2">
      <c r="A11632" s="2"/>
      <c r="B11632" s="2"/>
      <c r="C11632" s="2"/>
    </row>
    <row r="11633" spans="1:3" ht="19.2">
      <c r="A11633" s="2"/>
      <c r="B11633" s="2"/>
      <c r="C11633" s="2"/>
    </row>
    <row r="11634" spans="1:3" ht="19.2">
      <c r="A11634" s="2"/>
      <c r="B11634" s="2"/>
      <c r="C11634" s="2"/>
    </row>
    <row r="11635" spans="1:3" ht="19.2">
      <c r="A11635" s="2"/>
      <c r="B11635" s="2"/>
      <c r="C11635" s="2"/>
    </row>
    <row r="11636" spans="1:3" ht="19.2">
      <c r="A11636" s="2"/>
      <c r="B11636" s="2"/>
      <c r="C11636" s="2"/>
    </row>
    <row r="11637" spans="1:3" ht="19.2">
      <c r="A11637" s="2"/>
      <c r="B11637" s="2"/>
      <c r="C11637" s="2"/>
    </row>
    <row r="11638" spans="1:3" ht="19.2">
      <c r="A11638" s="2"/>
      <c r="B11638" s="2"/>
      <c r="C11638" s="2"/>
    </row>
    <row r="11639" spans="1:3" ht="19.2">
      <c r="A11639" s="2"/>
      <c r="B11639" s="2"/>
      <c r="C11639" s="2"/>
    </row>
    <row r="11640" spans="1:3" ht="19.2">
      <c r="A11640" s="2"/>
      <c r="B11640" s="2"/>
      <c r="C11640" s="2"/>
    </row>
    <row r="11641" spans="1:3" ht="19.2">
      <c r="A11641" s="2"/>
      <c r="B11641" s="2"/>
      <c r="C11641" s="2"/>
    </row>
    <row r="11642" spans="1:3" ht="19.2">
      <c r="A11642" s="2"/>
      <c r="B11642" s="2"/>
      <c r="C11642" s="2"/>
    </row>
    <row r="11643" spans="1:3" ht="19.2">
      <c r="A11643" s="2"/>
      <c r="B11643" s="2"/>
      <c r="C11643" s="2"/>
    </row>
    <row r="11644" spans="1:3" ht="19.2">
      <c r="A11644" s="2"/>
      <c r="B11644" s="2"/>
      <c r="C11644" s="2"/>
    </row>
    <row r="11645" spans="1:3" ht="19.2">
      <c r="A11645" s="2"/>
      <c r="B11645" s="2"/>
      <c r="C11645" s="2"/>
    </row>
    <row r="11646" spans="1:3" ht="19.2">
      <c r="A11646" s="2"/>
      <c r="B11646" s="2"/>
      <c r="C11646" s="2"/>
    </row>
    <row r="11647" spans="1:3" ht="19.2">
      <c r="A11647" s="2"/>
      <c r="B11647" s="2"/>
      <c r="C11647" s="2"/>
    </row>
    <row r="11648" spans="1:3" ht="19.2">
      <c r="A11648" s="2"/>
      <c r="B11648" s="2"/>
      <c r="C11648" s="2"/>
    </row>
    <row r="11649" spans="1:3" ht="19.2">
      <c r="A11649" s="2"/>
      <c r="B11649" s="2"/>
      <c r="C11649" s="2"/>
    </row>
    <row r="11650" spans="1:3" ht="19.2">
      <c r="A11650" s="2"/>
      <c r="B11650" s="2"/>
      <c r="C11650" s="2"/>
    </row>
    <row r="11651" spans="1:3" ht="19.2">
      <c r="A11651" s="2"/>
      <c r="B11651" s="2"/>
      <c r="C11651" s="2"/>
    </row>
    <row r="11652" spans="1:3" ht="19.2">
      <c r="A11652" s="2"/>
      <c r="B11652" s="2"/>
      <c r="C11652" s="2"/>
    </row>
    <row r="11653" spans="1:3" ht="19.2">
      <c r="A11653" s="2"/>
      <c r="B11653" s="2"/>
      <c r="C11653" s="2"/>
    </row>
    <row r="11654" spans="1:3" ht="19.2">
      <c r="A11654" s="2"/>
      <c r="B11654" s="2"/>
      <c r="C11654" s="2"/>
    </row>
    <row r="11655" spans="1:3" ht="19.2">
      <c r="A11655" s="2"/>
      <c r="B11655" s="2"/>
      <c r="C11655" s="2"/>
    </row>
    <row r="11656" spans="1:3" ht="19.2">
      <c r="A11656" s="2"/>
      <c r="B11656" s="2"/>
      <c r="C11656" s="2"/>
    </row>
    <row r="11657" spans="1:3" ht="19.2">
      <c r="A11657" s="2"/>
      <c r="B11657" s="2"/>
      <c r="C11657" s="2"/>
    </row>
    <row r="11658" spans="1:3" ht="19.2">
      <c r="A11658" s="2"/>
      <c r="B11658" s="2"/>
      <c r="C11658" s="2"/>
    </row>
    <row r="11659" spans="1:3" ht="19.2">
      <c r="A11659" s="2"/>
      <c r="B11659" s="2"/>
      <c r="C11659" s="2"/>
    </row>
    <row r="11660" spans="1:3" ht="19.2">
      <c r="A11660" s="2"/>
      <c r="B11660" s="2"/>
      <c r="C11660" s="2"/>
    </row>
    <row r="11661" spans="1:3" ht="19.2">
      <c r="A11661" s="2"/>
      <c r="B11661" s="2"/>
      <c r="C11661" s="2"/>
    </row>
    <row r="11662" spans="1:3" ht="19.2">
      <c r="A11662" s="2"/>
      <c r="B11662" s="2"/>
      <c r="C11662" s="2"/>
    </row>
    <row r="11663" spans="1:3" ht="19.2">
      <c r="A11663" s="2"/>
      <c r="B11663" s="2"/>
      <c r="C11663" s="2"/>
    </row>
    <row r="11664" spans="1:3" ht="19.2">
      <c r="A11664" s="2"/>
      <c r="B11664" s="2"/>
      <c r="C11664" s="2"/>
    </row>
    <row r="11665" spans="1:3" ht="19.2">
      <c r="A11665" s="2"/>
      <c r="B11665" s="2"/>
      <c r="C11665" s="2"/>
    </row>
    <row r="11666" spans="1:3" ht="19.2">
      <c r="A11666" s="2"/>
      <c r="B11666" s="2"/>
      <c r="C11666" s="2"/>
    </row>
    <row r="11667" spans="1:3" ht="19.2">
      <c r="A11667" s="2"/>
      <c r="B11667" s="2"/>
      <c r="C11667" s="2"/>
    </row>
    <row r="11668" spans="1:3" ht="19.2">
      <c r="A11668" s="2"/>
      <c r="B11668" s="2"/>
      <c r="C11668" s="2"/>
    </row>
    <row r="11669" spans="1:3" ht="19.2">
      <c r="A11669" s="2"/>
      <c r="B11669" s="2"/>
      <c r="C11669" s="2"/>
    </row>
    <row r="11670" spans="1:3" ht="19.2">
      <c r="A11670" s="2"/>
      <c r="B11670" s="2"/>
      <c r="C11670" s="2"/>
    </row>
    <row r="11671" spans="1:3" ht="19.2">
      <c r="A11671" s="2"/>
      <c r="B11671" s="2"/>
      <c r="C11671" s="2"/>
    </row>
    <row r="11672" spans="1:3" ht="19.2">
      <c r="A11672" s="2"/>
      <c r="B11672" s="2"/>
      <c r="C11672" s="2"/>
    </row>
    <row r="11673" spans="1:3" ht="19.2">
      <c r="A11673" s="2"/>
      <c r="B11673" s="2"/>
      <c r="C11673" s="2"/>
    </row>
    <row r="11674" spans="1:3" ht="19.2">
      <c r="A11674" s="2"/>
      <c r="B11674" s="2"/>
      <c r="C11674" s="2"/>
    </row>
    <row r="11675" spans="1:3" ht="19.2">
      <c r="A11675" s="2"/>
      <c r="B11675" s="2"/>
      <c r="C11675" s="2"/>
    </row>
    <row r="11676" spans="1:3" ht="19.2">
      <c r="A11676" s="2"/>
      <c r="B11676" s="2"/>
      <c r="C11676" s="2"/>
    </row>
    <row r="11677" spans="1:3" ht="19.2">
      <c r="A11677" s="2"/>
      <c r="B11677" s="2"/>
      <c r="C11677" s="2"/>
    </row>
    <row r="11678" spans="1:3" ht="19.2">
      <c r="A11678" s="2"/>
      <c r="B11678" s="2"/>
      <c r="C11678" s="2"/>
    </row>
    <row r="11679" spans="1:3" ht="19.2">
      <c r="A11679" s="2"/>
      <c r="B11679" s="2"/>
      <c r="C11679" s="2"/>
    </row>
    <row r="11680" spans="1:3" ht="19.2">
      <c r="A11680" s="2"/>
      <c r="B11680" s="2"/>
      <c r="C11680" s="2"/>
    </row>
    <row r="11681" spans="1:3" ht="19.2">
      <c r="A11681" s="2"/>
      <c r="B11681" s="2"/>
      <c r="C11681" s="2"/>
    </row>
    <row r="11682" spans="1:3" ht="19.2">
      <c r="A11682" s="2"/>
      <c r="B11682" s="2"/>
      <c r="C11682" s="2"/>
    </row>
    <row r="11683" spans="1:3" ht="19.2">
      <c r="A11683" s="2"/>
      <c r="B11683" s="2"/>
      <c r="C11683" s="2"/>
    </row>
    <row r="11684" spans="1:3" ht="19.2">
      <c r="A11684" s="2"/>
      <c r="B11684" s="2"/>
      <c r="C11684" s="2"/>
    </row>
    <row r="11685" spans="1:3" ht="19.2">
      <c r="A11685" s="2"/>
      <c r="B11685" s="2"/>
      <c r="C11685" s="2"/>
    </row>
    <row r="11686" spans="1:3" ht="19.2">
      <c r="A11686" s="2"/>
      <c r="B11686" s="2"/>
      <c r="C11686" s="2"/>
    </row>
    <row r="11687" spans="1:3" ht="19.2">
      <c r="A11687" s="2"/>
      <c r="B11687" s="2"/>
      <c r="C11687" s="2"/>
    </row>
    <row r="11688" spans="1:3" ht="19.2">
      <c r="A11688" s="2"/>
      <c r="B11688" s="2"/>
      <c r="C11688" s="2"/>
    </row>
    <row r="11689" spans="1:3" ht="19.2">
      <c r="A11689" s="2"/>
      <c r="B11689" s="2"/>
      <c r="C11689" s="2"/>
    </row>
    <row r="11690" spans="1:3" ht="19.2">
      <c r="A11690" s="2"/>
      <c r="B11690" s="2"/>
      <c r="C11690" s="2"/>
    </row>
    <row r="11691" spans="1:3" ht="19.2">
      <c r="A11691" s="2"/>
      <c r="B11691" s="2"/>
      <c r="C11691" s="2"/>
    </row>
    <row r="11692" spans="1:3" ht="19.2">
      <c r="A11692" s="2"/>
      <c r="B11692" s="2"/>
      <c r="C11692" s="2"/>
    </row>
    <row r="11693" spans="1:3" ht="19.2">
      <c r="A11693" s="2"/>
      <c r="B11693" s="2"/>
      <c r="C11693" s="2"/>
    </row>
    <row r="11694" spans="1:3" ht="19.2">
      <c r="A11694" s="2"/>
      <c r="B11694" s="2"/>
      <c r="C11694" s="2"/>
    </row>
    <row r="11695" spans="1:3" ht="19.2">
      <c r="A11695" s="2"/>
      <c r="B11695" s="2"/>
      <c r="C11695" s="2"/>
    </row>
    <row r="11696" spans="1:3" ht="19.2">
      <c r="A11696" s="2"/>
      <c r="B11696" s="2"/>
      <c r="C11696" s="2"/>
    </row>
    <row r="11697" spans="1:3" ht="19.2">
      <c r="A11697" s="2"/>
      <c r="B11697" s="2"/>
      <c r="C11697" s="2"/>
    </row>
    <row r="11698" spans="1:3" ht="19.2">
      <c r="A11698" s="2"/>
      <c r="B11698" s="2"/>
      <c r="C11698" s="2"/>
    </row>
    <row r="11699" spans="1:3" ht="19.2">
      <c r="A11699" s="2"/>
      <c r="B11699" s="2"/>
      <c r="C11699" s="2"/>
    </row>
    <row r="11700" spans="1:3" ht="19.2">
      <c r="A11700" s="2"/>
      <c r="B11700" s="2"/>
      <c r="C11700" s="2"/>
    </row>
    <row r="11701" spans="1:3" ht="19.2">
      <c r="A11701" s="2"/>
      <c r="B11701" s="2"/>
      <c r="C11701" s="2"/>
    </row>
    <row r="11702" spans="1:3" ht="19.2">
      <c r="A11702" s="2"/>
      <c r="B11702" s="2"/>
      <c r="C11702" s="2"/>
    </row>
    <row r="11703" spans="1:3" ht="19.2">
      <c r="A11703" s="2"/>
      <c r="B11703" s="2"/>
      <c r="C11703" s="2"/>
    </row>
    <row r="11704" spans="1:3" ht="19.2">
      <c r="A11704" s="2"/>
      <c r="B11704" s="2"/>
      <c r="C11704" s="2"/>
    </row>
    <row r="11705" spans="1:3" ht="19.2">
      <c r="A11705" s="2"/>
      <c r="B11705" s="2"/>
      <c r="C11705" s="2"/>
    </row>
    <row r="11706" spans="1:3" ht="19.2">
      <c r="A11706" s="2"/>
      <c r="B11706" s="2"/>
      <c r="C11706" s="2"/>
    </row>
    <row r="11707" spans="1:3" ht="19.2">
      <c r="A11707" s="2"/>
      <c r="B11707" s="2"/>
      <c r="C11707" s="2"/>
    </row>
    <row r="11708" spans="1:3" ht="19.2">
      <c r="A11708" s="2"/>
      <c r="B11708" s="2"/>
      <c r="C11708" s="2"/>
    </row>
    <row r="11709" spans="1:3" ht="19.2">
      <c r="A11709" s="2"/>
      <c r="B11709" s="2"/>
      <c r="C11709" s="2"/>
    </row>
    <row r="11710" spans="1:3" ht="19.2">
      <c r="A11710" s="2"/>
      <c r="B11710" s="2"/>
      <c r="C11710" s="2"/>
    </row>
    <row r="11711" spans="1:3" ht="19.2">
      <c r="A11711" s="2"/>
      <c r="B11711" s="2"/>
      <c r="C11711" s="2"/>
    </row>
    <row r="11712" spans="1:3" ht="19.2">
      <c r="A11712" s="2"/>
      <c r="B11712" s="2"/>
      <c r="C11712" s="2"/>
    </row>
    <row r="11713" spans="1:3" ht="19.2">
      <c r="A11713" s="2"/>
      <c r="B11713" s="2"/>
      <c r="C11713" s="2"/>
    </row>
    <row r="11714" spans="1:3" ht="19.2">
      <c r="A11714" s="2"/>
      <c r="B11714" s="2"/>
      <c r="C11714" s="2"/>
    </row>
    <row r="11715" spans="1:3" ht="19.2">
      <c r="A11715" s="2"/>
      <c r="B11715" s="2"/>
      <c r="C11715" s="2"/>
    </row>
    <row r="11716" spans="1:3" ht="19.2">
      <c r="A11716" s="2"/>
      <c r="B11716" s="2"/>
      <c r="C11716" s="2"/>
    </row>
    <row r="11717" spans="1:3" ht="19.2">
      <c r="A11717" s="2"/>
      <c r="B11717" s="2"/>
      <c r="C11717" s="2"/>
    </row>
    <row r="11718" spans="1:3" ht="19.2">
      <c r="A11718" s="2"/>
      <c r="B11718" s="2"/>
      <c r="C11718" s="2"/>
    </row>
    <row r="11719" spans="1:3" ht="19.2">
      <c r="A11719" s="2"/>
      <c r="B11719" s="2"/>
      <c r="C11719" s="2"/>
    </row>
    <row r="11720" spans="1:3" ht="19.2">
      <c r="A11720" s="2"/>
      <c r="B11720" s="2"/>
      <c r="C11720" s="2"/>
    </row>
    <row r="11721" spans="1:3" ht="19.2">
      <c r="A11721" s="2"/>
      <c r="B11721" s="2"/>
      <c r="C11721" s="2"/>
    </row>
    <row r="11722" spans="1:3" ht="19.2">
      <c r="A11722" s="2"/>
      <c r="B11722" s="2"/>
      <c r="C11722" s="2"/>
    </row>
    <row r="11723" spans="1:3" ht="19.2">
      <c r="A11723" s="2"/>
      <c r="B11723" s="2"/>
      <c r="C11723" s="2"/>
    </row>
    <row r="11724" spans="1:3" ht="19.2">
      <c r="A11724" s="2"/>
      <c r="B11724" s="2"/>
      <c r="C11724" s="2"/>
    </row>
    <row r="11725" spans="1:3" ht="19.2">
      <c r="A11725" s="2"/>
      <c r="B11725" s="2"/>
      <c r="C11725" s="2"/>
    </row>
    <row r="11726" spans="1:3" ht="19.2">
      <c r="A11726" s="2"/>
      <c r="B11726" s="2"/>
      <c r="C11726" s="2"/>
    </row>
    <row r="11727" spans="1:3" ht="19.2">
      <c r="A11727" s="2"/>
      <c r="B11727" s="2"/>
      <c r="C11727" s="2"/>
    </row>
    <row r="11728" spans="1:3" ht="19.2">
      <c r="A11728" s="2"/>
      <c r="B11728" s="2"/>
      <c r="C11728" s="2"/>
    </row>
    <row r="11729" spans="1:3" ht="19.2">
      <c r="A11729" s="2"/>
      <c r="B11729" s="2"/>
      <c r="C11729" s="2"/>
    </row>
    <row r="11730" spans="1:3" ht="19.2">
      <c r="A11730" s="2"/>
      <c r="B11730" s="2"/>
      <c r="C11730" s="2"/>
    </row>
    <row r="11731" spans="1:3" ht="19.2">
      <c r="A11731" s="2"/>
      <c r="B11731" s="2"/>
      <c r="C11731" s="2"/>
    </row>
    <row r="11732" spans="1:3" ht="19.2">
      <c r="A11732" s="2"/>
      <c r="B11732" s="2"/>
      <c r="C11732" s="2"/>
    </row>
    <row r="11733" spans="1:3" ht="19.2">
      <c r="A11733" s="2"/>
      <c r="B11733" s="2"/>
      <c r="C11733" s="2"/>
    </row>
    <row r="11734" spans="1:3" ht="19.2">
      <c r="A11734" s="2"/>
      <c r="B11734" s="2"/>
      <c r="C11734" s="2"/>
    </row>
    <row r="11735" spans="1:3" ht="19.2">
      <c r="A11735" s="2"/>
      <c r="B11735" s="2"/>
      <c r="C11735" s="2"/>
    </row>
    <row r="11736" spans="1:3" ht="19.2">
      <c r="A11736" s="2"/>
      <c r="B11736" s="2"/>
      <c r="C11736" s="2"/>
    </row>
    <row r="11737" spans="1:3" ht="19.2">
      <c r="A11737" s="2"/>
      <c r="B11737" s="2"/>
      <c r="C11737" s="2"/>
    </row>
    <row r="11738" spans="1:3" ht="19.2">
      <c r="A11738" s="2"/>
      <c r="B11738" s="2"/>
      <c r="C11738" s="2"/>
    </row>
    <row r="11739" spans="1:3" ht="19.2">
      <c r="A11739" s="2"/>
      <c r="B11739" s="2"/>
      <c r="C11739" s="2"/>
    </row>
    <row r="11740" spans="1:3" ht="19.2">
      <c r="A11740" s="2"/>
      <c r="B11740" s="2"/>
      <c r="C11740" s="2"/>
    </row>
    <row r="11741" spans="1:3" ht="19.2">
      <c r="A11741" s="2"/>
      <c r="B11741" s="2"/>
      <c r="C11741" s="2"/>
    </row>
    <row r="11742" spans="1:3" ht="19.2">
      <c r="A11742" s="2"/>
      <c r="B11742" s="2"/>
      <c r="C11742" s="2"/>
    </row>
    <row r="11743" spans="1:3" ht="19.2">
      <c r="A11743" s="2"/>
      <c r="B11743" s="2"/>
      <c r="C11743" s="2"/>
    </row>
    <row r="11744" spans="1:3" ht="19.2">
      <c r="A11744" s="2"/>
      <c r="B11744" s="2"/>
      <c r="C11744" s="2"/>
    </row>
    <row r="11745" spans="1:3" ht="19.2">
      <c r="A11745" s="2"/>
      <c r="B11745" s="2"/>
      <c r="C11745" s="2"/>
    </row>
    <row r="11746" spans="1:3" ht="19.2">
      <c r="A11746" s="2"/>
      <c r="B11746" s="2"/>
      <c r="C11746" s="2"/>
    </row>
    <row r="11747" spans="1:3" ht="19.2">
      <c r="A11747" s="2"/>
      <c r="B11747" s="2"/>
      <c r="C11747" s="2"/>
    </row>
    <row r="11748" spans="1:3" ht="19.2">
      <c r="A11748" s="2"/>
      <c r="B11748" s="2"/>
      <c r="C11748" s="2"/>
    </row>
    <row r="11749" spans="1:3" ht="19.2">
      <c r="A11749" s="2"/>
      <c r="B11749" s="2"/>
      <c r="C11749" s="2"/>
    </row>
    <row r="11750" spans="1:3" ht="19.2">
      <c r="A11750" s="2"/>
      <c r="B11750" s="2"/>
      <c r="C11750" s="2"/>
    </row>
    <row r="11751" spans="1:3" ht="19.2">
      <c r="A11751" s="2"/>
      <c r="B11751" s="2"/>
      <c r="C11751" s="2"/>
    </row>
    <row r="11752" spans="1:3" ht="19.2">
      <c r="A11752" s="2"/>
      <c r="B11752" s="2"/>
      <c r="C11752" s="2"/>
    </row>
    <row r="11753" spans="1:3" ht="19.2">
      <c r="A11753" s="2"/>
      <c r="B11753" s="2"/>
      <c r="C11753" s="2"/>
    </row>
    <row r="11754" spans="1:3" ht="19.2">
      <c r="A11754" s="2"/>
      <c r="B11754" s="2"/>
      <c r="C11754" s="2"/>
    </row>
    <row r="11755" spans="1:3" ht="19.2">
      <c r="A11755" s="2"/>
      <c r="B11755" s="2"/>
      <c r="C11755" s="2"/>
    </row>
    <row r="11756" spans="1:3" ht="19.2">
      <c r="A11756" s="2"/>
      <c r="B11756" s="2"/>
      <c r="C11756" s="2"/>
    </row>
    <row r="11757" spans="1:3" ht="19.2">
      <c r="A11757" s="2"/>
      <c r="B11757" s="2"/>
      <c r="C11757" s="2"/>
    </row>
    <row r="11758" spans="1:3" ht="19.2">
      <c r="A11758" s="2"/>
      <c r="B11758" s="2"/>
      <c r="C11758" s="2"/>
    </row>
    <row r="11759" spans="1:3" ht="19.2">
      <c r="A11759" s="2"/>
      <c r="B11759" s="2"/>
      <c r="C11759" s="2"/>
    </row>
    <row r="11760" spans="1:3" ht="19.2">
      <c r="A11760" s="2"/>
      <c r="B11760" s="2"/>
      <c r="C11760" s="2"/>
    </row>
    <row r="11761" spans="1:3" ht="19.2">
      <c r="A11761" s="2"/>
      <c r="B11761" s="2"/>
      <c r="C11761" s="2"/>
    </row>
    <row r="11762" spans="1:3" ht="19.2">
      <c r="A11762" s="2"/>
      <c r="B11762" s="2"/>
      <c r="C11762" s="2"/>
    </row>
    <row r="11763" spans="1:3" ht="19.2">
      <c r="A11763" s="2"/>
      <c r="B11763" s="2"/>
      <c r="C11763" s="2"/>
    </row>
    <row r="11764" spans="1:3" ht="19.2">
      <c r="A11764" s="2"/>
      <c r="B11764" s="2"/>
      <c r="C11764" s="2"/>
    </row>
    <row r="11765" spans="1:3" ht="19.2">
      <c r="A11765" s="2"/>
      <c r="B11765" s="2"/>
      <c r="C11765" s="2"/>
    </row>
    <row r="11766" spans="1:3" ht="19.2">
      <c r="A11766" s="2"/>
      <c r="B11766" s="2"/>
      <c r="C11766" s="2"/>
    </row>
    <row r="11767" spans="1:3" ht="19.2">
      <c r="A11767" s="2"/>
      <c r="B11767" s="2"/>
      <c r="C11767" s="2"/>
    </row>
    <row r="11768" spans="1:3" ht="19.2">
      <c r="A11768" s="2"/>
      <c r="B11768" s="2"/>
      <c r="C11768" s="2"/>
    </row>
    <row r="11769" spans="1:3" ht="19.2">
      <c r="A11769" s="2"/>
      <c r="B11769" s="2"/>
      <c r="C11769" s="2"/>
    </row>
    <row r="11770" spans="1:3" ht="19.2">
      <c r="A11770" s="2"/>
      <c r="B11770" s="2"/>
      <c r="C11770" s="2"/>
    </row>
    <row r="11771" spans="1:3" ht="19.2">
      <c r="A11771" s="2"/>
      <c r="B11771" s="2"/>
      <c r="C11771" s="2"/>
    </row>
    <row r="11772" spans="1:3" ht="19.2">
      <c r="A11772" s="2"/>
      <c r="B11772" s="2"/>
      <c r="C11772" s="2"/>
    </row>
    <row r="11773" spans="1:3" ht="19.2">
      <c r="A11773" s="2"/>
      <c r="B11773" s="2"/>
      <c r="C11773" s="2"/>
    </row>
    <row r="11774" spans="1:3" ht="19.2">
      <c r="A11774" s="2"/>
      <c r="B11774" s="2"/>
      <c r="C11774" s="2"/>
    </row>
    <row r="11775" spans="1:3" ht="19.2">
      <c r="A11775" s="2"/>
      <c r="B11775" s="2"/>
      <c r="C11775" s="2"/>
    </row>
    <row r="11776" spans="1:3" ht="19.2">
      <c r="A11776" s="2"/>
      <c r="B11776" s="2"/>
      <c r="C11776" s="2"/>
    </row>
    <row r="11777" spans="1:3" ht="19.2">
      <c r="A11777" s="2"/>
      <c r="B11777" s="2"/>
      <c r="C11777" s="2"/>
    </row>
    <row r="11778" spans="1:3" ht="19.2">
      <c r="A11778" s="2"/>
      <c r="B11778" s="2"/>
      <c r="C11778" s="2"/>
    </row>
    <row r="11779" spans="1:3" ht="19.2">
      <c r="A11779" s="2"/>
      <c r="B11779" s="2"/>
      <c r="C11779" s="2"/>
    </row>
    <row r="11780" spans="1:3" ht="19.2">
      <c r="A11780" s="2"/>
      <c r="B11780" s="2"/>
      <c r="C11780" s="2"/>
    </row>
    <row r="11781" spans="1:3" ht="19.2">
      <c r="A11781" s="2"/>
      <c r="B11781" s="2"/>
      <c r="C11781" s="2"/>
    </row>
    <row r="11782" spans="1:3" ht="19.2">
      <c r="A11782" s="2"/>
      <c r="B11782" s="2"/>
      <c r="C11782" s="2"/>
    </row>
    <row r="11783" spans="1:3" ht="19.2">
      <c r="A11783" s="2"/>
      <c r="B11783" s="2"/>
      <c r="C11783" s="2"/>
    </row>
    <row r="11784" spans="1:3" ht="19.2">
      <c r="A11784" s="2"/>
      <c r="B11784" s="2"/>
      <c r="C11784" s="2"/>
    </row>
    <row r="11785" spans="1:3" ht="19.2">
      <c r="A11785" s="2"/>
      <c r="B11785" s="2"/>
      <c r="C11785" s="2"/>
    </row>
    <row r="11786" spans="1:3" ht="19.2">
      <c r="A11786" s="2"/>
      <c r="B11786" s="2"/>
      <c r="C11786" s="2"/>
    </row>
    <row r="11787" spans="1:3" ht="19.2">
      <c r="A11787" s="2"/>
      <c r="B11787" s="2"/>
      <c r="C11787" s="2"/>
    </row>
    <row r="11788" spans="1:3" ht="19.2">
      <c r="A11788" s="2"/>
      <c r="B11788" s="2"/>
      <c r="C11788" s="2"/>
    </row>
    <row r="11789" spans="1:3" ht="19.2">
      <c r="A11789" s="2"/>
      <c r="B11789" s="2"/>
      <c r="C11789" s="2"/>
    </row>
    <row r="11790" spans="1:3" ht="19.2">
      <c r="A11790" s="2"/>
      <c r="B11790" s="2"/>
      <c r="C11790" s="2"/>
    </row>
    <row r="11791" spans="1:3" ht="19.2">
      <c r="A11791" s="2"/>
      <c r="B11791" s="2"/>
      <c r="C11791" s="2"/>
    </row>
    <row r="11792" spans="1:3" ht="19.2">
      <c r="A11792" s="2"/>
      <c r="B11792" s="2"/>
      <c r="C11792" s="2"/>
    </row>
    <row r="11793" spans="1:3" ht="19.2">
      <c r="A11793" s="2"/>
      <c r="B11793" s="2"/>
      <c r="C11793" s="2"/>
    </row>
    <row r="11794" spans="1:3" ht="19.2">
      <c r="A11794" s="2"/>
      <c r="B11794" s="2"/>
      <c r="C11794" s="2"/>
    </row>
    <row r="11795" spans="1:3" ht="19.2">
      <c r="A11795" s="2"/>
      <c r="B11795" s="2"/>
      <c r="C11795" s="2"/>
    </row>
    <row r="11796" spans="1:3" ht="19.2">
      <c r="A11796" s="2"/>
      <c r="B11796" s="2"/>
      <c r="C11796" s="2"/>
    </row>
    <row r="11797" spans="1:3" ht="19.2">
      <c r="A11797" s="2"/>
      <c r="B11797" s="2"/>
      <c r="C11797" s="2"/>
    </row>
    <row r="11798" spans="1:3" ht="19.2">
      <c r="A11798" s="2"/>
      <c r="B11798" s="2"/>
      <c r="C11798" s="2"/>
    </row>
    <row r="11799" spans="1:3" ht="19.2">
      <c r="A11799" s="2"/>
      <c r="B11799" s="2"/>
      <c r="C11799" s="2"/>
    </row>
    <row r="11800" spans="1:3" ht="19.2">
      <c r="A11800" s="2"/>
      <c r="B11800" s="2"/>
      <c r="C11800" s="2"/>
    </row>
    <row r="11801" spans="1:3" ht="19.2">
      <c r="A11801" s="2"/>
      <c r="B11801" s="2"/>
      <c r="C11801" s="2"/>
    </row>
    <row r="11802" spans="1:3" ht="19.2">
      <c r="A11802" s="2"/>
      <c r="B11802" s="2"/>
      <c r="C11802" s="2"/>
    </row>
    <row r="11803" spans="1:3" ht="19.2">
      <c r="A11803" s="2"/>
      <c r="B11803" s="2"/>
      <c r="C11803" s="2"/>
    </row>
    <row r="11804" spans="1:3" ht="19.2">
      <c r="A11804" s="2"/>
      <c r="B11804" s="2"/>
      <c r="C11804" s="2"/>
    </row>
    <row r="11805" spans="1:3" ht="19.2">
      <c r="A11805" s="2"/>
      <c r="B11805" s="2"/>
      <c r="C11805" s="2"/>
    </row>
    <row r="11806" spans="1:3" ht="19.2">
      <c r="A11806" s="2"/>
      <c r="B11806" s="2"/>
      <c r="C11806" s="2"/>
    </row>
    <row r="11807" spans="1:3" ht="19.2">
      <c r="A11807" s="2"/>
      <c r="B11807" s="2"/>
      <c r="C11807" s="2"/>
    </row>
    <row r="11808" spans="1:3" ht="19.2">
      <c r="A11808" s="2"/>
      <c r="B11808" s="2"/>
      <c r="C11808" s="2"/>
    </row>
    <row r="11809" spans="1:3" ht="19.2">
      <c r="A11809" s="2"/>
      <c r="B11809" s="2"/>
      <c r="C11809" s="2"/>
    </row>
    <row r="11810" spans="1:3" ht="19.2">
      <c r="A11810" s="2"/>
      <c r="B11810" s="2"/>
      <c r="C11810" s="2"/>
    </row>
    <row r="11811" spans="1:3" ht="19.2">
      <c r="A11811" s="2"/>
      <c r="B11811" s="2"/>
      <c r="C11811" s="2"/>
    </row>
    <row r="11812" spans="1:3" ht="19.2">
      <c r="A11812" s="2"/>
      <c r="B11812" s="2"/>
      <c r="C11812" s="2"/>
    </row>
    <row r="11813" spans="1:3" ht="19.2">
      <c r="A11813" s="2"/>
      <c r="B11813" s="2"/>
      <c r="C11813" s="2"/>
    </row>
    <row r="11814" spans="1:3" ht="19.2">
      <c r="A11814" s="2"/>
      <c r="B11814" s="2"/>
      <c r="C11814" s="2"/>
    </row>
    <row r="11815" spans="1:3" ht="19.2">
      <c r="A11815" s="2"/>
      <c r="B11815" s="2"/>
      <c r="C11815" s="2"/>
    </row>
    <row r="11816" spans="1:3" ht="19.2">
      <c r="A11816" s="2"/>
      <c r="B11816" s="2"/>
      <c r="C11816" s="2"/>
    </row>
    <row r="11817" spans="1:3" ht="19.2">
      <c r="A11817" s="2"/>
      <c r="B11817" s="2"/>
      <c r="C11817" s="2"/>
    </row>
    <row r="11818" spans="1:3" ht="19.2">
      <c r="A11818" s="2"/>
      <c r="B11818" s="2"/>
      <c r="C11818" s="2"/>
    </row>
    <row r="11819" spans="1:3" ht="19.2">
      <c r="A11819" s="2"/>
      <c r="B11819" s="2"/>
      <c r="C11819" s="2"/>
    </row>
    <row r="11820" spans="1:3" ht="19.2">
      <c r="A11820" s="2"/>
      <c r="B11820" s="2"/>
      <c r="C11820" s="2"/>
    </row>
    <row r="11821" spans="1:3" ht="19.2">
      <c r="A11821" s="2"/>
      <c r="B11821" s="2"/>
      <c r="C11821" s="2"/>
    </row>
    <row r="11822" spans="1:3" ht="19.2">
      <c r="A11822" s="2"/>
      <c r="B11822" s="2"/>
      <c r="C11822" s="2"/>
    </row>
    <row r="11823" spans="1:3" ht="19.2">
      <c r="A11823" s="2"/>
      <c r="B11823" s="2"/>
      <c r="C11823" s="2"/>
    </row>
    <row r="11824" spans="1:3" ht="19.2">
      <c r="A11824" s="2"/>
      <c r="B11824" s="2"/>
      <c r="C11824" s="2"/>
    </row>
    <row r="11825" spans="1:3" ht="19.2">
      <c r="A11825" s="2"/>
      <c r="B11825" s="2"/>
      <c r="C11825" s="2"/>
    </row>
    <row r="11826" spans="1:3" ht="19.2">
      <c r="A11826" s="2"/>
      <c r="B11826" s="2"/>
      <c r="C11826" s="2"/>
    </row>
    <row r="11827" spans="1:3" ht="19.2">
      <c r="A11827" s="2"/>
      <c r="B11827" s="2"/>
      <c r="C11827" s="2"/>
    </row>
    <row r="11828" spans="1:3" ht="19.2">
      <c r="A11828" s="2"/>
      <c r="B11828" s="2"/>
      <c r="C11828" s="2"/>
    </row>
    <row r="11829" spans="1:3" ht="19.2">
      <c r="A11829" s="2"/>
      <c r="B11829" s="2"/>
      <c r="C11829" s="2"/>
    </row>
    <row r="11830" spans="1:3" ht="19.2">
      <c r="A11830" s="2"/>
      <c r="B11830" s="2"/>
      <c r="C11830" s="2"/>
    </row>
    <row r="11831" spans="1:3" ht="19.2">
      <c r="A11831" s="2"/>
      <c r="B11831" s="2"/>
      <c r="C11831" s="2"/>
    </row>
    <row r="11832" spans="1:3" ht="19.2">
      <c r="A11832" s="2"/>
      <c r="B11832" s="2"/>
      <c r="C11832" s="2"/>
    </row>
    <row r="11833" spans="1:3" ht="19.2">
      <c r="A11833" s="2"/>
      <c r="B11833" s="2"/>
      <c r="C11833" s="2"/>
    </row>
    <row r="11834" spans="1:3" ht="19.2">
      <c r="A11834" s="2"/>
      <c r="B11834" s="2"/>
      <c r="C11834" s="2"/>
    </row>
    <row r="11835" spans="1:3" ht="19.2">
      <c r="A11835" s="2"/>
      <c r="B11835" s="2"/>
      <c r="C11835" s="2"/>
    </row>
    <row r="11836" spans="1:3" ht="19.2">
      <c r="A11836" s="2"/>
      <c r="B11836" s="2"/>
      <c r="C11836" s="2"/>
    </row>
    <row r="11837" spans="1:3" ht="19.2">
      <c r="A11837" s="2"/>
      <c r="B11837" s="2"/>
      <c r="C11837" s="2"/>
    </row>
    <row r="11838" spans="1:3" ht="19.2">
      <c r="A11838" s="2"/>
      <c r="B11838" s="2"/>
      <c r="C11838" s="2"/>
    </row>
    <row r="11839" spans="1:3" ht="19.2">
      <c r="A11839" s="2"/>
      <c r="B11839" s="2"/>
      <c r="C11839" s="2"/>
    </row>
    <row r="11840" spans="1:3" ht="19.2">
      <c r="A11840" s="2"/>
      <c r="B11840" s="2"/>
      <c r="C11840" s="2"/>
    </row>
    <row r="11841" spans="1:3" ht="19.2">
      <c r="A11841" s="2"/>
      <c r="B11841" s="2"/>
      <c r="C11841" s="2"/>
    </row>
    <row r="11842" spans="1:3" ht="19.2">
      <c r="A11842" s="2"/>
      <c r="B11842" s="2"/>
      <c r="C11842" s="2"/>
    </row>
    <row r="11843" spans="1:3" ht="19.2">
      <c r="A11843" s="2"/>
      <c r="B11843" s="2"/>
      <c r="C11843" s="2"/>
    </row>
    <row r="11844" spans="1:3" ht="19.2">
      <c r="A11844" s="2"/>
      <c r="B11844" s="2"/>
      <c r="C11844" s="2"/>
    </row>
    <row r="11845" spans="1:3" ht="19.2">
      <c r="A11845" s="2"/>
      <c r="B11845" s="2"/>
      <c r="C11845" s="2"/>
    </row>
    <row r="11846" spans="1:3" ht="19.2">
      <c r="A11846" s="2"/>
      <c r="B11846" s="2"/>
      <c r="C11846" s="2"/>
    </row>
    <row r="11847" spans="1:3" ht="19.2">
      <c r="A11847" s="2"/>
      <c r="B11847" s="2"/>
      <c r="C11847" s="2"/>
    </row>
    <row r="11848" spans="1:3" ht="19.2">
      <c r="A11848" s="2"/>
      <c r="B11848" s="2"/>
      <c r="C11848" s="2"/>
    </row>
    <row r="11849" spans="1:3" ht="19.2">
      <c r="A11849" s="2"/>
      <c r="B11849" s="2"/>
      <c r="C11849" s="2"/>
    </row>
    <row r="11850" spans="1:3" ht="19.2">
      <c r="A11850" s="2"/>
      <c r="B11850" s="2"/>
      <c r="C11850" s="2"/>
    </row>
    <row r="11851" spans="1:3" ht="19.2">
      <c r="A11851" s="2"/>
      <c r="B11851" s="2"/>
      <c r="C11851" s="2"/>
    </row>
    <row r="11852" spans="1:3" ht="19.2">
      <c r="A11852" s="2"/>
      <c r="B11852" s="2"/>
      <c r="C11852" s="2"/>
    </row>
    <row r="11853" spans="1:3" ht="19.2">
      <c r="A11853" s="2"/>
      <c r="B11853" s="2"/>
      <c r="C11853" s="2"/>
    </row>
    <row r="11854" spans="1:3" ht="19.2">
      <c r="A11854" s="2"/>
      <c r="B11854" s="2"/>
      <c r="C11854" s="2"/>
    </row>
    <row r="11855" spans="1:3" ht="19.2">
      <c r="A11855" s="2"/>
      <c r="B11855" s="2"/>
      <c r="C11855" s="2"/>
    </row>
    <row r="11856" spans="1:3" ht="19.2">
      <c r="A11856" s="2"/>
      <c r="B11856" s="2"/>
      <c r="C11856" s="2"/>
    </row>
    <row r="11857" spans="1:3" ht="19.2">
      <c r="A11857" s="2"/>
      <c r="B11857" s="2"/>
      <c r="C11857" s="2"/>
    </row>
    <row r="11858" spans="1:3" ht="19.2">
      <c r="A11858" s="2"/>
      <c r="B11858" s="2"/>
      <c r="C11858" s="2"/>
    </row>
    <row r="11859" spans="1:3" ht="19.2">
      <c r="A11859" s="2"/>
      <c r="B11859" s="2"/>
      <c r="C11859" s="2"/>
    </row>
    <row r="11860" spans="1:3" ht="19.2">
      <c r="A11860" s="2"/>
      <c r="B11860" s="2"/>
      <c r="C11860" s="2"/>
    </row>
    <row r="11861" spans="1:3" ht="19.2">
      <c r="A11861" s="2"/>
      <c r="B11861" s="2"/>
      <c r="C11861" s="2"/>
    </row>
    <row r="11862" spans="1:3" ht="19.2">
      <c r="A11862" s="2"/>
      <c r="B11862" s="2"/>
      <c r="C11862" s="2"/>
    </row>
    <row r="11863" spans="1:3" ht="19.2">
      <c r="A11863" s="2"/>
      <c r="B11863" s="2"/>
      <c r="C11863" s="2"/>
    </row>
    <row r="11864" spans="1:3" ht="19.2">
      <c r="A11864" s="2"/>
      <c r="B11864" s="2"/>
      <c r="C11864" s="2"/>
    </row>
    <row r="11865" spans="1:3" ht="19.2">
      <c r="A11865" s="2"/>
      <c r="B11865" s="2"/>
      <c r="C11865" s="2"/>
    </row>
    <row r="11866" spans="1:3" ht="19.2">
      <c r="A11866" s="2"/>
      <c r="B11866" s="2"/>
      <c r="C11866" s="2"/>
    </row>
    <row r="11867" spans="1:3" ht="19.2">
      <c r="A11867" s="2"/>
      <c r="B11867" s="2"/>
      <c r="C11867" s="2"/>
    </row>
    <row r="11868" spans="1:3" ht="19.2">
      <c r="A11868" s="2"/>
      <c r="B11868" s="2"/>
      <c r="C11868" s="2"/>
    </row>
    <row r="11869" spans="1:3" ht="19.2">
      <c r="A11869" s="2"/>
      <c r="B11869" s="2"/>
      <c r="C11869" s="2"/>
    </row>
    <row r="11870" spans="1:3" ht="19.2">
      <c r="A11870" s="2"/>
      <c r="B11870" s="2"/>
      <c r="C11870" s="2"/>
    </row>
    <row r="11871" spans="1:3" ht="19.2">
      <c r="A11871" s="2"/>
      <c r="B11871" s="2"/>
      <c r="C11871" s="2"/>
    </row>
    <row r="11872" spans="1:3" ht="19.2">
      <c r="A11872" s="2"/>
      <c r="B11872" s="2"/>
      <c r="C11872" s="2"/>
    </row>
    <row r="11873" spans="1:3" ht="19.2">
      <c r="A11873" s="2"/>
      <c r="B11873" s="2"/>
      <c r="C11873" s="2"/>
    </row>
    <row r="11874" spans="1:3" ht="19.2">
      <c r="A11874" s="2"/>
      <c r="B11874" s="2"/>
      <c r="C11874" s="2"/>
    </row>
    <row r="11875" spans="1:3" ht="19.2">
      <c r="A11875" s="2"/>
      <c r="B11875" s="2"/>
      <c r="C11875" s="2"/>
    </row>
    <row r="11876" spans="1:3" ht="19.2">
      <c r="A11876" s="2"/>
      <c r="B11876" s="2"/>
      <c r="C11876" s="2"/>
    </row>
    <row r="11877" spans="1:3" ht="19.2">
      <c r="A11877" s="2"/>
      <c r="B11877" s="2"/>
      <c r="C11877" s="2"/>
    </row>
    <row r="11878" spans="1:3" ht="19.2">
      <c r="A11878" s="2"/>
      <c r="B11878" s="2"/>
      <c r="C11878" s="2"/>
    </row>
    <row r="11879" spans="1:3" ht="19.2">
      <c r="A11879" s="2"/>
      <c r="B11879" s="2"/>
      <c r="C11879" s="2"/>
    </row>
    <row r="11880" spans="1:3" ht="19.2">
      <c r="A11880" s="2"/>
      <c r="B11880" s="2"/>
      <c r="C11880" s="2"/>
    </row>
    <row r="11881" spans="1:3" ht="19.2">
      <c r="A11881" s="2"/>
      <c r="B11881" s="2"/>
      <c r="C11881" s="2"/>
    </row>
    <row r="11882" spans="1:3" ht="19.2">
      <c r="A11882" s="2"/>
      <c r="B11882" s="2"/>
      <c r="C11882" s="2"/>
    </row>
    <row r="11883" spans="1:3" ht="19.2">
      <c r="A11883" s="2"/>
      <c r="B11883" s="2"/>
      <c r="C11883" s="2"/>
    </row>
    <row r="11884" spans="1:3" ht="19.2">
      <c r="A11884" s="2"/>
      <c r="B11884" s="2"/>
      <c r="C11884" s="2"/>
    </row>
    <row r="11885" spans="1:3" ht="19.2">
      <c r="A11885" s="2"/>
      <c r="B11885" s="2"/>
      <c r="C11885" s="2"/>
    </row>
    <row r="11886" spans="1:3" ht="19.2">
      <c r="A11886" s="2"/>
      <c r="B11886" s="2"/>
      <c r="C11886" s="2"/>
    </row>
    <row r="11887" spans="1:3" ht="19.2">
      <c r="A11887" s="2"/>
      <c r="B11887" s="2"/>
      <c r="C11887" s="2"/>
    </row>
    <row r="11888" spans="1:3" ht="19.2">
      <c r="A11888" s="2"/>
      <c r="B11888" s="2"/>
      <c r="C11888" s="2"/>
    </row>
    <row r="11889" spans="1:3" ht="19.2">
      <c r="A11889" s="2"/>
      <c r="B11889" s="2"/>
      <c r="C11889" s="2"/>
    </row>
    <row r="11890" spans="1:3" ht="19.2">
      <c r="A11890" s="2"/>
      <c r="B11890" s="2"/>
      <c r="C11890" s="2"/>
    </row>
    <row r="11891" spans="1:3" ht="19.2">
      <c r="A11891" s="2"/>
      <c r="B11891" s="2"/>
      <c r="C11891" s="2"/>
    </row>
    <row r="11892" spans="1:3" ht="19.2">
      <c r="A11892" s="2"/>
      <c r="B11892" s="2"/>
      <c r="C11892" s="2"/>
    </row>
    <row r="11893" spans="1:3" ht="19.2">
      <c r="A11893" s="2"/>
      <c r="B11893" s="2"/>
      <c r="C11893" s="2"/>
    </row>
    <row r="11894" spans="1:3" ht="19.2">
      <c r="A11894" s="2"/>
      <c r="B11894" s="2"/>
      <c r="C11894" s="2"/>
    </row>
    <row r="11895" spans="1:3" ht="19.2">
      <c r="A11895" s="2"/>
      <c r="B11895" s="2"/>
      <c r="C11895" s="2"/>
    </row>
    <row r="11896" spans="1:3" ht="19.2">
      <c r="A11896" s="2"/>
      <c r="B11896" s="2"/>
      <c r="C11896" s="2"/>
    </row>
    <row r="11897" spans="1:3" ht="19.2">
      <c r="A11897" s="2"/>
      <c r="B11897" s="2"/>
      <c r="C11897" s="2"/>
    </row>
    <row r="11898" spans="1:3" ht="19.2">
      <c r="A11898" s="2"/>
      <c r="B11898" s="2"/>
      <c r="C11898" s="2"/>
    </row>
    <row r="11899" spans="1:3" ht="19.2">
      <c r="A11899" s="2"/>
      <c r="B11899" s="2"/>
      <c r="C11899" s="2"/>
    </row>
    <row r="11900" spans="1:3" ht="19.2">
      <c r="A11900" s="2"/>
      <c r="B11900" s="2"/>
      <c r="C11900" s="2"/>
    </row>
    <row r="11901" spans="1:3" ht="19.2">
      <c r="A11901" s="2"/>
      <c r="B11901" s="2"/>
      <c r="C11901" s="2"/>
    </row>
    <row r="11902" spans="1:3" ht="19.2">
      <c r="A11902" s="2"/>
      <c r="B11902" s="2"/>
      <c r="C11902" s="2"/>
    </row>
    <row r="11903" spans="1:3" ht="19.2">
      <c r="A11903" s="2"/>
      <c r="B11903" s="2"/>
      <c r="C11903" s="2"/>
    </row>
    <row r="11904" spans="1:3" ht="19.2">
      <c r="A11904" s="2"/>
      <c r="B11904" s="2"/>
      <c r="C11904" s="2"/>
    </row>
    <row r="11905" spans="1:3" ht="19.2">
      <c r="A11905" s="2"/>
      <c r="B11905" s="2"/>
      <c r="C11905" s="2"/>
    </row>
    <row r="11906" spans="1:3" ht="19.2">
      <c r="A11906" s="2"/>
      <c r="B11906" s="2"/>
      <c r="C11906" s="2"/>
    </row>
    <row r="11907" spans="1:3" ht="19.2">
      <c r="A11907" s="2"/>
      <c r="B11907" s="2"/>
      <c r="C11907" s="2"/>
    </row>
    <row r="11908" spans="1:3" ht="19.2">
      <c r="A11908" s="2"/>
      <c r="B11908" s="2"/>
      <c r="C11908" s="2"/>
    </row>
    <row r="11909" spans="1:3" ht="19.2">
      <c r="A11909" s="2"/>
      <c r="B11909" s="2"/>
      <c r="C11909" s="2"/>
    </row>
    <row r="11910" spans="1:3" ht="19.2">
      <c r="A11910" s="2"/>
      <c r="B11910" s="2"/>
      <c r="C11910" s="2"/>
    </row>
    <row r="11911" spans="1:3" ht="19.2">
      <c r="A11911" s="2"/>
      <c r="B11911" s="2"/>
      <c r="C11911" s="2"/>
    </row>
    <row r="11912" spans="1:3" ht="19.2">
      <c r="A11912" s="2"/>
      <c r="B11912" s="2"/>
      <c r="C11912" s="2"/>
    </row>
    <row r="11913" spans="1:3" ht="19.2">
      <c r="A11913" s="2"/>
      <c r="B11913" s="2"/>
      <c r="C11913" s="2"/>
    </row>
    <row r="11914" spans="1:3" ht="19.2">
      <c r="A11914" s="2"/>
      <c r="B11914" s="2"/>
      <c r="C11914" s="2"/>
    </row>
    <row r="11915" spans="1:3" ht="19.2">
      <c r="A11915" s="2"/>
      <c r="B11915" s="2"/>
      <c r="C11915" s="2"/>
    </row>
    <row r="11916" spans="1:3" ht="19.2">
      <c r="A11916" s="2"/>
      <c r="B11916" s="2"/>
      <c r="C11916" s="2"/>
    </row>
    <row r="11917" spans="1:3" ht="19.2">
      <c r="A11917" s="2"/>
      <c r="B11917" s="2"/>
      <c r="C11917" s="2"/>
    </row>
    <row r="11918" spans="1:3" ht="19.2">
      <c r="A11918" s="2"/>
      <c r="B11918" s="2"/>
      <c r="C11918" s="2"/>
    </row>
    <row r="11919" spans="1:3" ht="19.2">
      <c r="A11919" s="2"/>
      <c r="B11919" s="2"/>
      <c r="C11919" s="2"/>
    </row>
    <row r="11920" spans="1:3" ht="19.2">
      <c r="A11920" s="2"/>
      <c r="B11920" s="2"/>
      <c r="C11920" s="2"/>
    </row>
    <row r="11921" spans="1:3" ht="19.2">
      <c r="A11921" s="2"/>
      <c r="B11921" s="2"/>
      <c r="C11921" s="2"/>
    </row>
    <row r="11922" spans="1:3" ht="19.2">
      <c r="A11922" s="2"/>
      <c r="B11922" s="2"/>
      <c r="C11922" s="2"/>
    </row>
    <row r="11923" spans="1:3" ht="19.2">
      <c r="A11923" s="2"/>
      <c r="B11923" s="2"/>
      <c r="C11923" s="2"/>
    </row>
    <row r="11924" spans="1:3" ht="19.2">
      <c r="A11924" s="2"/>
      <c r="B11924" s="2"/>
      <c r="C11924" s="2"/>
    </row>
    <row r="11925" spans="1:3" ht="19.2">
      <c r="A11925" s="2"/>
      <c r="B11925" s="2"/>
      <c r="C11925" s="2"/>
    </row>
    <row r="11926" spans="1:3" ht="19.2">
      <c r="A11926" s="2"/>
      <c r="B11926" s="2"/>
      <c r="C11926" s="2"/>
    </row>
    <row r="11927" spans="1:3" ht="19.2">
      <c r="A11927" s="2"/>
      <c r="B11927" s="2"/>
      <c r="C11927" s="2"/>
    </row>
    <row r="11928" spans="1:3" ht="19.2">
      <c r="A11928" s="2"/>
      <c r="B11928" s="2"/>
      <c r="C11928" s="2"/>
    </row>
    <row r="11929" spans="1:3" ht="19.2">
      <c r="A11929" s="2"/>
      <c r="B11929" s="2"/>
      <c r="C11929" s="2"/>
    </row>
    <row r="11930" spans="1:3" ht="19.2">
      <c r="A11930" s="2"/>
      <c r="B11930" s="2"/>
      <c r="C11930" s="2"/>
    </row>
    <row r="11931" spans="1:3" ht="19.2">
      <c r="A11931" s="2"/>
      <c r="B11931" s="2"/>
      <c r="C11931" s="2"/>
    </row>
    <row r="11932" spans="1:3" ht="19.2">
      <c r="A11932" s="2"/>
      <c r="B11932" s="2"/>
      <c r="C11932" s="2"/>
    </row>
    <row r="11933" spans="1:3" ht="19.2">
      <c r="A11933" s="2"/>
      <c r="B11933" s="2"/>
      <c r="C11933" s="2"/>
    </row>
    <row r="11934" spans="1:3" ht="19.2">
      <c r="A11934" s="2"/>
      <c r="B11934" s="2"/>
      <c r="C11934" s="2"/>
    </row>
    <row r="11935" spans="1:3" ht="19.2">
      <c r="A11935" s="2"/>
      <c r="B11935" s="2"/>
      <c r="C11935" s="2"/>
    </row>
    <row r="11936" spans="1:3" ht="19.2">
      <c r="A11936" s="2"/>
      <c r="B11936" s="2"/>
      <c r="C11936" s="2"/>
    </row>
    <row r="11937" spans="1:3" ht="19.2">
      <c r="A11937" s="2"/>
      <c r="B11937" s="2"/>
      <c r="C11937" s="2"/>
    </row>
    <row r="11938" spans="1:3" ht="19.2">
      <c r="A11938" s="2"/>
      <c r="B11938" s="2"/>
      <c r="C11938" s="2"/>
    </row>
    <row r="11939" spans="1:3" ht="19.2">
      <c r="A11939" s="2"/>
      <c r="B11939" s="2"/>
      <c r="C11939" s="2"/>
    </row>
    <row r="11940" spans="1:3" ht="19.2">
      <c r="A11940" s="2"/>
      <c r="B11940" s="2"/>
      <c r="C11940" s="2"/>
    </row>
    <row r="11941" spans="1:3" ht="19.2">
      <c r="A11941" s="2"/>
      <c r="B11941" s="2"/>
      <c r="C11941" s="2"/>
    </row>
    <row r="11942" spans="1:3" ht="19.2">
      <c r="A11942" s="2"/>
      <c r="B11942" s="2"/>
      <c r="C11942" s="2"/>
    </row>
    <row r="11943" spans="1:3" ht="19.2">
      <c r="A11943" s="2"/>
      <c r="B11943" s="2"/>
      <c r="C11943" s="2"/>
    </row>
    <row r="11944" spans="1:3" ht="19.2">
      <c r="A11944" s="2"/>
      <c r="B11944" s="2"/>
      <c r="C11944" s="2"/>
    </row>
    <row r="11945" spans="1:3" ht="19.2">
      <c r="A11945" s="2"/>
      <c r="B11945" s="2"/>
      <c r="C11945" s="2"/>
    </row>
    <row r="11946" spans="1:3" ht="19.2">
      <c r="A11946" s="2"/>
      <c r="B11946" s="2"/>
      <c r="C11946" s="2"/>
    </row>
    <row r="11947" spans="1:3" ht="19.2">
      <c r="A11947" s="2"/>
      <c r="B11947" s="2"/>
      <c r="C11947" s="2"/>
    </row>
    <row r="11948" spans="1:3" ht="19.2">
      <c r="A11948" s="2"/>
      <c r="B11948" s="2"/>
      <c r="C11948" s="2"/>
    </row>
    <row r="11949" spans="1:3" ht="19.2">
      <c r="A11949" s="2"/>
      <c r="B11949" s="2"/>
      <c r="C11949" s="2"/>
    </row>
    <row r="11950" spans="1:3" ht="19.2">
      <c r="A11950" s="2"/>
      <c r="B11950" s="2"/>
      <c r="C11950" s="2"/>
    </row>
    <row r="11951" spans="1:3" ht="19.2">
      <c r="A11951" s="2"/>
      <c r="B11951" s="2"/>
      <c r="C11951" s="2"/>
    </row>
    <row r="11952" spans="1:3" ht="19.2">
      <c r="A11952" s="2"/>
      <c r="B11952" s="2"/>
      <c r="C11952" s="2"/>
    </row>
    <row r="11953" spans="1:3" ht="19.2">
      <c r="A11953" s="2"/>
      <c r="B11953" s="2"/>
      <c r="C11953" s="2"/>
    </row>
    <row r="11954" spans="1:3" ht="19.2">
      <c r="A11954" s="2"/>
      <c r="B11954" s="2"/>
      <c r="C11954" s="2"/>
    </row>
    <row r="11955" spans="1:3" ht="19.2">
      <c r="A11955" s="2"/>
      <c r="B11955" s="2"/>
      <c r="C11955" s="2"/>
    </row>
    <row r="11956" spans="1:3" ht="19.2">
      <c r="A11956" s="2"/>
      <c r="B11956" s="2"/>
      <c r="C11956" s="2"/>
    </row>
    <row r="11957" spans="1:3" ht="19.2">
      <c r="A11957" s="2"/>
      <c r="B11957" s="2"/>
      <c r="C11957" s="2"/>
    </row>
    <row r="11958" spans="1:3" ht="19.2">
      <c r="A11958" s="2"/>
      <c r="B11958" s="2"/>
      <c r="C11958" s="2"/>
    </row>
    <row r="11959" spans="1:3" ht="19.2">
      <c r="A11959" s="2"/>
      <c r="B11959" s="2"/>
      <c r="C11959" s="2"/>
    </row>
    <row r="11960" spans="1:3" ht="19.2">
      <c r="A11960" s="2"/>
      <c r="B11960" s="2"/>
      <c r="C11960" s="2"/>
    </row>
    <row r="11961" spans="1:3" ht="19.2">
      <c r="A11961" s="2"/>
      <c r="B11961" s="2"/>
      <c r="C11961" s="2"/>
    </row>
    <row r="11962" spans="1:3" ht="19.2">
      <c r="A11962" s="2"/>
      <c r="B11962" s="2"/>
      <c r="C11962" s="2"/>
    </row>
    <row r="11963" spans="1:3" ht="19.2">
      <c r="A11963" s="2"/>
      <c r="B11963" s="2"/>
      <c r="C11963" s="2"/>
    </row>
    <row r="11964" spans="1:3" ht="19.2">
      <c r="A11964" s="2"/>
      <c r="B11964" s="2"/>
      <c r="C11964" s="2"/>
    </row>
    <row r="11965" spans="1:3" ht="19.2">
      <c r="A11965" s="2"/>
      <c r="B11965" s="2"/>
      <c r="C11965" s="2"/>
    </row>
    <row r="11966" spans="1:3" ht="19.2">
      <c r="A11966" s="2"/>
      <c r="B11966" s="2"/>
      <c r="C11966" s="2"/>
    </row>
    <row r="11967" spans="1:3" ht="19.2">
      <c r="A11967" s="2"/>
      <c r="B11967" s="2"/>
      <c r="C11967" s="2"/>
    </row>
    <row r="11968" spans="1:3" ht="19.2">
      <c r="A11968" s="2"/>
      <c r="B11968" s="2"/>
      <c r="C11968" s="2"/>
    </row>
    <row r="11969" spans="1:3" ht="19.2">
      <c r="A11969" s="2"/>
      <c r="B11969" s="2"/>
      <c r="C11969" s="2"/>
    </row>
    <row r="11970" spans="1:3" ht="19.2">
      <c r="A11970" s="2"/>
      <c r="B11970" s="2"/>
      <c r="C11970" s="2"/>
    </row>
    <row r="11971" spans="1:3" ht="19.2">
      <c r="A11971" s="2"/>
      <c r="B11971" s="2"/>
      <c r="C11971" s="2"/>
    </row>
    <row r="11972" spans="1:3" ht="19.2">
      <c r="A11972" s="2"/>
      <c r="B11972" s="2"/>
      <c r="C11972" s="2"/>
    </row>
    <row r="11973" spans="1:3" ht="19.2">
      <c r="A11973" s="2"/>
      <c r="B11973" s="2"/>
      <c r="C11973" s="2"/>
    </row>
    <row r="11974" spans="1:3" ht="19.2">
      <c r="A11974" s="2"/>
      <c r="B11974" s="2"/>
      <c r="C11974" s="2"/>
    </row>
    <row r="11975" spans="1:3" ht="19.2">
      <c r="A11975" s="2"/>
      <c r="B11975" s="2"/>
      <c r="C11975" s="2"/>
    </row>
    <row r="11976" spans="1:3" ht="19.2">
      <c r="A11976" s="2"/>
      <c r="B11976" s="2"/>
      <c r="C11976" s="2"/>
    </row>
    <row r="11977" spans="1:3" ht="19.2">
      <c r="A11977" s="2"/>
      <c r="B11977" s="2"/>
      <c r="C11977" s="2"/>
    </row>
    <row r="11978" spans="1:3" ht="19.2">
      <c r="A11978" s="2"/>
      <c r="B11978" s="2"/>
      <c r="C11978" s="2"/>
    </row>
    <row r="11979" spans="1:3" ht="19.2">
      <c r="A11979" s="2"/>
      <c r="B11979" s="2"/>
      <c r="C11979" s="2"/>
    </row>
    <row r="11980" spans="1:3" ht="19.2">
      <c r="A11980" s="2"/>
      <c r="B11980" s="2"/>
      <c r="C11980" s="2"/>
    </row>
    <row r="11981" spans="1:3" ht="19.2">
      <c r="A11981" s="2"/>
      <c r="B11981" s="2"/>
      <c r="C11981" s="2"/>
    </row>
    <row r="11982" spans="1:3" ht="19.2">
      <c r="A11982" s="2"/>
      <c r="B11982" s="2"/>
      <c r="C11982" s="2"/>
    </row>
    <row r="11983" spans="1:3" ht="19.2">
      <c r="A11983" s="2"/>
      <c r="B11983" s="2"/>
      <c r="C11983" s="2"/>
    </row>
    <row r="11984" spans="1:3" ht="19.2">
      <c r="A11984" s="2"/>
      <c r="B11984" s="2"/>
      <c r="C11984" s="2"/>
    </row>
    <row r="11985" spans="1:3" ht="19.2">
      <c r="A11985" s="2"/>
      <c r="B11985" s="2"/>
      <c r="C11985" s="2"/>
    </row>
    <row r="11986" spans="1:3" ht="19.2">
      <c r="A11986" s="2"/>
      <c r="B11986" s="2"/>
      <c r="C11986" s="2"/>
    </row>
    <row r="11987" spans="1:3" ht="19.2">
      <c r="A11987" s="2"/>
      <c r="B11987" s="2"/>
      <c r="C11987" s="2"/>
    </row>
    <row r="11988" spans="1:3" ht="19.2">
      <c r="A11988" s="2"/>
      <c r="B11988" s="2"/>
      <c r="C11988" s="2"/>
    </row>
    <row r="11989" spans="1:3" ht="19.2">
      <c r="A11989" s="2"/>
      <c r="B11989" s="2"/>
      <c r="C11989" s="2"/>
    </row>
    <row r="11990" spans="1:3" ht="19.2">
      <c r="A11990" s="2"/>
      <c r="B11990" s="2"/>
      <c r="C11990" s="2"/>
    </row>
    <row r="11991" spans="1:3" ht="19.2">
      <c r="A11991" s="2"/>
      <c r="B11991" s="2"/>
      <c r="C11991" s="2"/>
    </row>
    <row r="11992" spans="1:3" ht="19.2">
      <c r="A11992" s="2"/>
      <c r="B11992" s="2"/>
      <c r="C11992" s="2"/>
    </row>
    <row r="11993" spans="1:3" ht="19.2">
      <c r="A11993" s="2"/>
      <c r="B11993" s="2"/>
      <c r="C11993" s="2"/>
    </row>
    <row r="11994" spans="1:3" ht="19.2">
      <c r="A11994" s="2"/>
      <c r="B11994" s="2"/>
      <c r="C11994" s="2"/>
    </row>
    <row r="11995" spans="1:3" ht="19.2">
      <c r="A11995" s="2"/>
      <c r="B11995" s="2"/>
      <c r="C11995" s="2"/>
    </row>
    <row r="11996" spans="1:3" ht="19.2">
      <c r="A11996" s="2"/>
      <c r="B11996" s="2"/>
      <c r="C11996" s="2"/>
    </row>
    <row r="11997" spans="1:3" ht="19.2">
      <c r="A11997" s="2"/>
      <c r="B11997" s="2"/>
      <c r="C11997" s="2"/>
    </row>
    <row r="11998" spans="1:3" ht="19.2">
      <c r="A11998" s="2"/>
      <c r="B11998" s="2"/>
      <c r="C11998" s="2"/>
    </row>
    <row r="11999" spans="1:3" ht="19.2">
      <c r="A11999" s="2"/>
      <c r="B11999" s="2"/>
      <c r="C11999" s="2"/>
    </row>
    <row r="12000" spans="1:3" ht="19.2">
      <c r="A12000" s="2"/>
      <c r="B12000" s="2"/>
      <c r="C12000" s="2"/>
    </row>
    <row r="12001" spans="1:3" ht="19.2">
      <c r="A12001" s="2"/>
      <c r="B12001" s="2"/>
      <c r="C12001" s="2"/>
    </row>
    <row r="12002" spans="1:3" ht="19.2">
      <c r="A12002" s="2"/>
      <c r="B12002" s="2"/>
      <c r="C12002" s="2"/>
    </row>
    <row r="12003" spans="1:3" ht="19.2">
      <c r="A12003" s="2"/>
      <c r="B12003" s="2"/>
      <c r="C12003" s="2"/>
    </row>
    <row r="12004" spans="1:3" ht="19.2">
      <c r="A12004" s="2"/>
      <c r="B12004" s="2"/>
      <c r="C12004" s="2"/>
    </row>
    <row r="12005" spans="1:3" ht="19.2">
      <c r="A12005" s="2"/>
      <c r="B12005" s="2"/>
      <c r="C12005" s="2"/>
    </row>
    <row r="12006" spans="1:3" ht="19.2">
      <c r="A12006" s="2"/>
      <c r="B12006" s="2"/>
      <c r="C12006" s="2"/>
    </row>
    <row r="12007" spans="1:3" ht="19.2">
      <c r="A12007" s="2"/>
      <c r="B12007" s="2"/>
      <c r="C12007" s="2"/>
    </row>
    <row r="12008" spans="1:3" ht="19.2">
      <c r="A12008" s="2"/>
      <c r="B12008" s="2"/>
      <c r="C12008" s="2"/>
    </row>
    <row r="12009" spans="1:3" ht="19.2">
      <c r="A12009" s="2"/>
      <c r="B12009" s="2"/>
      <c r="C12009" s="2"/>
    </row>
    <row r="12010" spans="1:3" ht="19.2">
      <c r="A12010" s="2"/>
      <c r="B12010" s="2"/>
      <c r="C12010" s="2"/>
    </row>
    <row r="12011" spans="1:3" ht="19.2">
      <c r="A12011" s="2"/>
      <c r="B12011" s="2"/>
      <c r="C12011" s="2"/>
    </row>
    <row r="12012" spans="1:3" ht="19.2">
      <c r="A12012" s="2"/>
      <c r="B12012" s="2"/>
      <c r="C12012" s="2"/>
    </row>
    <row r="12013" spans="1:3" ht="19.2">
      <c r="A12013" s="2"/>
      <c r="B12013" s="2"/>
      <c r="C12013" s="2"/>
    </row>
    <row r="12014" spans="1:3" ht="19.2">
      <c r="A12014" s="2"/>
      <c r="B12014" s="2"/>
      <c r="C12014" s="2"/>
    </row>
    <row r="12015" spans="1:3" ht="19.2">
      <c r="A12015" s="2"/>
      <c r="B12015" s="2"/>
      <c r="C12015" s="2"/>
    </row>
    <row r="12016" spans="1:3" ht="19.2">
      <c r="A12016" s="2"/>
      <c r="B12016" s="2"/>
      <c r="C12016" s="2"/>
    </row>
    <row r="12017" spans="1:3" ht="19.2">
      <c r="A12017" s="2"/>
      <c r="B12017" s="2"/>
      <c r="C12017" s="2"/>
    </row>
    <row r="12018" spans="1:3" ht="19.2">
      <c r="A12018" s="2"/>
      <c r="B12018" s="2"/>
      <c r="C12018" s="2"/>
    </row>
    <row r="12019" spans="1:3" ht="19.2">
      <c r="A12019" s="2"/>
      <c r="B12019" s="2"/>
      <c r="C12019" s="2"/>
    </row>
    <row r="12020" spans="1:3" ht="19.2">
      <c r="A12020" s="2"/>
      <c r="B12020" s="2"/>
      <c r="C12020" s="2"/>
    </row>
    <row r="12021" spans="1:3" ht="19.2">
      <c r="A12021" s="2"/>
      <c r="B12021" s="2"/>
      <c r="C12021" s="2"/>
    </row>
    <row r="12022" spans="1:3" ht="19.2">
      <c r="A12022" s="2"/>
      <c r="B12022" s="2"/>
      <c r="C12022" s="2"/>
    </row>
    <row r="12023" spans="1:3" ht="19.2">
      <c r="A12023" s="2"/>
      <c r="B12023" s="2"/>
      <c r="C12023" s="2"/>
    </row>
    <row r="12024" spans="1:3" ht="19.2">
      <c r="A12024" s="2"/>
      <c r="B12024" s="2"/>
      <c r="C12024" s="2"/>
    </row>
    <row r="12025" spans="1:3" ht="19.2">
      <c r="A12025" s="2"/>
      <c r="B12025" s="2"/>
      <c r="C12025" s="2"/>
    </row>
    <row r="12026" spans="1:3" ht="19.2">
      <c r="A12026" s="2"/>
      <c r="B12026" s="2"/>
      <c r="C12026" s="2"/>
    </row>
    <row r="12027" spans="1:3" ht="19.2">
      <c r="A12027" s="2"/>
      <c r="B12027" s="2"/>
      <c r="C12027" s="2"/>
    </row>
    <row r="12028" spans="1:3" ht="19.2">
      <c r="A12028" s="2"/>
      <c r="B12028" s="2"/>
      <c r="C12028" s="2"/>
    </row>
    <row r="12029" spans="1:3" ht="19.2">
      <c r="A12029" s="2"/>
      <c r="B12029" s="2"/>
      <c r="C12029" s="2"/>
    </row>
    <row r="12030" spans="1:3" ht="19.2">
      <c r="A12030" s="2"/>
      <c r="B12030" s="2"/>
      <c r="C12030" s="2"/>
    </row>
    <row r="12031" spans="1:3" ht="19.2">
      <c r="A12031" s="2"/>
      <c r="B12031" s="2"/>
      <c r="C12031" s="2"/>
    </row>
    <row r="12032" spans="1:3" ht="19.2">
      <c r="A12032" s="2"/>
      <c r="B12032" s="2"/>
      <c r="C12032" s="2"/>
    </row>
    <row r="12033" spans="1:3" ht="19.2">
      <c r="A12033" s="2"/>
      <c r="B12033" s="2"/>
      <c r="C12033" s="2"/>
    </row>
    <row r="12034" spans="1:3" ht="19.2">
      <c r="A12034" s="2"/>
      <c r="B12034" s="2"/>
      <c r="C12034" s="2"/>
    </row>
    <row r="12035" spans="1:3" ht="19.2">
      <c r="A12035" s="2"/>
      <c r="B12035" s="2"/>
      <c r="C12035" s="2"/>
    </row>
    <row r="12036" spans="1:3" ht="19.2">
      <c r="A12036" s="2"/>
      <c r="B12036" s="2"/>
      <c r="C12036" s="2"/>
    </row>
    <row r="12037" spans="1:3" ht="19.2">
      <c r="A12037" s="2"/>
      <c r="B12037" s="2"/>
      <c r="C12037" s="2"/>
    </row>
    <row r="12038" spans="1:3" ht="19.2">
      <c r="A12038" s="2"/>
      <c r="B12038" s="2"/>
      <c r="C12038" s="2"/>
    </row>
    <row r="12039" spans="1:3" ht="19.2">
      <c r="A12039" s="2"/>
      <c r="B12039" s="2"/>
      <c r="C12039" s="2"/>
    </row>
    <row r="12040" spans="1:3" ht="19.2">
      <c r="A12040" s="2"/>
      <c r="B12040" s="2"/>
      <c r="C12040" s="2"/>
    </row>
    <row r="12041" spans="1:3" ht="19.2">
      <c r="A12041" s="2"/>
      <c r="B12041" s="2"/>
      <c r="C12041" s="2"/>
    </row>
    <row r="12042" spans="1:3" ht="19.2">
      <c r="A12042" s="2"/>
      <c r="B12042" s="2"/>
      <c r="C12042" s="2"/>
    </row>
    <row r="12043" spans="1:3" ht="19.2">
      <c r="A12043" s="2"/>
      <c r="B12043" s="2"/>
      <c r="C12043" s="2"/>
    </row>
    <row r="12044" spans="1:3" ht="19.2">
      <c r="A12044" s="2"/>
      <c r="B12044" s="2"/>
      <c r="C12044" s="2"/>
    </row>
    <row r="12045" spans="1:3" ht="19.2">
      <c r="A12045" s="2"/>
      <c r="B12045" s="2"/>
      <c r="C12045" s="2"/>
    </row>
    <row r="12046" spans="1:3" ht="19.2">
      <c r="A12046" s="2"/>
      <c r="B12046" s="2"/>
      <c r="C12046" s="2"/>
    </row>
    <row r="12047" spans="1:3" ht="19.2">
      <c r="A12047" s="2"/>
      <c r="B12047" s="2"/>
      <c r="C12047" s="2"/>
    </row>
    <row r="12048" spans="1:3" ht="19.2">
      <c r="A12048" s="2"/>
      <c r="B12048" s="2"/>
      <c r="C12048" s="2"/>
    </row>
    <row r="12049" spans="1:3" ht="19.2">
      <c r="A12049" s="2"/>
      <c r="B12049" s="2"/>
      <c r="C12049" s="2"/>
    </row>
    <row r="12050" spans="1:3" ht="19.2">
      <c r="A12050" s="2"/>
      <c r="B12050" s="2"/>
      <c r="C12050" s="2"/>
    </row>
    <row r="12051" spans="1:3" ht="19.2">
      <c r="A12051" s="2"/>
      <c r="B12051" s="2"/>
      <c r="C12051" s="2"/>
    </row>
    <row r="12052" spans="1:3" ht="19.2">
      <c r="A12052" s="2"/>
      <c r="B12052" s="2"/>
      <c r="C12052" s="2"/>
    </row>
    <row r="12053" spans="1:3" ht="19.2">
      <c r="A12053" s="2"/>
      <c r="B12053" s="2"/>
      <c r="C12053" s="2"/>
    </row>
    <row r="12054" spans="1:3" ht="19.2">
      <c r="A12054" s="2"/>
      <c r="B12054" s="2"/>
      <c r="C12054" s="2"/>
    </row>
    <row r="12055" spans="1:3" ht="19.2">
      <c r="A12055" s="2"/>
      <c r="B12055" s="2"/>
      <c r="C12055" s="2"/>
    </row>
    <row r="12056" spans="1:3" ht="19.2">
      <c r="A12056" s="2"/>
      <c r="B12056" s="2"/>
      <c r="C12056" s="2"/>
    </row>
    <row r="12057" spans="1:3" ht="19.2">
      <c r="A12057" s="2"/>
      <c r="B12057" s="2"/>
      <c r="C12057" s="2"/>
    </row>
    <row r="12058" spans="1:3" ht="19.2">
      <c r="A12058" s="2"/>
      <c r="B12058" s="2"/>
      <c r="C12058" s="2"/>
    </row>
    <row r="12059" spans="1:3" ht="19.2">
      <c r="A12059" s="2"/>
      <c r="B12059" s="2"/>
      <c r="C12059" s="2"/>
    </row>
    <row r="12060" spans="1:3" ht="19.2">
      <c r="A12060" s="2"/>
      <c r="B12060" s="2"/>
      <c r="C12060" s="2"/>
    </row>
    <row r="12061" spans="1:3" ht="19.2">
      <c r="A12061" s="2"/>
      <c r="B12061" s="2"/>
      <c r="C12061" s="2"/>
    </row>
    <row r="12062" spans="1:3" ht="19.2">
      <c r="A12062" s="2"/>
      <c r="B12062" s="2"/>
      <c r="C12062" s="2"/>
    </row>
    <row r="12063" spans="1:3" ht="19.2">
      <c r="A12063" s="2"/>
      <c r="B12063" s="2"/>
      <c r="C12063" s="2"/>
    </row>
    <row r="12064" spans="1:3" ht="19.2">
      <c r="A12064" s="2"/>
      <c r="B12064" s="2"/>
      <c r="C12064" s="2"/>
    </row>
    <row r="12065" spans="1:3" ht="19.2">
      <c r="A12065" s="2"/>
      <c r="B12065" s="2"/>
      <c r="C12065" s="2"/>
    </row>
    <row r="12066" spans="1:3" ht="19.2">
      <c r="A12066" s="2"/>
      <c r="B12066" s="2"/>
      <c r="C12066" s="2"/>
    </row>
    <row r="12067" spans="1:3" ht="19.2">
      <c r="A12067" s="2"/>
      <c r="B12067" s="2"/>
      <c r="C12067" s="2"/>
    </row>
    <row r="12068" spans="1:3" ht="19.2">
      <c r="A12068" s="2"/>
      <c r="B12068" s="2"/>
      <c r="C12068" s="2"/>
    </row>
    <row r="12069" spans="1:3" ht="19.2">
      <c r="A12069" s="2"/>
      <c r="B12069" s="2"/>
      <c r="C12069" s="2"/>
    </row>
    <row r="12070" spans="1:3" ht="19.2">
      <c r="A12070" s="2"/>
      <c r="B12070" s="2"/>
      <c r="C12070" s="2"/>
    </row>
    <row r="12071" spans="1:3" ht="19.2">
      <c r="A12071" s="2"/>
      <c r="B12071" s="2"/>
      <c r="C12071" s="2"/>
    </row>
    <row r="12072" spans="1:3" ht="19.2">
      <c r="A12072" s="2"/>
      <c r="B12072" s="2"/>
      <c r="C12072" s="2"/>
    </row>
    <row r="12073" spans="1:3" ht="19.2">
      <c r="A12073" s="2"/>
      <c r="B12073" s="2"/>
      <c r="C12073" s="2"/>
    </row>
    <row r="12074" spans="1:3" ht="19.2">
      <c r="A12074" s="2"/>
      <c r="B12074" s="2"/>
      <c r="C12074" s="2"/>
    </row>
    <row r="12075" spans="1:3" ht="19.2">
      <c r="A12075" s="2"/>
      <c r="B12075" s="2"/>
      <c r="C12075" s="2"/>
    </row>
    <row r="12076" spans="1:3" ht="19.2">
      <c r="A12076" s="2"/>
      <c r="B12076" s="2"/>
      <c r="C12076" s="2"/>
    </row>
    <row r="12077" spans="1:3" ht="19.2">
      <c r="A12077" s="2"/>
      <c r="B12077" s="2"/>
      <c r="C12077" s="2"/>
    </row>
    <row r="12078" spans="1:3" ht="19.2">
      <c r="A12078" s="2"/>
      <c r="B12078" s="2"/>
      <c r="C12078" s="2"/>
    </row>
    <row r="12079" spans="1:3" ht="19.2">
      <c r="A12079" s="2"/>
      <c r="B12079" s="2"/>
      <c r="C12079" s="2"/>
    </row>
    <row r="12080" spans="1:3" ht="19.2">
      <c r="A12080" s="2"/>
      <c r="B12080" s="2"/>
      <c r="C12080" s="2"/>
    </row>
    <row r="12081" spans="1:3" ht="19.2">
      <c r="A12081" s="2"/>
      <c r="B12081" s="2"/>
      <c r="C12081" s="2"/>
    </row>
    <row r="12082" spans="1:3" ht="19.2">
      <c r="A12082" s="2"/>
      <c r="B12082" s="2"/>
      <c r="C12082" s="2"/>
    </row>
    <row r="12083" spans="1:3" ht="19.2">
      <c r="A12083" s="2"/>
      <c r="B12083" s="2"/>
      <c r="C12083" s="2"/>
    </row>
    <row r="12084" spans="1:3" ht="19.2">
      <c r="A12084" s="2"/>
      <c r="B12084" s="2"/>
      <c r="C12084" s="2"/>
    </row>
    <row r="12085" spans="1:3" ht="19.2">
      <c r="A12085" s="2"/>
      <c r="B12085" s="2"/>
      <c r="C12085" s="2"/>
    </row>
    <row r="12086" spans="1:3" ht="19.2">
      <c r="A12086" s="2"/>
      <c r="B12086" s="2"/>
      <c r="C12086" s="2"/>
    </row>
    <row r="12087" spans="1:3" ht="19.2">
      <c r="A12087" s="2"/>
      <c r="B12087" s="2"/>
      <c r="C12087" s="2"/>
    </row>
    <row r="12088" spans="1:3" ht="19.2">
      <c r="A12088" s="2"/>
      <c r="B12088" s="2"/>
      <c r="C12088" s="2"/>
    </row>
    <row r="12089" spans="1:3" ht="19.2">
      <c r="A12089" s="2"/>
      <c r="B12089" s="2"/>
      <c r="C12089" s="2"/>
    </row>
    <row r="12090" spans="1:3" ht="19.2">
      <c r="A12090" s="2"/>
      <c r="B12090" s="2"/>
      <c r="C12090" s="2"/>
    </row>
    <row r="12091" spans="1:3" ht="19.2">
      <c r="A12091" s="2"/>
      <c r="B12091" s="2"/>
      <c r="C12091" s="2"/>
    </row>
    <row r="12092" spans="1:3" ht="19.2">
      <c r="A12092" s="2"/>
      <c r="B12092" s="2"/>
      <c r="C12092" s="2"/>
    </row>
    <row r="12093" spans="1:3" ht="19.2">
      <c r="A12093" s="2"/>
      <c r="B12093" s="2"/>
      <c r="C12093" s="2"/>
    </row>
    <row r="12094" spans="1:3" ht="19.2">
      <c r="A12094" s="2"/>
      <c r="B12094" s="2"/>
      <c r="C12094" s="2"/>
    </row>
    <row r="12095" spans="1:3" ht="19.2">
      <c r="A12095" s="2"/>
      <c r="B12095" s="2"/>
      <c r="C12095" s="2"/>
    </row>
    <row r="12096" spans="1:3" ht="19.2">
      <c r="A12096" s="2"/>
      <c r="B12096" s="2"/>
      <c r="C12096" s="2"/>
    </row>
    <row r="12097" spans="1:3" ht="19.2">
      <c r="A12097" s="2"/>
      <c r="B12097" s="2"/>
      <c r="C12097" s="2"/>
    </row>
    <row r="12098" spans="1:3" ht="19.2">
      <c r="A12098" s="2"/>
      <c r="B12098" s="2"/>
      <c r="C12098" s="2"/>
    </row>
    <row r="12099" spans="1:3" ht="19.2">
      <c r="A12099" s="2"/>
      <c r="B12099" s="2"/>
      <c r="C12099" s="2"/>
    </row>
    <row r="12100" spans="1:3" ht="19.2">
      <c r="A12100" s="2"/>
      <c r="B12100" s="2"/>
      <c r="C12100" s="2"/>
    </row>
    <row r="12101" spans="1:3" ht="19.2">
      <c r="A12101" s="2"/>
      <c r="B12101" s="2"/>
      <c r="C12101" s="2"/>
    </row>
    <row r="12102" spans="1:3" ht="19.2">
      <c r="A12102" s="2"/>
      <c r="B12102" s="2"/>
      <c r="C12102" s="2"/>
    </row>
    <row r="12103" spans="1:3" ht="19.2">
      <c r="A12103" s="2"/>
      <c r="B12103" s="2"/>
      <c r="C12103" s="2"/>
    </row>
    <row r="12104" spans="1:3" ht="19.2">
      <c r="A12104" s="2"/>
      <c r="B12104" s="2"/>
      <c r="C12104" s="2"/>
    </row>
    <row r="12105" spans="1:3" ht="19.2">
      <c r="A12105" s="2"/>
      <c r="B12105" s="2"/>
      <c r="C12105" s="2"/>
    </row>
    <row r="12106" spans="1:3" ht="19.2">
      <c r="A12106" s="2"/>
      <c r="B12106" s="2"/>
      <c r="C12106" s="2"/>
    </row>
    <row r="12107" spans="1:3" ht="19.2">
      <c r="A12107" s="2"/>
      <c r="B12107" s="2"/>
      <c r="C12107" s="2"/>
    </row>
    <row r="12108" spans="1:3" ht="19.2">
      <c r="A12108" s="2"/>
      <c r="B12108" s="2"/>
      <c r="C12108" s="2"/>
    </row>
    <row r="12109" spans="1:3" ht="19.2">
      <c r="A12109" s="2"/>
      <c r="B12109" s="2"/>
      <c r="C12109" s="2"/>
    </row>
    <row r="12110" spans="1:3" ht="19.2">
      <c r="A12110" s="2"/>
      <c r="B12110" s="2"/>
      <c r="C12110" s="2"/>
    </row>
    <row r="12111" spans="1:3" ht="19.2">
      <c r="A12111" s="2"/>
      <c r="B12111" s="2"/>
      <c r="C12111" s="2"/>
    </row>
    <row r="12112" spans="1:3" ht="19.2">
      <c r="A12112" s="2"/>
      <c r="B12112" s="2"/>
      <c r="C12112" s="2"/>
    </row>
    <row r="12113" spans="1:3" ht="19.2">
      <c r="A12113" s="2"/>
      <c r="B12113" s="2"/>
      <c r="C12113" s="2"/>
    </row>
    <row r="12114" spans="1:3" ht="19.2">
      <c r="A12114" s="2"/>
      <c r="B12114" s="2"/>
      <c r="C12114" s="2"/>
    </row>
    <row r="12115" spans="1:3" ht="19.2">
      <c r="A12115" s="2"/>
      <c r="B12115" s="2"/>
      <c r="C12115" s="2"/>
    </row>
    <row r="12116" spans="1:3" ht="19.2">
      <c r="A12116" s="2"/>
      <c r="B12116" s="2"/>
      <c r="C12116" s="2"/>
    </row>
    <row r="12117" spans="1:3" ht="19.2">
      <c r="A12117" s="2"/>
      <c r="B12117" s="2"/>
      <c r="C12117" s="2"/>
    </row>
    <row r="12118" spans="1:3" ht="19.2">
      <c r="A12118" s="2"/>
      <c r="B12118" s="2"/>
      <c r="C12118" s="2"/>
    </row>
    <row r="12119" spans="1:3" ht="19.2">
      <c r="A12119" s="2"/>
      <c r="B12119" s="2"/>
      <c r="C12119" s="2"/>
    </row>
    <row r="12120" spans="1:3" ht="19.2">
      <c r="A12120" s="2"/>
      <c r="B12120" s="2"/>
      <c r="C12120" s="2"/>
    </row>
    <row r="12121" spans="1:3" ht="19.2">
      <c r="A12121" s="2"/>
      <c r="B12121" s="2"/>
      <c r="C12121" s="2"/>
    </row>
    <row r="12122" spans="1:3" ht="19.2">
      <c r="A12122" s="2"/>
      <c r="B12122" s="2"/>
      <c r="C12122" s="2"/>
    </row>
    <row r="12123" spans="1:3" ht="19.2">
      <c r="A12123" s="2"/>
      <c r="B12123" s="2"/>
      <c r="C12123" s="2"/>
    </row>
    <row r="12124" spans="1:3" ht="19.2">
      <c r="A12124" s="2"/>
      <c r="B12124" s="2"/>
      <c r="C12124" s="2"/>
    </row>
    <row r="12125" spans="1:3" ht="19.2">
      <c r="A12125" s="2"/>
      <c r="B12125" s="2"/>
      <c r="C12125" s="2"/>
    </row>
    <row r="12126" spans="1:3" ht="19.2">
      <c r="A12126" s="2"/>
      <c r="B12126" s="2"/>
      <c r="C12126" s="2"/>
    </row>
    <row r="12127" spans="1:3" ht="19.2">
      <c r="A12127" s="2"/>
      <c r="B12127" s="2"/>
      <c r="C12127" s="2"/>
    </row>
    <row r="12128" spans="1:3" ht="19.2">
      <c r="A12128" s="2"/>
      <c r="B12128" s="2"/>
      <c r="C12128" s="2"/>
    </row>
    <row r="12129" spans="1:3" ht="19.2">
      <c r="A12129" s="2"/>
      <c r="B12129" s="2"/>
      <c r="C12129" s="2"/>
    </row>
    <row r="12130" spans="1:3" ht="19.2">
      <c r="A12130" s="2"/>
      <c r="B12130" s="2"/>
      <c r="C12130" s="2"/>
    </row>
    <row r="12131" spans="1:3" ht="19.2">
      <c r="A12131" s="2"/>
      <c r="B12131" s="2"/>
      <c r="C12131" s="2"/>
    </row>
    <row r="12132" spans="1:3" ht="19.2">
      <c r="A12132" s="2"/>
      <c r="B12132" s="2"/>
      <c r="C12132" s="2"/>
    </row>
    <row r="12133" spans="1:3" ht="19.2">
      <c r="A12133" s="2"/>
      <c r="B12133" s="2"/>
      <c r="C12133" s="2"/>
    </row>
    <row r="12134" spans="1:3" ht="19.2">
      <c r="A12134" s="2"/>
      <c r="B12134" s="2"/>
      <c r="C12134" s="2"/>
    </row>
    <row r="12135" spans="1:3" ht="19.2">
      <c r="A12135" s="2"/>
      <c r="B12135" s="2"/>
      <c r="C12135" s="2"/>
    </row>
    <row r="12136" spans="1:3" ht="19.2">
      <c r="A12136" s="2"/>
      <c r="B12136" s="2"/>
      <c r="C12136" s="2"/>
    </row>
    <row r="12137" spans="1:3" ht="19.2">
      <c r="A12137" s="2"/>
      <c r="B12137" s="2"/>
      <c r="C12137" s="2"/>
    </row>
    <row r="12138" spans="1:3" ht="19.2">
      <c r="A12138" s="2"/>
      <c r="B12138" s="2"/>
      <c r="C12138" s="2"/>
    </row>
    <row r="12139" spans="1:3" ht="19.2">
      <c r="A12139" s="2"/>
      <c r="B12139" s="2"/>
      <c r="C12139" s="2"/>
    </row>
    <row r="12140" spans="1:3" ht="19.2">
      <c r="A12140" s="2"/>
      <c r="B12140" s="2"/>
      <c r="C12140" s="2"/>
    </row>
    <row r="12141" spans="1:3" ht="19.2">
      <c r="A12141" s="2"/>
      <c r="B12141" s="2"/>
      <c r="C12141" s="2"/>
    </row>
    <row r="12142" spans="1:3" ht="19.2">
      <c r="A12142" s="2"/>
      <c r="B12142" s="2"/>
      <c r="C12142" s="2"/>
    </row>
    <row r="12143" spans="1:3" ht="19.2">
      <c r="A12143" s="2"/>
      <c r="B12143" s="2"/>
      <c r="C12143" s="2"/>
    </row>
    <row r="12144" spans="1:3" ht="19.2">
      <c r="A12144" s="2"/>
      <c r="B12144" s="2"/>
      <c r="C12144" s="2"/>
    </row>
    <row r="12145" spans="1:3" ht="19.2">
      <c r="A12145" s="2"/>
      <c r="B12145" s="2"/>
      <c r="C12145" s="2"/>
    </row>
    <row r="12146" spans="1:3" ht="19.2">
      <c r="A12146" s="2"/>
      <c r="B12146" s="2"/>
      <c r="C12146" s="2"/>
    </row>
    <row r="12147" spans="1:3" ht="19.2">
      <c r="A12147" s="2"/>
      <c r="B12147" s="2"/>
      <c r="C12147" s="2"/>
    </row>
    <row r="12148" spans="1:3" ht="19.2">
      <c r="A12148" s="2"/>
      <c r="B12148" s="2"/>
      <c r="C12148" s="2"/>
    </row>
    <row r="12149" spans="1:3" ht="19.2">
      <c r="A12149" s="2"/>
      <c r="B12149" s="2"/>
      <c r="C12149" s="2"/>
    </row>
    <row r="12150" spans="1:3" ht="19.2">
      <c r="A12150" s="2"/>
      <c r="B12150" s="2"/>
      <c r="C12150" s="2"/>
    </row>
    <row r="12151" spans="1:3" ht="19.2">
      <c r="A12151" s="2"/>
      <c r="B12151" s="2"/>
      <c r="C12151" s="2"/>
    </row>
    <row r="12152" spans="1:3" ht="19.2">
      <c r="A12152" s="2"/>
      <c r="B12152" s="2"/>
      <c r="C12152" s="2"/>
    </row>
    <row r="12153" spans="1:3" ht="19.2">
      <c r="A12153" s="2"/>
      <c r="B12153" s="2"/>
      <c r="C12153" s="2"/>
    </row>
    <row r="12154" spans="1:3" ht="19.2">
      <c r="A12154" s="2"/>
      <c r="B12154" s="2"/>
      <c r="C12154" s="2"/>
    </row>
    <row r="12155" spans="1:3" ht="19.2">
      <c r="A12155" s="2"/>
      <c r="B12155" s="2"/>
      <c r="C12155" s="2"/>
    </row>
    <row r="12156" spans="1:3" ht="19.2">
      <c r="A12156" s="2"/>
      <c r="B12156" s="2"/>
      <c r="C12156" s="2"/>
    </row>
    <row r="12157" spans="1:3" ht="19.2">
      <c r="A12157" s="2"/>
      <c r="B12157" s="2"/>
      <c r="C12157" s="2"/>
    </row>
    <row r="12158" spans="1:3" ht="19.2">
      <c r="A12158" s="2"/>
      <c r="B12158" s="2"/>
      <c r="C12158" s="2"/>
    </row>
    <row r="12159" spans="1:3" ht="19.2">
      <c r="A12159" s="2"/>
      <c r="B12159" s="2"/>
      <c r="C12159" s="2"/>
    </row>
    <row r="12160" spans="1:3" ht="19.2">
      <c r="A12160" s="2"/>
      <c r="B12160" s="2"/>
      <c r="C12160" s="2"/>
    </row>
    <row r="12161" spans="1:3" ht="19.2">
      <c r="A12161" s="2"/>
      <c r="B12161" s="2"/>
      <c r="C12161" s="2"/>
    </row>
    <row r="12162" spans="1:3" ht="19.2">
      <c r="A12162" s="2"/>
      <c r="B12162" s="2"/>
      <c r="C12162" s="2"/>
    </row>
    <row r="12163" spans="1:3" ht="19.2">
      <c r="A12163" s="2"/>
      <c r="B12163" s="2"/>
      <c r="C12163" s="2"/>
    </row>
    <row r="12164" spans="1:3" ht="19.2">
      <c r="A12164" s="2"/>
      <c r="B12164" s="2"/>
      <c r="C12164" s="2"/>
    </row>
    <row r="12165" spans="1:3" ht="19.2">
      <c r="A12165" s="2"/>
      <c r="B12165" s="2"/>
      <c r="C12165" s="2"/>
    </row>
    <row r="12166" spans="1:3" ht="19.2">
      <c r="A12166" s="2"/>
      <c r="B12166" s="2"/>
      <c r="C12166" s="2"/>
    </row>
    <row r="12167" spans="1:3" ht="19.2">
      <c r="A12167" s="2"/>
      <c r="B12167" s="2"/>
      <c r="C12167" s="2"/>
    </row>
    <row r="12168" spans="1:3" ht="19.2">
      <c r="A12168" s="2"/>
      <c r="B12168" s="2"/>
      <c r="C12168" s="2"/>
    </row>
    <row r="12169" spans="1:3" ht="19.2">
      <c r="A12169" s="2"/>
      <c r="B12169" s="2"/>
      <c r="C12169" s="2"/>
    </row>
    <row r="12170" spans="1:3" ht="19.2">
      <c r="A12170" s="2"/>
      <c r="B12170" s="2"/>
      <c r="C12170" s="2"/>
    </row>
    <row r="12171" spans="1:3" ht="19.2">
      <c r="A12171" s="2"/>
      <c r="B12171" s="2"/>
      <c r="C12171" s="2"/>
    </row>
    <row r="12172" spans="1:3" ht="19.2">
      <c r="A12172" s="2"/>
      <c r="B12172" s="2"/>
      <c r="C12172" s="2"/>
    </row>
    <row r="12173" spans="1:3" ht="19.2">
      <c r="A12173" s="2"/>
      <c r="B12173" s="2"/>
      <c r="C12173" s="2"/>
    </row>
    <row r="12174" spans="1:3" ht="19.2">
      <c r="A12174" s="2"/>
      <c r="B12174" s="2"/>
      <c r="C12174" s="2"/>
    </row>
    <row r="12175" spans="1:3" ht="19.2">
      <c r="A12175" s="2"/>
      <c r="B12175" s="2"/>
      <c r="C12175" s="2"/>
    </row>
    <row r="12176" spans="1:3" ht="19.2">
      <c r="A12176" s="2"/>
      <c r="B12176" s="2"/>
      <c r="C12176" s="2"/>
    </row>
    <row r="12177" spans="1:3" ht="19.2">
      <c r="A12177" s="2"/>
      <c r="B12177" s="2"/>
      <c r="C12177" s="2"/>
    </row>
    <row r="12178" spans="1:3" ht="19.2">
      <c r="A12178" s="2"/>
      <c r="B12178" s="2"/>
      <c r="C12178" s="2"/>
    </row>
    <row r="12179" spans="1:3" ht="19.2">
      <c r="A12179" s="2"/>
      <c r="B12179" s="2"/>
      <c r="C12179" s="2"/>
    </row>
    <row r="12180" spans="1:3" ht="19.2">
      <c r="A12180" s="2"/>
      <c r="B12180" s="2"/>
      <c r="C12180" s="2"/>
    </row>
    <row r="12181" spans="1:3" ht="19.2">
      <c r="A12181" s="2"/>
      <c r="B12181" s="2"/>
      <c r="C12181" s="2"/>
    </row>
    <row r="12182" spans="1:3" ht="19.2">
      <c r="A12182" s="2"/>
      <c r="B12182" s="2"/>
      <c r="C12182" s="2"/>
    </row>
    <row r="12183" spans="1:3" ht="19.2">
      <c r="A12183" s="2"/>
      <c r="B12183" s="2"/>
      <c r="C12183" s="2"/>
    </row>
    <row r="12184" spans="1:3" ht="19.2">
      <c r="A12184" s="2"/>
      <c r="B12184" s="2"/>
      <c r="C12184" s="2"/>
    </row>
    <row r="12185" spans="1:3" ht="19.2">
      <c r="A12185" s="2"/>
      <c r="B12185" s="2"/>
      <c r="C12185" s="2"/>
    </row>
    <row r="12186" spans="1:3" ht="19.2">
      <c r="A12186" s="2"/>
      <c r="B12186" s="2"/>
      <c r="C12186" s="2"/>
    </row>
    <row r="12187" spans="1:3" ht="19.2">
      <c r="A12187" s="2"/>
      <c r="B12187" s="2"/>
      <c r="C12187" s="2"/>
    </row>
    <row r="12188" spans="1:3" ht="19.2">
      <c r="A12188" s="2"/>
      <c r="B12188" s="2"/>
      <c r="C12188" s="2"/>
    </row>
    <row r="12189" spans="1:3" ht="19.2">
      <c r="A12189" s="2"/>
      <c r="B12189" s="2"/>
      <c r="C12189" s="2"/>
    </row>
    <row r="12190" spans="1:3" ht="19.2">
      <c r="A12190" s="2"/>
      <c r="B12190" s="2"/>
      <c r="C12190" s="2"/>
    </row>
    <row r="12191" spans="1:3" ht="19.2">
      <c r="A12191" s="2"/>
      <c r="B12191" s="2"/>
      <c r="C12191" s="2"/>
    </row>
    <row r="12192" spans="1:3" ht="19.2">
      <c r="A12192" s="2"/>
      <c r="B12192" s="2"/>
      <c r="C12192" s="2"/>
    </row>
    <row r="12193" spans="1:3" ht="19.2">
      <c r="A12193" s="2"/>
      <c r="B12193" s="2"/>
      <c r="C12193" s="2"/>
    </row>
    <row r="12194" spans="1:3" ht="19.2">
      <c r="A12194" s="2"/>
      <c r="B12194" s="2"/>
      <c r="C12194" s="2"/>
    </row>
    <row r="12195" spans="1:3" ht="19.2">
      <c r="A12195" s="2"/>
      <c r="B12195" s="2"/>
      <c r="C12195" s="2"/>
    </row>
    <row r="12196" spans="1:3" ht="19.2">
      <c r="A12196" s="2"/>
      <c r="B12196" s="2"/>
      <c r="C12196" s="2"/>
    </row>
    <row r="12197" spans="1:3" ht="19.2">
      <c r="A12197" s="2"/>
      <c r="B12197" s="2"/>
      <c r="C12197" s="2"/>
    </row>
    <row r="12198" spans="1:3" ht="19.2">
      <c r="A12198" s="2"/>
      <c r="B12198" s="2"/>
      <c r="C12198" s="2"/>
    </row>
    <row r="12199" spans="1:3" ht="19.2">
      <c r="A12199" s="2"/>
      <c r="B12199" s="2"/>
      <c r="C12199" s="2"/>
    </row>
    <row r="12200" spans="1:3" ht="19.2">
      <c r="A12200" s="2"/>
      <c r="B12200" s="2"/>
      <c r="C12200" s="2"/>
    </row>
    <row r="12201" spans="1:3" ht="19.2">
      <c r="A12201" s="2"/>
      <c r="B12201" s="2"/>
      <c r="C12201" s="2"/>
    </row>
    <row r="12202" spans="1:3" ht="19.2">
      <c r="A12202" s="2"/>
      <c r="B12202" s="2"/>
      <c r="C12202" s="2"/>
    </row>
    <row r="12203" spans="1:3" ht="19.2">
      <c r="A12203" s="2"/>
      <c r="B12203" s="2"/>
      <c r="C12203" s="2"/>
    </row>
    <row r="12204" spans="1:3" ht="19.2">
      <c r="A12204" s="2"/>
      <c r="B12204" s="2"/>
      <c r="C12204" s="2"/>
    </row>
    <row r="12205" spans="1:3" ht="19.2">
      <c r="A12205" s="2"/>
      <c r="B12205" s="2"/>
      <c r="C12205" s="2"/>
    </row>
    <row r="12206" spans="1:3" ht="19.2">
      <c r="A12206" s="2"/>
      <c r="B12206" s="2"/>
      <c r="C12206" s="2"/>
    </row>
    <row r="12207" spans="1:3" ht="19.2">
      <c r="A12207" s="2"/>
      <c r="B12207" s="2"/>
      <c r="C12207" s="2"/>
    </row>
    <row r="12208" spans="1:3" ht="19.2">
      <c r="A12208" s="2"/>
      <c r="B12208" s="2"/>
      <c r="C12208" s="2"/>
    </row>
    <row r="12209" spans="1:3" ht="19.2">
      <c r="A12209" s="2"/>
      <c r="B12209" s="2"/>
      <c r="C12209" s="2"/>
    </row>
    <row r="12210" spans="1:3" ht="19.2">
      <c r="A12210" s="2"/>
      <c r="B12210" s="2"/>
      <c r="C12210" s="2"/>
    </row>
    <row r="12211" spans="1:3" ht="19.2">
      <c r="A12211" s="2"/>
      <c r="B12211" s="2"/>
      <c r="C12211" s="2"/>
    </row>
    <row r="12212" spans="1:3" ht="19.2">
      <c r="A12212" s="2"/>
      <c r="B12212" s="2"/>
      <c r="C12212" s="2"/>
    </row>
    <row r="12213" spans="1:3" ht="19.2">
      <c r="A12213" s="2"/>
      <c r="B12213" s="2"/>
      <c r="C12213" s="2"/>
    </row>
    <row r="12214" spans="1:3" ht="19.2">
      <c r="A12214" s="2"/>
      <c r="B12214" s="2"/>
      <c r="C12214" s="2"/>
    </row>
    <row r="12215" spans="1:3" ht="19.2">
      <c r="A12215" s="2"/>
      <c r="B12215" s="2"/>
      <c r="C12215" s="2"/>
    </row>
    <row r="12216" spans="1:3" ht="19.2">
      <c r="A12216" s="2"/>
      <c r="B12216" s="2"/>
      <c r="C12216" s="2"/>
    </row>
    <row r="12217" spans="1:3" ht="19.2">
      <c r="A12217" s="2"/>
      <c r="B12217" s="2"/>
      <c r="C12217" s="2"/>
    </row>
    <row r="12218" spans="1:3" ht="19.2">
      <c r="A12218" s="2"/>
      <c r="B12218" s="2"/>
      <c r="C12218" s="2"/>
    </row>
    <row r="12219" spans="1:3" ht="19.2">
      <c r="A12219" s="2"/>
      <c r="B12219" s="2"/>
      <c r="C12219" s="2"/>
    </row>
    <row r="12220" spans="1:3" ht="19.2">
      <c r="A12220" s="2"/>
      <c r="B12220" s="2"/>
      <c r="C12220" s="2"/>
    </row>
    <row r="12221" spans="1:3" ht="19.2">
      <c r="A12221" s="2"/>
      <c r="B12221" s="2"/>
      <c r="C12221" s="2"/>
    </row>
    <row r="12222" spans="1:3" ht="19.2">
      <c r="A12222" s="2"/>
      <c r="B12222" s="2"/>
      <c r="C12222" s="2"/>
    </row>
    <row r="12223" spans="1:3" ht="19.2">
      <c r="A12223" s="2"/>
      <c r="B12223" s="2"/>
      <c r="C12223" s="2"/>
    </row>
    <row r="12224" spans="1:3" ht="19.2">
      <c r="A12224" s="2"/>
      <c r="B12224" s="2"/>
      <c r="C12224" s="2"/>
    </row>
    <row r="12225" spans="1:3" ht="19.2">
      <c r="A12225" s="2"/>
      <c r="B12225" s="2"/>
      <c r="C12225" s="2"/>
    </row>
    <row r="12226" spans="1:3" ht="19.2">
      <c r="A12226" s="2"/>
      <c r="B12226" s="2"/>
      <c r="C12226" s="2"/>
    </row>
    <row r="12227" spans="1:3" ht="19.2">
      <c r="A12227" s="2"/>
      <c r="B12227" s="2"/>
      <c r="C12227" s="2"/>
    </row>
    <row r="12228" spans="1:3" ht="19.2">
      <c r="A12228" s="2"/>
      <c r="B12228" s="2"/>
      <c r="C12228" s="2"/>
    </row>
    <row r="12229" spans="1:3" ht="19.2">
      <c r="A12229" s="2"/>
      <c r="B12229" s="2"/>
      <c r="C12229" s="2"/>
    </row>
    <row r="12230" spans="1:3" ht="19.2">
      <c r="A12230" s="2"/>
      <c r="B12230" s="2"/>
      <c r="C12230" s="2"/>
    </row>
    <row r="12231" spans="1:3" ht="19.2">
      <c r="A12231" s="2"/>
      <c r="B12231" s="2"/>
      <c r="C12231" s="2"/>
    </row>
    <row r="12232" spans="1:3" ht="19.2">
      <c r="A12232" s="2"/>
      <c r="B12232" s="2"/>
      <c r="C12232" s="2"/>
    </row>
    <row r="12233" spans="1:3" ht="19.2">
      <c r="A12233" s="2"/>
      <c r="B12233" s="2"/>
      <c r="C12233" s="2"/>
    </row>
    <row r="12234" spans="1:3" ht="19.2">
      <c r="A12234" s="2"/>
      <c r="B12234" s="2"/>
      <c r="C12234" s="2"/>
    </row>
    <row r="12235" spans="1:3" ht="19.2">
      <c r="A12235" s="2"/>
      <c r="B12235" s="2"/>
      <c r="C12235" s="2"/>
    </row>
    <row r="12236" spans="1:3" ht="19.2">
      <c r="A12236" s="2"/>
      <c r="B12236" s="2"/>
      <c r="C12236" s="2"/>
    </row>
    <row r="12237" spans="1:3" ht="19.2">
      <c r="A12237" s="2"/>
      <c r="B12237" s="2"/>
      <c r="C12237" s="2"/>
    </row>
    <row r="12238" spans="1:3" ht="19.2">
      <c r="A12238" s="2"/>
      <c r="B12238" s="2"/>
      <c r="C12238" s="2"/>
    </row>
    <row r="12239" spans="1:3" ht="19.2">
      <c r="A12239" s="2"/>
      <c r="B12239" s="2"/>
      <c r="C12239" s="2"/>
    </row>
    <row r="12240" spans="1:3" ht="19.2">
      <c r="A12240" s="2"/>
      <c r="B12240" s="2"/>
      <c r="C12240" s="2"/>
    </row>
    <row r="12241" spans="1:3" ht="19.2">
      <c r="A12241" s="2"/>
      <c r="B12241" s="2"/>
      <c r="C12241" s="2"/>
    </row>
    <row r="12242" spans="1:3" ht="19.2">
      <c r="A12242" s="2"/>
      <c r="B12242" s="2"/>
      <c r="C12242" s="2"/>
    </row>
    <row r="12243" spans="1:3" ht="19.2">
      <c r="A12243" s="2"/>
      <c r="B12243" s="2"/>
      <c r="C12243" s="2"/>
    </row>
    <row r="12244" spans="1:3" ht="19.2">
      <c r="A12244" s="2"/>
      <c r="B12244" s="2"/>
      <c r="C12244" s="2"/>
    </row>
    <row r="12245" spans="1:3" ht="19.2">
      <c r="A12245" s="2"/>
      <c r="B12245" s="2"/>
      <c r="C12245" s="2"/>
    </row>
    <row r="12246" spans="1:3" ht="19.2">
      <c r="A12246" s="2"/>
      <c r="B12246" s="2"/>
      <c r="C12246" s="2"/>
    </row>
    <row r="12247" spans="1:3" ht="19.2">
      <c r="A12247" s="2"/>
      <c r="B12247" s="2"/>
      <c r="C12247" s="2"/>
    </row>
    <row r="12248" spans="1:3" ht="19.2">
      <c r="A12248" s="2"/>
      <c r="B12248" s="2"/>
      <c r="C12248" s="2"/>
    </row>
    <row r="12249" spans="1:3" ht="19.2">
      <c r="A12249" s="2"/>
      <c r="B12249" s="2"/>
      <c r="C12249" s="2"/>
    </row>
    <row r="12250" spans="1:3" ht="19.2">
      <c r="A12250" s="2"/>
      <c r="B12250" s="2"/>
      <c r="C12250" s="2"/>
    </row>
    <row r="12251" spans="1:3" ht="19.2">
      <c r="A12251" s="2"/>
      <c r="B12251" s="2"/>
      <c r="C12251" s="2"/>
    </row>
    <row r="12252" spans="1:3" ht="19.2">
      <c r="A12252" s="2"/>
      <c r="B12252" s="2"/>
      <c r="C12252" s="2"/>
    </row>
    <row r="12253" spans="1:3" ht="19.2">
      <c r="A12253" s="2"/>
      <c r="B12253" s="2"/>
      <c r="C12253" s="2"/>
    </row>
    <row r="12254" spans="1:3" ht="19.2">
      <c r="A12254" s="2"/>
      <c r="B12254" s="2"/>
      <c r="C12254" s="2"/>
    </row>
    <row r="12255" spans="1:3" ht="19.2">
      <c r="A12255" s="2"/>
      <c r="B12255" s="2"/>
      <c r="C12255" s="2"/>
    </row>
    <row r="12256" spans="1:3" ht="19.2">
      <c r="A12256" s="2"/>
      <c r="B12256" s="2"/>
      <c r="C12256" s="2"/>
    </row>
    <row r="12257" spans="1:3" ht="19.2">
      <c r="A12257" s="2"/>
      <c r="B12257" s="2"/>
      <c r="C12257" s="2"/>
    </row>
    <row r="12258" spans="1:3" ht="19.2">
      <c r="A12258" s="2"/>
      <c r="B12258" s="2"/>
      <c r="C12258" s="2"/>
    </row>
    <row r="12259" spans="1:3" ht="19.2">
      <c r="A12259" s="2"/>
      <c r="B12259" s="2"/>
      <c r="C12259" s="2"/>
    </row>
    <row r="12260" spans="1:3" ht="19.2">
      <c r="A12260" s="2"/>
      <c r="B12260" s="2"/>
      <c r="C12260" s="2"/>
    </row>
    <row r="12261" spans="1:3" ht="19.2">
      <c r="A12261" s="2"/>
      <c r="B12261" s="2"/>
      <c r="C12261" s="2"/>
    </row>
    <row r="12262" spans="1:3" ht="19.2">
      <c r="A12262" s="2"/>
      <c r="B12262" s="2"/>
      <c r="C12262" s="2"/>
    </row>
    <row r="12263" spans="1:3" ht="19.2">
      <c r="A12263" s="2"/>
      <c r="B12263" s="2"/>
      <c r="C12263" s="2"/>
    </row>
    <row r="12264" spans="1:3" ht="19.2">
      <c r="A12264" s="2"/>
      <c r="B12264" s="2"/>
      <c r="C12264" s="2"/>
    </row>
    <row r="12265" spans="1:3" ht="19.2">
      <c r="A12265" s="2"/>
      <c r="B12265" s="2"/>
      <c r="C12265" s="2"/>
    </row>
    <row r="12266" spans="1:3" ht="19.2">
      <c r="A12266" s="2"/>
      <c r="B12266" s="2"/>
      <c r="C12266" s="2"/>
    </row>
    <row r="12267" spans="1:3" ht="19.2">
      <c r="A12267" s="2"/>
      <c r="B12267" s="2"/>
      <c r="C12267" s="2"/>
    </row>
    <row r="12268" spans="1:3" ht="19.2">
      <c r="A12268" s="2"/>
      <c r="B12268" s="2"/>
      <c r="C12268" s="2"/>
    </row>
    <row r="12269" spans="1:3" ht="19.2">
      <c r="A12269" s="2"/>
      <c r="B12269" s="2"/>
      <c r="C12269" s="2"/>
    </row>
    <row r="12270" spans="1:3" ht="19.2">
      <c r="A12270" s="2"/>
      <c r="B12270" s="2"/>
      <c r="C12270" s="2"/>
    </row>
    <row r="12271" spans="1:3" ht="19.2">
      <c r="A12271" s="2"/>
      <c r="B12271" s="2"/>
      <c r="C12271" s="2"/>
    </row>
    <row r="12272" spans="1:3" ht="19.2">
      <c r="A12272" s="2"/>
      <c r="B12272" s="2"/>
      <c r="C12272" s="2"/>
    </row>
    <row r="12273" spans="1:3" ht="19.2">
      <c r="A12273" s="2"/>
      <c r="B12273" s="2"/>
      <c r="C12273" s="2"/>
    </row>
    <row r="12274" spans="1:3" ht="19.2">
      <c r="A12274" s="2"/>
      <c r="B12274" s="2"/>
      <c r="C12274" s="2"/>
    </row>
    <row r="12275" spans="1:3" ht="19.2">
      <c r="A12275" s="2"/>
      <c r="B12275" s="2"/>
      <c r="C12275" s="2"/>
    </row>
    <row r="12276" spans="1:3" ht="19.2">
      <c r="A12276" s="2"/>
      <c r="B12276" s="2"/>
      <c r="C12276" s="2"/>
    </row>
    <row r="12277" spans="1:3" ht="19.2">
      <c r="A12277" s="2"/>
      <c r="B12277" s="2"/>
      <c r="C12277" s="2"/>
    </row>
    <row r="12278" spans="1:3" ht="19.2">
      <c r="A12278" s="2"/>
      <c r="B12278" s="2"/>
      <c r="C12278" s="2"/>
    </row>
    <row r="12279" spans="1:3" ht="19.2">
      <c r="A12279" s="2"/>
      <c r="B12279" s="2"/>
      <c r="C12279" s="2"/>
    </row>
    <row r="12280" spans="1:3" ht="19.2">
      <c r="A12280" s="2"/>
      <c r="B12280" s="2"/>
      <c r="C12280" s="2"/>
    </row>
    <row r="12281" spans="1:3" ht="19.2">
      <c r="A12281" s="2"/>
      <c r="B12281" s="2"/>
      <c r="C12281" s="2"/>
    </row>
    <row r="12282" spans="1:3" ht="19.2">
      <c r="A12282" s="2"/>
      <c r="B12282" s="2"/>
      <c r="C12282" s="2"/>
    </row>
    <row r="12283" spans="1:3" ht="19.2">
      <c r="A12283" s="2"/>
      <c r="B12283" s="2"/>
      <c r="C12283" s="2"/>
    </row>
    <row r="12284" spans="1:3" ht="19.2">
      <c r="A12284" s="2"/>
      <c r="B12284" s="2"/>
      <c r="C12284" s="2"/>
    </row>
    <row r="12285" spans="1:3" ht="19.2">
      <c r="A12285" s="2"/>
      <c r="B12285" s="2"/>
      <c r="C12285" s="2"/>
    </row>
    <row r="12286" spans="1:3" ht="19.2">
      <c r="A12286" s="2"/>
      <c r="B12286" s="2"/>
      <c r="C12286" s="2"/>
    </row>
    <row r="12287" spans="1:3" ht="19.2">
      <c r="A12287" s="2"/>
      <c r="B12287" s="2"/>
      <c r="C12287" s="2"/>
    </row>
    <row r="12288" spans="1:3" ht="19.2">
      <c r="A12288" s="2"/>
      <c r="B12288" s="2"/>
      <c r="C12288" s="2"/>
    </row>
    <row r="12289" spans="1:3" ht="19.2">
      <c r="A12289" s="2"/>
      <c r="B12289" s="2"/>
      <c r="C12289" s="2"/>
    </row>
    <row r="12290" spans="1:3" ht="19.2">
      <c r="A12290" s="2"/>
      <c r="B12290" s="2"/>
      <c r="C12290" s="2"/>
    </row>
    <row r="12291" spans="1:3" ht="19.2">
      <c r="A12291" s="2"/>
      <c r="B12291" s="2"/>
      <c r="C12291" s="2"/>
    </row>
    <row r="12292" spans="1:3" ht="19.2">
      <c r="A12292" s="2"/>
      <c r="B12292" s="2"/>
      <c r="C12292" s="2"/>
    </row>
    <row r="12293" spans="1:3" ht="19.2">
      <c r="A12293" s="2"/>
      <c r="B12293" s="2"/>
      <c r="C12293" s="2"/>
    </row>
    <row r="12294" spans="1:3" ht="19.2">
      <c r="A12294" s="2"/>
      <c r="B12294" s="2"/>
      <c r="C12294" s="2"/>
    </row>
    <row r="12295" spans="1:3" ht="19.2">
      <c r="A12295" s="2"/>
      <c r="B12295" s="2"/>
      <c r="C12295" s="2"/>
    </row>
    <row r="12296" spans="1:3" ht="19.2">
      <c r="A12296" s="2"/>
      <c r="B12296" s="2"/>
      <c r="C12296" s="2"/>
    </row>
    <row r="12297" spans="1:3" ht="19.2">
      <c r="A12297" s="2"/>
      <c r="B12297" s="2"/>
      <c r="C12297" s="2"/>
    </row>
    <row r="12298" spans="1:3" ht="19.2">
      <c r="A12298" s="2"/>
      <c r="B12298" s="2"/>
      <c r="C12298" s="2"/>
    </row>
    <row r="12299" spans="1:3" ht="19.2">
      <c r="A12299" s="2"/>
      <c r="B12299" s="2"/>
      <c r="C12299" s="2"/>
    </row>
    <row r="12300" spans="1:3" ht="19.2">
      <c r="A12300" s="2"/>
      <c r="B12300" s="2"/>
      <c r="C12300" s="2"/>
    </row>
    <row r="12301" spans="1:3" ht="19.2">
      <c r="A12301" s="2"/>
      <c r="B12301" s="2"/>
      <c r="C12301" s="2"/>
    </row>
    <row r="12302" spans="1:3" ht="19.2">
      <c r="A12302" s="2"/>
      <c r="B12302" s="2"/>
      <c r="C12302" s="2"/>
    </row>
    <row r="12303" spans="1:3" ht="19.2">
      <c r="A12303" s="2"/>
      <c r="B12303" s="2"/>
      <c r="C12303" s="2"/>
    </row>
    <row r="12304" spans="1:3" ht="19.2">
      <c r="A12304" s="2"/>
      <c r="B12304" s="2"/>
      <c r="C12304" s="2"/>
    </row>
    <row r="12305" spans="1:3" ht="19.2">
      <c r="A12305" s="2"/>
      <c r="B12305" s="2"/>
      <c r="C12305" s="2"/>
    </row>
    <row r="12306" spans="1:3" ht="19.2">
      <c r="A12306" s="2"/>
      <c r="B12306" s="2"/>
      <c r="C12306" s="2"/>
    </row>
    <row r="12307" spans="1:3" ht="19.2">
      <c r="A12307" s="2"/>
      <c r="B12307" s="2"/>
      <c r="C12307" s="2"/>
    </row>
    <row r="12308" spans="1:3" ht="19.2">
      <c r="A12308" s="2"/>
      <c r="B12308" s="2"/>
      <c r="C12308" s="2"/>
    </row>
    <row r="12309" spans="1:3" ht="19.2">
      <c r="A12309" s="2"/>
      <c r="B12309" s="2"/>
      <c r="C12309" s="2"/>
    </row>
    <row r="12310" spans="1:3" ht="19.2">
      <c r="A12310" s="2"/>
      <c r="B12310" s="2"/>
      <c r="C12310" s="2"/>
    </row>
    <row r="12311" spans="1:3" ht="19.2">
      <c r="A12311" s="2"/>
      <c r="B12311" s="2"/>
      <c r="C12311" s="2"/>
    </row>
    <row r="12312" spans="1:3" ht="19.2">
      <c r="A12312" s="2"/>
      <c r="B12312" s="2"/>
      <c r="C12312" s="2"/>
    </row>
    <row r="12313" spans="1:3" ht="19.2">
      <c r="A12313" s="2"/>
      <c r="B12313" s="2"/>
      <c r="C12313" s="2"/>
    </row>
    <row r="12314" spans="1:3" ht="19.2">
      <c r="A12314" s="2"/>
      <c r="B12314" s="2"/>
      <c r="C12314" s="2"/>
    </row>
    <row r="12315" spans="1:3" ht="19.2">
      <c r="A12315" s="2"/>
      <c r="B12315" s="2"/>
      <c r="C12315" s="2"/>
    </row>
    <row r="12316" spans="1:3" ht="19.2">
      <c r="A12316" s="2"/>
      <c r="B12316" s="2"/>
      <c r="C12316" s="2"/>
    </row>
    <row r="12317" spans="1:3" ht="19.2">
      <c r="A12317" s="2"/>
      <c r="B12317" s="2"/>
      <c r="C12317" s="2"/>
    </row>
    <row r="12318" spans="1:3" ht="19.2">
      <c r="A12318" s="2"/>
      <c r="B12318" s="2"/>
      <c r="C12318" s="2"/>
    </row>
    <row r="12319" spans="1:3" ht="19.2">
      <c r="A12319" s="2"/>
      <c r="B12319" s="2"/>
      <c r="C12319" s="2"/>
    </row>
    <row r="12320" spans="1:3" ht="19.2">
      <c r="A12320" s="2"/>
      <c r="B12320" s="2"/>
      <c r="C12320" s="2"/>
    </row>
    <row r="12321" spans="1:3" ht="19.2">
      <c r="A12321" s="2"/>
      <c r="B12321" s="2"/>
      <c r="C12321" s="2"/>
    </row>
    <row r="12322" spans="1:3" ht="19.2">
      <c r="A12322" s="2"/>
      <c r="B12322" s="2"/>
      <c r="C12322" s="2"/>
    </row>
    <row r="12323" spans="1:3" ht="19.2">
      <c r="A12323" s="2"/>
      <c r="B12323" s="2"/>
      <c r="C12323" s="2"/>
    </row>
    <row r="12324" spans="1:3" ht="19.2">
      <c r="A12324" s="2"/>
      <c r="B12324" s="2"/>
      <c r="C12324" s="2"/>
    </row>
    <row r="12325" spans="1:3" ht="19.2">
      <c r="A12325" s="2"/>
      <c r="B12325" s="2"/>
      <c r="C12325" s="2"/>
    </row>
    <row r="12326" spans="1:3" ht="19.2">
      <c r="A12326" s="2"/>
      <c r="B12326" s="2"/>
      <c r="C12326" s="2"/>
    </row>
    <row r="12327" spans="1:3" ht="19.2">
      <c r="A12327" s="2"/>
      <c r="B12327" s="2"/>
      <c r="C12327" s="2"/>
    </row>
    <row r="12328" spans="1:3" ht="19.2">
      <c r="A12328" s="2"/>
      <c r="B12328" s="2"/>
      <c r="C12328" s="2"/>
    </row>
    <row r="12329" spans="1:3" ht="19.2">
      <c r="A12329" s="2"/>
      <c r="B12329" s="2"/>
      <c r="C12329" s="2"/>
    </row>
    <row r="12330" spans="1:3" ht="19.2">
      <c r="A12330" s="2"/>
      <c r="B12330" s="2"/>
      <c r="C12330" s="2"/>
    </row>
    <row r="12331" spans="1:3" ht="19.2">
      <c r="A12331" s="2"/>
      <c r="B12331" s="2"/>
      <c r="C12331" s="2"/>
    </row>
    <row r="12332" spans="1:3" ht="19.2">
      <c r="A12332" s="2"/>
      <c r="B12332" s="2"/>
      <c r="C12332" s="2"/>
    </row>
    <row r="12333" spans="1:3" ht="19.2">
      <c r="A12333" s="2"/>
      <c r="B12333" s="2"/>
      <c r="C12333" s="2"/>
    </row>
    <row r="12334" spans="1:3" ht="19.2">
      <c r="A12334" s="2"/>
      <c r="B12334" s="2"/>
      <c r="C12334" s="2"/>
    </row>
    <row r="12335" spans="1:3" ht="19.2">
      <c r="A12335" s="2"/>
      <c r="B12335" s="2"/>
      <c r="C12335" s="2"/>
    </row>
    <row r="12336" spans="1:3" ht="19.2">
      <c r="A12336" s="2"/>
      <c r="B12336" s="2"/>
      <c r="C12336" s="2"/>
    </row>
    <row r="12337" spans="1:3" ht="19.2">
      <c r="A12337" s="2"/>
      <c r="B12337" s="2"/>
      <c r="C12337" s="2"/>
    </row>
    <row r="12338" spans="1:3" ht="19.2">
      <c r="A12338" s="2"/>
      <c r="B12338" s="2"/>
      <c r="C12338" s="2"/>
    </row>
    <row r="12339" spans="1:3" ht="19.2">
      <c r="A12339" s="2"/>
      <c r="B12339" s="2"/>
      <c r="C12339" s="2"/>
    </row>
    <row r="12340" spans="1:3" ht="19.2">
      <c r="A12340" s="2"/>
      <c r="B12340" s="2"/>
      <c r="C12340" s="2"/>
    </row>
    <row r="12341" spans="1:3" ht="19.2">
      <c r="A12341" s="2"/>
      <c r="B12341" s="2"/>
      <c r="C12341" s="2"/>
    </row>
    <row r="12342" spans="1:3" ht="19.2">
      <c r="A12342" s="2"/>
      <c r="B12342" s="2"/>
      <c r="C12342" s="2"/>
    </row>
    <row r="12343" spans="1:3" ht="19.2">
      <c r="A12343" s="2"/>
      <c r="B12343" s="2"/>
      <c r="C12343" s="2"/>
    </row>
    <row r="12344" spans="1:3" ht="19.2">
      <c r="A12344" s="2"/>
      <c r="B12344" s="2"/>
      <c r="C12344" s="2"/>
    </row>
    <row r="12345" spans="1:3" ht="19.2">
      <c r="A12345" s="2"/>
      <c r="B12345" s="2"/>
      <c r="C12345" s="2"/>
    </row>
    <row r="12346" spans="1:3" ht="19.2">
      <c r="A12346" s="2"/>
      <c r="B12346" s="2"/>
      <c r="C12346" s="2"/>
    </row>
    <row r="12347" spans="1:3" ht="19.2">
      <c r="A12347" s="2"/>
      <c r="B12347" s="2"/>
      <c r="C12347" s="2"/>
    </row>
    <row r="12348" spans="1:3" ht="19.2">
      <c r="A12348" s="2"/>
      <c r="B12348" s="2"/>
      <c r="C12348" s="2"/>
    </row>
    <row r="12349" spans="1:3" ht="19.2">
      <c r="A12349" s="2"/>
      <c r="B12349" s="2"/>
      <c r="C12349" s="2"/>
    </row>
    <row r="12350" spans="1:3" ht="19.2">
      <c r="A12350" s="2"/>
      <c r="B12350" s="2"/>
      <c r="C12350" s="2"/>
    </row>
    <row r="12351" spans="1:3" ht="19.2">
      <c r="A12351" s="2"/>
      <c r="B12351" s="2"/>
      <c r="C12351" s="2"/>
    </row>
    <row r="12352" spans="1:3" ht="19.2">
      <c r="A12352" s="2"/>
      <c r="B12352" s="2"/>
      <c r="C12352" s="2"/>
    </row>
    <row r="12353" spans="1:3" ht="19.2">
      <c r="A12353" s="2"/>
      <c r="B12353" s="2"/>
      <c r="C12353" s="2"/>
    </row>
    <row r="12354" spans="1:3" ht="19.2">
      <c r="A12354" s="2"/>
      <c r="B12354" s="2"/>
      <c r="C12354" s="2"/>
    </row>
    <row r="12355" spans="1:3" ht="19.2">
      <c r="A12355" s="2"/>
      <c r="B12355" s="2"/>
      <c r="C12355" s="2"/>
    </row>
    <row r="12356" spans="1:3" ht="19.2">
      <c r="A12356" s="2"/>
      <c r="B12356" s="2"/>
      <c r="C12356" s="2"/>
    </row>
    <row r="12357" spans="1:3" ht="19.2">
      <c r="A12357" s="2"/>
      <c r="B12357" s="2"/>
      <c r="C12357" s="2"/>
    </row>
    <row r="12358" spans="1:3" ht="19.2">
      <c r="A12358" s="2"/>
      <c r="B12358" s="2"/>
      <c r="C12358" s="2"/>
    </row>
    <row r="12359" spans="1:3" ht="19.2">
      <c r="A12359" s="2"/>
      <c r="B12359" s="2"/>
      <c r="C12359" s="2"/>
    </row>
    <row r="12360" spans="1:3" ht="19.2">
      <c r="A12360" s="2"/>
      <c r="B12360" s="2"/>
      <c r="C12360" s="2"/>
    </row>
    <row r="12361" spans="1:3" ht="19.2">
      <c r="A12361" s="2"/>
      <c r="B12361" s="2"/>
      <c r="C12361" s="2"/>
    </row>
    <row r="12362" spans="1:3" ht="19.2">
      <c r="A12362" s="2"/>
      <c r="B12362" s="2"/>
      <c r="C12362" s="2"/>
    </row>
    <row r="12363" spans="1:3" ht="19.2">
      <c r="A12363" s="2"/>
      <c r="B12363" s="2"/>
      <c r="C12363" s="2"/>
    </row>
    <row r="12364" spans="1:3" ht="19.2">
      <c r="A12364" s="2"/>
      <c r="B12364" s="2"/>
      <c r="C12364" s="2"/>
    </row>
    <row r="12365" spans="1:3" ht="19.2">
      <c r="A12365" s="2"/>
      <c r="B12365" s="2"/>
      <c r="C12365" s="2"/>
    </row>
    <row r="12366" spans="1:3" ht="19.2">
      <c r="A12366" s="2"/>
      <c r="B12366" s="2"/>
      <c r="C12366" s="2"/>
    </row>
    <row r="12367" spans="1:3" ht="19.2">
      <c r="A12367" s="2"/>
      <c r="B12367" s="2"/>
      <c r="C12367" s="2"/>
    </row>
    <row r="12368" spans="1:3" ht="19.2">
      <c r="A12368" s="2"/>
      <c r="B12368" s="2"/>
      <c r="C12368" s="2"/>
    </row>
    <row r="12369" spans="1:3" ht="19.2">
      <c r="A12369" s="2"/>
      <c r="B12369" s="2"/>
      <c r="C12369" s="2"/>
    </row>
    <row r="12370" spans="1:3" ht="19.2">
      <c r="A12370" s="2"/>
      <c r="B12370" s="2"/>
      <c r="C12370" s="2"/>
    </row>
    <row r="12371" spans="1:3" ht="19.2">
      <c r="A12371" s="2"/>
      <c r="B12371" s="2"/>
      <c r="C12371" s="2"/>
    </row>
    <row r="12372" spans="1:3" ht="19.2">
      <c r="A12372" s="2"/>
      <c r="B12372" s="2"/>
      <c r="C12372" s="2"/>
    </row>
    <row r="12373" spans="1:3" ht="19.2">
      <c r="A12373" s="2"/>
      <c r="B12373" s="2"/>
      <c r="C12373" s="2"/>
    </row>
    <row r="12374" spans="1:3" ht="19.2">
      <c r="A12374" s="2"/>
      <c r="B12374" s="2"/>
      <c r="C12374" s="2"/>
    </row>
    <row r="12375" spans="1:3" ht="19.2">
      <c r="A12375" s="2"/>
      <c r="B12375" s="2"/>
      <c r="C12375" s="2"/>
    </row>
    <row r="12376" spans="1:3" ht="19.2">
      <c r="A12376" s="2"/>
      <c r="B12376" s="2"/>
      <c r="C12376" s="2"/>
    </row>
    <row r="12377" spans="1:3" ht="19.2">
      <c r="A12377" s="2"/>
      <c r="B12377" s="2"/>
      <c r="C12377" s="2"/>
    </row>
    <row r="12378" spans="1:3" ht="19.2">
      <c r="A12378" s="2"/>
      <c r="B12378" s="2"/>
      <c r="C12378" s="2"/>
    </row>
    <row r="12379" spans="1:3" ht="19.2">
      <c r="A12379" s="2"/>
      <c r="B12379" s="2"/>
      <c r="C12379" s="2"/>
    </row>
    <row r="12380" spans="1:3" ht="19.2">
      <c r="A12380" s="2"/>
      <c r="B12380" s="2"/>
      <c r="C12380" s="2"/>
    </row>
    <row r="12381" spans="1:3" ht="19.2">
      <c r="A12381" s="2"/>
      <c r="B12381" s="2"/>
      <c r="C12381" s="2"/>
    </row>
    <row r="12382" spans="1:3" ht="19.2">
      <c r="A12382" s="2"/>
      <c r="B12382" s="2"/>
      <c r="C12382" s="2"/>
    </row>
    <row r="12383" spans="1:3" ht="19.2">
      <c r="A12383" s="2"/>
      <c r="B12383" s="2"/>
      <c r="C12383" s="2"/>
    </row>
    <row r="12384" spans="1:3" ht="19.2">
      <c r="A12384" s="2"/>
      <c r="B12384" s="2"/>
      <c r="C12384" s="2"/>
    </row>
    <row r="12385" spans="1:3" ht="19.2">
      <c r="A12385" s="2"/>
      <c r="B12385" s="2"/>
      <c r="C12385" s="2"/>
    </row>
    <row r="12386" spans="1:3" ht="19.2">
      <c r="A12386" s="2"/>
      <c r="B12386" s="2"/>
      <c r="C12386" s="2"/>
    </row>
    <row r="12387" spans="1:3" ht="19.2">
      <c r="A12387" s="2"/>
      <c r="B12387" s="2"/>
      <c r="C12387" s="2"/>
    </row>
    <row r="12388" spans="1:3" ht="19.2">
      <c r="A12388" s="2"/>
      <c r="B12388" s="2"/>
      <c r="C12388" s="2"/>
    </row>
    <row r="12389" spans="1:3" ht="19.2">
      <c r="A12389" s="2"/>
      <c r="B12389" s="2"/>
      <c r="C12389" s="2"/>
    </row>
    <row r="12390" spans="1:3" ht="19.2">
      <c r="A12390" s="2"/>
      <c r="B12390" s="2"/>
      <c r="C12390" s="2"/>
    </row>
    <row r="12391" spans="1:3" ht="19.2">
      <c r="A12391" s="2"/>
      <c r="B12391" s="2"/>
      <c r="C12391" s="2"/>
    </row>
    <row r="12392" spans="1:3" ht="19.2">
      <c r="A12392" s="2"/>
      <c r="B12392" s="2"/>
      <c r="C12392" s="2"/>
    </row>
    <row r="12393" spans="1:3" ht="19.2">
      <c r="A12393" s="2"/>
      <c r="B12393" s="2"/>
      <c r="C12393" s="2"/>
    </row>
    <row r="12394" spans="1:3" ht="19.2">
      <c r="A12394" s="2"/>
      <c r="B12394" s="2"/>
      <c r="C12394" s="2"/>
    </row>
    <row r="12395" spans="1:3" ht="19.2">
      <c r="A12395" s="2"/>
      <c r="B12395" s="2"/>
      <c r="C12395" s="2"/>
    </row>
    <row r="12396" spans="1:3" ht="19.2">
      <c r="A12396" s="2"/>
      <c r="B12396" s="2"/>
      <c r="C12396" s="2"/>
    </row>
    <row r="12397" spans="1:3" ht="19.2">
      <c r="A12397" s="2"/>
      <c r="B12397" s="2"/>
      <c r="C12397" s="2"/>
    </row>
    <row r="12398" spans="1:3" ht="19.2">
      <c r="A12398" s="2"/>
      <c r="B12398" s="2"/>
      <c r="C12398" s="2"/>
    </row>
    <row r="12399" spans="1:3" ht="19.2">
      <c r="A12399" s="2"/>
      <c r="B12399" s="2"/>
      <c r="C12399" s="2"/>
    </row>
    <row r="12400" spans="1:3" ht="19.2">
      <c r="A12400" s="2"/>
      <c r="B12400" s="2"/>
      <c r="C12400" s="2"/>
    </row>
    <row r="12401" spans="1:3" ht="19.2">
      <c r="A12401" s="2"/>
      <c r="B12401" s="2"/>
      <c r="C12401" s="2"/>
    </row>
    <row r="12402" spans="1:3" ht="19.2">
      <c r="A12402" s="2"/>
      <c r="B12402" s="2"/>
      <c r="C12402" s="2"/>
    </row>
    <row r="12403" spans="1:3" ht="19.2">
      <c r="A12403" s="2"/>
      <c r="B12403" s="2"/>
      <c r="C12403" s="2"/>
    </row>
    <row r="12404" spans="1:3" ht="19.2">
      <c r="A12404" s="2"/>
      <c r="B12404" s="2"/>
      <c r="C12404" s="2"/>
    </row>
    <row r="12405" spans="1:3" ht="19.2">
      <c r="A12405" s="2"/>
      <c r="B12405" s="2"/>
      <c r="C12405" s="2"/>
    </row>
    <row r="12406" spans="1:3" ht="19.2">
      <c r="A12406" s="2"/>
      <c r="B12406" s="2"/>
      <c r="C12406" s="2"/>
    </row>
    <row r="12407" spans="1:3" ht="19.2">
      <c r="A12407" s="2"/>
      <c r="B12407" s="2"/>
      <c r="C12407" s="2"/>
    </row>
    <row r="12408" spans="1:3" ht="19.2">
      <c r="A12408" s="2"/>
      <c r="B12408" s="2"/>
      <c r="C12408" s="2"/>
    </row>
    <row r="12409" spans="1:3" ht="19.2">
      <c r="A12409" s="2"/>
      <c r="B12409" s="2"/>
      <c r="C12409" s="2"/>
    </row>
    <row r="12410" spans="1:3" ht="19.2">
      <c r="A12410" s="2"/>
      <c r="B12410" s="2"/>
      <c r="C12410" s="2"/>
    </row>
    <row r="12411" spans="1:3" ht="19.2">
      <c r="A12411" s="2"/>
      <c r="B12411" s="2"/>
      <c r="C12411" s="2"/>
    </row>
    <row r="12412" spans="1:3" ht="19.2">
      <c r="A12412" s="2"/>
      <c r="B12412" s="2"/>
      <c r="C12412" s="2"/>
    </row>
    <row r="12413" spans="1:3" ht="19.2">
      <c r="A12413" s="2"/>
      <c r="B12413" s="2"/>
      <c r="C12413" s="2"/>
    </row>
    <row r="12414" spans="1:3" ht="19.2">
      <c r="A12414" s="2"/>
      <c r="B12414" s="2"/>
      <c r="C12414" s="2"/>
    </row>
    <row r="12415" spans="1:3" ht="19.2">
      <c r="A12415" s="2"/>
      <c r="B12415" s="2"/>
      <c r="C12415" s="2"/>
    </row>
    <row r="12416" spans="1:3" ht="19.2">
      <c r="A12416" s="2"/>
      <c r="B12416" s="2"/>
      <c r="C12416" s="2"/>
    </row>
    <row r="12417" spans="1:3" ht="19.2">
      <c r="A12417" s="2"/>
      <c r="B12417" s="2"/>
      <c r="C12417" s="2"/>
    </row>
    <row r="12418" spans="1:3" ht="19.2">
      <c r="A12418" s="2"/>
      <c r="B12418" s="2"/>
      <c r="C12418" s="2"/>
    </row>
    <row r="12419" spans="1:3" ht="19.2">
      <c r="A12419" s="2"/>
      <c r="B12419" s="2"/>
      <c r="C12419" s="2"/>
    </row>
    <row r="12420" spans="1:3" ht="19.2">
      <c r="A12420" s="2"/>
      <c r="B12420" s="2"/>
      <c r="C12420" s="2"/>
    </row>
    <row r="12421" spans="1:3" ht="19.2">
      <c r="A12421" s="2"/>
      <c r="B12421" s="2"/>
      <c r="C12421" s="2"/>
    </row>
    <row r="12422" spans="1:3" ht="19.2">
      <c r="A12422" s="2"/>
      <c r="B12422" s="2"/>
      <c r="C12422" s="2"/>
    </row>
    <row r="12423" spans="1:3" ht="19.2">
      <c r="A12423" s="2"/>
      <c r="B12423" s="2"/>
      <c r="C12423" s="2"/>
    </row>
    <row r="12424" spans="1:3" ht="19.2">
      <c r="A12424" s="2"/>
      <c r="B12424" s="2"/>
      <c r="C12424" s="2"/>
    </row>
    <row r="12425" spans="1:3" ht="19.2">
      <c r="A12425" s="2"/>
      <c r="B12425" s="2"/>
      <c r="C12425" s="2"/>
    </row>
    <row r="12426" spans="1:3" ht="19.2">
      <c r="A12426" s="2"/>
      <c r="B12426" s="2"/>
      <c r="C12426" s="2"/>
    </row>
    <row r="12427" spans="1:3" ht="19.2">
      <c r="A12427" s="2"/>
      <c r="B12427" s="2"/>
      <c r="C12427" s="2"/>
    </row>
    <row r="12428" spans="1:3" ht="19.2">
      <c r="A12428" s="2"/>
      <c r="B12428" s="2"/>
      <c r="C12428" s="2"/>
    </row>
    <row r="12429" spans="1:3" ht="19.2">
      <c r="A12429" s="2"/>
      <c r="B12429" s="2"/>
      <c r="C12429" s="2"/>
    </row>
    <row r="12430" spans="1:3" ht="19.2">
      <c r="A12430" s="2"/>
      <c r="B12430" s="2"/>
      <c r="C12430" s="2"/>
    </row>
    <row r="12431" spans="1:3" ht="19.2">
      <c r="A12431" s="2"/>
      <c r="B12431" s="2"/>
      <c r="C12431" s="2"/>
    </row>
    <row r="12432" spans="1:3" ht="19.2">
      <c r="A12432" s="2"/>
      <c r="B12432" s="2"/>
      <c r="C12432" s="2"/>
    </row>
    <row r="12433" spans="1:3" ht="19.2">
      <c r="A12433" s="2"/>
      <c r="B12433" s="2"/>
      <c r="C12433" s="2"/>
    </row>
    <row r="12434" spans="1:3" ht="19.2">
      <c r="A12434" s="2"/>
      <c r="B12434" s="2"/>
      <c r="C12434" s="2"/>
    </row>
    <row r="12435" spans="1:3" ht="19.2">
      <c r="A12435" s="2"/>
      <c r="B12435" s="2"/>
      <c r="C12435" s="2"/>
    </row>
    <row r="12436" spans="1:3" ht="19.2">
      <c r="A12436" s="2"/>
      <c r="B12436" s="2"/>
      <c r="C12436" s="2"/>
    </row>
    <row r="12437" spans="1:3" ht="19.2">
      <c r="A12437" s="2"/>
      <c r="B12437" s="2"/>
      <c r="C12437" s="2"/>
    </row>
    <row r="12438" spans="1:3" ht="19.2">
      <c r="A12438" s="2"/>
      <c r="B12438" s="2"/>
      <c r="C12438" s="2"/>
    </row>
    <row r="12439" spans="1:3" ht="19.2">
      <c r="A12439" s="2"/>
      <c r="B12439" s="2"/>
      <c r="C12439" s="2"/>
    </row>
    <row r="12440" spans="1:3" ht="19.2">
      <c r="A12440" s="2"/>
      <c r="B12440" s="2"/>
      <c r="C12440" s="2"/>
    </row>
    <row r="12441" spans="1:3" ht="19.2">
      <c r="A12441" s="2"/>
      <c r="B12441" s="2"/>
      <c r="C12441" s="2"/>
    </row>
    <row r="12442" spans="1:3" ht="19.2">
      <c r="A12442" s="2"/>
      <c r="B12442" s="2"/>
      <c r="C12442" s="2"/>
    </row>
    <row r="12443" spans="1:3" ht="19.2">
      <c r="A12443" s="2"/>
      <c r="B12443" s="2"/>
      <c r="C12443" s="2"/>
    </row>
    <row r="12444" spans="1:3" ht="19.2">
      <c r="A12444" s="2"/>
      <c r="B12444" s="2"/>
      <c r="C12444" s="2"/>
    </row>
    <row r="12445" spans="1:3" ht="19.2">
      <c r="A12445" s="2"/>
      <c r="B12445" s="2"/>
      <c r="C12445" s="2"/>
    </row>
    <row r="12446" spans="1:3" ht="19.2">
      <c r="A12446" s="2"/>
      <c r="B12446" s="2"/>
      <c r="C12446" s="2"/>
    </row>
    <row r="12447" spans="1:3" ht="19.2">
      <c r="A12447" s="2"/>
      <c r="B12447" s="2"/>
      <c r="C12447" s="2"/>
    </row>
    <row r="12448" spans="1:3" ht="19.2">
      <c r="A12448" s="2"/>
      <c r="B12448" s="2"/>
      <c r="C12448" s="2"/>
    </row>
    <row r="12449" spans="1:3" ht="19.2">
      <c r="A12449" s="2"/>
      <c r="B12449" s="2"/>
      <c r="C12449" s="2"/>
    </row>
    <row r="12450" spans="1:3" ht="19.2">
      <c r="A12450" s="2"/>
      <c r="B12450" s="2"/>
      <c r="C12450" s="2"/>
    </row>
    <row r="12451" spans="1:3" ht="19.2">
      <c r="A12451" s="2"/>
      <c r="B12451" s="2"/>
      <c r="C12451" s="2"/>
    </row>
    <row r="12452" spans="1:3" ht="19.2">
      <c r="A12452" s="2"/>
      <c r="B12452" s="2"/>
      <c r="C12452" s="2"/>
    </row>
    <row r="12453" spans="1:3" ht="19.2">
      <c r="A12453" s="2"/>
      <c r="B12453" s="2"/>
      <c r="C12453" s="2"/>
    </row>
    <row r="12454" spans="1:3" ht="19.2">
      <c r="A12454" s="2"/>
      <c r="B12454" s="2"/>
      <c r="C12454" s="2"/>
    </row>
    <row r="12455" spans="1:3" ht="19.2">
      <c r="A12455" s="2"/>
      <c r="B12455" s="2"/>
      <c r="C12455" s="2"/>
    </row>
    <row r="12456" spans="1:3" ht="19.2">
      <c r="A12456" s="2"/>
      <c r="B12456" s="2"/>
      <c r="C12456" s="2"/>
    </row>
    <row r="12457" spans="1:3" ht="19.2">
      <c r="A12457" s="2"/>
      <c r="B12457" s="2"/>
      <c r="C12457" s="2"/>
    </row>
    <row r="12458" spans="1:3" ht="19.2">
      <c r="A12458" s="2"/>
      <c r="B12458" s="2"/>
      <c r="C12458" s="2"/>
    </row>
    <row r="12459" spans="1:3" ht="19.2">
      <c r="A12459" s="2"/>
      <c r="B12459" s="2"/>
      <c r="C12459" s="2"/>
    </row>
    <row r="12460" spans="1:3" ht="19.2">
      <c r="A12460" s="2"/>
      <c r="B12460" s="2"/>
      <c r="C12460" s="2"/>
    </row>
    <row r="12461" spans="1:3" ht="19.2">
      <c r="A12461" s="2"/>
      <c r="B12461" s="2"/>
      <c r="C12461" s="2"/>
    </row>
    <row r="12462" spans="1:3" ht="19.2">
      <c r="A12462" s="2"/>
      <c r="B12462" s="2"/>
      <c r="C12462" s="2"/>
    </row>
    <row r="12463" spans="1:3" ht="19.2">
      <c r="A12463" s="2"/>
      <c r="B12463" s="2"/>
      <c r="C12463" s="2"/>
    </row>
    <row r="12464" spans="1:3" ht="19.2">
      <c r="A12464" s="2"/>
      <c r="B12464" s="2"/>
      <c r="C12464" s="2"/>
    </row>
    <row r="12465" spans="1:3" ht="19.2">
      <c r="A12465" s="2"/>
      <c r="B12465" s="2"/>
      <c r="C12465" s="2"/>
    </row>
    <row r="12466" spans="1:3" ht="19.2">
      <c r="A12466" s="2"/>
      <c r="B12466" s="2"/>
      <c r="C12466" s="2"/>
    </row>
    <row r="12467" spans="1:3" ht="19.2">
      <c r="A12467" s="2"/>
      <c r="B12467" s="2"/>
      <c r="C12467" s="2"/>
    </row>
    <row r="12468" spans="1:3" ht="19.2">
      <c r="A12468" s="2"/>
      <c r="B12468" s="2"/>
      <c r="C12468" s="2"/>
    </row>
    <row r="12469" spans="1:3" ht="19.2">
      <c r="A12469" s="2"/>
      <c r="B12469" s="2"/>
      <c r="C12469" s="2"/>
    </row>
    <row r="12470" spans="1:3" ht="19.2">
      <c r="A12470" s="2"/>
      <c r="B12470" s="2"/>
      <c r="C12470" s="2"/>
    </row>
    <row r="12471" spans="1:3" ht="19.2">
      <c r="A12471" s="2"/>
      <c r="B12471" s="2"/>
      <c r="C12471" s="2"/>
    </row>
    <row r="12472" spans="1:3" ht="19.2">
      <c r="A12472" s="2"/>
      <c r="B12472" s="2"/>
      <c r="C12472" s="2"/>
    </row>
    <row r="12473" spans="1:3" ht="19.2">
      <c r="A12473" s="2"/>
      <c r="B12473" s="2"/>
      <c r="C12473" s="2"/>
    </row>
    <row r="12474" spans="1:3" ht="19.2">
      <c r="A12474" s="2"/>
      <c r="B12474" s="2"/>
      <c r="C12474" s="2"/>
    </row>
    <row r="12475" spans="1:3" ht="19.2">
      <c r="A12475" s="2"/>
      <c r="B12475" s="2"/>
      <c r="C12475" s="2"/>
    </row>
    <row r="12476" spans="1:3" ht="19.2">
      <c r="A12476" s="2"/>
      <c r="B12476" s="2"/>
      <c r="C12476" s="2"/>
    </row>
    <row r="12477" spans="1:3" ht="19.2">
      <c r="A12477" s="2"/>
      <c r="B12477" s="2"/>
      <c r="C12477" s="2"/>
    </row>
    <row r="12478" spans="1:3" ht="19.2">
      <c r="A12478" s="2"/>
      <c r="B12478" s="2"/>
      <c r="C12478" s="2"/>
    </row>
    <row r="12479" spans="1:3" ht="19.2">
      <c r="A12479" s="2"/>
      <c r="B12479" s="2"/>
      <c r="C12479" s="2"/>
    </row>
    <row r="12480" spans="1:3" ht="19.2">
      <c r="A12480" s="2"/>
      <c r="B12480" s="2"/>
      <c r="C12480" s="2"/>
    </row>
    <row r="12481" spans="1:3" ht="19.2">
      <c r="A12481" s="2"/>
      <c r="B12481" s="2"/>
      <c r="C12481" s="2"/>
    </row>
    <row r="12482" spans="1:3" ht="19.2">
      <c r="A12482" s="2"/>
      <c r="B12482" s="2"/>
      <c r="C12482" s="2"/>
    </row>
    <row r="12483" spans="1:3" ht="19.2">
      <c r="A12483" s="2"/>
      <c r="B12483" s="2"/>
      <c r="C12483" s="2"/>
    </row>
    <row r="12484" spans="1:3" ht="19.2">
      <c r="A12484" s="2"/>
      <c r="B12484" s="2"/>
      <c r="C12484" s="2"/>
    </row>
    <row r="12485" spans="1:3" ht="19.2">
      <c r="A12485" s="2"/>
      <c r="B12485" s="2"/>
      <c r="C12485" s="2"/>
    </row>
    <row r="12486" spans="1:3" ht="19.2">
      <c r="A12486" s="2"/>
      <c r="B12486" s="2"/>
      <c r="C12486" s="2"/>
    </row>
    <row r="12487" spans="1:3" ht="19.2">
      <c r="A12487" s="2"/>
      <c r="B12487" s="2"/>
      <c r="C12487" s="2"/>
    </row>
    <row r="12488" spans="1:3" ht="19.2">
      <c r="A12488" s="2"/>
      <c r="B12488" s="2"/>
      <c r="C12488" s="2"/>
    </row>
    <row r="12489" spans="1:3" ht="19.2">
      <c r="A12489" s="2"/>
      <c r="B12489" s="2"/>
      <c r="C12489" s="2"/>
    </row>
    <row r="12490" spans="1:3" ht="19.2">
      <c r="A12490" s="2"/>
      <c r="B12490" s="2"/>
      <c r="C12490" s="2"/>
    </row>
    <row r="12491" spans="1:3" ht="19.2">
      <c r="A12491" s="2"/>
      <c r="B12491" s="2"/>
      <c r="C12491" s="2"/>
    </row>
    <row r="12492" spans="1:3" ht="19.2">
      <c r="A12492" s="2"/>
      <c r="B12492" s="2"/>
      <c r="C12492" s="2"/>
    </row>
    <row r="12493" spans="1:3" ht="19.2">
      <c r="A12493" s="2"/>
      <c r="B12493" s="2"/>
      <c r="C12493" s="2"/>
    </row>
    <row r="12494" spans="1:3" ht="19.2">
      <c r="A12494" s="2"/>
      <c r="B12494" s="2"/>
      <c r="C12494" s="2"/>
    </row>
    <row r="12495" spans="1:3" ht="19.2">
      <c r="A12495" s="2"/>
      <c r="B12495" s="2"/>
      <c r="C12495" s="2"/>
    </row>
    <row r="12496" spans="1:3" ht="19.2">
      <c r="A12496" s="2"/>
      <c r="B12496" s="2"/>
      <c r="C12496" s="2"/>
    </row>
    <row r="12497" spans="1:3" ht="19.2">
      <c r="A12497" s="2"/>
      <c r="B12497" s="2"/>
      <c r="C12497" s="2"/>
    </row>
    <row r="12498" spans="1:3" ht="19.2">
      <c r="A12498" s="2"/>
      <c r="B12498" s="2"/>
      <c r="C12498" s="2"/>
    </row>
    <row r="12499" spans="1:3" ht="19.2">
      <c r="A12499" s="2"/>
      <c r="B12499" s="2"/>
      <c r="C12499" s="2"/>
    </row>
    <row r="12500" spans="1:3" ht="19.2">
      <c r="A12500" s="2"/>
      <c r="B12500" s="2"/>
      <c r="C12500" s="2"/>
    </row>
    <row r="12501" spans="1:3" ht="19.2">
      <c r="A12501" s="2"/>
      <c r="B12501" s="2"/>
      <c r="C12501" s="2"/>
    </row>
    <row r="12502" spans="1:3" ht="19.2">
      <c r="A12502" s="2"/>
      <c r="B12502" s="2"/>
      <c r="C12502" s="2"/>
    </row>
    <row r="12503" spans="1:3" ht="19.2">
      <c r="A12503" s="2"/>
      <c r="B12503" s="2"/>
      <c r="C12503" s="2"/>
    </row>
    <row r="12504" spans="1:3" ht="19.2">
      <c r="A12504" s="2"/>
      <c r="B12504" s="2"/>
      <c r="C12504" s="2"/>
    </row>
    <row r="12505" spans="1:3" ht="19.2">
      <c r="A12505" s="2"/>
      <c r="B12505" s="2"/>
      <c r="C12505" s="2"/>
    </row>
    <row r="12506" spans="1:3" ht="19.2">
      <c r="A12506" s="2"/>
      <c r="B12506" s="2"/>
      <c r="C12506" s="2"/>
    </row>
    <row r="12507" spans="1:3" ht="19.2">
      <c r="A12507" s="2"/>
      <c r="B12507" s="2"/>
      <c r="C12507" s="2"/>
    </row>
    <row r="12508" spans="1:3" ht="19.2">
      <c r="A12508" s="2"/>
      <c r="B12508" s="2"/>
      <c r="C12508" s="2"/>
    </row>
    <row r="12509" spans="1:3" ht="19.2">
      <c r="A12509" s="2"/>
      <c r="B12509" s="2"/>
      <c r="C12509" s="2"/>
    </row>
    <row r="12510" spans="1:3" ht="19.2">
      <c r="A12510" s="2"/>
      <c r="B12510" s="2"/>
      <c r="C12510" s="2"/>
    </row>
    <row r="12511" spans="1:3" ht="19.2">
      <c r="A12511" s="2"/>
      <c r="B12511" s="2"/>
      <c r="C12511" s="2"/>
    </row>
    <row r="12512" spans="1:3" ht="19.2">
      <c r="A12512" s="2"/>
      <c r="B12512" s="2"/>
      <c r="C12512" s="2"/>
    </row>
    <row r="12513" spans="1:3" ht="19.2">
      <c r="A12513" s="2"/>
      <c r="B12513" s="2"/>
      <c r="C12513" s="2"/>
    </row>
    <row r="12514" spans="1:3" ht="19.2">
      <c r="A12514" s="2"/>
      <c r="B12514" s="2"/>
      <c r="C12514" s="2"/>
    </row>
    <row r="12515" spans="1:3" ht="19.2">
      <c r="A12515" s="2"/>
      <c r="B12515" s="2"/>
      <c r="C12515" s="2"/>
    </row>
    <row r="12516" spans="1:3" ht="19.2">
      <c r="A12516" s="2"/>
      <c r="B12516" s="2"/>
      <c r="C12516" s="2"/>
    </row>
    <row r="12517" spans="1:3" ht="19.2">
      <c r="A12517" s="2"/>
      <c r="B12517" s="2"/>
      <c r="C12517" s="2"/>
    </row>
    <row r="12518" spans="1:3" ht="19.2">
      <c r="A12518" s="2"/>
      <c r="B12518" s="2"/>
      <c r="C12518" s="2"/>
    </row>
    <row r="12519" spans="1:3" ht="19.2">
      <c r="A12519" s="2"/>
      <c r="B12519" s="2"/>
      <c r="C12519" s="2"/>
    </row>
    <row r="12520" spans="1:3" ht="19.2">
      <c r="A12520" s="2"/>
      <c r="B12520" s="2"/>
      <c r="C12520" s="2"/>
    </row>
    <row r="12521" spans="1:3" ht="19.2">
      <c r="A12521" s="2"/>
      <c r="B12521" s="2"/>
      <c r="C12521" s="2"/>
    </row>
    <row r="12522" spans="1:3" ht="19.2">
      <c r="A12522" s="2"/>
      <c r="B12522" s="2"/>
      <c r="C12522" s="2"/>
    </row>
    <row r="12523" spans="1:3" ht="19.2">
      <c r="A12523" s="2"/>
      <c r="B12523" s="2"/>
      <c r="C12523" s="2"/>
    </row>
    <row r="12524" spans="1:3" ht="19.2">
      <c r="A12524" s="2"/>
      <c r="B12524" s="2"/>
      <c r="C12524" s="2"/>
    </row>
    <row r="12525" spans="1:3" ht="19.2">
      <c r="A12525" s="2"/>
      <c r="B12525" s="2"/>
      <c r="C12525" s="2"/>
    </row>
    <row r="12526" spans="1:3" ht="19.2">
      <c r="A12526" s="2"/>
      <c r="B12526" s="2"/>
      <c r="C12526" s="2"/>
    </row>
    <row r="12527" spans="1:3" ht="19.2">
      <c r="A12527" s="2"/>
      <c r="B12527" s="2"/>
      <c r="C12527" s="2"/>
    </row>
    <row r="12528" spans="1:3" ht="19.2">
      <c r="A12528" s="2"/>
      <c r="B12528" s="2"/>
      <c r="C12528" s="2"/>
    </row>
    <row r="12529" spans="1:3" ht="19.2">
      <c r="A12529" s="2"/>
      <c r="B12529" s="2"/>
      <c r="C12529" s="2"/>
    </row>
    <row r="12530" spans="1:3" ht="19.2">
      <c r="A12530" s="2"/>
      <c r="B12530" s="2"/>
      <c r="C12530" s="2"/>
    </row>
    <row r="12531" spans="1:3" ht="19.2">
      <c r="A12531" s="2"/>
      <c r="B12531" s="2"/>
      <c r="C12531" s="2"/>
    </row>
    <row r="12532" spans="1:3" ht="19.2">
      <c r="A12532" s="2"/>
      <c r="B12532" s="2"/>
      <c r="C12532" s="2"/>
    </row>
    <row r="12533" spans="1:3" ht="19.2">
      <c r="A12533" s="2"/>
      <c r="B12533" s="2"/>
      <c r="C12533" s="2"/>
    </row>
    <row r="12534" spans="1:3" ht="19.2">
      <c r="A12534" s="2"/>
      <c r="B12534" s="2"/>
      <c r="C12534" s="2"/>
    </row>
    <row r="12535" spans="1:3" ht="19.2">
      <c r="A12535" s="2"/>
      <c r="B12535" s="2"/>
      <c r="C12535" s="2"/>
    </row>
    <row r="12536" spans="1:3" ht="19.2">
      <c r="A12536" s="2"/>
      <c r="B12536" s="2"/>
      <c r="C12536" s="2"/>
    </row>
    <row r="12537" spans="1:3" ht="19.2">
      <c r="A12537" s="2"/>
      <c r="B12537" s="2"/>
      <c r="C12537" s="2"/>
    </row>
    <row r="12538" spans="1:3" ht="19.2">
      <c r="A12538" s="2"/>
      <c r="B12538" s="2"/>
      <c r="C12538" s="2"/>
    </row>
    <row r="12539" spans="1:3" ht="19.2">
      <c r="A12539" s="2"/>
      <c r="B12539" s="2"/>
      <c r="C12539" s="2"/>
    </row>
    <row r="12540" spans="1:3" ht="19.2">
      <c r="A12540" s="2"/>
      <c r="B12540" s="2"/>
      <c r="C12540" s="2"/>
    </row>
    <row r="12541" spans="1:3" ht="19.2">
      <c r="A12541" s="2"/>
      <c r="B12541" s="2"/>
      <c r="C12541" s="2"/>
    </row>
    <row r="12542" spans="1:3" ht="19.2">
      <c r="A12542" s="2"/>
      <c r="B12542" s="2"/>
      <c r="C12542" s="2"/>
    </row>
    <row r="12543" spans="1:3" ht="19.2">
      <c r="A12543" s="2"/>
      <c r="B12543" s="2"/>
      <c r="C12543" s="2"/>
    </row>
    <row r="12544" spans="1:3" ht="19.2">
      <c r="A12544" s="2"/>
      <c r="B12544" s="2"/>
      <c r="C12544" s="2"/>
    </row>
    <row r="12545" spans="1:3" ht="19.2">
      <c r="A12545" s="2"/>
      <c r="B12545" s="2"/>
      <c r="C12545" s="2"/>
    </row>
    <row r="12546" spans="1:3" ht="19.2">
      <c r="A12546" s="2"/>
      <c r="B12546" s="2"/>
      <c r="C12546" s="2"/>
    </row>
    <row r="12547" spans="1:3" ht="19.2">
      <c r="A12547" s="2"/>
      <c r="B12547" s="2"/>
      <c r="C12547" s="2"/>
    </row>
    <row r="12548" spans="1:3" ht="19.2">
      <c r="A12548" s="2"/>
      <c r="B12548" s="2"/>
      <c r="C12548" s="2"/>
    </row>
    <row r="12549" spans="1:3" ht="19.2">
      <c r="A12549" s="2"/>
      <c r="B12549" s="2"/>
      <c r="C12549" s="2"/>
    </row>
    <row r="12550" spans="1:3" ht="19.2">
      <c r="A12550" s="2"/>
      <c r="B12550" s="2"/>
      <c r="C12550" s="2"/>
    </row>
    <row r="12551" spans="1:3" ht="19.2">
      <c r="A12551" s="2"/>
      <c r="B12551" s="2"/>
      <c r="C12551" s="2"/>
    </row>
    <row r="12552" spans="1:3" ht="19.2">
      <c r="A12552" s="2"/>
      <c r="B12552" s="2"/>
      <c r="C12552" s="2"/>
    </row>
    <row r="12553" spans="1:3" ht="19.2">
      <c r="A12553" s="2"/>
      <c r="B12553" s="2"/>
      <c r="C12553" s="2"/>
    </row>
    <row r="12554" spans="1:3" ht="19.2">
      <c r="A12554" s="2"/>
      <c r="B12554" s="2"/>
      <c r="C12554" s="2"/>
    </row>
    <row r="12555" spans="1:3" ht="19.2">
      <c r="A12555" s="2"/>
      <c r="B12555" s="2"/>
      <c r="C12555" s="2"/>
    </row>
    <row r="12556" spans="1:3" ht="19.2">
      <c r="A12556" s="2"/>
      <c r="B12556" s="2"/>
      <c r="C12556" s="2"/>
    </row>
    <row r="12557" spans="1:3" ht="19.2">
      <c r="A12557" s="2"/>
      <c r="B12557" s="2"/>
      <c r="C12557" s="2"/>
    </row>
    <row r="12558" spans="1:3" ht="19.2">
      <c r="A12558" s="2"/>
      <c r="B12558" s="2"/>
      <c r="C12558" s="2"/>
    </row>
    <row r="12559" spans="1:3" ht="19.2">
      <c r="A12559" s="2"/>
      <c r="B12559" s="2"/>
      <c r="C12559" s="2"/>
    </row>
    <row r="12560" spans="1:3" ht="19.2">
      <c r="A12560" s="2"/>
      <c r="B12560" s="2"/>
      <c r="C12560" s="2"/>
    </row>
    <row r="12561" spans="1:3" ht="19.2">
      <c r="A12561" s="2"/>
      <c r="B12561" s="2"/>
      <c r="C12561" s="2"/>
    </row>
    <row r="12562" spans="1:3" ht="19.2">
      <c r="A12562" s="2"/>
      <c r="B12562" s="2"/>
      <c r="C12562" s="2"/>
    </row>
    <row r="12563" spans="1:3" ht="19.2">
      <c r="A12563" s="2"/>
      <c r="B12563" s="2"/>
      <c r="C12563" s="2"/>
    </row>
    <row r="12564" spans="1:3" ht="19.2">
      <c r="A12564" s="2"/>
      <c r="B12564" s="2"/>
      <c r="C12564" s="2"/>
    </row>
    <row r="12565" spans="1:3" ht="19.2">
      <c r="A12565" s="2"/>
      <c r="B12565" s="2"/>
      <c r="C12565" s="2"/>
    </row>
    <row r="12566" spans="1:3" ht="19.2">
      <c r="A12566" s="2"/>
      <c r="B12566" s="2"/>
      <c r="C12566" s="2"/>
    </row>
    <row r="12567" spans="1:3" ht="19.2">
      <c r="A12567" s="2"/>
      <c r="B12567" s="2"/>
      <c r="C12567" s="2"/>
    </row>
    <row r="12568" spans="1:3" ht="19.2">
      <c r="A12568" s="2"/>
      <c r="B12568" s="2"/>
      <c r="C12568" s="2"/>
    </row>
    <row r="12569" spans="1:3" ht="19.2">
      <c r="A12569" s="2"/>
      <c r="B12569" s="2"/>
      <c r="C12569" s="2"/>
    </row>
    <row r="12570" spans="1:3" ht="19.2">
      <c r="A12570" s="2"/>
      <c r="B12570" s="2"/>
      <c r="C12570" s="2"/>
    </row>
    <row r="12571" spans="1:3" ht="19.2">
      <c r="A12571" s="2"/>
      <c r="B12571" s="2"/>
      <c r="C12571" s="2"/>
    </row>
    <row r="12572" spans="1:3" ht="19.2">
      <c r="A12572" s="2"/>
      <c r="B12572" s="2"/>
      <c r="C12572" s="2"/>
    </row>
    <row r="12573" spans="1:3" ht="19.2">
      <c r="A12573" s="2"/>
      <c r="B12573" s="2"/>
      <c r="C12573" s="2"/>
    </row>
    <row r="12574" spans="1:3" ht="19.2">
      <c r="A12574" s="2"/>
      <c r="B12574" s="2"/>
      <c r="C12574" s="2"/>
    </row>
    <row r="12575" spans="1:3" ht="19.2">
      <c r="A12575" s="2"/>
      <c r="B12575" s="2"/>
      <c r="C12575" s="2"/>
    </row>
    <row r="12576" spans="1:3" ht="19.2">
      <c r="A12576" s="2"/>
      <c r="B12576" s="2"/>
      <c r="C12576" s="2"/>
    </row>
    <row r="12577" spans="1:3" ht="19.2">
      <c r="A12577" s="2"/>
      <c r="B12577" s="2"/>
      <c r="C12577" s="2"/>
    </row>
    <row r="12578" spans="1:3" ht="19.2">
      <c r="A12578" s="2"/>
      <c r="B12578" s="2"/>
      <c r="C12578" s="2"/>
    </row>
    <row r="12579" spans="1:3" ht="19.2">
      <c r="A12579" s="2"/>
      <c r="B12579" s="2"/>
      <c r="C12579" s="2"/>
    </row>
    <row r="12580" spans="1:3" ht="19.2">
      <c r="A12580" s="2"/>
      <c r="B12580" s="2"/>
      <c r="C12580" s="2"/>
    </row>
    <row r="12581" spans="1:3" ht="19.2">
      <c r="A12581" s="2"/>
      <c r="B12581" s="2"/>
      <c r="C12581" s="2"/>
    </row>
    <row r="12582" spans="1:3" ht="19.2">
      <c r="A12582" s="2"/>
      <c r="B12582" s="2"/>
      <c r="C12582" s="2"/>
    </row>
    <row r="12583" spans="1:3" ht="19.2">
      <c r="A12583" s="2"/>
      <c r="B12583" s="2"/>
      <c r="C12583" s="2"/>
    </row>
    <row r="12584" spans="1:3" ht="19.2">
      <c r="A12584" s="2"/>
      <c r="B12584" s="2"/>
      <c r="C12584" s="2"/>
    </row>
    <row r="12585" spans="1:3" ht="19.2">
      <c r="A12585" s="2"/>
      <c r="B12585" s="2"/>
      <c r="C12585" s="2"/>
    </row>
    <row r="12586" spans="1:3" ht="19.2">
      <c r="A12586" s="2"/>
      <c r="B12586" s="2"/>
      <c r="C12586" s="2"/>
    </row>
    <row r="12587" spans="1:3" ht="19.2">
      <c r="A12587" s="2"/>
      <c r="B12587" s="2"/>
      <c r="C12587" s="2"/>
    </row>
    <row r="12588" spans="1:3" ht="19.2">
      <c r="A12588" s="2"/>
      <c r="B12588" s="2"/>
      <c r="C12588" s="2"/>
    </row>
    <row r="12589" spans="1:3" ht="19.2">
      <c r="A12589" s="2"/>
      <c r="B12589" s="2"/>
      <c r="C12589" s="2"/>
    </row>
    <row r="12590" spans="1:3" ht="19.2">
      <c r="A12590" s="2"/>
      <c r="B12590" s="2"/>
      <c r="C12590" s="2"/>
    </row>
    <row r="12591" spans="1:3" ht="19.2">
      <c r="A12591" s="2"/>
      <c r="B12591" s="2"/>
      <c r="C12591" s="2"/>
    </row>
    <row r="12592" spans="1:3" ht="19.2">
      <c r="A12592" s="2"/>
      <c r="B12592" s="2"/>
      <c r="C12592" s="2"/>
    </row>
    <row r="12593" spans="1:3" ht="19.2">
      <c r="A12593" s="2"/>
      <c r="B12593" s="2"/>
      <c r="C12593" s="2"/>
    </row>
    <row r="12594" spans="1:3" ht="19.2">
      <c r="A12594" s="2"/>
      <c r="B12594" s="2"/>
      <c r="C12594" s="2"/>
    </row>
    <row r="12595" spans="1:3" ht="19.2">
      <c r="A12595" s="2"/>
      <c r="B12595" s="2"/>
      <c r="C12595" s="2"/>
    </row>
    <row r="12596" spans="1:3" ht="19.2">
      <c r="A12596" s="2"/>
      <c r="B12596" s="2"/>
      <c r="C12596" s="2"/>
    </row>
    <row r="12597" spans="1:3" ht="19.2">
      <c r="A12597" s="2"/>
      <c r="B12597" s="2"/>
      <c r="C12597" s="2"/>
    </row>
    <row r="12598" spans="1:3" ht="19.2">
      <c r="A12598" s="2"/>
      <c r="B12598" s="2"/>
      <c r="C12598" s="2"/>
    </row>
    <row r="12599" spans="1:3" ht="19.2">
      <c r="A12599" s="2"/>
      <c r="B12599" s="2"/>
      <c r="C12599" s="2"/>
    </row>
    <row r="12600" spans="1:3" ht="19.2">
      <c r="A12600" s="2"/>
      <c r="B12600" s="2"/>
      <c r="C12600" s="2"/>
    </row>
    <row r="12601" spans="1:3" ht="19.2">
      <c r="A12601" s="2"/>
      <c r="B12601" s="2"/>
      <c r="C12601" s="2"/>
    </row>
    <row r="12602" spans="1:3" ht="19.2">
      <c r="A12602" s="2"/>
      <c r="B12602" s="2"/>
      <c r="C12602" s="2"/>
    </row>
    <row r="12603" spans="1:3" ht="19.2">
      <c r="A12603" s="2"/>
      <c r="B12603" s="2"/>
      <c r="C12603" s="2"/>
    </row>
    <row r="12604" spans="1:3" ht="19.2">
      <c r="A12604" s="2"/>
      <c r="B12604" s="2"/>
      <c r="C12604" s="2"/>
    </row>
    <row r="12605" spans="1:3" ht="19.2">
      <c r="A12605" s="2"/>
      <c r="B12605" s="2"/>
      <c r="C12605" s="2"/>
    </row>
    <row r="12606" spans="1:3" ht="19.2">
      <c r="A12606" s="2"/>
      <c r="B12606" s="2"/>
      <c r="C12606" s="2"/>
    </row>
    <row r="12607" spans="1:3" ht="19.2">
      <c r="A12607" s="2"/>
      <c r="B12607" s="2"/>
      <c r="C12607" s="2"/>
    </row>
    <row r="12608" spans="1:3" ht="19.2">
      <c r="A12608" s="2"/>
      <c r="B12608" s="2"/>
      <c r="C12608" s="2"/>
    </row>
    <row r="12609" spans="1:3" ht="19.2">
      <c r="A12609" s="2"/>
      <c r="B12609" s="2"/>
      <c r="C12609" s="2"/>
    </row>
    <row r="12610" spans="1:3" ht="19.2">
      <c r="A12610" s="2"/>
      <c r="B12610" s="2"/>
      <c r="C12610" s="2"/>
    </row>
    <row r="12611" spans="1:3" ht="19.2">
      <c r="A12611" s="2"/>
      <c r="B12611" s="2"/>
      <c r="C12611" s="2"/>
    </row>
    <row r="12612" spans="1:3" ht="19.2">
      <c r="A12612" s="2"/>
      <c r="B12612" s="2"/>
      <c r="C12612" s="2"/>
    </row>
    <row r="12613" spans="1:3" ht="19.2">
      <c r="A12613" s="2"/>
      <c r="B12613" s="2"/>
      <c r="C12613" s="2"/>
    </row>
    <row r="12614" spans="1:3" ht="19.2">
      <c r="A12614" s="2"/>
      <c r="B12614" s="2"/>
      <c r="C12614" s="2"/>
    </row>
    <row r="12615" spans="1:3" ht="19.2">
      <c r="A12615" s="2"/>
      <c r="B12615" s="2"/>
      <c r="C12615" s="2"/>
    </row>
    <row r="12616" spans="1:3" ht="19.2">
      <c r="A12616" s="2"/>
      <c r="B12616" s="2"/>
      <c r="C12616" s="2"/>
    </row>
    <row r="12617" spans="1:3" ht="19.2">
      <c r="A12617" s="2"/>
      <c r="B12617" s="2"/>
      <c r="C12617" s="2"/>
    </row>
    <row r="12618" spans="1:3" ht="19.2">
      <c r="A12618" s="2"/>
      <c r="B12618" s="2"/>
      <c r="C12618" s="2"/>
    </row>
    <row r="12619" spans="1:3" ht="19.2">
      <c r="A12619" s="2"/>
      <c r="B12619" s="2"/>
      <c r="C12619" s="2"/>
    </row>
    <row r="12620" spans="1:3" ht="19.2">
      <c r="A12620" s="2"/>
      <c r="B12620" s="2"/>
      <c r="C12620" s="2"/>
    </row>
    <row r="12621" spans="1:3" ht="19.2">
      <c r="A12621" s="2"/>
      <c r="B12621" s="2"/>
      <c r="C12621" s="2"/>
    </row>
    <row r="12622" spans="1:3" ht="19.2">
      <c r="A12622" s="2"/>
      <c r="B12622" s="2"/>
      <c r="C12622" s="2"/>
    </row>
    <row r="12623" spans="1:3" ht="19.2">
      <c r="A12623" s="2"/>
      <c r="B12623" s="2"/>
      <c r="C12623" s="2"/>
    </row>
    <row r="12624" spans="1:3" ht="19.2">
      <c r="A12624" s="2"/>
      <c r="B12624" s="2"/>
      <c r="C12624" s="2"/>
    </row>
    <row r="12625" spans="1:3" ht="19.2">
      <c r="A12625" s="2"/>
      <c r="B12625" s="2"/>
      <c r="C12625" s="2"/>
    </row>
    <row r="12626" spans="1:3" ht="19.2">
      <c r="A12626" s="2"/>
      <c r="B12626" s="2"/>
      <c r="C12626" s="2"/>
    </row>
    <row r="12627" spans="1:3" ht="19.2">
      <c r="A12627" s="2"/>
      <c r="B12627" s="2"/>
      <c r="C12627" s="2"/>
    </row>
    <row r="12628" spans="1:3" ht="19.2">
      <c r="A12628" s="2"/>
      <c r="B12628" s="2"/>
      <c r="C12628" s="2"/>
    </row>
    <row r="12629" spans="1:3" ht="19.2">
      <c r="A12629" s="2"/>
      <c r="B12629" s="2"/>
      <c r="C12629" s="2"/>
    </row>
    <row r="12630" spans="1:3" ht="19.2">
      <c r="A12630" s="2"/>
      <c r="B12630" s="2"/>
      <c r="C12630" s="2"/>
    </row>
    <row r="12631" spans="1:3" ht="19.2">
      <c r="A12631" s="2"/>
      <c r="B12631" s="2"/>
      <c r="C12631" s="2"/>
    </row>
    <row r="12632" spans="1:3" ht="19.2">
      <c r="A12632" s="2"/>
      <c r="B12632" s="2"/>
      <c r="C12632" s="2"/>
    </row>
    <row r="12633" spans="1:3" ht="19.2">
      <c r="A12633" s="2"/>
      <c r="B12633" s="2"/>
      <c r="C12633" s="2"/>
    </row>
    <row r="12634" spans="1:3" ht="19.2">
      <c r="A12634" s="2"/>
      <c r="B12634" s="2"/>
      <c r="C12634" s="2"/>
    </row>
    <row r="12635" spans="1:3" ht="19.2">
      <c r="A12635" s="2"/>
      <c r="B12635" s="2"/>
      <c r="C12635" s="2"/>
    </row>
    <row r="12636" spans="1:3" ht="19.2">
      <c r="A12636" s="2"/>
      <c r="B12636" s="2"/>
      <c r="C12636" s="2"/>
    </row>
    <row r="12637" spans="1:3" ht="19.2">
      <c r="A12637" s="2"/>
      <c r="B12637" s="2"/>
      <c r="C12637" s="2"/>
    </row>
    <row r="12638" spans="1:3" ht="19.2">
      <c r="A12638" s="2"/>
      <c r="B12638" s="2"/>
      <c r="C12638" s="2"/>
    </row>
    <row r="12639" spans="1:3" ht="19.2">
      <c r="A12639" s="2"/>
      <c r="B12639" s="2"/>
      <c r="C12639" s="2"/>
    </row>
    <row r="12640" spans="1:3" ht="19.2">
      <c r="A12640" s="2"/>
      <c r="B12640" s="2"/>
      <c r="C12640" s="2"/>
    </row>
    <row r="12641" spans="1:3" ht="19.2">
      <c r="A12641" s="2"/>
      <c r="B12641" s="2"/>
      <c r="C12641" s="2"/>
    </row>
    <row r="12642" spans="1:3" ht="19.2">
      <c r="A12642" s="2"/>
      <c r="B12642" s="2"/>
      <c r="C12642" s="2"/>
    </row>
    <row r="12643" spans="1:3" ht="19.2">
      <c r="A12643" s="2"/>
      <c r="B12643" s="2"/>
      <c r="C12643" s="2"/>
    </row>
    <row r="12644" spans="1:3" ht="19.2">
      <c r="A12644" s="2"/>
      <c r="B12644" s="2"/>
      <c r="C12644" s="2"/>
    </row>
    <row r="12645" spans="1:3" ht="19.2">
      <c r="A12645" s="2"/>
      <c r="B12645" s="2"/>
      <c r="C12645" s="2"/>
    </row>
    <row r="12646" spans="1:3" ht="19.2">
      <c r="A12646" s="2"/>
      <c r="B12646" s="2"/>
      <c r="C12646" s="2"/>
    </row>
    <row r="12647" spans="1:3" ht="19.2">
      <c r="A12647" s="2"/>
      <c r="B12647" s="2"/>
      <c r="C12647" s="2"/>
    </row>
    <row r="12648" spans="1:3" ht="19.2">
      <c r="A12648" s="2"/>
      <c r="B12648" s="2"/>
      <c r="C12648" s="2"/>
    </row>
    <row r="12649" spans="1:3" ht="19.2">
      <c r="A12649" s="2"/>
      <c r="B12649" s="2"/>
      <c r="C12649" s="2"/>
    </row>
    <row r="12650" spans="1:3" ht="19.2">
      <c r="A12650" s="2"/>
      <c r="B12650" s="2"/>
      <c r="C12650" s="2"/>
    </row>
    <row r="12651" spans="1:3" ht="19.2">
      <c r="A12651" s="2"/>
      <c r="B12651" s="2"/>
      <c r="C12651" s="2"/>
    </row>
    <row r="12652" spans="1:3" ht="19.2">
      <c r="A12652" s="2"/>
      <c r="B12652" s="2"/>
      <c r="C12652" s="2"/>
    </row>
    <row r="12653" spans="1:3" ht="19.2">
      <c r="A12653" s="2"/>
      <c r="B12653" s="2"/>
      <c r="C12653" s="2"/>
    </row>
    <row r="12654" spans="1:3" ht="19.2">
      <c r="A12654" s="2"/>
      <c r="B12654" s="2"/>
      <c r="C12654" s="2"/>
    </row>
    <row r="12655" spans="1:3" ht="19.2">
      <c r="A12655" s="2"/>
      <c r="B12655" s="2"/>
      <c r="C12655" s="2"/>
    </row>
    <row r="12656" spans="1:3" ht="19.2">
      <c r="A12656" s="2"/>
      <c r="B12656" s="2"/>
      <c r="C12656" s="2"/>
    </row>
    <row r="12657" spans="1:3" ht="19.2">
      <c r="A12657" s="2"/>
      <c r="B12657" s="2"/>
      <c r="C12657" s="2"/>
    </row>
    <row r="12658" spans="1:3" ht="19.2">
      <c r="A12658" s="2"/>
      <c r="B12658" s="2"/>
      <c r="C12658" s="2"/>
    </row>
    <row r="12659" spans="1:3" ht="19.2">
      <c r="A12659" s="2"/>
      <c r="B12659" s="2"/>
      <c r="C12659" s="2"/>
    </row>
    <row r="12660" spans="1:3" ht="19.2">
      <c r="A12660" s="2"/>
      <c r="B12660" s="2"/>
      <c r="C12660" s="2"/>
    </row>
    <row r="12661" spans="1:3" ht="19.2">
      <c r="A12661" s="2"/>
      <c r="B12661" s="2"/>
      <c r="C12661" s="2"/>
    </row>
    <row r="12662" spans="1:3" ht="19.2">
      <c r="A12662" s="2"/>
      <c r="B12662" s="2"/>
      <c r="C12662" s="2"/>
    </row>
    <row r="12663" spans="1:3" ht="19.2">
      <c r="A12663" s="2"/>
      <c r="B12663" s="2"/>
      <c r="C12663" s="2"/>
    </row>
    <row r="12664" spans="1:3" ht="19.2">
      <c r="A12664" s="2"/>
      <c r="B12664" s="2"/>
      <c r="C12664" s="2"/>
    </row>
    <row r="12665" spans="1:3" ht="19.2">
      <c r="A12665" s="2"/>
      <c r="B12665" s="2"/>
      <c r="C12665" s="2"/>
    </row>
    <row r="12666" spans="1:3" ht="19.2">
      <c r="A12666" s="2"/>
      <c r="B12666" s="2"/>
      <c r="C12666" s="2"/>
    </row>
    <row r="12667" spans="1:3" ht="19.2">
      <c r="A12667" s="2"/>
      <c r="B12667" s="2"/>
      <c r="C12667" s="2"/>
    </row>
    <row r="12668" spans="1:3" ht="19.2">
      <c r="A12668" s="2"/>
      <c r="B12668" s="2"/>
      <c r="C12668" s="2"/>
    </row>
    <row r="12669" spans="1:3" ht="19.2">
      <c r="A12669" s="2"/>
      <c r="B12669" s="2"/>
      <c r="C12669" s="2"/>
    </row>
    <row r="12670" spans="1:3" ht="19.2">
      <c r="A12670" s="2"/>
      <c r="B12670" s="2"/>
      <c r="C12670" s="2"/>
    </row>
    <row r="12671" spans="1:3" ht="19.2">
      <c r="A12671" s="2"/>
      <c r="B12671" s="2"/>
      <c r="C12671" s="2"/>
    </row>
    <row r="12672" spans="1:3" ht="19.2">
      <c r="A12672" s="2"/>
      <c r="B12672" s="2"/>
      <c r="C12672" s="2"/>
    </row>
    <row r="12673" spans="1:3" ht="19.2">
      <c r="A12673" s="2"/>
      <c r="B12673" s="2"/>
      <c r="C12673" s="2"/>
    </row>
    <row r="12674" spans="1:3" ht="19.2">
      <c r="A12674" s="2"/>
      <c r="B12674" s="2"/>
      <c r="C12674" s="2"/>
    </row>
    <row r="12675" spans="1:3" ht="19.2">
      <c r="A12675" s="2"/>
      <c r="B12675" s="2"/>
      <c r="C12675" s="2"/>
    </row>
    <row r="12676" spans="1:3" ht="19.2">
      <c r="A12676" s="2"/>
      <c r="B12676" s="2"/>
      <c r="C12676" s="2"/>
    </row>
    <row r="12677" spans="1:3" ht="19.2">
      <c r="A12677" s="2"/>
      <c r="B12677" s="2"/>
      <c r="C12677" s="2"/>
    </row>
    <row r="12678" spans="1:3" ht="19.2">
      <c r="A12678" s="2"/>
      <c r="B12678" s="2"/>
      <c r="C12678" s="2"/>
    </row>
    <row r="12679" spans="1:3" ht="19.2">
      <c r="A12679" s="2"/>
      <c r="B12679" s="2"/>
      <c r="C12679" s="2"/>
    </row>
    <row r="12680" spans="1:3" ht="19.2">
      <c r="A12680" s="2"/>
      <c r="B12680" s="2"/>
      <c r="C12680" s="2"/>
    </row>
    <row r="12681" spans="1:3" ht="19.2">
      <c r="A12681" s="2"/>
      <c r="B12681" s="2"/>
      <c r="C12681" s="2"/>
    </row>
    <row r="12682" spans="1:3" ht="19.2">
      <c r="A12682" s="2"/>
      <c r="B12682" s="2"/>
      <c r="C12682" s="2"/>
    </row>
    <row r="12683" spans="1:3" ht="19.2">
      <c r="A12683" s="2"/>
      <c r="B12683" s="2"/>
      <c r="C12683" s="2"/>
    </row>
    <row r="12684" spans="1:3" ht="19.2">
      <c r="A12684" s="2"/>
      <c r="B12684" s="2"/>
      <c r="C12684" s="2"/>
    </row>
    <row r="12685" spans="1:3" ht="19.2">
      <c r="A12685" s="2"/>
      <c r="B12685" s="2"/>
      <c r="C12685" s="2"/>
    </row>
    <row r="12686" spans="1:3" ht="19.2">
      <c r="A12686" s="2"/>
      <c r="B12686" s="2"/>
      <c r="C12686" s="2"/>
    </row>
    <row r="12687" spans="1:3" ht="19.2">
      <c r="A12687" s="2"/>
      <c r="B12687" s="2"/>
      <c r="C12687" s="2"/>
    </row>
    <row r="12688" spans="1:3" ht="19.2">
      <c r="A12688" s="2"/>
      <c r="B12688" s="2"/>
      <c r="C12688" s="2"/>
    </row>
    <row r="12689" spans="1:3" ht="19.2">
      <c r="A12689" s="2"/>
      <c r="B12689" s="2"/>
      <c r="C12689" s="2"/>
    </row>
    <row r="12690" spans="1:3" ht="19.2">
      <c r="A12690" s="2"/>
      <c r="B12690" s="2"/>
      <c r="C12690" s="2"/>
    </row>
    <row r="12691" spans="1:3" ht="19.2">
      <c r="A12691" s="2"/>
      <c r="B12691" s="2"/>
      <c r="C12691" s="2"/>
    </row>
    <row r="12692" spans="1:3" ht="19.2">
      <c r="A12692" s="2"/>
      <c r="B12692" s="2"/>
      <c r="C12692" s="2"/>
    </row>
    <row r="12693" spans="1:3" ht="19.2">
      <c r="A12693" s="2"/>
      <c r="B12693" s="2"/>
      <c r="C12693" s="2"/>
    </row>
    <row r="12694" spans="1:3" ht="19.2">
      <c r="A12694" s="2"/>
      <c r="B12694" s="2"/>
      <c r="C12694" s="2"/>
    </row>
    <row r="12695" spans="1:3" ht="19.2">
      <c r="A12695" s="2"/>
      <c r="B12695" s="2"/>
      <c r="C12695" s="2"/>
    </row>
    <row r="12696" spans="1:3" ht="19.2">
      <c r="A12696" s="2"/>
      <c r="B12696" s="2"/>
      <c r="C12696" s="2"/>
    </row>
    <row r="12697" spans="1:3" ht="19.2">
      <c r="A12697" s="2"/>
      <c r="B12697" s="2"/>
      <c r="C12697" s="2"/>
    </row>
    <row r="12698" spans="1:3" ht="19.2">
      <c r="A12698" s="2"/>
      <c r="B12698" s="2"/>
      <c r="C12698" s="2"/>
    </row>
    <row r="12699" spans="1:3" ht="19.2">
      <c r="A12699" s="2"/>
      <c r="B12699" s="2"/>
      <c r="C12699" s="2"/>
    </row>
    <row r="12700" spans="1:3" ht="19.2">
      <c r="A12700" s="2"/>
      <c r="B12700" s="2"/>
      <c r="C12700" s="2"/>
    </row>
    <row r="12701" spans="1:3" ht="19.2">
      <c r="A12701" s="2"/>
      <c r="B12701" s="2"/>
      <c r="C12701" s="2"/>
    </row>
    <row r="12702" spans="1:3" ht="19.2">
      <c r="A12702" s="2"/>
      <c r="B12702" s="2"/>
      <c r="C12702" s="2"/>
    </row>
    <row r="12703" spans="1:3" ht="19.2">
      <c r="A12703" s="2"/>
      <c r="B12703" s="2"/>
      <c r="C12703" s="2"/>
    </row>
    <row r="12704" spans="1:3" ht="19.2">
      <c r="A12704" s="2"/>
      <c r="B12704" s="2"/>
      <c r="C12704" s="2"/>
    </row>
    <row r="12705" spans="1:3" ht="19.2">
      <c r="A12705" s="2"/>
      <c r="B12705" s="2"/>
      <c r="C12705" s="2"/>
    </row>
    <row r="12706" spans="1:3" ht="19.2">
      <c r="A12706" s="2"/>
      <c r="B12706" s="2"/>
      <c r="C12706" s="2"/>
    </row>
    <row r="12707" spans="1:3" ht="19.2">
      <c r="A12707" s="2"/>
      <c r="B12707" s="2"/>
      <c r="C12707" s="2"/>
    </row>
    <row r="12708" spans="1:3" ht="19.2">
      <c r="A12708" s="2"/>
      <c r="B12708" s="2"/>
      <c r="C12708" s="2"/>
    </row>
    <row r="12709" spans="1:3" ht="19.2">
      <c r="A12709" s="2"/>
      <c r="B12709" s="2"/>
      <c r="C12709" s="2"/>
    </row>
    <row r="12710" spans="1:3" ht="19.2">
      <c r="A12710" s="2"/>
      <c r="B12710" s="2"/>
      <c r="C12710" s="2"/>
    </row>
    <row r="12711" spans="1:3" ht="19.2">
      <c r="A12711" s="2"/>
      <c r="B12711" s="2"/>
      <c r="C12711" s="2"/>
    </row>
    <row r="12712" spans="1:3" ht="19.2">
      <c r="A12712" s="2"/>
      <c r="B12712" s="2"/>
      <c r="C12712" s="2"/>
    </row>
    <row r="12713" spans="1:3" ht="19.2">
      <c r="A12713" s="2"/>
      <c r="B12713" s="2"/>
      <c r="C12713" s="2"/>
    </row>
    <row r="12714" spans="1:3" ht="19.2">
      <c r="A12714" s="2"/>
      <c r="B12714" s="2"/>
      <c r="C12714" s="2"/>
    </row>
    <row r="12715" spans="1:3" ht="19.2">
      <c r="A12715" s="2"/>
      <c r="B12715" s="2"/>
      <c r="C12715" s="2"/>
    </row>
    <row r="12716" spans="1:3" ht="19.2">
      <c r="A12716" s="2"/>
      <c r="B12716" s="2"/>
      <c r="C12716" s="2"/>
    </row>
    <row r="12717" spans="1:3" ht="19.2">
      <c r="A12717" s="2"/>
      <c r="B12717" s="2"/>
      <c r="C12717" s="2"/>
    </row>
    <row r="12718" spans="1:3" ht="19.2">
      <c r="A12718" s="2"/>
      <c r="B12718" s="2"/>
      <c r="C12718" s="2"/>
    </row>
    <row r="12719" spans="1:3" ht="19.2">
      <c r="A12719" s="2"/>
      <c r="B12719" s="2"/>
      <c r="C12719" s="2"/>
    </row>
    <row r="12720" spans="1:3" ht="19.2">
      <c r="A12720" s="2"/>
      <c r="B12720" s="2"/>
      <c r="C12720" s="2"/>
    </row>
    <row r="12721" spans="1:3" ht="19.2">
      <c r="A12721" s="2"/>
      <c r="B12721" s="2"/>
      <c r="C12721" s="2"/>
    </row>
    <row r="12722" spans="1:3" ht="19.2">
      <c r="A12722" s="2"/>
      <c r="B12722" s="2"/>
      <c r="C12722" s="2"/>
    </row>
    <row r="12723" spans="1:3" ht="19.2">
      <c r="A12723" s="2"/>
      <c r="B12723" s="2"/>
      <c r="C12723" s="2"/>
    </row>
    <row r="12724" spans="1:3" ht="19.2">
      <c r="A12724" s="2"/>
      <c r="B12724" s="2"/>
      <c r="C12724" s="2"/>
    </row>
    <row r="12725" spans="1:3" ht="19.2">
      <c r="A12725" s="2"/>
      <c r="B12725" s="2"/>
      <c r="C12725" s="2"/>
    </row>
    <row r="12726" spans="1:3" ht="19.2">
      <c r="A12726" s="2"/>
      <c r="B12726" s="2"/>
      <c r="C12726" s="2"/>
    </row>
    <row r="12727" spans="1:3" ht="19.2">
      <c r="A12727" s="2"/>
      <c r="B12727" s="2"/>
      <c r="C12727" s="2"/>
    </row>
    <row r="12728" spans="1:3" ht="19.2">
      <c r="A12728" s="2"/>
      <c r="B12728" s="2"/>
      <c r="C12728" s="2"/>
    </row>
    <row r="12729" spans="1:3" ht="19.2">
      <c r="A12729" s="2"/>
      <c r="B12729" s="2"/>
      <c r="C12729" s="2"/>
    </row>
    <row r="12730" spans="1:3" ht="19.2">
      <c r="A12730" s="2"/>
      <c r="B12730" s="2"/>
      <c r="C12730" s="2"/>
    </row>
    <row r="12731" spans="1:3" ht="19.2">
      <c r="A12731" s="2"/>
      <c r="B12731" s="2"/>
      <c r="C12731" s="2"/>
    </row>
    <row r="12732" spans="1:3" ht="19.2">
      <c r="A12732" s="2"/>
      <c r="B12732" s="2"/>
      <c r="C12732" s="2"/>
    </row>
    <row r="12733" spans="1:3" ht="19.2">
      <c r="A12733" s="2"/>
      <c r="B12733" s="2"/>
      <c r="C12733" s="2"/>
    </row>
    <row r="12734" spans="1:3" ht="19.2">
      <c r="A12734" s="2"/>
      <c r="B12734" s="2"/>
      <c r="C12734" s="2"/>
    </row>
    <row r="12735" spans="1:3" ht="19.2">
      <c r="A12735" s="2"/>
      <c r="B12735" s="2"/>
      <c r="C12735" s="2"/>
    </row>
    <row r="12736" spans="1:3" ht="19.2">
      <c r="A12736" s="2"/>
      <c r="B12736" s="2"/>
      <c r="C12736" s="2"/>
    </row>
    <row r="12737" spans="1:3" ht="19.2">
      <c r="A12737" s="2"/>
      <c r="B12737" s="2"/>
      <c r="C12737" s="2"/>
    </row>
    <row r="12738" spans="1:3" ht="19.2">
      <c r="A12738" s="2"/>
      <c r="B12738" s="2"/>
      <c r="C12738" s="2"/>
    </row>
    <row r="12739" spans="1:3" ht="19.2">
      <c r="A12739" s="2"/>
      <c r="B12739" s="2"/>
      <c r="C12739" s="2"/>
    </row>
    <row r="12740" spans="1:3" ht="19.2">
      <c r="A12740" s="2"/>
      <c r="B12740" s="2"/>
      <c r="C12740" s="2"/>
    </row>
    <row r="12741" spans="1:3" ht="19.2">
      <c r="A12741" s="2"/>
      <c r="B12741" s="2"/>
      <c r="C12741" s="2"/>
    </row>
    <row r="12742" spans="1:3" ht="19.2">
      <c r="A12742" s="2"/>
      <c r="B12742" s="2"/>
      <c r="C12742" s="2"/>
    </row>
    <row r="12743" spans="1:3" ht="19.2">
      <c r="A12743" s="2"/>
      <c r="B12743" s="2"/>
      <c r="C12743" s="2"/>
    </row>
    <row r="12744" spans="1:3" ht="19.2">
      <c r="A12744" s="2"/>
      <c r="B12744" s="2"/>
      <c r="C12744" s="2"/>
    </row>
    <row r="12745" spans="1:3" ht="19.2">
      <c r="A12745" s="2"/>
      <c r="B12745" s="2"/>
      <c r="C12745" s="2"/>
    </row>
    <row r="12746" spans="1:3" ht="19.2">
      <c r="A12746" s="2"/>
      <c r="B12746" s="2"/>
      <c r="C12746" s="2"/>
    </row>
    <row r="12747" spans="1:3" ht="19.2">
      <c r="A12747" s="2"/>
      <c r="B12747" s="2"/>
      <c r="C12747" s="2"/>
    </row>
    <row r="12748" spans="1:3" ht="19.2">
      <c r="A12748" s="2"/>
      <c r="B12748" s="2"/>
      <c r="C12748" s="2"/>
    </row>
    <row r="12749" spans="1:3" ht="19.2">
      <c r="A12749" s="2"/>
      <c r="B12749" s="2"/>
      <c r="C12749" s="2"/>
    </row>
    <row r="12750" spans="1:3" ht="19.2">
      <c r="A12750" s="2"/>
      <c r="B12750" s="2"/>
      <c r="C12750" s="2"/>
    </row>
    <row r="12751" spans="1:3" ht="19.2">
      <c r="A12751" s="2"/>
      <c r="B12751" s="2"/>
      <c r="C12751" s="2"/>
    </row>
    <row r="12752" spans="1:3" ht="19.2">
      <c r="A12752" s="2"/>
      <c r="B12752" s="2"/>
      <c r="C12752" s="2"/>
    </row>
    <row r="12753" spans="1:3" ht="19.2">
      <c r="A12753" s="2"/>
      <c r="B12753" s="2"/>
      <c r="C12753" s="2"/>
    </row>
    <row r="12754" spans="1:3" ht="19.2">
      <c r="A12754" s="2"/>
      <c r="B12754" s="2"/>
      <c r="C12754" s="2"/>
    </row>
    <row r="12755" spans="1:3" ht="19.2">
      <c r="A12755" s="2"/>
      <c r="B12755" s="2"/>
      <c r="C12755" s="2"/>
    </row>
    <row r="12756" spans="1:3" ht="19.2">
      <c r="A12756" s="2"/>
      <c r="B12756" s="2"/>
      <c r="C12756" s="2"/>
    </row>
    <row r="12757" spans="1:3" ht="19.2">
      <c r="A12757" s="2"/>
      <c r="B12757" s="2"/>
      <c r="C12757" s="2"/>
    </row>
    <row r="12758" spans="1:3" ht="19.2">
      <c r="A12758" s="2"/>
      <c r="B12758" s="2"/>
      <c r="C12758" s="2"/>
    </row>
    <row r="12759" spans="1:3" ht="19.2">
      <c r="A12759" s="2"/>
      <c r="B12759" s="2"/>
      <c r="C12759" s="2"/>
    </row>
    <row r="12760" spans="1:3" ht="19.2">
      <c r="A12760" s="2"/>
      <c r="B12760" s="2"/>
      <c r="C12760" s="2"/>
    </row>
    <row r="12761" spans="1:3" ht="19.2">
      <c r="A12761" s="2"/>
      <c r="B12761" s="2"/>
      <c r="C12761" s="2"/>
    </row>
    <row r="12762" spans="1:3" ht="19.2">
      <c r="A12762" s="2"/>
      <c r="B12762" s="2"/>
      <c r="C12762" s="2"/>
    </row>
    <row r="12763" spans="1:3" ht="19.2">
      <c r="A12763" s="2"/>
      <c r="B12763" s="2"/>
      <c r="C12763" s="2"/>
    </row>
    <row r="12764" spans="1:3" ht="19.2">
      <c r="A12764" s="2"/>
      <c r="B12764" s="2"/>
      <c r="C12764" s="2"/>
    </row>
    <row r="12765" spans="1:3" ht="19.2">
      <c r="A12765" s="2"/>
      <c r="B12765" s="2"/>
      <c r="C12765" s="2"/>
    </row>
    <row r="12766" spans="1:3" ht="19.2">
      <c r="A12766" s="2"/>
      <c r="B12766" s="2"/>
      <c r="C12766" s="2"/>
    </row>
    <row r="12767" spans="1:3" ht="19.2">
      <c r="A12767" s="2"/>
      <c r="B12767" s="2"/>
      <c r="C12767" s="2"/>
    </row>
    <row r="12768" spans="1:3" ht="19.2">
      <c r="A12768" s="2"/>
      <c r="B12768" s="2"/>
      <c r="C12768" s="2"/>
    </row>
    <row r="12769" spans="1:3" ht="19.2">
      <c r="A12769" s="2"/>
      <c r="B12769" s="2"/>
      <c r="C12769" s="2"/>
    </row>
    <row r="12770" spans="1:3" ht="19.2">
      <c r="A12770" s="2"/>
      <c r="B12770" s="2"/>
      <c r="C12770" s="2"/>
    </row>
    <row r="12771" spans="1:3" ht="19.2">
      <c r="A12771" s="2"/>
      <c r="B12771" s="2"/>
      <c r="C12771" s="2"/>
    </row>
    <row r="12772" spans="1:3" ht="19.2">
      <c r="A12772" s="2"/>
      <c r="B12772" s="2"/>
      <c r="C12772" s="2"/>
    </row>
    <row r="12773" spans="1:3" ht="19.2">
      <c r="A12773" s="2"/>
      <c r="B12773" s="2"/>
      <c r="C12773" s="2"/>
    </row>
    <row r="12774" spans="1:3" ht="19.2">
      <c r="A12774" s="2"/>
      <c r="B12774" s="2"/>
      <c r="C12774" s="2"/>
    </row>
    <row r="12775" spans="1:3" ht="19.2">
      <c r="A12775" s="2"/>
      <c r="B12775" s="2"/>
      <c r="C12775" s="2"/>
    </row>
    <row r="12776" spans="1:3" ht="19.2">
      <c r="A12776" s="2"/>
      <c r="B12776" s="2"/>
      <c r="C12776" s="2"/>
    </row>
    <row r="12777" spans="1:3" ht="19.2">
      <c r="A12777" s="2"/>
      <c r="B12777" s="2"/>
      <c r="C12777" s="2"/>
    </row>
    <row r="12778" spans="1:3" ht="19.2">
      <c r="A12778" s="2"/>
      <c r="B12778" s="2"/>
      <c r="C12778" s="2"/>
    </row>
    <row r="12779" spans="1:3" ht="19.2">
      <c r="A12779" s="2"/>
      <c r="B12779" s="2"/>
      <c r="C12779" s="2"/>
    </row>
    <row r="12780" spans="1:3" ht="19.2">
      <c r="A12780" s="2"/>
      <c r="B12780" s="2"/>
      <c r="C12780" s="2"/>
    </row>
    <row r="12781" spans="1:3" ht="19.2">
      <c r="A12781" s="2"/>
      <c r="B12781" s="2"/>
      <c r="C12781" s="2"/>
    </row>
    <row r="12782" spans="1:3" ht="19.2">
      <c r="A12782" s="2"/>
      <c r="B12782" s="2"/>
      <c r="C12782" s="2"/>
    </row>
    <row r="12783" spans="1:3" ht="19.2">
      <c r="A12783" s="2"/>
      <c r="B12783" s="2"/>
      <c r="C12783" s="2"/>
    </row>
    <row r="12784" spans="1:3" ht="19.2">
      <c r="A12784" s="2"/>
      <c r="B12784" s="2"/>
      <c r="C12784" s="2"/>
    </row>
    <row r="12785" spans="1:3" ht="19.2">
      <c r="A12785" s="2"/>
      <c r="B12785" s="2"/>
      <c r="C12785" s="2"/>
    </row>
    <row r="12786" spans="1:3" ht="19.2">
      <c r="A12786" s="2"/>
      <c r="B12786" s="2"/>
      <c r="C12786" s="2"/>
    </row>
    <row r="12787" spans="1:3" ht="19.2">
      <c r="A12787" s="2"/>
      <c r="B12787" s="2"/>
      <c r="C12787" s="2"/>
    </row>
    <row r="12788" spans="1:3" ht="19.2">
      <c r="A12788" s="2"/>
      <c r="B12788" s="2"/>
      <c r="C12788" s="2"/>
    </row>
    <row r="12789" spans="1:3" ht="19.2">
      <c r="A12789" s="2"/>
      <c r="B12789" s="2"/>
      <c r="C12789" s="2"/>
    </row>
    <row r="12790" spans="1:3" ht="19.2">
      <c r="A12790" s="2"/>
      <c r="B12790" s="2"/>
      <c r="C12790" s="2"/>
    </row>
    <row r="12791" spans="1:3" ht="19.2">
      <c r="A12791" s="2"/>
      <c r="B12791" s="2"/>
      <c r="C12791" s="2"/>
    </row>
    <row r="12792" spans="1:3" ht="19.2">
      <c r="A12792" s="2"/>
      <c r="B12792" s="2"/>
      <c r="C12792" s="2"/>
    </row>
    <row r="12793" spans="1:3" ht="19.2">
      <c r="A12793" s="2"/>
      <c r="B12793" s="2"/>
      <c r="C12793" s="2"/>
    </row>
    <row r="12794" spans="1:3" ht="19.2">
      <c r="A12794" s="2"/>
      <c r="B12794" s="2"/>
      <c r="C12794" s="2"/>
    </row>
    <row r="12795" spans="1:3" ht="19.2">
      <c r="A12795" s="2"/>
      <c r="B12795" s="2"/>
      <c r="C12795" s="2"/>
    </row>
    <row r="12796" spans="1:3" ht="19.2">
      <c r="A12796" s="2"/>
      <c r="B12796" s="2"/>
      <c r="C12796" s="2"/>
    </row>
    <row r="12797" spans="1:3" ht="19.2">
      <c r="A12797" s="2"/>
      <c r="B12797" s="2"/>
      <c r="C12797" s="2"/>
    </row>
    <row r="12798" spans="1:3" ht="19.2">
      <c r="A12798" s="2"/>
      <c r="B12798" s="2"/>
      <c r="C12798" s="2"/>
    </row>
    <row r="12799" spans="1:3" ht="19.2">
      <c r="A12799" s="2"/>
      <c r="B12799" s="2"/>
      <c r="C12799" s="2"/>
    </row>
    <row r="12800" spans="1:3" ht="19.2">
      <c r="A12800" s="2"/>
      <c r="B12800" s="2"/>
      <c r="C12800" s="2"/>
    </row>
    <row r="12801" spans="1:3" ht="19.2">
      <c r="A12801" s="2"/>
      <c r="B12801" s="2"/>
      <c r="C12801" s="2"/>
    </row>
    <row r="12802" spans="1:3" ht="19.2">
      <c r="A12802" s="2"/>
      <c r="B12802" s="2"/>
      <c r="C12802" s="2"/>
    </row>
    <row r="12803" spans="1:3" ht="19.2">
      <c r="A12803" s="2"/>
      <c r="B12803" s="2"/>
      <c r="C12803" s="2"/>
    </row>
    <row r="12804" spans="1:3" ht="19.2">
      <c r="A12804" s="2"/>
      <c r="B12804" s="2"/>
      <c r="C12804" s="2"/>
    </row>
    <row r="12805" spans="1:3" ht="19.2">
      <c r="A12805" s="2"/>
      <c r="B12805" s="2"/>
      <c r="C12805" s="2"/>
    </row>
    <row r="12806" spans="1:3" ht="19.2">
      <c r="A12806" s="2"/>
      <c r="B12806" s="2"/>
      <c r="C12806" s="2"/>
    </row>
    <row r="12807" spans="1:3" ht="19.2">
      <c r="A12807" s="2"/>
      <c r="B12807" s="2"/>
      <c r="C12807" s="2"/>
    </row>
    <row r="12808" spans="1:3" ht="19.2">
      <c r="A12808" s="2"/>
      <c r="B12808" s="2"/>
      <c r="C12808" s="2"/>
    </row>
    <row r="12809" spans="1:3" ht="19.2">
      <c r="A12809" s="2"/>
      <c r="B12809" s="2"/>
      <c r="C12809" s="2"/>
    </row>
    <row r="12810" spans="1:3" ht="19.2">
      <c r="A12810" s="2"/>
      <c r="B12810" s="2"/>
      <c r="C12810" s="2"/>
    </row>
    <row r="12811" spans="1:3" ht="19.2">
      <c r="A12811" s="2"/>
      <c r="B12811" s="2"/>
      <c r="C12811" s="2"/>
    </row>
    <row r="12812" spans="1:3" ht="19.2">
      <c r="A12812" s="2"/>
      <c r="B12812" s="2"/>
      <c r="C12812" s="2"/>
    </row>
    <row r="12813" spans="1:3" ht="19.2">
      <c r="A12813" s="2"/>
      <c r="B12813" s="2"/>
      <c r="C12813" s="2"/>
    </row>
    <row r="12814" spans="1:3" ht="19.2">
      <c r="A12814" s="2"/>
      <c r="B12814" s="2"/>
      <c r="C12814" s="2"/>
    </row>
    <row r="12815" spans="1:3" ht="19.2">
      <c r="A12815" s="2"/>
      <c r="B12815" s="2"/>
      <c r="C12815" s="2"/>
    </row>
    <row r="12816" spans="1:3" ht="19.2">
      <c r="A12816" s="2"/>
      <c r="B12816" s="2"/>
      <c r="C12816" s="2"/>
    </row>
    <row r="12817" spans="1:3" ht="19.2">
      <c r="A12817" s="2"/>
      <c r="B12817" s="2"/>
      <c r="C12817" s="2"/>
    </row>
    <row r="12818" spans="1:3" ht="19.2">
      <c r="A12818" s="2"/>
      <c r="B12818" s="2"/>
      <c r="C12818" s="2"/>
    </row>
    <row r="12819" spans="1:3" ht="19.2">
      <c r="A12819" s="2"/>
      <c r="B12819" s="2"/>
      <c r="C12819" s="2"/>
    </row>
    <row r="12820" spans="1:3" ht="19.2">
      <c r="A12820" s="2"/>
      <c r="B12820" s="2"/>
      <c r="C12820" s="2"/>
    </row>
    <row r="12821" spans="1:3" ht="19.2">
      <c r="A12821" s="2"/>
      <c r="B12821" s="2"/>
      <c r="C12821" s="2"/>
    </row>
    <row r="12822" spans="1:3" ht="19.2">
      <c r="A12822" s="2"/>
      <c r="B12822" s="2"/>
      <c r="C12822" s="2"/>
    </row>
    <row r="12823" spans="1:3" ht="19.2">
      <c r="A12823" s="2"/>
      <c r="B12823" s="2"/>
      <c r="C12823" s="2"/>
    </row>
    <row r="12824" spans="1:3" ht="19.2">
      <c r="A12824" s="2"/>
      <c r="B12824" s="2"/>
      <c r="C12824" s="2"/>
    </row>
    <row r="12825" spans="1:3" ht="19.2">
      <c r="A12825" s="2"/>
      <c r="B12825" s="2"/>
      <c r="C12825" s="2"/>
    </row>
    <row r="12826" spans="1:3" ht="19.2">
      <c r="A12826" s="2"/>
      <c r="B12826" s="2"/>
      <c r="C12826" s="2"/>
    </row>
    <row r="12827" spans="1:3" ht="19.2">
      <c r="A12827" s="2"/>
      <c r="B12827" s="2"/>
      <c r="C12827" s="2"/>
    </row>
    <row r="12828" spans="1:3" ht="19.2">
      <c r="A12828" s="2"/>
      <c r="B12828" s="2"/>
      <c r="C12828" s="2"/>
    </row>
    <row r="12829" spans="1:3" ht="19.2">
      <c r="A12829" s="2"/>
      <c r="B12829" s="2"/>
      <c r="C12829" s="2"/>
    </row>
    <row r="12830" spans="1:3" ht="19.2">
      <c r="A12830" s="2"/>
      <c r="B12830" s="2"/>
      <c r="C12830" s="2"/>
    </row>
    <row r="12831" spans="1:3" ht="19.2">
      <c r="A12831" s="2"/>
      <c r="B12831" s="2"/>
      <c r="C12831" s="2"/>
    </row>
    <row r="12832" spans="1:3" ht="19.2">
      <c r="A12832" s="2"/>
      <c r="B12832" s="2"/>
      <c r="C12832" s="2"/>
    </row>
    <row r="12833" spans="1:3" ht="19.2">
      <c r="A12833" s="2"/>
      <c r="B12833" s="2"/>
      <c r="C12833" s="2"/>
    </row>
    <row r="12834" spans="1:3" ht="19.2">
      <c r="A12834" s="2"/>
      <c r="B12834" s="2"/>
      <c r="C12834" s="2"/>
    </row>
    <row r="12835" spans="1:3" ht="19.2">
      <c r="A12835" s="2"/>
      <c r="B12835" s="2"/>
      <c r="C12835" s="2"/>
    </row>
    <row r="12836" spans="1:3" ht="19.2">
      <c r="A12836" s="2"/>
      <c r="B12836" s="2"/>
      <c r="C12836" s="2"/>
    </row>
    <row r="12837" spans="1:3" ht="19.2">
      <c r="A12837" s="2"/>
      <c r="B12837" s="2"/>
      <c r="C12837" s="2"/>
    </row>
    <row r="12838" spans="1:3" ht="19.2">
      <c r="A12838" s="2"/>
      <c r="B12838" s="2"/>
      <c r="C12838" s="2"/>
    </row>
    <row r="12839" spans="1:3" ht="19.2">
      <c r="A12839" s="2"/>
      <c r="B12839" s="2"/>
      <c r="C12839" s="2"/>
    </row>
    <row r="12840" spans="1:3" ht="19.2">
      <c r="A12840" s="2"/>
      <c r="B12840" s="2"/>
      <c r="C12840" s="2"/>
    </row>
    <row r="12841" spans="1:3" ht="19.2">
      <c r="A12841" s="2"/>
      <c r="B12841" s="2"/>
      <c r="C12841" s="2"/>
    </row>
    <row r="12842" spans="1:3" ht="19.2">
      <c r="A12842" s="2"/>
      <c r="B12842" s="2"/>
      <c r="C12842" s="2"/>
    </row>
    <row r="12843" spans="1:3" ht="19.2">
      <c r="A12843" s="2"/>
      <c r="B12843" s="2"/>
      <c r="C12843" s="2"/>
    </row>
    <row r="12844" spans="1:3" ht="19.2">
      <c r="A12844" s="2"/>
      <c r="B12844" s="2"/>
      <c r="C12844" s="2"/>
    </row>
    <row r="12845" spans="1:3" ht="19.2">
      <c r="A12845" s="2"/>
      <c r="B12845" s="2"/>
      <c r="C12845" s="2"/>
    </row>
    <row r="12846" spans="1:3" ht="19.2">
      <c r="A12846" s="2"/>
      <c r="B12846" s="2"/>
      <c r="C12846" s="2"/>
    </row>
    <row r="12847" spans="1:3" ht="19.2">
      <c r="A12847" s="2"/>
      <c r="B12847" s="2"/>
      <c r="C12847" s="2"/>
    </row>
    <row r="12848" spans="1:3" ht="19.2">
      <c r="A12848" s="2"/>
      <c r="B12848" s="2"/>
      <c r="C12848" s="2"/>
    </row>
    <row r="12849" spans="1:3" ht="19.2">
      <c r="A12849" s="2"/>
      <c r="B12849" s="2"/>
      <c r="C12849" s="2"/>
    </row>
    <row r="12850" spans="1:3" ht="19.2">
      <c r="A12850" s="2"/>
      <c r="B12850" s="2"/>
      <c r="C12850" s="2"/>
    </row>
    <row r="12851" spans="1:3" ht="19.2">
      <c r="A12851" s="2"/>
      <c r="B12851" s="2"/>
      <c r="C12851" s="2"/>
    </row>
    <row r="12852" spans="1:3" ht="19.2">
      <c r="A12852" s="2"/>
      <c r="B12852" s="2"/>
      <c r="C12852" s="2"/>
    </row>
    <row r="12853" spans="1:3" ht="19.2">
      <c r="A12853" s="2"/>
      <c r="B12853" s="2"/>
      <c r="C12853" s="2"/>
    </row>
    <row r="12854" spans="1:3" ht="19.2">
      <c r="A12854" s="2"/>
      <c r="B12854" s="2"/>
      <c r="C12854" s="2"/>
    </row>
    <row r="12855" spans="1:3" ht="19.2">
      <c r="A12855" s="2"/>
      <c r="B12855" s="2"/>
      <c r="C12855" s="2"/>
    </row>
    <row r="12856" spans="1:3" ht="19.2">
      <c r="A12856" s="2"/>
      <c r="B12856" s="2"/>
      <c r="C12856" s="2"/>
    </row>
    <row r="12857" spans="1:3" ht="19.2">
      <c r="A12857" s="2"/>
      <c r="B12857" s="2"/>
      <c r="C12857" s="2"/>
    </row>
    <row r="12858" spans="1:3" ht="19.2">
      <c r="A12858" s="2"/>
      <c r="B12858" s="2"/>
      <c r="C12858" s="2"/>
    </row>
    <row r="12859" spans="1:3" ht="19.2">
      <c r="A12859" s="2"/>
      <c r="B12859" s="2"/>
      <c r="C12859" s="2"/>
    </row>
    <row r="12860" spans="1:3" ht="19.2">
      <c r="A12860" s="2"/>
      <c r="B12860" s="2"/>
      <c r="C12860" s="2"/>
    </row>
    <row r="12861" spans="1:3" ht="19.2">
      <c r="A12861" s="2"/>
      <c r="B12861" s="2"/>
      <c r="C12861" s="2"/>
    </row>
    <row r="12862" spans="1:3" ht="19.2">
      <c r="A12862" s="2"/>
      <c r="B12862" s="2"/>
      <c r="C12862" s="2"/>
    </row>
    <row r="12863" spans="1:3" ht="19.2">
      <c r="A12863" s="2"/>
      <c r="B12863" s="2"/>
      <c r="C12863" s="2"/>
    </row>
    <row r="12864" spans="1:3" ht="19.2">
      <c r="A12864" s="2"/>
      <c r="B12864" s="2"/>
      <c r="C12864" s="2"/>
    </row>
    <row r="12865" spans="1:3" ht="19.2">
      <c r="A12865" s="2"/>
      <c r="B12865" s="2"/>
      <c r="C12865" s="2"/>
    </row>
    <row r="12866" spans="1:3" ht="19.2">
      <c r="A12866" s="2"/>
      <c r="B12866" s="2"/>
      <c r="C12866" s="2"/>
    </row>
    <row r="12867" spans="1:3" ht="19.2">
      <c r="A12867" s="2"/>
      <c r="B12867" s="2"/>
      <c r="C12867" s="2"/>
    </row>
    <row r="12868" spans="1:3" ht="19.2">
      <c r="A12868" s="2"/>
      <c r="B12868" s="2"/>
      <c r="C12868" s="2"/>
    </row>
    <row r="12869" spans="1:3" ht="19.2">
      <c r="A12869" s="2"/>
      <c r="B12869" s="2"/>
      <c r="C12869" s="2"/>
    </row>
    <row r="12870" spans="1:3" ht="19.2">
      <c r="A12870" s="2"/>
      <c r="B12870" s="2"/>
      <c r="C12870" s="2"/>
    </row>
    <row r="12871" spans="1:3" ht="19.2">
      <c r="A12871" s="2"/>
      <c r="B12871" s="2"/>
      <c r="C12871" s="2"/>
    </row>
    <row r="12872" spans="1:3" ht="19.2">
      <c r="A12872" s="2"/>
      <c r="B12872" s="2"/>
      <c r="C12872" s="2"/>
    </row>
    <row r="12873" spans="1:3" ht="19.2">
      <c r="A12873" s="2"/>
      <c r="B12873" s="2"/>
      <c r="C12873" s="2"/>
    </row>
    <row r="12874" spans="1:3" ht="19.2">
      <c r="A12874" s="2"/>
      <c r="B12874" s="2"/>
      <c r="C12874" s="2"/>
    </row>
    <row r="12875" spans="1:3" ht="19.2">
      <c r="A12875" s="2"/>
      <c r="B12875" s="2"/>
      <c r="C12875" s="2"/>
    </row>
    <row r="12876" spans="1:3" ht="19.2">
      <c r="A12876" s="2"/>
      <c r="B12876" s="2"/>
      <c r="C12876" s="2"/>
    </row>
    <row r="12877" spans="1:3" ht="19.2">
      <c r="A12877" s="2"/>
      <c r="B12877" s="2"/>
      <c r="C12877" s="2"/>
    </row>
    <row r="12878" spans="1:3" ht="19.2">
      <c r="A12878" s="2"/>
      <c r="B12878" s="2"/>
      <c r="C12878" s="2"/>
    </row>
    <row r="12879" spans="1:3" ht="19.2">
      <c r="A12879" s="2"/>
      <c r="B12879" s="2"/>
      <c r="C12879" s="2"/>
    </row>
    <row r="12880" spans="1:3" ht="19.2">
      <c r="A12880" s="2"/>
      <c r="B12880" s="2"/>
      <c r="C12880" s="2"/>
    </row>
    <row r="12881" spans="1:3" ht="19.2">
      <c r="A12881" s="2"/>
      <c r="B12881" s="2"/>
      <c r="C12881" s="2"/>
    </row>
    <row r="12882" spans="1:3" ht="19.2">
      <c r="A12882" s="2"/>
      <c r="B12882" s="2"/>
      <c r="C12882" s="2"/>
    </row>
    <row r="12883" spans="1:3" ht="19.2">
      <c r="A12883" s="2"/>
      <c r="B12883" s="2"/>
      <c r="C12883" s="2"/>
    </row>
    <row r="12884" spans="1:3" ht="19.2">
      <c r="A12884" s="2"/>
      <c r="B12884" s="2"/>
      <c r="C12884" s="2"/>
    </row>
    <row r="12885" spans="1:3" ht="19.2">
      <c r="A12885" s="2"/>
      <c r="B12885" s="2"/>
      <c r="C12885" s="2"/>
    </row>
    <row r="12886" spans="1:3" ht="19.2">
      <c r="A12886" s="2"/>
      <c r="B12886" s="2"/>
      <c r="C12886" s="2"/>
    </row>
    <row r="12887" spans="1:3" ht="19.2">
      <c r="A12887" s="2"/>
      <c r="B12887" s="2"/>
      <c r="C12887" s="2"/>
    </row>
    <row r="12888" spans="1:3" ht="19.2">
      <c r="A12888" s="2"/>
      <c r="B12888" s="2"/>
      <c r="C12888" s="2"/>
    </row>
    <row r="12889" spans="1:3" ht="19.2">
      <c r="A12889" s="2"/>
      <c r="B12889" s="2"/>
      <c r="C12889" s="2"/>
    </row>
    <row r="12890" spans="1:3" ht="19.2">
      <c r="A12890" s="2"/>
      <c r="B12890" s="2"/>
      <c r="C12890" s="2"/>
    </row>
    <row r="12891" spans="1:3" ht="19.2">
      <c r="A12891" s="2"/>
      <c r="B12891" s="2"/>
      <c r="C12891" s="2"/>
    </row>
    <row r="12892" spans="1:3" ht="19.2">
      <c r="A12892" s="2"/>
      <c r="B12892" s="2"/>
      <c r="C12892" s="2"/>
    </row>
    <row r="12893" spans="1:3" ht="19.2">
      <c r="A12893" s="2"/>
      <c r="B12893" s="2"/>
      <c r="C12893" s="2"/>
    </row>
    <row r="12894" spans="1:3" ht="19.2">
      <c r="A12894" s="2"/>
      <c r="B12894" s="2"/>
      <c r="C12894" s="2"/>
    </row>
    <row r="12895" spans="1:3" ht="19.2">
      <c r="A12895" s="2"/>
      <c r="B12895" s="2"/>
      <c r="C12895" s="2"/>
    </row>
    <row r="12896" spans="1:3" ht="19.2">
      <c r="A12896" s="2"/>
      <c r="B12896" s="2"/>
      <c r="C12896" s="2"/>
    </row>
    <row r="12897" spans="1:3" ht="19.2">
      <c r="A12897" s="2"/>
      <c r="B12897" s="2"/>
      <c r="C12897" s="2"/>
    </row>
    <row r="12898" spans="1:3" ht="19.2">
      <c r="A12898" s="2"/>
      <c r="B12898" s="2"/>
      <c r="C12898" s="2"/>
    </row>
    <row r="12899" spans="1:3" ht="19.2">
      <c r="A12899" s="2"/>
      <c r="B12899" s="2"/>
      <c r="C12899" s="2"/>
    </row>
    <row r="12900" spans="1:3" ht="19.2">
      <c r="A12900" s="2"/>
      <c r="B12900" s="2"/>
      <c r="C12900" s="2"/>
    </row>
    <row r="12901" spans="1:3" ht="19.2">
      <c r="A12901" s="2"/>
      <c r="B12901" s="2"/>
      <c r="C12901" s="2"/>
    </row>
    <row r="12902" spans="1:3" ht="19.2">
      <c r="A12902" s="2"/>
      <c r="B12902" s="2"/>
      <c r="C12902" s="2"/>
    </row>
    <row r="12903" spans="1:3" ht="19.2">
      <c r="A12903" s="2"/>
      <c r="B12903" s="2"/>
      <c r="C12903" s="2"/>
    </row>
    <row r="12904" spans="1:3" ht="19.2">
      <c r="A12904" s="2"/>
      <c r="B12904" s="2"/>
      <c r="C12904" s="2"/>
    </row>
    <row r="12905" spans="1:3" ht="19.2">
      <c r="A12905" s="2"/>
      <c r="B12905" s="2"/>
      <c r="C12905" s="2"/>
    </row>
    <row r="12906" spans="1:3" ht="19.2">
      <c r="A12906" s="2"/>
      <c r="B12906" s="2"/>
      <c r="C12906" s="2"/>
    </row>
    <row r="12907" spans="1:3" ht="19.2">
      <c r="A12907" s="2"/>
      <c r="B12907" s="2"/>
      <c r="C12907" s="2"/>
    </row>
    <row r="12908" spans="1:3" ht="19.2">
      <c r="A12908" s="2"/>
      <c r="B12908" s="2"/>
      <c r="C12908" s="2"/>
    </row>
    <row r="12909" spans="1:3" ht="19.2">
      <c r="A12909" s="2"/>
      <c r="B12909" s="2"/>
      <c r="C12909" s="2"/>
    </row>
    <row r="12910" spans="1:3" ht="19.2">
      <c r="A12910" s="2"/>
      <c r="B12910" s="2"/>
      <c r="C12910" s="2"/>
    </row>
    <row r="12911" spans="1:3" ht="19.2">
      <c r="A12911" s="2"/>
      <c r="B12911" s="2"/>
      <c r="C12911" s="2"/>
    </row>
    <row r="12912" spans="1:3" ht="19.2">
      <c r="A12912" s="2"/>
      <c r="B12912" s="2"/>
      <c r="C12912" s="2"/>
    </row>
    <row r="12913" spans="1:3" ht="19.2">
      <c r="A12913" s="2"/>
      <c r="B12913" s="2"/>
      <c r="C12913" s="2"/>
    </row>
    <row r="12914" spans="1:3" ht="19.2">
      <c r="A12914" s="2"/>
      <c r="B12914" s="2"/>
      <c r="C12914" s="2"/>
    </row>
    <row r="12915" spans="1:3" ht="19.2">
      <c r="A12915" s="2"/>
      <c r="B12915" s="2"/>
      <c r="C12915" s="2"/>
    </row>
    <row r="12916" spans="1:3" ht="19.2">
      <c r="A12916" s="2"/>
      <c r="B12916" s="2"/>
      <c r="C12916" s="2"/>
    </row>
    <row r="12917" spans="1:3" ht="19.2">
      <c r="A12917" s="2"/>
      <c r="B12917" s="2"/>
      <c r="C12917" s="2"/>
    </row>
    <row r="12918" spans="1:3" ht="19.2">
      <c r="A12918" s="2"/>
      <c r="B12918" s="2"/>
      <c r="C12918" s="2"/>
    </row>
    <row r="12919" spans="1:3" ht="19.2">
      <c r="A12919" s="2"/>
      <c r="B12919" s="2"/>
      <c r="C12919" s="2"/>
    </row>
    <row r="12920" spans="1:3" ht="19.2">
      <c r="A12920" s="2"/>
      <c r="B12920" s="2"/>
      <c r="C12920" s="2"/>
    </row>
    <row r="12921" spans="1:3" ht="19.2">
      <c r="A12921" s="2"/>
      <c r="B12921" s="2"/>
      <c r="C12921" s="2"/>
    </row>
    <row r="12922" spans="1:3" ht="19.2">
      <c r="A12922" s="2"/>
      <c r="B12922" s="2"/>
      <c r="C12922" s="2"/>
    </row>
    <row r="12923" spans="1:3" ht="19.2">
      <c r="A12923" s="2"/>
      <c r="B12923" s="2"/>
      <c r="C12923" s="2"/>
    </row>
    <row r="12924" spans="1:3" ht="19.2">
      <c r="A12924" s="2"/>
      <c r="B12924" s="2"/>
      <c r="C12924" s="2"/>
    </row>
    <row r="12925" spans="1:3" ht="19.2">
      <c r="A12925" s="2"/>
      <c r="B12925" s="2"/>
      <c r="C12925" s="2"/>
    </row>
    <row r="12926" spans="1:3" ht="19.2">
      <c r="A12926" s="2"/>
      <c r="B12926" s="2"/>
      <c r="C12926" s="2"/>
    </row>
    <row r="12927" spans="1:3" ht="19.2">
      <c r="A12927" s="2"/>
      <c r="B12927" s="2"/>
      <c r="C12927" s="2"/>
    </row>
    <row r="12928" spans="1:3" ht="19.2">
      <c r="A12928" s="2"/>
      <c r="B12928" s="2"/>
      <c r="C12928" s="2"/>
    </row>
    <row r="12929" spans="1:3" ht="19.2">
      <c r="A12929" s="2"/>
      <c r="B12929" s="2"/>
      <c r="C12929" s="2"/>
    </row>
    <row r="12930" spans="1:3" ht="19.2">
      <c r="A12930" s="2"/>
      <c r="B12930" s="2"/>
      <c r="C12930" s="2"/>
    </row>
    <row r="12931" spans="1:3" ht="19.2">
      <c r="A12931" s="2"/>
      <c r="B12931" s="2"/>
      <c r="C12931" s="2"/>
    </row>
    <row r="12932" spans="1:3" ht="19.2">
      <c r="A12932" s="2"/>
      <c r="B12932" s="2"/>
      <c r="C12932" s="2"/>
    </row>
    <row r="12933" spans="1:3" ht="19.2">
      <c r="A12933" s="2"/>
      <c r="B12933" s="2"/>
      <c r="C12933" s="2"/>
    </row>
    <row r="12934" spans="1:3" ht="19.2">
      <c r="A12934" s="2"/>
      <c r="B12934" s="2"/>
      <c r="C12934" s="2"/>
    </row>
    <row r="12935" spans="1:3" ht="19.2">
      <c r="A12935" s="2"/>
      <c r="B12935" s="2"/>
      <c r="C12935" s="2"/>
    </row>
    <row r="12936" spans="1:3" ht="19.2">
      <c r="A12936" s="2"/>
      <c r="B12936" s="2"/>
      <c r="C12936" s="2"/>
    </row>
    <row r="12937" spans="1:3" ht="19.2">
      <c r="A12937" s="2"/>
      <c r="B12937" s="2"/>
      <c r="C12937" s="2"/>
    </row>
    <row r="12938" spans="1:3" ht="19.2">
      <c r="A12938" s="2"/>
      <c r="B12938" s="2"/>
      <c r="C12938" s="2"/>
    </row>
    <row r="12939" spans="1:3" ht="19.2">
      <c r="A12939" s="2"/>
      <c r="B12939" s="2"/>
      <c r="C12939" s="2"/>
    </row>
    <row r="12940" spans="1:3" ht="19.2">
      <c r="A12940" s="2"/>
      <c r="B12940" s="2"/>
      <c r="C12940" s="2"/>
    </row>
    <row r="12941" spans="1:3" ht="19.2">
      <c r="A12941" s="2"/>
      <c r="B12941" s="2"/>
      <c r="C12941" s="2"/>
    </row>
    <row r="12942" spans="1:3" ht="19.2">
      <c r="A12942" s="2"/>
      <c r="B12942" s="2"/>
      <c r="C12942" s="2"/>
    </row>
    <row r="12943" spans="1:3" ht="19.2">
      <c r="A12943" s="2"/>
      <c r="B12943" s="2"/>
      <c r="C12943" s="2"/>
    </row>
    <row r="12944" spans="1:3" ht="19.2">
      <c r="A12944" s="2"/>
      <c r="B12944" s="2"/>
      <c r="C12944" s="2"/>
    </row>
    <row r="12945" spans="1:3" ht="19.2">
      <c r="A12945" s="2"/>
      <c r="B12945" s="2"/>
      <c r="C12945" s="2"/>
    </row>
    <row r="12946" spans="1:3" ht="19.2">
      <c r="A12946" s="2"/>
      <c r="B12946" s="2"/>
      <c r="C12946" s="2"/>
    </row>
    <row r="12947" spans="1:3" ht="19.2">
      <c r="A12947" s="2"/>
      <c r="B12947" s="2"/>
      <c r="C12947" s="2"/>
    </row>
    <row r="12948" spans="1:3" ht="19.2">
      <c r="A12948" s="2"/>
      <c r="B12948" s="2"/>
      <c r="C12948" s="2"/>
    </row>
    <row r="12949" spans="1:3" ht="19.2">
      <c r="A12949" s="2"/>
      <c r="B12949" s="2"/>
      <c r="C12949" s="2"/>
    </row>
    <row r="12950" spans="1:3" ht="19.2">
      <c r="A12950" s="2"/>
      <c r="B12950" s="2"/>
      <c r="C12950" s="2"/>
    </row>
    <row r="12951" spans="1:3" ht="19.2">
      <c r="A12951" s="2"/>
      <c r="B12951" s="2"/>
      <c r="C12951" s="2"/>
    </row>
    <row r="12952" spans="1:3" ht="19.2">
      <c r="A12952" s="2"/>
      <c r="B12952" s="2"/>
      <c r="C12952" s="2"/>
    </row>
    <row r="12953" spans="1:3" ht="19.2">
      <c r="A12953" s="2"/>
      <c r="B12953" s="2"/>
      <c r="C12953" s="2"/>
    </row>
    <row r="12954" spans="1:3" ht="19.2">
      <c r="A12954" s="2"/>
      <c r="B12954" s="2"/>
      <c r="C12954" s="2"/>
    </row>
    <row r="12955" spans="1:3" ht="19.2">
      <c r="A12955" s="2"/>
      <c r="B12955" s="2"/>
      <c r="C12955" s="2"/>
    </row>
    <row r="12956" spans="1:3" ht="19.2">
      <c r="A12956" s="2"/>
      <c r="B12956" s="2"/>
      <c r="C12956" s="2"/>
    </row>
    <row r="12957" spans="1:3" ht="19.2">
      <c r="A12957" s="2"/>
      <c r="B12957" s="2"/>
      <c r="C12957" s="2"/>
    </row>
    <row r="12958" spans="1:3" ht="19.2">
      <c r="A12958" s="2"/>
      <c r="B12958" s="2"/>
      <c r="C12958" s="2"/>
    </row>
    <row r="12959" spans="1:3" ht="19.2">
      <c r="A12959" s="2"/>
      <c r="B12959" s="2"/>
      <c r="C12959" s="2"/>
    </row>
    <row r="12960" spans="1:3" ht="19.2">
      <c r="A12960" s="2"/>
      <c r="B12960" s="2"/>
      <c r="C12960" s="2"/>
    </row>
    <row r="12961" spans="1:3" ht="19.2">
      <c r="A12961" s="2"/>
      <c r="B12961" s="2"/>
      <c r="C12961" s="2"/>
    </row>
    <row r="12962" spans="1:3" ht="19.2">
      <c r="A12962" s="2"/>
      <c r="B12962" s="2"/>
      <c r="C12962" s="2"/>
    </row>
    <row r="12963" spans="1:3" ht="19.2">
      <c r="A12963" s="2"/>
      <c r="B12963" s="2"/>
      <c r="C12963" s="2"/>
    </row>
    <row r="12964" spans="1:3" ht="19.2">
      <c r="A12964" s="2"/>
      <c r="B12964" s="2"/>
      <c r="C12964" s="2"/>
    </row>
    <row r="12965" spans="1:3" ht="19.2">
      <c r="A12965" s="2"/>
      <c r="B12965" s="2"/>
      <c r="C12965" s="2"/>
    </row>
    <row r="12966" spans="1:3" ht="19.2">
      <c r="A12966" s="2"/>
      <c r="B12966" s="2"/>
      <c r="C12966" s="2"/>
    </row>
    <row r="12967" spans="1:3" ht="19.2">
      <c r="A12967" s="2"/>
      <c r="B12967" s="2"/>
      <c r="C12967" s="2"/>
    </row>
    <row r="12968" spans="1:3" ht="19.2">
      <c r="A12968" s="2"/>
      <c r="B12968" s="2"/>
      <c r="C12968" s="2"/>
    </row>
    <row r="12969" spans="1:3" ht="19.2">
      <c r="A12969" s="2"/>
      <c r="B12969" s="2"/>
      <c r="C12969" s="2"/>
    </row>
    <row r="12970" spans="1:3" ht="19.2">
      <c r="A12970" s="2"/>
      <c r="B12970" s="2"/>
      <c r="C12970" s="2"/>
    </row>
    <row r="12971" spans="1:3" ht="19.2">
      <c r="A12971" s="2"/>
      <c r="B12971" s="2"/>
      <c r="C12971" s="2"/>
    </row>
    <row r="12972" spans="1:3" ht="19.2">
      <c r="A12972" s="2"/>
      <c r="B12972" s="2"/>
      <c r="C12972" s="2"/>
    </row>
    <row r="12973" spans="1:3" ht="19.2">
      <c r="A12973" s="2"/>
      <c r="B12973" s="2"/>
      <c r="C12973" s="2"/>
    </row>
    <row r="12974" spans="1:3" ht="19.2">
      <c r="A12974" s="2"/>
      <c r="B12974" s="2"/>
      <c r="C12974" s="2"/>
    </row>
    <row r="12975" spans="1:3" ht="19.2">
      <c r="A12975" s="2"/>
      <c r="B12975" s="2"/>
      <c r="C12975" s="2"/>
    </row>
    <row r="12976" spans="1:3" ht="19.2">
      <c r="A12976" s="2"/>
      <c r="B12976" s="2"/>
      <c r="C12976" s="2"/>
    </row>
    <row r="12977" spans="1:3" ht="19.2">
      <c r="A12977" s="2"/>
      <c r="B12977" s="2"/>
      <c r="C12977" s="2"/>
    </row>
    <row r="12978" spans="1:3" ht="19.2">
      <c r="A12978" s="2"/>
      <c r="B12978" s="2"/>
      <c r="C12978" s="2"/>
    </row>
    <row r="12979" spans="1:3" ht="19.2">
      <c r="A12979" s="2"/>
      <c r="B12979" s="2"/>
      <c r="C12979" s="2"/>
    </row>
    <row r="12980" spans="1:3" ht="19.2">
      <c r="A12980" s="2"/>
      <c r="B12980" s="2"/>
      <c r="C12980" s="2"/>
    </row>
    <row r="12981" spans="1:3" ht="19.2">
      <c r="A12981" s="2"/>
      <c r="B12981" s="2"/>
      <c r="C12981" s="2"/>
    </row>
    <row r="12982" spans="1:3" ht="19.2">
      <c r="A12982" s="2"/>
      <c r="B12982" s="2"/>
      <c r="C12982" s="2"/>
    </row>
    <row r="12983" spans="1:3" ht="19.2">
      <c r="A12983" s="2"/>
      <c r="B12983" s="2"/>
      <c r="C12983" s="2"/>
    </row>
    <row r="12984" spans="1:3" ht="19.2">
      <c r="A12984" s="2"/>
      <c r="B12984" s="2"/>
      <c r="C12984" s="2"/>
    </row>
    <row r="12985" spans="1:3" ht="19.2">
      <c r="A12985" s="2"/>
      <c r="B12985" s="2"/>
      <c r="C12985" s="2"/>
    </row>
    <row r="12986" spans="1:3" ht="19.2">
      <c r="A12986" s="2"/>
      <c r="B12986" s="2"/>
      <c r="C12986" s="2"/>
    </row>
    <row r="12987" spans="1:3" ht="19.2">
      <c r="A12987" s="2"/>
      <c r="B12987" s="2"/>
      <c r="C12987" s="2"/>
    </row>
    <row r="12988" spans="1:3" ht="19.2">
      <c r="A12988" s="2"/>
      <c r="B12988" s="2"/>
      <c r="C12988" s="2"/>
    </row>
    <row r="12989" spans="1:3" ht="19.2">
      <c r="A12989" s="2"/>
      <c r="B12989" s="2"/>
      <c r="C12989" s="2"/>
    </row>
    <row r="12990" spans="1:3" ht="19.2">
      <c r="A12990" s="2"/>
      <c r="B12990" s="2"/>
      <c r="C12990" s="2"/>
    </row>
    <row r="12991" spans="1:3" ht="19.2">
      <c r="A12991" s="2"/>
      <c r="B12991" s="2"/>
      <c r="C12991" s="2"/>
    </row>
    <row r="12992" spans="1:3" ht="19.2">
      <c r="A12992" s="2"/>
      <c r="B12992" s="2"/>
      <c r="C12992" s="2"/>
    </row>
    <row r="12993" spans="1:3" ht="19.2">
      <c r="A12993" s="2"/>
      <c r="B12993" s="2"/>
      <c r="C12993" s="2"/>
    </row>
    <row r="12994" spans="1:3" ht="19.2">
      <c r="A12994" s="2"/>
      <c r="B12994" s="2"/>
      <c r="C12994" s="2"/>
    </row>
    <row r="12995" spans="1:3" ht="19.2">
      <c r="A12995" s="2"/>
      <c r="B12995" s="2"/>
      <c r="C12995" s="2"/>
    </row>
    <row r="12996" spans="1:3" ht="19.2">
      <c r="A12996" s="2"/>
      <c r="B12996" s="2"/>
      <c r="C12996" s="2"/>
    </row>
    <row r="12997" spans="1:3" ht="19.2">
      <c r="A12997" s="2"/>
      <c r="B12997" s="2"/>
      <c r="C12997" s="2"/>
    </row>
    <row r="12998" spans="1:3" ht="19.2">
      <c r="A12998" s="2"/>
      <c r="B12998" s="2"/>
      <c r="C12998" s="2"/>
    </row>
    <row r="12999" spans="1:3" ht="19.2">
      <c r="A12999" s="2"/>
      <c r="B12999" s="2"/>
      <c r="C12999" s="2"/>
    </row>
    <row r="13000" spans="1:3" ht="19.2">
      <c r="A13000" s="2"/>
      <c r="B13000" s="2"/>
      <c r="C13000" s="2"/>
    </row>
    <row r="13001" spans="1:3" ht="19.2">
      <c r="A13001" s="2"/>
      <c r="B13001" s="2"/>
      <c r="C13001" s="2"/>
    </row>
    <row r="13002" spans="1:3" ht="19.2">
      <c r="A13002" s="2"/>
      <c r="B13002" s="2"/>
      <c r="C13002" s="2"/>
    </row>
    <row r="13003" spans="1:3" ht="19.2">
      <c r="A13003" s="2"/>
      <c r="B13003" s="2"/>
      <c r="C13003" s="2"/>
    </row>
    <row r="13004" spans="1:3" ht="19.2">
      <c r="A13004" s="2"/>
      <c r="B13004" s="2"/>
      <c r="C13004" s="2"/>
    </row>
    <row r="13005" spans="1:3" ht="19.2">
      <c r="A13005" s="2"/>
      <c r="B13005" s="2"/>
      <c r="C13005" s="2"/>
    </row>
    <row r="13006" spans="1:3" ht="19.2">
      <c r="A13006" s="2"/>
      <c r="B13006" s="2"/>
      <c r="C13006" s="2"/>
    </row>
    <row r="13007" spans="1:3" ht="19.2">
      <c r="A13007" s="2"/>
      <c r="B13007" s="2"/>
      <c r="C13007" s="2"/>
    </row>
    <row r="13008" spans="1:3" ht="19.2">
      <c r="A13008" s="2"/>
      <c r="B13008" s="2"/>
      <c r="C13008" s="2"/>
    </row>
    <row r="13009" spans="1:3" ht="19.2">
      <c r="A13009" s="2"/>
      <c r="B13009" s="2"/>
      <c r="C13009" s="2"/>
    </row>
    <row r="13010" spans="1:3" ht="19.2">
      <c r="A13010" s="2"/>
      <c r="B13010" s="2"/>
      <c r="C13010" s="2"/>
    </row>
    <row r="13011" spans="1:3" ht="19.2">
      <c r="A13011" s="2"/>
      <c r="B13011" s="2"/>
      <c r="C13011" s="2"/>
    </row>
    <row r="13012" spans="1:3" ht="19.2">
      <c r="A13012" s="2"/>
      <c r="B13012" s="2"/>
      <c r="C13012" s="2"/>
    </row>
    <row r="13013" spans="1:3" ht="19.2">
      <c r="A13013" s="2"/>
      <c r="B13013" s="2"/>
      <c r="C13013" s="2"/>
    </row>
    <row r="13014" spans="1:3" ht="19.2">
      <c r="A13014" s="2"/>
      <c r="B13014" s="2"/>
      <c r="C13014" s="2"/>
    </row>
    <row r="13015" spans="1:3" ht="19.2">
      <c r="A13015" s="2"/>
      <c r="B13015" s="2"/>
      <c r="C13015" s="2"/>
    </row>
    <row r="13016" spans="1:3" ht="19.2">
      <c r="A13016" s="2"/>
      <c r="B13016" s="2"/>
      <c r="C13016" s="2"/>
    </row>
    <row r="13017" spans="1:3" ht="19.2">
      <c r="A13017" s="2"/>
      <c r="B13017" s="2"/>
      <c r="C13017" s="2"/>
    </row>
    <row r="13018" spans="1:3" ht="19.2">
      <c r="A13018" s="2"/>
      <c r="B13018" s="2"/>
      <c r="C13018" s="2"/>
    </row>
    <row r="13019" spans="1:3" ht="19.2">
      <c r="A13019" s="2"/>
      <c r="B13019" s="2"/>
      <c r="C13019" s="2"/>
    </row>
    <row r="13020" spans="1:3" ht="19.2">
      <c r="A13020" s="2"/>
      <c r="B13020" s="2"/>
      <c r="C13020" s="2"/>
    </row>
    <row r="13021" spans="1:3" ht="19.2">
      <c r="A13021" s="2"/>
      <c r="B13021" s="2"/>
      <c r="C13021" s="2"/>
    </row>
    <row r="13022" spans="1:3" ht="19.2">
      <c r="A13022" s="2"/>
      <c r="B13022" s="2"/>
      <c r="C13022" s="2"/>
    </row>
    <row r="13023" spans="1:3" ht="19.2">
      <c r="A13023" s="2"/>
      <c r="B13023" s="2"/>
      <c r="C13023" s="2"/>
    </row>
    <row r="13024" spans="1:3" ht="19.2">
      <c r="A13024" s="2"/>
      <c r="B13024" s="2"/>
      <c r="C13024" s="2"/>
    </row>
    <row r="13025" spans="1:3" ht="19.2">
      <c r="A13025" s="2"/>
      <c r="B13025" s="2"/>
      <c r="C13025" s="2"/>
    </row>
    <row r="13026" spans="1:3" ht="19.2">
      <c r="A13026" s="2"/>
      <c r="B13026" s="2"/>
      <c r="C13026" s="2"/>
    </row>
    <row r="13027" spans="1:3" ht="19.2">
      <c r="A13027" s="2"/>
      <c r="B13027" s="2"/>
      <c r="C13027" s="2"/>
    </row>
    <row r="13028" spans="1:3" ht="19.2">
      <c r="A13028" s="2"/>
      <c r="B13028" s="2"/>
      <c r="C13028" s="2"/>
    </row>
    <row r="13029" spans="1:3" ht="19.2">
      <c r="A13029" s="2"/>
      <c r="B13029" s="2"/>
      <c r="C13029" s="2"/>
    </row>
    <row r="13030" spans="1:3" ht="19.2">
      <c r="A13030" s="2"/>
      <c r="B13030" s="2"/>
      <c r="C13030" s="2"/>
    </row>
    <row r="13031" spans="1:3" ht="19.2">
      <c r="A13031" s="2"/>
      <c r="B13031" s="2"/>
      <c r="C13031" s="2"/>
    </row>
    <row r="13032" spans="1:3" ht="19.2">
      <c r="A13032" s="2"/>
      <c r="B13032" s="2"/>
      <c r="C13032" s="2"/>
    </row>
    <row r="13033" spans="1:3" ht="19.2">
      <c r="A13033" s="2"/>
      <c r="B13033" s="2"/>
      <c r="C13033" s="2"/>
    </row>
    <row r="13034" spans="1:3" ht="19.2">
      <c r="A13034" s="2"/>
      <c r="B13034" s="2"/>
      <c r="C13034" s="2"/>
    </row>
    <row r="13035" spans="1:3" ht="19.2">
      <c r="A13035" s="2"/>
      <c r="B13035" s="2"/>
      <c r="C13035" s="2"/>
    </row>
    <row r="13036" spans="1:3" ht="19.2">
      <c r="A13036" s="2"/>
      <c r="B13036" s="2"/>
      <c r="C13036" s="2"/>
    </row>
    <row r="13037" spans="1:3" ht="19.2">
      <c r="A13037" s="2"/>
      <c r="B13037" s="2"/>
      <c r="C13037" s="2"/>
    </row>
    <row r="13038" spans="1:3" ht="19.2">
      <c r="A13038" s="2"/>
      <c r="B13038" s="2"/>
      <c r="C13038" s="2"/>
    </row>
    <row r="13039" spans="1:3" ht="19.2">
      <c r="A13039" s="2"/>
      <c r="B13039" s="2"/>
      <c r="C13039" s="2"/>
    </row>
    <row r="13040" spans="1:3" ht="19.2">
      <c r="A13040" s="2"/>
      <c r="B13040" s="2"/>
      <c r="C13040" s="2"/>
    </row>
    <row r="13041" spans="1:3" ht="19.2">
      <c r="A13041" s="2"/>
      <c r="B13041" s="2"/>
      <c r="C13041" s="2"/>
    </row>
    <row r="13042" spans="1:3" ht="19.2">
      <c r="A13042" s="2"/>
      <c r="B13042" s="2"/>
      <c r="C13042" s="2"/>
    </row>
    <row r="13043" spans="1:3" ht="19.2">
      <c r="A13043" s="2"/>
      <c r="B13043" s="2"/>
      <c r="C13043" s="2"/>
    </row>
    <row r="13044" spans="1:3" ht="19.2">
      <c r="A13044" s="2"/>
      <c r="B13044" s="2"/>
      <c r="C13044" s="2"/>
    </row>
    <row r="13045" spans="1:3" ht="19.2">
      <c r="A13045" s="2"/>
      <c r="B13045" s="2"/>
      <c r="C13045" s="2"/>
    </row>
    <row r="13046" spans="1:3" ht="19.2">
      <c r="A13046" s="2"/>
      <c r="B13046" s="2"/>
      <c r="C13046" s="2"/>
    </row>
    <row r="13047" spans="1:3" ht="19.2">
      <c r="A13047" s="2"/>
      <c r="B13047" s="2"/>
      <c r="C13047" s="2"/>
    </row>
    <row r="13048" spans="1:3" ht="19.2">
      <c r="A13048" s="2"/>
      <c r="B13048" s="2"/>
      <c r="C13048" s="2"/>
    </row>
    <row r="13049" spans="1:3" ht="19.2">
      <c r="A13049" s="2"/>
      <c r="B13049" s="2"/>
      <c r="C13049" s="2"/>
    </row>
    <row r="13050" spans="1:3" ht="19.2">
      <c r="A13050" s="2"/>
      <c r="B13050" s="2"/>
      <c r="C13050" s="2"/>
    </row>
    <row r="13051" spans="1:3" ht="19.2">
      <c r="A13051" s="2"/>
      <c r="B13051" s="2"/>
      <c r="C13051" s="2"/>
    </row>
    <row r="13052" spans="1:3" ht="19.2">
      <c r="A13052" s="2"/>
      <c r="B13052" s="2"/>
      <c r="C13052" s="2"/>
    </row>
    <row r="13053" spans="1:3" ht="19.2">
      <c r="A13053" s="2"/>
      <c r="B13053" s="2"/>
      <c r="C13053" s="2"/>
    </row>
    <row r="13054" spans="1:3" ht="19.2">
      <c r="A13054" s="2"/>
      <c r="B13054" s="2"/>
      <c r="C13054" s="2"/>
    </row>
    <row r="13055" spans="1:3" ht="19.2">
      <c r="A13055" s="2"/>
      <c r="B13055" s="2"/>
      <c r="C13055" s="2"/>
    </row>
    <row r="13056" spans="1:3" ht="19.2">
      <c r="A13056" s="2"/>
      <c r="B13056" s="2"/>
      <c r="C13056" s="2"/>
    </row>
    <row r="13057" spans="1:3" ht="19.2">
      <c r="A13057" s="2"/>
      <c r="B13057" s="2"/>
      <c r="C13057" s="2"/>
    </row>
    <row r="13058" spans="1:3" ht="19.2">
      <c r="A13058" s="2"/>
      <c r="B13058" s="2"/>
      <c r="C13058" s="2"/>
    </row>
    <row r="13059" spans="1:3" ht="19.2">
      <c r="A13059" s="2"/>
      <c r="B13059" s="2"/>
      <c r="C13059" s="2"/>
    </row>
    <row r="13060" spans="1:3" ht="19.2">
      <c r="A13060" s="2"/>
      <c r="B13060" s="2"/>
      <c r="C13060" s="2"/>
    </row>
    <row r="13061" spans="1:3" ht="19.2">
      <c r="A13061" s="2"/>
      <c r="B13061" s="2"/>
      <c r="C13061" s="2"/>
    </row>
    <row r="13062" spans="1:3" ht="19.2">
      <c r="A13062" s="2"/>
      <c r="B13062" s="2"/>
      <c r="C13062" s="2"/>
    </row>
    <row r="13063" spans="1:3" ht="19.2">
      <c r="A13063" s="2"/>
      <c r="B13063" s="2"/>
      <c r="C13063" s="2"/>
    </row>
    <row r="13064" spans="1:3" ht="19.2">
      <c r="A13064" s="2"/>
      <c r="B13064" s="2"/>
      <c r="C13064" s="2"/>
    </row>
    <row r="13065" spans="1:3" ht="19.2">
      <c r="A13065" s="2"/>
      <c r="B13065" s="2"/>
      <c r="C13065" s="2"/>
    </row>
    <row r="13066" spans="1:3" ht="19.2">
      <c r="A13066" s="2"/>
      <c r="B13066" s="2"/>
      <c r="C13066" s="2"/>
    </row>
    <row r="13067" spans="1:3" ht="19.2">
      <c r="A13067" s="2"/>
      <c r="B13067" s="2"/>
      <c r="C13067" s="2"/>
    </row>
    <row r="13068" spans="1:3" ht="19.2">
      <c r="A13068" s="2"/>
      <c r="B13068" s="2"/>
      <c r="C13068" s="2"/>
    </row>
    <row r="13069" spans="1:3" ht="19.2">
      <c r="A13069" s="2"/>
      <c r="B13069" s="2"/>
      <c r="C13069" s="2"/>
    </row>
    <row r="13070" spans="1:3" ht="19.2">
      <c r="A13070" s="2"/>
      <c r="B13070" s="2"/>
      <c r="C13070" s="2"/>
    </row>
    <row r="13071" spans="1:3" ht="19.2">
      <c r="A13071" s="2"/>
      <c r="B13071" s="2"/>
      <c r="C13071" s="2"/>
    </row>
    <row r="13072" spans="1:3" ht="19.2">
      <c r="A13072" s="2"/>
      <c r="B13072" s="2"/>
      <c r="C13072" s="2"/>
    </row>
    <row r="13073" spans="1:3" ht="19.2">
      <c r="A13073" s="2"/>
      <c r="B13073" s="2"/>
      <c r="C13073" s="2"/>
    </row>
    <row r="13074" spans="1:3" ht="19.2">
      <c r="A13074" s="2"/>
      <c r="B13074" s="2"/>
      <c r="C13074" s="2"/>
    </row>
    <row r="13075" spans="1:3" ht="19.2">
      <c r="A13075" s="2"/>
      <c r="B13075" s="2"/>
      <c r="C13075" s="2"/>
    </row>
    <row r="13076" spans="1:3" ht="19.2">
      <c r="A13076" s="2"/>
      <c r="B13076" s="2"/>
      <c r="C13076" s="2"/>
    </row>
    <row r="13077" spans="1:3" ht="19.2">
      <c r="A13077" s="2"/>
      <c r="B13077" s="2"/>
      <c r="C13077" s="2"/>
    </row>
    <row r="13078" spans="1:3" ht="19.2">
      <c r="A13078" s="2"/>
      <c r="B13078" s="2"/>
      <c r="C13078" s="2"/>
    </row>
    <row r="13079" spans="1:3" ht="19.2">
      <c r="A13079" s="2"/>
      <c r="B13079" s="2"/>
      <c r="C13079" s="2"/>
    </row>
    <row r="13080" spans="1:3" ht="19.2">
      <c r="A13080" s="2"/>
      <c r="B13080" s="2"/>
      <c r="C13080" s="2"/>
    </row>
    <row r="13081" spans="1:3" ht="19.2">
      <c r="A13081" s="2"/>
      <c r="B13081" s="2"/>
      <c r="C13081" s="2"/>
    </row>
    <row r="13082" spans="1:3" ht="19.2">
      <c r="A13082" s="2"/>
      <c r="B13082" s="2"/>
      <c r="C13082" s="2"/>
    </row>
    <row r="13083" spans="1:3" ht="19.2">
      <c r="A13083" s="2"/>
      <c r="B13083" s="2"/>
      <c r="C13083" s="2"/>
    </row>
    <row r="13084" spans="1:3" ht="19.2">
      <c r="A13084" s="2"/>
      <c r="B13084" s="2"/>
      <c r="C13084" s="2"/>
    </row>
    <row r="13085" spans="1:3" ht="19.2">
      <c r="A13085" s="2"/>
      <c r="B13085" s="2"/>
      <c r="C13085" s="2"/>
    </row>
    <row r="13086" spans="1:3" ht="19.2">
      <c r="A13086" s="2"/>
      <c r="B13086" s="2"/>
      <c r="C13086" s="2"/>
    </row>
    <row r="13087" spans="1:3" ht="19.2">
      <c r="A13087" s="2"/>
      <c r="B13087" s="2"/>
      <c r="C13087" s="2"/>
    </row>
    <row r="13088" spans="1:3" ht="19.2">
      <c r="A13088" s="2"/>
      <c r="B13088" s="2"/>
      <c r="C13088" s="2"/>
    </row>
    <row r="13089" spans="1:3" ht="19.2">
      <c r="A13089" s="2"/>
      <c r="B13089" s="2"/>
      <c r="C13089" s="2"/>
    </row>
    <row r="13090" spans="1:3" ht="19.2">
      <c r="A13090" s="2"/>
      <c r="B13090" s="2"/>
      <c r="C13090" s="2"/>
    </row>
    <row r="13091" spans="1:3" ht="19.2">
      <c r="A13091" s="2"/>
      <c r="B13091" s="2"/>
      <c r="C13091" s="2"/>
    </row>
    <row r="13092" spans="1:3" ht="19.2">
      <c r="A13092" s="2"/>
      <c r="B13092" s="2"/>
      <c r="C13092" s="2"/>
    </row>
    <row r="13093" spans="1:3" ht="19.2">
      <c r="A13093" s="2"/>
      <c r="B13093" s="2"/>
      <c r="C13093" s="2"/>
    </row>
    <row r="13094" spans="1:3" ht="19.2">
      <c r="A13094" s="2"/>
      <c r="B13094" s="2"/>
      <c r="C13094" s="2"/>
    </row>
    <row r="13095" spans="1:3" ht="19.2">
      <c r="A13095" s="2"/>
      <c r="B13095" s="2"/>
      <c r="C13095" s="2"/>
    </row>
    <row r="13096" spans="1:3" ht="19.2">
      <c r="A13096" s="2"/>
      <c r="B13096" s="2"/>
      <c r="C13096" s="2"/>
    </row>
    <row r="13097" spans="1:3" ht="19.2">
      <c r="A13097" s="2"/>
      <c r="B13097" s="2"/>
      <c r="C13097" s="2"/>
    </row>
    <row r="13098" spans="1:3" ht="19.2">
      <c r="A13098" s="2"/>
      <c r="B13098" s="2"/>
      <c r="C13098" s="2"/>
    </row>
    <row r="13099" spans="1:3" ht="19.2">
      <c r="A13099" s="2"/>
      <c r="B13099" s="2"/>
      <c r="C13099" s="2"/>
    </row>
    <row r="13100" spans="1:3" ht="19.2">
      <c r="A13100" s="2"/>
      <c r="B13100" s="2"/>
      <c r="C13100" s="2"/>
    </row>
    <row r="13101" spans="1:3" ht="19.2">
      <c r="A13101" s="2"/>
      <c r="B13101" s="2"/>
      <c r="C13101" s="2"/>
    </row>
    <row r="13102" spans="1:3" ht="19.2">
      <c r="A13102" s="2"/>
      <c r="B13102" s="2"/>
      <c r="C13102" s="2"/>
    </row>
    <row r="13103" spans="1:3" ht="19.2">
      <c r="A13103" s="2"/>
      <c r="B13103" s="2"/>
      <c r="C13103" s="2"/>
    </row>
    <row r="13104" spans="1:3" ht="19.2">
      <c r="A13104" s="2"/>
      <c r="B13104" s="2"/>
      <c r="C13104" s="2"/>
    </row>
    <row r="13105" spans="1:3" ht="19.2">
      <c r="A13105" s="2"/>
      <c r="B13105" s="2"/>
      <c r="C13105" s="2"/>
    </row>
    <row r="13106" spans="1:3" ht="19.2">
      <c r="A13106" s="2"/>
      <c r="B13106" s="2"/>
      <c r="C13106" s="2"/>
    </row>
    <row r="13107" spans="1:3" ht="19.2">
      <c r="A13107" s="2"/>
      <c r="B13107" s="2"/>
      <c r="C13107" s="2"/>
    </row>
    <row r="13108" spans="1:3" ht="19.2">
      <c r="A13108" s="2"/>
      <c r="B13108" s="2"/>
      <c r="C13108" s="2"/>
    </row>
    <row r="13109" spans="1:3" ht="19.2">
      <c r="A13109" s="2"/>
      <c r="B13109" s="2"/>
      <c r="C13109" s="2"/>
    </row>
    <row r="13110" spans="1:3" ht="19.2">
      <c r="A13110" s="2"/>
      <c r="B13110" s="2"/>
      <c r="C13110" s="2"/>
    </row>
    <row r="13111" spans="1:3" ht="19.2">
      <c r="A13111" s="2"/>
      <c r="B13111" s="2"/>
      <c r="C13111" s="2"/>
    </row>
    <row r="13112" spans="1:3" ht="19.2">
      <c r="A13112" s="2"/>
      <c r="B13112" s="2"/>
      <c r="C13112" s="2"/>
    </row>
    <row r="13113" spans="1:3" ht="19.2">
      <c r="A13113" s="2"/>
      <c r="B13113" s="2"/>
      <c r="C13113" s="2"/>
    </row>
    <row r="13114" spans="1:3" ht="19.2">
      <c r="A13114" s="2"/>
      <c r="B13114" s="2"/>
      <c r="C13114" s="2"/>
    </row>
    <row r="13115" spans="1:3" ht="19.2">
      <c r="A13115" s="2"/>
      <c r="B13115" s="2"/>
      <c r="C13115" s="2"/>
    </row>
    <row r="13116" spans="1:3" ht="19.2">
      <c r="A13116" s="2"/>
      <c r="B13116" s="2"/>
      <c r="C13116" s="2"/>
    </row>
    <row r="13117" spans="1:3" ht="19.2">
      <c r="A13117" s="2"/>
      <c r="B13117" s="2"/>
      <c r="C13117" s="2"/>
    </row>
    <row r="13118" spans="1:3" ht="19.2">
      <c r="A13118" s="2"/>
      <c r="B13118" s="2"/>
      <c r="C13118" s="2"/>
    </row>
    <row r="13119" spans="1:3" ht="19.2">
      <c r="A13119" s="2"/>
      <c r="B13119" s="2"/>
      <c r="C13119" s="2"/>
    </row>
    <row r="13120" spans="1:3" ht="19.2">
      <c r="A13120" s="2"/>
      <c r="B13120" s="2"/>
      <c r="C13120" s="2"/>
    </row>
    <row r="13121" spans="1:3" ht="19.2">
      <c r="A13121" s="2"/>
      <c r="B13121" s="2"/>
      <c r="C13121" s="2"/>
    </row>
    <row r="13122" spans="1:3" ht="19.2">
      <c r="A13122" s="2"/>
      <c r="B13122" s="2"/>
      <c r="C13122" s="2"/>
    </row>
    <row r="13123" spans="1:3" ht="19.2">
      <c r="A13123" s="2"/>
      <c r="B13123" s="2"/>
      <c r="C13123" s="2"/>
    </row>
    <row r="13124" spans="1:3" ht="19.2">
      <c r="A13124" s="2"/>
      <c r="B13124" s="2"/>
      <c r="C13124" s="2"/>
    </row>
    <row r="13125" spans="1:3" ht="19.2">
      <c r="A13125" s="2"/>
      <c r="B13125" s="2"/>
      <c r="C13125" s="2"/>
    </row>
    <row r="13126" spans="1:3" ht="19.2">
      <c r="A13126" s="2"/>
      <c r="B13126" s="2"/>
      <c r="C13126" s="2"/>
    </row>
    <row r="13127" spans="1:3" ht="19.2">
      <c r="A13127" s="2"/>
      <c r="B13127" s="2"/>
      <c r="C13127" s="2"/>
    </row>
    <row r="13128" spans="1:3" ht="19.2">
      <c r="A13128" s="2"/>
      <c r="B13128" s="2"/>
      <c r="C13128" s="2"/>
    </row>
    <row r="13129" spans="1:3" ht="19.2">
      <c r="A13129" s="2"/>
      <c r="B13129" s="2"/>
      <c r="C13129" s="2"/>
    </row>
    <row r="13130" spans="1:3" ht="19.2">
      <c r="A13130" s="2"/>
      <c r="B13130" s="2"/>
      <c r="C13130" s="2"/>
    </row>
    <row r="13131" spans="1:3" ht="19.2">
      <c r="A13131" s="2"/>
      <c r="B13131" s="2"/>
      <c r="C13131" s="2"/>
    </row>
    <row r="13132" spans="1:3" ht="19.2">
      <c r="A13132" s="2"/>
      <c r="B13132" s="2"/>
      <c r="C13132" s="2"/>
    </row>
    <row r="13133" spans="1:3" ht="19.2">
      <c r="A13133" s="2"/>
      <c r="B13133" s="2"/>
      <c r="C13133" s="2"/>
    </row>
    <row r="13134" spans="1:3" ht="19.2">
      <c r="A13134" s="2"/>
      <c r="B13134" s="2"/>
      <c r="C13134" s="2"/>
    </row>
    <row r="13135" spans="1:3" ht="19.2">
      <c r="A13135" s="2"/>
      <c r="B13135" s="2"/>
      <c r="C13135" s="2"/>
    </row>
    <row r="13136" spans="1:3" ht="19.2">
      <c r="A13136" s="2"/>
      <c r="B13136" s="2"/>
      <c r="C13136" s="2"/>
    </row>
    <row r="13137" spans="1:3" ht="19.2">
      <c r="A13137" s="2"/>
      <c r="B13137" s="2"/>
      <c r="C13137" s="2"/>
    </row>
    <row r="13138" spans="1:3" ht="19.2">
      <c r="A13138" s="2"/>
      <c r="B13138" s="2"/>
      <c r="C13138" s="2"/>
    </row>
    <row r="13139" spans="1:3" ht="19.2">
      <c r="A13139" s="2"/>
      <c r="B13139" s="2"/>
      <c r="C13139" s="2"/>
    </row>
    <row r="13140" spans="1:3" ht="19.2">
      <c r="A13140" s="2"/>
      <c r="B13140" s="2"/>
      <c r="C13140" s="2"/>
    </row>
    <row r="13141" spans="1:3" ht="19.2">
      <c r="A13141" s="2"/>
      <c r="B13141" s="2"/>
      <c r="C13141" s="2"/>
    </row>
    <row r="13142" spans="1:3" ht="19.2">
      <c r="A13142" s="2"/>
      <c r="B13142" s="2"/>
      <c r="C13142" s="2"/>
    </row>
    <row r="13143" spans="1:3" ht="19.2">
      <c r="A13143" s="2"/>
      <c r="B13143" s="2"/>
      <c r="C13143" s="2"/>
    </row>
    <row r="13144" spans="1:3" ht="19.2">
      <c r="A13144" s="2"/>
      <c r="B13144" s="2"/>
      <c r="C13144" s="2"/>
    </row>
    <row r="13145" spans="1:3" ht="19.2">
      <c r="A13145" s="2"/>
      <c r="B13145" s="2"/>
      <c r="C13145" s="2"/>
    </row>
    <row r="13146" spans="1:3" ht="19.2">
      <c r="A13146" s="2"/>
      <c r="B13146" s="2"/>
      <c r="C13146" s="2"/>
    </row>
    <row r="13147" spans="1:3" ht="19.2">
      <c r="A13147" s="2"/>
      <c r="B13147" s="2"/>
      <c r="C13147" s="2"/>
    </row>
    <row r="13148" spans="1:3" ht="19.2">
      <c r="A13148" s="2"/>
      <c r="B13148" s="2"/>
      <c r="C13148" s="2"/>
    </row>
    <row r="13149" spans="1:3" ht="19.2">
      <c r="A13149" s="2"/>
      <c r="B13149" s="2"/>
      <c r="C13149" s="2"/>
    </row>
    <row r="13150" spans="1:3" ht="19.2">
      <c r="A13150" s="2"/>
      <c r="B13150" s="2"/>
      <c r="C13150" s="2"/>
    </row>
    <row r="13151" spans="1:3" ht="19.2">
      <c r="A13151" s="2"/>
      <c r="B13151" s="2"/>
      <c r="C13151" s="2"/>
    </row>
    <row r="13152" spans="1:3" ht="19.2">
      <c r="A13152" s="2"/>
      <c r="B13152" s="2"/>
      <c r="C13152" s="2"/>
    </row>
    <row r="13153" spans="1:3" ht="19.2">
      <c r="A13153" s="2"/>
      <c r="B13153" s="2"/>
      <c r="C13153" s="2"/>
    </row>
    <row r="13154" spans="1:3" ht="19.2">
      <c r="A13154" s="2"/>
      <c r="B13154" s="2"/>
      <c r="C13154" s="2"/>
    </row>
    <row r="13155" spans="1:3" ht="19.2">
      <c r="A13155" s="2"/>
      <c r="B13155" s="2"/>
      <c r="C13155" s="2"/>
    </row>
    <row r="13156" spans="1:3" ht="19.2">
      <c r="A13156" s="2"/>
      <c r="B13156" s="2"/>
      <c r="C13156" s="2"/>
    </row>
    <row r="13157" spans="1:3" ht="19.2">
      <c r="A13157" s="2"/>
      <c r="B13157" s="2"/>
      <c r="C13157" s="2"/>
    </row>
    <row r="13158" spans="1:3" ht="19.2">
      <c r="A13158" s="2"/>
      <c r="B13158" s="2"/>
      <c r="C13158" s="2"/>
    </row>
    <row r="13159" spans="1:3" ht="19.2">
      <c r="A13159" s="2"/>
      <c r="B13159" s="2"/>
      <c r="C13159" s="2"/>
    </row>
    <row r="13160" spans="1:3" ht="19.2">
      <c r="A13160" s="2"/>
      <c r="B13160" s="2"/>
      <c r="C13160" s="2"/>
    </row>
    <row r="13161" spans="1:3" ht="19.2">
      <c r="A13161" s="2"/>
      <c r="B13161" s="2"/>
      <c r="C13161" s="2"/>
    </row>
    <row r="13162" spans="1:3" ht="19.2">
      <c r="A13162" s="2"/>
      <c r="B13162" s="2"/>
      <c r="C13162" s="2"/>
    </row>
    <row r="13163" spans="1:3" ht="19.2">
      <c r="A13163" s="2"/>
      <c r="B13163" s="2"/>
      <c r="C13163" s="2"/>
    </row>
    <row r="13164" spans="1:3" ht="19.2">
      <c r="A13164" s="2"/>
      <c r="B13164" s="2"/>
      <c r="C13164" s="2"/>
    </row>
    <row r="13165" spans="1:3" ht="19.2">
      <c r="A13165" s="2"/>
      <c r="B13165" s="2"/>
      <c r="C13165" s="2"/>
    </row>
    <row r="13166" spans="1:3" ht="19.2">
      <c r="A13166" s="2"/>
      <c r="B13166" s="2"/>
      <c r="C13166" s="2"/>
    </row>
    <row r="13167" spans="1:3" ht="19.2">
      <c r="A13167" s="2"/>
      <c r="B13167" s="2"/>
      <c r="C13167" s="2"/>
    </row>
    <row r="13168" spans="1:3" ht="19.2">
      <c r="A13168" s="2"/>
      <c r="B13168" s="2"/>
      <c r="C13168" s="2"/>
    </row>
    <row r="13169" spans="1:3" ht="19.2">
      <c r="A13169" s="2"/>
      <c r="B13169" s="2"/>
      <c r="C13169" s="2"/>
    </row>
    <row r="13170" spans="1:3" ht="19.2">
      <c r="A13170" s="2"/>
      <c r="B13170" s="2"/>
      <c r="C13170" s="2"/>
    </row>
    <row r="13171" spans="1:3" ht="19.2">
      <c r="A13171" s="2"/>
      <c r="B13171" s="2"/>
      <c r="C13171" s="2"/>
    </row>
    <row r="13172" spans="1:3" ht="19.2">
      <c r="A13172" s="2"/>
      <c r="B13172" s="2"/>
      <c r="C13172" s="2"/>
    </row>
    <row r="13173" spans="1:3" ht="19.2">
      <c r="A13173" s="2"/>
      <c r="B13173" s="2"/>
      <c r="C13173" s="2"/>
    </row>
    <row r="13174" spans="1:3" ht="19.2">
      <c r="A13174" s="2"/>
      <c r="B13174" s="2"/>
      <c r="C13174" s="2"/>
    </row>
    <row r="13175" spans="1:3" ht="19.2">
      <c r="A13175" s="2"/>
      <c r="B13175" s="2"/>
      <c r="C13175" s="2"/>
    </row>
    <row r="13176" spans="1:3" ht="19.2">
      <c r="A13176" s="2"/>
      <c r="B13176" s="2"/>
      <c r="C13176" s="2"/>
    </row>
    <row r="13177" spans="1:3" ht="19.2">
      <c r="A13177" s="2"/>
      <c r="B13177" s="2"/>
      <c r="C13177" s="2"/>
    </row>
    <row r="13178" spans="1:3" ht="19.2">
      <c r="A13178" s="2"/>
      <c r="B13178" s="2"/>
      <c r="C13178" s="2"/>
    </row>
    <row r="13179" spans="1:3" ht="19.2">
      <c r="A13179" s="2"/>
      <c r="B13179" s="2"/>
      <c r="C13179" s="2"/>
    </row>
    <row r="13180" spans="1:3" ht="19.2">
      <c r="A13180" s="2"/>
      <c r="B13180" s="2"/>
      <c r="C13180" s="2"/>
    </row>
    <row r="13181" spans="1:3" ht="19.2">
      <c r="A13181" s="2"/>
      <c r="B13181" s="2"/>
      <c r="C13181" s="2"/>
    </row>
    <row r="13182" spans="1:3" ht="19.2">
      <c r="A13182" s="2"/>
      <c r="B13182" s="2"/>
      <c r="C13182" s="2"/>
    </row>
    <row r="13183" spans="1:3" ht="19.2">
      <c r="A13183" s="2"/>
      <c r="B13183" s="2"/>
      <c r="C13183" s="2"/>
    </row>
    <row r="13184" spans="1:3" ht="19.2">
      <c r="A13184" s="2"/>
      <c r="B13184" s="2"/>
      <c r="C13184" s="2"/>
    </row>
    <row r="13185" spans="1:3" ht="19.2">
      <c r="A13185" s="2"/>
      <c r="B13185" s="2"/>
      <c r="C13185" s="2"/>
    </row>
    <row r="13186" spans="1:3" ht="19.2">
      <c r="A13186" s="2"/>
      <c r="B13186" s="2"/>
      <c r="C13186" s="2"/>
    </row>
    <row r="13187" spans="1:3" ht="19.2">
      <c r="A13187" s="2"/>
      <c r="B13187" s="2"/>
      <c r="C13187" s="2"/>
    </row>
    <row r="13188" spans="1:3" ht="19.2">
      <c r="A13188" s="2"/>
      <c r="B13188" s="2"/>
      <c r="C13188" s="2"/>
    </row>
    <row r="13189" spans="1:3" ht="19.2">
      <c r="A13189" s="2"/>
      <c r="B13189" s="2"/>
      <c r="C13189" s="2"/>
    </row>
    <row r="13190" spans="1:3" ht="19.2">
      <c r="A13190" s="2"/>
      <c r="B13190" s="2"/>
      <c r="C13190" s="2"/>
    </row>
    <row r="13191" spans="1:3" ht="19.2">
      <c r="A13191" s="2"/>
      <c r="B13191" s="2"/>
      <c r="C13191" s="2"/>
    </row>
    <row r="13192" spans="1:3" ht="19.2">
      <c r="A13192" s="2"/>
      <c r="B13192" s="2"/>
      <c r="C13192" s="2"/>
    </row>
    <row r="13193" spans="1:3" ht="19.2">
      <c r="A13193" s="2"/>
      <c r="B13193" s="2"/>
      <c r="C13193" s="2"/>
    </row>
    <row r="13194" spans="1:3" ht="19.2">
      <c r="A13194" s="2"/>
      <c r="B13194" s="2"/>
      <c r="C13194" s="2"/>
    </row>
    <row r="13195" spans="1:3" ht="19.2">
      <c r="A13195" s="2"/>
      <c r="B13195" s="2"/>
      <c r="C13195" s="2"/>
    </row>
    <row r="13196" spans="1:3" ht="19.2">
      <c r="A13196" s="2"/>
      <c r="B13196" s="2"/>
      <c r="C13196" s="2"/>
    </row>
    <row r="13197" spans="1:3" ht="19.2">
      <c r="A13197" s="2"/>
      <c r="B13197" s="2"/>
      <c r="C13197" s="2"/>
    </row>
    <row r="13198" spans="1:3" ht="19.2">
      <c r="A13198" s="2"/>
      <c r="B13198" s="2"/>
      <c r="C13198" s="2"/>
    </row>
    <row r="13199" spans="1:3" ht="19.2">
      <c r="A13199" s="2"/>
      <c r="B13199" s="2"/>
      <c r="C13199" s="2"/>
    </row>
    <row r="13200" spans="1:3" ht="19.2">
      <c r="A13200" s="2"/>
      <c r="B13200" s="2"/>
      <c r="C13200" s="2"/>
    </row>
    <row r="13201" spans="1:3" ht="19.2">
      <c r="A13201" s="2"/>
      <c r="B13201" s="2"/>
      <c r="C13201" s="2"/>
    </row>
    <row r="13202" spans="1:3" ht="19.2">
      <c r="A13202" s="2"/>
      <c r="B13202" s="2"/>
      <c r="C13202" s="2"/>
    </row>
    <row r="13203" spans="1:3" ht="19.2">
      <c r="A13203" s="2"/>
      <c r="B13203" s="2"/>
      <c r="C13203" s="2"/>
    </row>
    <row r="13204" spans="1:3" ht="19.2">
      <c r="A13204" s="2"/>
      <c r="B13204" s="2"/>
      <c r="C13204" s="2"/>
    </row>
    <row r="13205" spans="1:3" ht="19.2">
      <c r="A13205" s="2"/>
      <c r="B13205" s="2"/>
      <c r="C13205" s="2"/>
    </row>
    <row r="13206" spans="1:3" ht="19.2">
      <c r="A13206" s="2"/>
      <c r="B13206" s="2"/>
      <c r="C13206" s="2"/>
    </row>
    <row r="13207" spans="1:3" ht="19.2">
      <c r="A13207" s="2"/>
      <c r="B13207" s="2"/>
      <c r="C13207" s="2"/>
    </row>
    <row r="13208" spans="1:3" ht="19.2">
      <c r="A13208" s="2"/>
      <c r="B13208" s="2"/>
      <c r="C13208" s="2"/>
    </row>
    <row r="13209" spans="1:3" ht="19.2">
      <c r="A13209" s="2"/>
      <c r="B13209" s="2"/>
      <c r="C13209" s="2"/>
    </row>
    <row r="13210" spans="1:3" ht="19.2">
      <c r="A13210" s="2"/>
      <c r="B13210" s="2"/>
      <c r="C13210" s="2"/>
    </row>
    <row r="13211" spans="1:3" ht="19.2">
      <c r="A13211" s="2"/>
      <c r="B13211" s="2"/>
      <c r="C13211" s="2"/>
    </row>
    <row r="13212" spans="1:3" ht="19.2">
      <c r="A13212" s="2"/>
      <c r="B13212" s="2"/>
      <c r="C13212" s="2"/>
    </row>
    <row r="13213" spans="1:3" ht="19.2">
      <c r="A13213" s="2"/>
      <c r="B13213" s="2"/>
      <c r="C13213" s="2"/>
    </row>
    <row r="13214" spans="1:3" ht="19.2">
      <c r="A13214" s="2"/>
      <c r="B13214" s="2"/>
      <c r="C13214" s="2"/>
    </row>
    <row r="13215" spans="1:3" ht="19.2">
      <c r="A13215" s="2"/>
      <c r="B13215" s="2"/>
      <c r="C13215" s="2"/>
    </row>
    <row r="13216" spans="1:3" ht="19.2">
      <c r="A13216" s="2"/>
      <c r="B13216" s="2"/>
      <c r="C13216" s="2"/>
    </row>
    <row r="13217" spans="1:3" ht="19.2">
      <c r="A13217" s="2"/>
      <c r="B13217" s="2"/>
      <c r="C13217" s="2"/>
    </row>
    <row r="13218" spans="1:3" ht="19.2">
      <c r="A13218" s="2"/>
      <c r="B13218" s="2"/>
      <c r="C13218" s="2"/>
    </row>
    <row r="13219" spans="1:3" ht="19.2">
      <c r="A13219" s="2"/>
      <c r="B13219" s="2"/>
      <c r="C13219" s="2"/>
    </row>
    <row r="13220" spans="1:3" ht="19.2">
      <c r="A13220" s="2"/>
      <c r="B13220" s="2"/>
      <c r="C13220" s="2"/>
    </row>
    <row r="13221" spans="1:3" ht="19.2">
      <c r="A13221" s="2"/>
      <c r="B13221" s="2"/>
      <c r="C13221" s="2"/>
    </row>
    <row r="13222" spans="1:3" ht="19.2">
      <c r="A13222" s="2"/>
      <c r="B13222" s="2"/>
      <c r="C13222" s="2"/>
    </row>
    <row r="13223" spans="1:3" ht="19.2">
      <c r="A13223" s="2"/>
      <c r="B13223" s="2"/>
      <c r="C13223" s="2"/>
    </row>
    <row r="13224" spans="1:3" ht="19.2">
      <c r="A13224" s="2"/>
      <c r="B13224" s="2"/>
      <c r="C13224" s="2"/>
    </row>
    <row r="13225" spans="1:3" ht="19.2">
      <c r="A13225" s="2"/>
      <c r="B13225" s="2"/>
      <c r="C13225" s="2"/>
    </row>
    <row r="13226" spans="1:3" ht="19.2">
      <c r="A13226" s="2"/>
      <c r="B13226" s="2"/>
      <c r="C13226" s="2"/>
    </row>
    <row r="13227" spans="1:3" ht="19.2">
      <c r="A13227" s="2"/>
      <c r="B13227" s="2"/>
      <c r="C13227" s="2"/>
    </row>
    <row r="13228" spans="1:3" ht="19.2">
      <c r="A13228" s="2"/>
      <c r="B13228" s="2"/>
      <c r="C13228" s="2"/>
    </row>
    <row r="13229" spans="1:3" ht="19.2">
      <c r="A13229" s="2"/>
      <c r="B13229" s="2"/>
      <c r="C13229" s="2"/>
    </row>
    <row r="13230" spans="1:3" ht="19.2">
      <c r="A13230" s="2"/>
      <c r="B13230" s="2"/>
      <c r="C13230" s="2"/>
    </row>
    <row r="13231" spans="1:3" ht="19.2">
      <c r="A13231" s="2"/>
      <c r="B13231" s="2"/>
      <c r="C13231" s="2"/>
    </row>
    <row r="13232" spans="1:3" ht="19.2">
      <c r="A13232" s="2"/>
      <c r="B13232" s="2"/>
      <c r="C13232" s="2"/>
    </row>
    <row r="13233" spans="1:3" ht="19.2">
      <c r="A13233" s="2"/>
      <c r="B13233" s="2"/>
      <c r="C13233" s="2"/>
    </row>
    <row r="13234" spans="1:3" ht="19.2">
      <c r="A13234" s="2"/>
      <c r="B13234" s="2"/>
      <c r="C13234" s="2"/>
    </row>
    <row r="13235" spans="1:3" ht="19.2">
      <c r="A13235" s="2"/>
      <c r="B13235" s="2"/>
      <c r="C13235" s="2"/>
    </row>
    <row r="13236" spans="1:3" ht="19.2">
      <c r="A13236" s="2"/>
      <c r="B13236" s="2"/>
      <c r="C13236" s="2"/>
    </row>
    <row r="13237" spans="1:3" ht="19.2">
      <c r="A13237" s="2"/>
      <c r="B13237" s="2"/>
      <c r="C13237" s="2"/>
    </row>
    <row r="13238" spans="1:3" ht="19.2">
      <c r="A13238" s="2"/>
      <c r="B13238" s="2"/>
      <c r="C13238" s="2"/>
    </row>
    <row r="13239" spans="1:3" ht="19.2">
      <c r="A13239" s="2"/>
      <c r="B13239" s="2"/>
      <c r="C13239" s="2"/>
    </row>
    <row r="13240" spans="1:3" ht="19.2">
      <c r="A13240" s="2"/>
      <c r="B13240" s="2"/>
      <c r="C13240" s="2"/>
    </row>
    <row r="13241" spans="1:3" ht="19.2">
      <c r="A13241" s="2"/>
      <c r="B13241" s="2"/>
      <c r="C13241" s="2"/>
    </row>
    <row r="13242" spans="1:3" ht="19.2">
      <c r="A13242" s="2"/>
      <c r="B13242" s="2"/>
      <c r="C13242" s="2"/>
    </row>
    <row r="13243" spans="1:3" ht="19.2">
      <c r="A13243" s="2"/>
      <c r="B13243" s="2"/>
      <c r="C13243" s="2"/>
    </row>
    <row r="13244" spans="1:3" ht="19.2">
      <c r="A13244" s="2"/>
      <c r="B13244" s="2"/>
      <c r="C13244" s="2"/>
    </row>
    <row r="13245" spans="1:3" ht="19.2">
      <c r="A13245" s="2"/>
      <c r="B13245" s="2"/>
      <c r="C13245" s="2"/>
    </row>
    <row r="13246" spans="1:3" ht="19.2">
      <c r="A13246" s="2"/>
      <c r="B13246" s="2"/>
      <c r="C13246" s="2"/>
    </row>
    <row r="13247" spans="1:3" ht="19.2">
      <c r="A13247" s="2"/>
      <c r="B13247" s="2"/>
      <c r="C13247" s="2"/>
    </row>
    <row r="13248" spans="1:3" ht="19.2">
      <c r="A13248" s="2"/>
      <c r="B13248" s="2"/>
      <c r="C13248" s="2"/>
    </row>
    <row r="13249" spans="1:3" ht="19.2">
      <c r="A13249" s="2"/>
      <c r="B13249" s="2"/>
      <c r="C13249" s="2"/>
    </row>
    <row r="13250" spans="1:3" ht="19.2">
      <c r="A13250" s="2"/>
      <c r="B13250" s="2"/>
      <c r="C13250" s="2"/>
    </row>
    <row r="13251" spans="1:3" ht="19.2">
      <c r="A13251" s="2"/>
      <c r="B13251" s="2"/>
      <c r="C13251" s="2"/>
    </row>
    <row r="13252" spans="1:3" ht="19.2">
      <c r="A13252" s="2"/>
      <c r="B13252" s="2"/>
      <c r="C13252" s="2"/>
    </row>
    <row r="13253" spans="1:3" ht="19.2">
      <c r="A13253" s="2"/>
      <c r="B13253" s="2"/>
      <c r="C13253" s="2"/>
    </row>
    <row r="13254" spans="1:3" ht="19.2">
      <c r="A13254" s="2"/>
      <c r="B13254" s="2"/>
      <c r="C13254" s="2"/>
    </row>
    <row r="13255" spans="1:3" ht="19.2">
      <c r="A13255" s="2"/>
      <c r="B13255" s="2"/>
      <c r="C13255" s="2"/>
    </row>
    <row r="13256" spans="1:3" ht="19.2">
      <c r="A13256" s="2"/>
      <c r="B13256" s="2"/>
      <c r="C13256" s="2"/>
    </row>
    <row r="13257" spans="1:3" ht="19.2">
      <c r="A13257" s="2"/>
      <c r="B13257" s="2"/>
      <c r="C13257" s="2"/>
    </row>
    <row r="13258" spans="1:3" ht="19.2">
      <c r="A13258" s="2"/>
      <c r="B13258" s="2"/>
      <c r="C13258" s="2"/>
    </row>
    <row r="13259" spans="1:3" ht="19.2">
      <c r="A13259" s="2"/>
      <c r="B13259" s="2"/>
      <c r="C13259" s="2"/>
    </row>
    <row r="13260" spans="1:3" ht="19.2">
      <c r="A13260" s="2"/>
      <c r="B13260" s="2"/>
      <c r="C13260" s="2"/>
    </row>
    <row r="13261" spans="1:3" ht="19.2">
      <c r="A13261" s="2"/>
      <c r="B13261" s="2"/>
      <c r="C13261" s="2"/>
    </row>
    <row r="13262" spans="1:3" ht="19.2">
      <c r="A13262" s="2"/>
      <c r="B13262" s="2"/>
      <c r="C13262" s="2"/>
    </row>
    <row r="13263" spans="1:3" ht="19.2">
      <c r="A13263" s="2"/>
      <c r="B13263" s="2"/>
      <c r="C13263" s="2"/>
    </row>
    <row r="13264" spans="1:3" ht="19.2">
      <c r="A13264" s="2"/>
      <c r="B13264" s="2"/>
      <c r="C13264" s="2"/>
    </row>
    <row r="13265" spans="1:3" ht="19.2">
      <c r="A13265" s="2"/>
      <c r="B13265" s="2"/>
      <c r="C13265" s="2"/>
    </row>
    <row r="13266" spans="1:3" ht="19.2">
      <c r="A13266" s="2"/>
      <c r="B13266" s="2"/>
      <c r="C13266" s="2"/>
    </row>
    <row r="13267" spans="1:3" ht="19.2">
      <c r="A13267" s="2"/>
      <c r="B13267" s="2"/>
      <c r="C13267" s="2"/>
    </row>
    <row r="13268" spans="1:3" ht="19.2">
      <c r="A13268" s="2"/>
      <c r="B13268" s="2"/>
      <c r="C13268" s="2"/>
    </row>
    <row r="13269" spans="1:3" ht="19.2">
      <c r="A13269" s="2"/>
      <c r="B13269" s="2"/>
      <c r="C13269" s="2"/>
    </row>
    <row r="13270" spans="1:3" ht="19.2">
      <c r="A13270" s="2"/>
      <c r="B13270" s="2"/>
      <c r="C13270" s="2"/>
    </row>
    <row r="13271" spans="1:3" ht="19.2">
      <c r="A13271" s="2"/>
      <c r="B13271" s="2"/>
      <c r="C13271" s="2"/>
    </row>
    <row r="13272" spans="1:3" ht="19.2">
      <c r="A13272" s="2"/>
      <c r="B13272" s="2"/>
      <c r="C13272" s="2"/>
    </row>
    <row r="13273" spans="1:3" ht="19.2">
      <c r="A13273" s="2"/>
      <c r="B13273" s="2"/>
      <c r="C13273" s="2"/>
    </row>
    <row r="13274" spans="1:3" ht="19.2">
      <c r="A13274" s="2"/>
      <c r="B13274" s="2"/>
      <c r="C13274" s="2"/>
    </row>
    <row r="13275" spans="1:3" ht="19.2">
      <c r="A13275" s="2"/>
      <c r="B13275" s="2"/>
      <c r="C13275" s="2"/>
    </row>
    <row r="13276" spans="1:3" ht="19.2">
      <c r="A13276" s="2"/>
      <c r="B13276" s="2"/>
      <c r="C13276" s="2"/>
    </row>
    <row r="13277" spans="1:3" ht="19.2">
      <c r="A13277" s="2"/>
      <c r="B13277" s="2"/>
      <c r="C13277" s="2"/>
    </row>
    <row r="13278" spans="1:3" ht="19.2">
      <c r="A13278" s="2"/>
      <c r="B13278" s="2"/>
      <c r="C13278" s="2"/>
    </row>
    <row r="13279" spans="1:3" ht="19.2">
      <c r="A13279" s="2"/>
      <c r="B13279" s="2"/>
      <c r="C13279" s="2"/>
    </row>
    <row r="13280" spans="1:3" ht="19.2">
      <c r="A13280" s="2"/>
      <c r="B13280" s="2"/>
      <c r="C13280" s="2"/>
    </row>
    <row r="13281" spans="1:3" ht="19.2">
      <c r="A13281" s="2"/>
      <c r="B13281" s="2"/>
      <c r="C13281" s="2"/>
    </row>
    <row r="13282" spans="1:3" ht="19.2">
      <c r="A13282" s="2"/>
      <c r="B13282" s="2"/>
      <c r="C13282" s="2"/>
    </row>
    <row r="13283" spans="1:3" ht="19.2">
      <c r="A13283" s="2"/>
      <c r="B13283" s="2"/>
      <c r="C13283" s="2"/>
    </row>
    <row r="13284" spans="1:3" ht="19.2">
      <c r="A13284" s="2"/>
      <c r="B13284" s="2"/>
      <c r="C13284" s="2"/>
    </row>
    <row r="13285" spans="1:3" ht="19.2">
      <c r="A13285" s="2"/>
      <c r="B13285" s="2"/>
      <c r="C13285" s="2"/>
    </row>
    <row r="13286" spans="1:3" ht="19.2">
      <c r="A13286" s="2"/>
      <c r="B13286" s="2"/>
      <c r="C13286" s="2"/>
    </row>
    <row r="13287" spans="1:3" ht="19.2">
      <c r="A13287" s="2"/>
      <c r="B13287" s="2"/>
      <c r="C13287" s="2"/>
    </row>
    <row r="13288" spans="1:3" ht="19.2">
      <c r="A13288" s="2"/>
      <c r="B13288" s="2"/>
      <c r="C13288" s="2"/>
    </row>
    <row r="13289" spans="1:3" ht="19.2">
      <c r="A13289" s="2"/>
      <c r="B13289" s="2"/>
      <c r="C13289" s="2"/>
    </row>
    <row r="13290" spans="1:3" ht="19.2">
      <c r="A13290" s="2"/>
      <c r="B13290" s="2"/>
      <c r="C13290" s="2"/>
    </row>
    <row r="13291" spans="1:3" ht="19.2">
      <c r="A13291" s="2"/>
      <c r="B13291" s="2"/>
      <c r="C13291" s="2"/>
    </row>
    <row r="13292" spans="1:3" ht="19.2">
      <c r="A13292" s="2"/>
      <c r="B13292" s="2"/>
      <c r="C13292" s="2"/>
    </row>
    <row r="13293" spans="1:3" ht="19.2">
      <c r="A13293" s="2"/>
      <c r="B13293" s="2"/>
      <c r="C13293" s="2"/>
    </row>
    <row r="13294" spans="1:3" ht="19.2">
      <c r="A13294" s="2"/>
      <c r="B13294" s="2"/>
      <c r="C13294" s="2"/>
    </row>
    <row r="13295" spans="1:3" ht="19.2">
      <c r="A13295" s="2"/>
      <c r="B13295" s="2"/>
      <c r="C13295" s="2"/>
    </row>
    <row r="13296" spans="1:3" ht="19.2">
      <c r="A13296" s="2"/>
      <c r="B13296" s="2"/>
      <c r="C13296" s="2"/>
    </row>
    <row r="13297" spans="1:3" ht="19.2">
      <c r="A13297" s="2"/>
      <c r="B13297" s="2"/>
      <c r="C13297" s="2"/>
    </row>
    <row r="13298" spans="1:3" ht="19.2">
      <c r="A13298" s="2"/>
      <c r="B13298" s="2"/>
      <c r="C13298" s="2"/>
    </row>
    <row r="13299" spans="1:3" ht="19.2">
      <c r="A13299" s="2"/>
      <c r="B13299" s="2"/>
      <c r="C13299" s="2"/>
    </row>
    <row r="13300" spans="1:3" ht="19.2">
      <c r="A13300" s="2"/>
      <c r="B13300" s="2"/>
      <c r="C13300" s="2"/>
    </row>
    <row r="13301" spans="1:3" ht="19.2">
      <c r="A13301" s="2"/>
      <c r="B13301" s="2"/>
      <c r="C13301" s="2"/>
    </row>
    <row r="13302" spans="1:3" ht="19.2">
      <c r="A13302" s="2"/>
      <c r="B13302" s="2"/>
      <c r="C13302" s="2"/>
    </row>
    <row r="13303" spans="1:3" ht="19.2">
      <c r="A13303" s="2"/>
      <c r="B13303" s="2"/>
      <c r="C13303" s="2"/>
    </row>
    <row r="13304" spans="1:3" ht="19.2">
      <c r="A13304" s="2"/>
      <c r="B13304" s="2"/>
      <c r="C13304" s="2"/>
    </row>
    <row r="13305" spans="1:3" ht="19.2">
      <c r="A13305" s="2"/>
      <c r="B13305" s="2"/>
      <c r="C13305" s="2"/>
    </row>
    <row r="13306" spans="1:3" ht="19.2">
      <c r="A13306" s="2"/>
      <c r="B13306" s="2"/>
      <c r="C13306" s="2"/>
    </row>
    <row r="13307" spans="1:3" ht="19.2">
      <c r="A13307" s="2"/>
      <c r="B13307" s="2"/>
      <c r="C13307" s="2"/>
    </row>
    <row r="13308" spans="1:3" ht="19.2">
      <c r="A13308" s="2"/>
      <c r="B13308" s="2"/>
      <c r="C13308" s="2"/>
    </row>
    <row r="13309" spans="1:3" ht="19.2">
      <c r="A13309" s="2"/>
      <c r="B13309" s="2"/>
      <c r="C13309" s="2"/>
    </row>
    <row r="13310" spans="1:3" ht="19.2">
      <c r="A13310" s="2"/>
      <c r="B13310" s="2"/>
      <c r="C13310" s="2"/>
    </row>
    <row r="13311" spans="1:3" ht="19.2">
      <c r="A13311" s="2"/>
      <c r="B13311" s="2"/>
      <c r="C13311" s="2"/>
    </row>
    <row r="13312" spans="1:3" ht="19.2">
      <c r="A13312" s="2"/>
      <c r="B13312" s="2"/>
      <c r="C13312" s="2"/>
    </row>
    <row r="13313" spans="1:3" ht="19.2">
      <c r="A13313" s="2"/>
      <c r="B13313" s="2"/>
      <c r="C13313" s="2"/>
    </row>
    <row r="13314" spans="1:3" ht="19.2">
      <c r="A13314" s="2"/>
      <c r="B13314" s="2"/>
      <c r="C13314" s="2"/>
    </row>
    <row r="13315" spans="1:3" ht="19.2">
      <c r="A13315" s="2"/>
      <c r="B13315" s="2"/>
      <c r="C13315" s="2"/>
    </row>
    <row r="13316" spans="1:3" ht="19.2">
      <c r="A13316" s="2"/>
      <c r="B13316" s="2"/>
      <c r="C13316" s="2"/>
    </row>
    <row r="13317" spans="1:3" ht="19.2">
      <c r="A13317" s="2"/>
      <c r="B13317" s="2"/>
      <c r="C13317" s="2"/>
    </row>
    <row r="13318" spans="1:3" ht="19.2">
      <c r="A13318" s="2"/>
      <c r="B13318" s="2"/>
      <c r="C13318" s="2"/>
    </row>
    <row r="13319" spans="1:3" ht="19.2">
      <c r="A13319" s="2"/>
      <c r="B13319" s="2"/>
      <c r="C13319" s="2"/>
    </row>
    <row r="13320" spans="1:3" ht="19.2">
      <c r="A13320" s="2"/>
      <c r="B13320" s="2"/>
      <c r="C13320" s="2"/>
    </row>
    <row r="13321" spans="1:3" ht="19.2">
      <c r="A13321" s="2"/>
      <c r="B13321" s="2"/>
      <c r="C13321" s="2"/>
    </row>
    <row r="13322" spans="1:3" ht="19.2">
      <c r="A13322" s="2"/>
      <c r="B13322" s="2"/>
      <c r="C13322" s="2"/>
    </row>
    <row r="13323" spans="1:3" ht="19.2">
      <c r="A13323" s="2"/>
      <c r="B13323" s="2"/>
      <c r="C13323" s="2"/>
    </row>
    <row r="13324" spans="1:3" ht="19.2">
      <c r="A13324" s="2"/>
      <c r="B13324" s="2"/>
      <c r="C13324" s="2"/>
    </row>
    <row r="13325" spans="1:3" ht="19.2">
      <c r="A13325" s="2"/>
      <c r="B13325" s="2"/>
      <c r="C13325" s="2"/>
    </row>
    <row r="13326" spans="1:3" ht="19.2">
      <c r="A13326" s="2"/>
      <c r="B13326" s="2"/>
      <c r="C13326" s="2"/>
    </row>
    <row r="13327" spans="1:3" ht="19.2">
      <c r="A13327" s="2"/>
      <c r="B13327" s="2"/>
      <c r="C13327" s="2"/>
    </row>
    <row r="13328" spans="1:3" ht="19.2">
      <c r="A13328" s="2"/>
      <c r="B13328" s="2"/>
      <c r="C13328" s="2"/>
    </row>
    <row r="13329" spans="1:3" ht="19.2">
      <c r="A13329" s="2"/>
      <c r="B13329" s="2"/>
      <c r="C13329" s="2"/>
    </row>
    <row r="13330" spans="1:3" ht="19.2">
      <c r="A13330" s="2"/>
      <c r="B13330" s="2"/>
      <c r="C13330" s="2"/>
    </row>
    <row r="13331" spans="1:3" ht="19.2">
      <c r="A13331" s="2"/>
      <c r="B13331" s="2"/>
      <c r="C13331" s="2"/>
    </row>
    <row r="13332" spans="1:3" ht="19.2">
      <c r="A13332" s="2"/>
      <c r="B13332" s="2"/>
      <c r="C13332" s="2"/>
    </row>
    <row r="13333" spans="1:3" ht="19.2">
      <c r="A13333" s="2"/>
      <c r="B13333" s="2"/>
      <c r="C13333" s="2"/>
    </row>
    <row r="13334" spans="1:3" ht="19.2">
      <c r="A13334" s="2"/>
      <c r="B13334" s="2"/>
      <c r="C13334" s="2"/>
    </row>
    <row r="13335" spans="1:3" ht="19.2">
      <c r="A13335" s="2"/>
      <c r="B13335" s="2"/>
      <c r="C13335" s="2"/>
    </row>
    <row r="13336" spans="1:3" ht="19.2">
      <c r="A13336" s="2"/>
      <c r="B13336" s="2"/>
      <c r="C13336" s="2"/>
    </row>
    <row r="13337" spans="1:3" ht="19.2">
      <c r="A13337" s="2"/>
      <c r="B13337" s="2"/>
      <c r="C13337" s="2"/>
    </row>
    <row r="13338" spans="1:3" ht="19.2">
      <c r="A13338" s="2"/>
      <c r="B13338" s="2"/>
      <c r="C13338" s="2"/>
    </row>
    <row r="13339" spans="1:3" ht="19.2">
      <c r="A13339" s="2"/>
      <c r="B13339" s="2"/>
      <c r="C13339" s="2"/>
    </row>
    <row r="13340" spans="1:3" ht="19.2">
      <c r="A13340" s="2"/>
      <c r="B13340" s="2"/>
      <c r="C13340" s="2"/>
    </row>
    <row r="13341" spans="1:3" ht="19.2">
      <c r="A13341" s="2"/>
      <c r="B13341" s="2"/>
      <c r="C13341" s="2"/>
    </row>
    <row r="13342" spans="1:3" ht="19.2">
      <c r="A13342" s="2"/>
      <c r="B13342" s="2"/>
      <c r="C13342" s="2"/>
    </row>
    <row r="13343" spans="1:3" ht="19.2">
      <c r="A13343" s="2"/>
      <c r="B13343" s="2"/>
      <c r="C13343" s="2"/>
    </row>
    <row r="13344" spans="1:3" ht="19.2">
      <c r="A13344" s="2"/>
      <c r="B13344" s="2"/>
      <c r="C13344" s="2"/>
    </row>
    <row r="13345" spans="1:3" ht="19.2">
      <c r="A13345" s="2"/>
      <c r="B13345" s="2"/>
      <c r="C13345" s="2"/>
    </row>
    <row r="13346" spans="1:3" ht="19.2">
      <c r="A13346" s="2"/>
      <c r="B13346" s="2"/>
      <c r="C13346" s="2"/>
    </row>
    <row r="13347" spans="1:3" ht="19.2">
      <c r="A13347" s="2"/>
      <c r="B13347" s="2"/>
      <c r="C13347" s="2"/>
    </row>
    <row r="13348" spans="1:3" ht="19.2">
      <c r="A13348" s="2"/>
      <c r="B13348" s="2"/>
      <c r="C13348" s="2"/>
    </row>
    <row r="13349" spans="1:3" ht="19.2">
      <c r="A13349" s="2"/>
      <c r="B13349" s="2"/>
      <c r="C13349" s="2"/>
    </row>
    <row r="13350" spans="1:3" ht="19.2">
      <c r="A13350" s="2"/>
      <c r="B13350" s="2"/>
      <c r="C13350" s="2"/>
    </row>
    <row r="13351" spans="1:3" ht="19.2">
      <c r="A13351" s="2"/>
      <c r="B13351" s="2"/>
      <c r="C13351" s="2"/>
    </row>
    <row r="13352" spans="1:3" ht="19.2">
      <c r="A13352" s="2"/>
      <c r="B13352" s="2"/>
      <c r="C13352" s="2"/>
    </row>
    <row r="13353" spans="1:3" ht="19.2">
      <c r="A13353" s="2"/>
      <c r="B13353" s="2"/>
      <c r="C13353" s="2"/>
    </row>
    <row r="13354" spans="1:3" ht="19.2">
      <c r="A13354" s="2"/>
      <c r="B13354" s="2"/>
      <c r="C13354" s="2"/>
    </row>
    <row r="13355" spans="1:3" ht="19.2">
      <c r="A13355" s="2"/>
      <c r="B13355" s="2"/>
      <c r="C13355" s="2"/>
    </row>
    <row r="13356" spans="1:3" ht="19.2">
      <c r="A13356" s="2"/>
      <c r="B13356" s="2"/>
      <c r="C13356" s="2"/>
    </row>
    <row r="13357" spans="1:3" ht="19.2">
      <c r="A13357" s="2"/>
      <c r="B13357" s="2"/>
      <c r="C13357" s="2"/>
    </row>
    <row r="13358" spans="1:3" ht="19.2">
      <c r="A13358" s="2"/>
      <c r="B13358" s="2"/>
      <c r="C13358" s="2"/>
    </row>
    <row r="13359" spans="1:3" ht="19.2">
      <c r="A13359" s="2"/>
      <c r="B13359" s="2"/>
      <c r="C13359" s="2"/>
    </row>
    <row r="13360" spans="1:3" ht="19.2">
      <c r="A13360" s="2"/>
      <c r="B13360" s="2"/>
      <c r="C13360" s="2"/>
    </row>
    <row r="13361" spans="1:3" ht="19.2">
      <c r="A13361" s="2"/>
      <c r="B13361" s="2"/>
      <c r="C13361" s="2"/>
    </row>
    <row r="13362" spans="1:3" ht="19.2">
      <c r="A13362" s="2"/>
      <c r="B13362" s="2"/>
      <c r="C13362" s="2"/>
    </row>
    <row r="13363" spans="1:3" ht="19.2">
      <c r="A13363" s="2"/>
      <c r="B13363" s="2"/>
      <c r="C13363" s="2"/>
    </row>
    <row r="13364" spans="1:3" ht="19.2">
      <c r="A13364" s="2"/>
      <c r="B13364" s="2"/>
      <c r="C13364" s="2"/>
    </row>
    <row r="13365" spans="1:3" ht="19.2">
      <c r="A13365" s="2"/>
      <c r="B13365" s="2"/>
      <c r="C13365" s="2"/>
    </row>
    <row r="13366" spans="1:3" ht="19.2">
      <c r="A13366" s="2"/>
      <c r="B13366" s="2"/>
      <c r="C13366" s="2"/>
    </row>
    <row r="13367" spans="1:3" ht="19.2">
      <c r="A13367" s="2"/>
      <c r="B13367" s="2"/>
      <c r="C13367" s="2"/>
    </row>
    <row r="13368" spans="1:3" ht="19.2">
      <c r="A13368" s="2"/>
      <c r="B13368" s="2"/>
      <c r="C13368" s="2"/>
    </row>
    <row r="13369" spans="1:3" ht="19.2">
      <c r="A13369" s="2"/>
      <c r="B13369" s="2"/>
      <c r="C13369" s="2"/>
    </row>
    <row r="13370" spans="1:3" ht="19.2">
      <c r="A13370" s="2"/>
      <c r="B13370" s="2"/>
      <c r="C13370" s="2"/>
    </row>
    <row r="13371" spans="1:3" ht="19.2">
      <c r="A13371" s="2"/>
      <c r="B13371" s="2"/>
      <c r="C13371" s="2"/>
    </row>
    <row r="13372" spans="1:3" ht="19.2">
      <c r="A13372" s="2"/>
      <c r="B13372" s="2"/>
      <c r="C13372" s="2"/>
    </row>
    <row r="13373" spans="1:3" ht="19.2">
      <c r="A13373" s="2"/>
      <c r="B13373" s="2"/>
      <c r="C13373" s="2"/>
    </row>
    <row r="13374" spans="1:3" ht="19.2">
      <c r="A13374" s="2"/>
      <c r="B13374" s="2"/>
      <c r="C13374" s="2"/>
    </row>
    <row r="13375" spans="1:3" ht="19.2">
      <c r="A13375" s="2"/>
      <c r="B13375" s="2"/>
      <c r="C13375" s="2"/>
    </row>
    <row r="13376" spans="1:3" ht="19.2">
      <c r="A13376" s="2"/>
      <c r="B13376" s="2"/>
      <c r="C13376" s="2"/>
    </row>
    <row r="13377" spans="1:3" ht="19.2">
      <c r="A13377" s="2"/>
      <c r="B13377" s="2"/>
      <c r="C13377" s="2"/>
    </row>
    <row r="13378" spans="1:3" ht="19.2">
      <c r="A13378" s="2"/>
      <c r="B13378" s="2"/>
      <c r="C13378" s="2"/>
    </row>
    <row r="13379" spans="1:3" ht="19.2">
      <c r="A13379" s="2"/>
      <c r="B13379" s="2"/>
      <c r="C13379" s="2"/>
    </row>
    <row r="13380" spans="1:3" ht="19.2">
      <c r="A13380" s="2"/>
      <c r="B13380" s="2"/>
      <c r="C13380" s="2"/>
    </row>
    <row r="13381" spans="1:3" ht="19.2">
      <c r="A13381" s="2"/>
      <c r="B13381" s="2"/>
      <c r="C13381" s="2"/>
    </row>
    <row r="13382" spans="1:3" ht="19.2">
      <c r="A13382" s="2"/>
      <c r="B13382" s="2"/>
      <c r="C13382" s="2"/>
    </row>
    <row r="13383" spans="1:3" ht="19.2">
      <c r="A13383" s="2"/>
      <c r="B13383" s="2"/>
      <c r="C13383" s="2"/>
    </row>
    <row r="13384" spans="1:3" ht="19.2">
      <c r="A13384" s="2"/>
      <c r="B13384" s="2"/>
      <c r="C13384" s="2"/>
    </row>
    <row r="13385" spans="1:3" ht="19.2">
      <c r="A13385" s="2"/>
      <c r="B13385" s="2"/>
      <c r="C13385" s="2"/>
    </row>
    <row r="13386" spans="1:3" ht="19.2">
      <c r="A13386" s="2"/>
      <c r="B13386" s="2"/>
      <c r="C13386" s="2"/>
    </row>
    <row r="13387" spans="1:3" ht="19.2">
      <c r="A13387" s="2"/>
      <c r="B13387" s="2"/>
      <c r="C13387" s="2"/>
    </row>
    <row r="13388" spans="1:3" ht="19.2">
      <c r="A13388" s="2"/>
      <c r="B13388" s="2"/>
      <c r="C13388" s="2"/>
    </row>
    <row r="13389" spans="1:3" ht="19.2">
      <c r="A13389" s="2"/>
      <c r="B13389" s="2"/>
      <c r="C13389" s="2"/>
    </row>
    <row r="13390" spans="1:3" ht="19.2">
      <c r="A13390" s="2"/>
      <c r="B13390" s="2"/>
      <c r="C13390" s="2"/>
    </row>
    <row r="13391" spans="1:3" ht="19.2">
      <c r="A13391" s="2"/>
      <c r="B13391" s="2"/>
      <c r="C13391" s="2"/>
    </row>
    <row r="13392" spans="1:3" ht="19.2">
      <c r="A13392" s="2"/>
      <c r="B13392" s="2"/>
      <c r="C13392" s="2"/>
    </row>
    <row r="13393" spans="1:3" ht="19.2">
      <c r="A13393" s="2"/>
      <c r="B13393" s="2"/>
      <c r="C13393" s="2"/>
    </row>
    <row r="13394" spans="1:3" ht="19.2">
      <c r="A13394" s="2"/>
      <c r="B13394" s="2"/>
      <c r="C13394" s="2"/>
    </row>
    <row r="13395" spans="1:3" ht="19.2">
      <c r="A13395" s="2"/>
      <c r="B13395" s="2"/>
      <c r="C13395" s="2"/>
    </row>
    <row r="13396" spans="1:3" ht="19.2">
      <c r="A13396" s="2"/>
      <c r="B13396" s="2"/>
      <c r="C13396" s="2"/>
    </row>
    <row r="13397" spans="1:3" ht="19.2">
      <c r="A13397" s="2"/>
      <c r="B13397" s="2"/>
      <c r="C13397" s="2"/>
    </row>
    <row r="13398" spans="1:3" ht="19.2">
      <c r="A13398" s="2"/>
      <c r="B13398" s="2"/>
      <c r="C13398" s="2"/>
    </row>
    <row r="13399" spans="1:3" ht="19.2">
      <c r="A13399" s="2"/>
      <c r="B13399" s="2"/>
      <c r="C13399" s="2"/>
    </row>
    <row r="13400" spans="1:3" ht="19.2">
      <c r="A13400" s="2"/>
      <c r="B13400" s="2"/>
      <c r="C13400" s="2"/>
    </row>
    <row r="13401" spans="1:3" ht="19.2">
      <c r="A13401" s="2"/>
      <c r="B13401" s="2"/>
      <c r="C13401" s="2"/>
    </row>
    <row r="13402" spans="1:3" ht="19.2">
      <c r="A13402" s="2"/>
      <c r="B13402" s="2"/>
      <c r="C13402" s="2"/>
    </row>
    <row r="13403" spans="1:3" ht="19.2">
      <c r="A13403" s="2"/>
      <c r="B13403" s="2"/>
      <c r="C13403" s="2"/>
    </row>
    <row r="13404" spans="1:3" ht="19.2">
      <c r="A13404" s="2"/>
      <c r="B13404" s="2"/>
      <c r="C13404" s="2"/>
    </row>
    <row r="13405" spans="1:3" ht="19.2">
      <c r="A13405" s="2"/>
      <c r="B13405" s="2"/>
      <c r="C13405" s="2"/>
    </row>
    <row r="13406" spans="1:3" ht="19.2">
      <c r="A13406" s="2"/>
      <c r="B13406" s="2"/>
      <c r="C13406" s="2"/>
    </row>
    <row r="13407" spans="1:3" ht="19.2">
      <c r="A13407" s="2"/>
      <c r="B13407" s="2"/>
      <c r="C13407" s="2"/>
    </row>
    <row r="13408" spans="1:3" ht="19.2">
      <c r="A13408" s="2"/>
      <c r="B13408" s="2"/>
      <c r="C13408" s="2"/>
    </row>
    <row r="13409" spans="1:3" ht="19.2">
      <c r="A13409" s="2"/>
      <c r="B13409" s="2"/>
      <c r="C13409" s="2"/>
    </row>
    <row r="13410" spans="1:3" ht="19.2">
      <c r="A13410" s="2"/>
      <c r="B13410" s="2"/>
      <c r="C13410" s="2"/>
    </row>
    <row r="13411" spans="1:3" ht="19.2">
      <c r="A13411" s="2"/>
      <c r="B13411" s="2"/>
      <c r="C13411" s="2"/>
    </row>
    <row r="13412" spans="1:3" ht="19.2">
      <c r="A13412" s="2"/>
      <c r="B13412" s="2"/>
      <c r="C13412" s="2"/>
    </row>
    <row r="13413" spans="1:3" ht="19.2">
      <c r="A13413" s="2"/>
      <c r="B13413" s="2"/>
      <c r="C13413" s="2"/>
    </row>
    <row r="13414" spans="1:3" ht="19.2">
      <c r="A13414" s="2"/>
      <c r="B13414" s="2"/>
      <c r="C13414" s="2"/>
    </row>
    <row r="13415" spans="1:3" ht="19.2">
      <c r="A13415" s="2"/>
      <c r="B13415" s="2"/>
      <c r="C13415" s="2"/>
    </row>
    <row r="13416" spans="1:3" ht="19.2">
      <c r="A13416" s="2"/>
      <c r="B13416" s="2"/>
      <c r="C13416" s="2"/>
    </row>
    <row r="13417" spans="1:3" ht="19.2">
      <c r="A13417" s="2"/>
      <c r="B13417" s="2"/>
      <c r="C13417" s="2"/>
    </row>
    <row r="13418" spans="1:3" ht="19.2">
      <c r="A13418" s="2"/>
      <c r="B13418" s="2"/>
      <c r="C13418" s="2"/>
    </row>
    <row r="13419" spans="1:3" ht="19.2">
      <c r="A13419" s="2"/>
      <c r="B13419" s="2"/>
      <c r="C13419" s="2"/>
    </row>
    <row r="13420" spans="1:3" ht="19.2">
      <c r="A13420" s="2"/>
      <c r="B13420" s="2"/>
      <c r="C13420" s="2"/>
    </row>
    <row r="13421" spans="1:3" ht="19.2">
      <c r="A13421" s="2"/>
      <c r="B13421" s="2"/>
      <c r="C13421" s="2"/>
    </row>
    <row r="13422" spans="1:3" ht="19.2">
      <c r="A13422" s="2"/>
      <c r="B13422" s="2"/>
      <c r="C13422" s="2"/>
    </row>
    <row r="13423" spans="1:3" ht="19.2">
      <c r="A13423" s="2"/>
      <c r="B13423" s="2"/>
      <c r="C13423" s="2"/>
    </row>
    <row r="13424" spans="1:3" ht="19.2">
      <c r="A13424" s="2"/>
      <c r="B13424" s="2"/>
      <c r="C13424" s="2"/>
    </row>
    <row r="13425" spans="1:3" ht="19.2">
      <c r="A13425" s="2"/>
      <c r="B13425" s="2"/>
      <c r="C13425" s="2"/>
    </row>
    <row r="13426" spans="1:3" ht="19.2">
      <c r="A13426" s="2"/>
      <c r="B13426" s="2"/>
      <c r="C13426" s="2"/>
    </row>
    <row r="13427" spans="1:3" ht="19.2">
      <c r="A13427" s="2"/>
      <c r="B13427" s="2"/>
      <c r="C13427" s="2"/>
    </row>
    <row r="13428" spans="1:3" ht="19.2">
      <c r="A13428" s="2"/>
      <c r="B13428" s="2"/>
      <c r="C13428" s="2"/>
    </row>
    <row r="13429" spans="1:3" ht="19.2">
      <c r="A13429" s="2"/>
      <c r="B13429" s="2"/>
      <c r="C13429" s="2"/>
    </row>
    <row r="13430" spans="1:3" ht="19.2">
      <c r="A13430" s="2"/>
      <c r="B13430" s="2"/>
      <c r="C13430" s="2"/>
    </row>
    <row r="13431" spans="1:3" ht="19.2">
      <c r="A13431" s="2"/>
      <c r="B13431" s="2"/>
      <c r="C13431" s="2"/>
    </row>
    <row r="13432" spans="1:3" ht="19.2">
      <c r="A13432" s="2"/>
      <c r="B13432" s="2"/>
      <c r="C13432" s="2"/>
    </row>
    <row r="13433" spans="1:3" ht="19.2">
      <c r="A13433" s="2"/>
      <c r="B13433" s="2"/>
      <c r="C13433" s="2"/>
    </row>
    <row r="13434" spans="1:3" ht="19.2">
      <c r="A13434" s="2"/>
      <c r="B13434" s="2"/>
      <c r="C13434" s="2"/>
    </row>
    <row r="13435" spans="1:3" ht="19.2">
      <c r="A13435" s="2"/>
      <c r="B13435" s="2"/>
      <c r="C13435" s="2"/>
    </row>
    <row r="13436" spans="1:3" ht="19.2">
      <c r="A13436" s="2"/>
      <c r="B13436" s="2"/>
      <c r="C13436" s="2"/>
    </row>
    <row r="13437" spans="1:3" ht="19.2">
      <c r="A13437" s="2"/>
      <c r="B13437" s="2"/>
      <c r="C13437" s="2"/>
    </row>
    <row r="13438" spans="1:3" ht="19.2">
      <c r="A13438" s="2"/>
      <c r="B13438" s="2"/>
      <c r="C13438" s="2"/>
    </row>
    <row r="13439" spans="1:3" ht="19.2">
      <c r="A13439" s="2"/>
      <c r="B13439" s="2"/>
      <c r="C13439" s="2"/>
    </row>
    <row r="13440" spans="1:3" ht="19.2">
      <c r="A13440" s="2"/>
      <c r="B13440" s="2"/>
      <c r="C13440" s="2"/>
    </row>
    <row r="13441" spans="1:3" ht="19.2">
      <c r="A13441" s="2"/>
      <c r="B13441" s="2"/>
      <c r="C13441" s="2"/>
    </row>
    <row r="13442" spans="1:3" ht="19.2">
      <c r="A13442" s="2"/>
      <c r="B13442" s="2"/>
      <c r="C13442" s="2"/>
    </row>
    <row r="13443" spans="1:3" ht="19.2">
      <c r="A13443" s="2"/>
      <c r="B13443" s="2"/>
      <c r="C13443" s="2"/>
    </row>
    <row r="13444" spans="1:3" ht="19.2">
      <c r="A13444" s="2"/>
      <c r="B13444" s="2"/>
      <c r="C13444" s="2"/>
    </row>
    <row r="13445" spans="1:3" ht="19.2">
      <c r="A13445" s="2"/>
      <c r="B13445" s="2"/>
      <c r="C13445" s="2"/>
    </row>
    <row r="13446" spans="1:3" ht="19.2">
      <c r="A13446" s="2"/>
      <c r="B13446" s="2"/>
      <c r="C13446" s="2"/>
    </row>
    <row r="13447" spans="1:3" ht="19.2">
      <c r="A13447" s="2"/>
      <c r="B13447" s="2"/>
      <c r="C13447" s="2"/>
    </row>
    <row r="13448" spans="1:3" ht="19.2">
      <c r="A13448" s="2"/>
      <c r="B13448" s="2"/>
      <c r="C13448" s="2"/>
    </row>
    <row r="13449" spans="1:3" ht="19.2">
      <c r="A13449" s="2"/>
      <c r="B13449" s="2"/>
      <c r="C13449" s="2"/>
    </row>
    <row r="13450" spans="1:3" ht="19.2">
      <c r="A13450" s="2"/>
      <c r="B13450" s="2"/>
      <c r="C13450" s="2"/>
    </row>
    <row r="13451" spans="1:3" ht="19.2">
      <c r="A13451" s="2"/>
      <c r="B13451" s="2"/>
      <c r="C13451" s="2"/>
    </row>
    <row r="13452" spans="1:3" ht="19.2">
      <c r="A13452" s="2"/>
      <c r="B13452" s="2"/>
      <c r="C13452" s="2"/>
    </row>
    <row r="13453" spans="1:3" ht="19.2">
      <c r="A13453" s="2"/>
      <c r="B13453" s="2"/>
      <c r="C13453" s="2"/>
    </row>
    <row r="13454" spans="1:3" ht="19.2">
      <c r="A13454" s="2"/>
      <c r="B13454" s="2"/>
      <c r="C13454" s="2"/>
    </row>
    <row r="13455" spans="1:3" ht="19.2">
      <c r="A13455" s="2"/>
      <c r="B13455" s="2"/>
      <c r="C13455" s="2"/>
    </row>
    <row r="13456" spans="1:3" ht="19.2">
      <c r="A13456" s="2"/>
      <c r="B13456" s="2"/>
      <c r="C13456" s="2"/>
    </row>
    <row r="13457" spans="1:3" ht="19.2">
      <c r="A13457" s="2"/>
      <c r="B13457" s="2"/>
      <c r="C13457" s="2"/>
    </row>
    <row r="13458" spans="1:3" ht="19.2">
      <c r="A13458" s="2"/>
      <c r="B13458" s="2"/>
      <c r="C13458" s="2"/>
    </row>
    <row r="13459" spans="1:3" ht="19.2">
      <c r="A13459" s="2"/>
      <c r="B13459" s="2"/>
      <c r="C13459" s="2"/>
    </row>
    <row r="13460" spans="1:3" ht="19.2">
      <c r="A13460" s="2"/>
      <c r="B13460" s="2"/>
      <c r="C13460" s="2"/>
    </row>
    <row r="13461" spans="1:3" ht="19.2">
      <c r="A13461" s="2"/>
      <c r="B13461" s="2"/>
      <c r="C13461" s="2"/>
    </row>
    <row r="13462" spans="1:3" ht="19.2">
      <c r="A13462" s="2"/>
      <c r="B13462" s="2"/>
      <c r="C13462" s="2"/>
    </row>
    <row r="13463" spans="1:3" ht="19.2">
      <c r="A13463" s="2"/>
      <c r="B13463" s="2"/>
      <c r="C13463" s="2"/>
    </row>
    <row r="13464" spans="1:3" ht="19.2">
      <c r="A13464" s="2"/>
      <c r="B13464" s="2"/>
      <c r="C13464" s="2"/>
    </row>
    <row r="13465" spans="1:3" ht="19.2">
      <c r="A13465" s="2"/>
      <c r="B13465" s="2"/>
      <c r="C13465" s="2"/>
    </row>
    <row r="13466" spans="1:3" ht="19.2">
      <c r="A13466" s="2"/>
      <c r="B13466" s="2"/>
      <c r="C13466" s="2"/>
    </row>
    <row r="13467" spans="1:3" ht="19.2">
      <c r="A13467" s="2"/>
      <c r="B13467" s="2"/>
      <c r="C13467" s="2"/>
    </row>
    <row r="13468" spans="1:3" ht="19.2">
      <c r="A13468" s="2"/>
      <c r="B13468" s="2"/>
      <c r="C13468" s="2"/>
    </row>
    <row r="13469" spans="1:3" ht="19.2">
      <c r="A13469" s="2"/>
      <c r="B13469" s="2"/>
      <c r="C13469" s="2"/>
    </row>
    <row r="13470" spans="1:3" ht="19.2">
      <c r="A13470" s="2"/>
      <c r="B13470" s="2"/>
      <c r="C13470" s="2"/>
    </row>
    <row r="13471" spans="1:3" ht="19.2">
      <c r="A13471" s="2"/>
      <c r="B13471" s="2"/>
      <c r="C13471" s="2"/>
    </row>
    <row r="13472" spans="1:3" ht="19.2">
      <c r="A13472" s="2"/>
      <c r="B13472" s="2"/>
      <c r="C13472" s="2"/>
    </row>
    <row r="13473" spans="1:3" ht="19.2">
      <c r="A13473" s="2"/>
      <c r="B13473" s="2"/>
      <c r="C13473" s="2"/>
    </row>
    <row r="13474" spans="1:3" ht="19.2">
      <c r="A13474" s="2"/>
      <c r="B13474" s="2"/>
      <c r="C13474" s="2"/>
    </row>
    <row r="13475" spans="1:3" ht="19.2">
      <c r="A13475" s="2"/>
      <c r="B13475" s="2"/>
      <c r="C13475" s="2"/>
    </row>
    <row r="13476" spans="1:3" ht="19.2">
      <c r="A13476" s="2"/>
      <c r="B13476" s="2"/>
      <c r="C13476" s="2"/>
    </row>
    <row r="13477" spans="1:3" ht="19.2">
      <c r="A13477" s="2"/>
      <c r="B13477" s="2"/>
      <c r="C13477" s="2"/>
    </row>
    <row r="13478" spans="1:3" ht="19.2">
      <c r="A13478" s="2"/>
      <c r="B13478" s="2"/>
      <c r="C13478" s="2"/>
    </row>
    <row r="13479" spans="1:3" ht="19.2">
      <c r="A13479" s="2"/>
      <c r="B13479" s="2"/>
      <c r="C13479" s="2"/>
    </row>
    <row r="13480" spans="1:3" ht="19.2">
      <c r="A13480" s="2"/>
      <c r="B13480" s="2"/>
      <c r="C13480" s="2"/>
    </row>
    <row r="13481" spans="1:3" ht="19.2">
      <c r="A13481" s="2"/>
      <c r="B13481" s="2"/>
      <c r="C13481" s="2"/>
    </row>
    <row r="13482" spans="1:3" ht="19.2">
      <c r="A13482" s="2"/>
      <c r="B13482" s="2"/>
      <c r="C13482" s="2"/>
    </row>
    <row r="13483" spans="1:3" ht="19.2">
      <c r="A13483" s="2"/>
      <c r="B13483" s="2"/>
      <c r="C13483" s="2"/>
    </row>
    <row r="13484" spans="1:3" ht="19.2">
      <c r="A13484" s="2"/>
      <c r="B13484" s="2"/>
      <c r="C13484" s="2"/>
    </row>
    <row r="13485" spans="1:3" ht="19.2">
      <c r="A13485" s="2"/>
      <c r="B13485" s="2"/>
      <c r="C13485" s="2"/>
    </row>
    <row r="13486" spans="1:3" ht="19.2">
      <c r="A13486" s="2"/>
      <c r="B13486" s="2"/>
      <c r="C13486" s="2"/>
    </row>
    <row r="13487" spans="1:3" ht="19.2">
      <c r="A13487" s="2"/>
      <c r="B13487" s="2"/>
      <c r="C13487" s="2"/>
    </row>
    <row r="13488" spans="1:3" ht="19.2">
      <c r="A13488" s="2"/>
      <c r="B13488" s="2"/>
      <c r="C13488" s="2"/>
    </row>
    <row r="13489" spans="1:3" ht="19.2">
      <c r="A13489" s="2"/>
      <c r="B13489" s="2"/>
      <c r="C13489" s="2"/>
    </row>
    <row r="13490" spans="1:3" ht="19.2">
      <c r="A13490" s="2"/>
      <c r="B13490" s="2"/>
      <c r="C13490" s="2"/>
    </row>
    <row r="13491" spans="1:3" ht="19.2">
      <c r="A13491" s="2"/>
      <c r="B13491" s="2"/>
      <c r="C13491" s="2"/>
    </row>
    <row r="13492" spans="1:3" ht="19.2">
      <c r="A13492" s="2"/>
      <c r="B13492" s="2"/>
      <c r="C13492" s="2"/>
    </row>
    <row r="13493" spans="1:3" ht="19.2">
      <c r="A13493" s="2"/>
      <c r="B13493" s="2"/>
      <c r="C13493" s="2"/>
    </row>
    <row r="13494" spans="1:3" ht="19.2">
      <c r="A13494" s="2"/>
      <c r="B13494" s="2"/>
      <c r="C13494" s="2"/>
    </row>
    <row r="13495" spans="1:3" ht="19.2">
      <c r="A13495" s="2"/>
      <c r="B13495" s="2"/>
      <c r="C13495" s="2"/>
    </row>
    <row r="13496" spans="1:3" ht="19.2">
      <c r="A13496" s="2"/>
      <c r="B13496" s="2"/>
      <c r="C13496" s="2"/>
    </row>
    <row r="13497" spans="1:3" ht="19.2">
      <c r="A13497" s="2"/>
      <c r="B13497" s="2"/>
      <c r="C13497" s="2"/>
    </row>
    <row r="13498" spans="1:3" ht="19.2">
      <c r="A13498" s="2"/>
      <c r="B13498" s="2"/>
      <c r="C13498" s="2"/>
    </row>
    <row r="13499" spans="1:3" ht="19.2">
      <c r="A13499" s="2"/>
      <c r="B13499" s="2"/>
      <c r="C13499" s="2"/>
    </row>
    <row r="13500" spans="1:3" ht="19.2">
      <c r="A13500" s="2"/>
      <c r="B13500" s="2"/>
      <c r="C13500" s="2"/>
    </row>
    <row r="13501" spans="1:3" ht="19.2">
      <c r="A13501" s="2"/>
      <c r="B13501" s="2"/>
      <c r="C13501" s="2"/>
    </row>
    <row r="13502" spans="1:3" ht="19.2">
      <c r="A13502" s="2"/>
      <c r="B13502" s="2"/>
      <c r="C13502" s="2"/>
    </row>
    <row r="13503" spans="1:3" ht="19.2">
      <c r="A13503" s="2"/>
      <c r="B13503" s="2"/>
      <c r="C13503" s="2"/>
    </row>
    <row r="13504" spans="1:3" ht="19.2">
      <c r="A13504" s="2"/>
      <c r="B13504" s="2"/>
      <c r="C13504" s="2"/>
    </row>
    <row r="13505" spans="1:3" ht="19.2">
      <c r="A13505" s="2"/>
      <c r="B13505" s="2"/>
      <c r="C13505" s="2"/>
    </row>
    <row r="13506" spans="1:3" ht="19.2">
      <c r="A13506" s="2"/>
      <c r="B13506" s="2"/>
      <c r="C13506" s="2"/>
    </row>
    <row r="13507" spans="1:3" ht="19.2">
      <c r="A13507" s="2"/>
      <c r="B13507" s="2"/>
      <c r="C13507" s="2"/>
    </row>
    <row r="13508" spans="1:3" ht="19.2">
      <c r="A13508" s="2"/>
      <c r="B13508" s="2"/>
      <c r="C13508" s="2"/>
    </row>
    <row r="13509" spans="1:3" ht="19.2">
      <c r="A13509" s="2"/>
      <c r="B13509" s="2"/>
      <c r="C13509" s="2"/>
    </row>
    <row r="13510" spans="1:3" ht="19.2">
      <c r="A13510" s="2"/>
      <c r="B13510" s="2"/>
      <c r="C13510" s="2"/>
    </row>
    <row r="13511" spans="1:3" ht="19.2">
      <c r="A13511" s="2"/>
      <c r="B13511" s="2"/>
      <c r="C13511" s="2"/>
    </row>
    <row r="13512" spans="1:3" ht="19.2">
      <c r="A13512" s="2"/>
      <c r="B13512" s="2"/>
      <c r="C13512" s="2"/>
    </row>
    <row r="13513" spans="1:3" ht="19.2">
      <c r="A13513" s="2"/>
      <c r="B13513" s="2"/>
      <c r="C13513" s="2"/>
    </row>
    <row r="13514" spans="1:3" ht="19.2">
      <c r="A13514" s="2"/>
      <c r="B13514" s="2"/>
      <c r="C13514" s="2"/>
    </row>
    <row r="13515" spans="1:3" ht="19.2">
      <c r="A13515" s="2"/>
      <c r="B13515" s="2"/>
      <c r="C13515" s="2"/>
    </row>
    <row r="13516" spans="1:3" ht="19.2">
      <c r="A13516" s="2"/>
      <c r="B13516" s="2"/>
      <c r="C13516" s="2"/>
    </row>
    <row r="13517" spans="1:3" ht="19.2">
      <c r="A13517" s="2"/>
      <c r="B13517" s="2"/>
      <c r="C13517" s="2"/>
    </row>
    <row r="13518" spans="1:3" ht="19.2">
      <c r="A13518" s="2"/>
      <c r="B13518" s="2"/>
      <c r="C13518" s="2"/>
    </row>
    <row r="13519" spans="1:3" ht="19.2">
      <c r="A13519" s="2"/>
      <c r="B13519" s="2"/>
      <c r="C13519" s="2"/>
    </row>
    <row r="13520" spans="1:3" ht="19.2">
      <c r="A13520" s="2"/>
      <c r="B13520" s="2"/>
      <c r="C13520" s="2"/>
    </row>
    <row r="13521" spans="1:3" ht="19.2">
      <c r="A13521" s="2"/>
      <c r="B13521" s="2"/>
      <c r="C13521" s="2"/>
    </row>
    <row r="13522" spans="1:3" ht="19.2">
      <c r="A13522" s="2"/>
      <c r="B13522" s="2"/>
      <c r="C13522" s="2"/>
    </row>
    <row r="13523" spans="1:3" ht="19.2">
      <c r="A13523" s="2"/>
      <c r="B13523" s="2"/>
      <c r="C13523" s="2"/>
    </row>
    <row r="13524" spans="1:3" ht="19.2">
      <c r="A13524" s="2"/>
      <c r="B13524" s="2"/>
      <c r="C13524" s="2"/>
    </row>
    <row r="13525" spans="1:3" ht="19.2">
      <c r="A13525" s="2"/>
      <c r="B13525" s="2"/>
      <c r="C13525" s="2"/>
    </row>
    <row r="13526" spans="1:3" ht="19.2">
      <c r="A13526" s="2"/>
      <c r="B13526" s="2"/>
      <c r="C13526" s="2"/>
    </row>
    <row r="13527" spans="1:3" ht="19.2">
      <c r="A13527" s="2"/>
      <c r="B13527" s="2"/>
      <c r="C13527" s="2"/>
    </row>
    <row r="13528" spans="1:3" ht="19.2">
      <c r="A13528" s="2"/>
      <c r="B13528" s="2"/>
      <c r="C13528" s="2"/>
    </row>
    <row r="13529" spans="1:3" ht="19.2">
      <c r="A13529" s="2"/>
      <c r="B13529" s="2"/>
      <c r="C13529" s="2"/>
    </row>
    <row r="13530" spans="1:3" ht="19.2">
      <c r="A13530" s="2"/>
      <c r="B13530" s="2"/>
      <c r="C13530" s="2"/>
    </row>
    <row r="13531" spans="1:3" ht="19.2">
      <c r="A13531" s="2"/>
      <c r="B13531" s="2"/>
      <c r="C13531" s="2"/>
    </row>
    <row r="13532" spans="1:3" ht="19.2">
      <c r="A13532" s="2"/>
      <c r="B13532" s="2"/>
      <c r="C13532" s="2"/>
    </row>
    <row r="13533" spans="1:3" ht="19.2">
      <c r="A13533" s="2"/>
      <c r="B13533" s="2"/>
      <c r="C13533" s="2"/>
    </row>
    <row r="13534" spans="1:3" ht="19.2">
      <c r="A13534" s="2"/>
      <c r="B13534" s="2"/>
      <c r="C13534" s="2"/>
    </row>
    <row r="13535" spans="1:3" ht="19.2">
      <c r="A13535" s="2"/>
      <c r="B13535" s="2"/>
      <c r="C13535" s="2"/>
    </row>
    <row r="13536" spans="1:3" ht="19.2">
      <c r="A13536" s="2"/>
      <c r="B13536" s="2"/>
      <c r="C13536" s="2"/>
    </row>
    <row r="13537" spans="1:3" ht="19.2">
      <c r="A13537" s="2"/>
      <c r="B13537" s="2"/>
      <c r="C13537" s="2"/>
    </row>
    <row r="13538" spans="1:3" ht="19.2">
      <c r="A13538" s="2"/>
      <c r="B13538" s="2"/>
      <c r="C13538" s="2"/>
    </row>
    <row r="13539" spans="1:3" ht="19.2">
      <c r="A13539" s="2"/>
      <c r="B13539" s="2"/>
      <c r="C13539" s="2"/>
    </row>
    <row r="13540" spans="1:3" ht="19.2">
      <c r="A13540" s="2"/>
      <c r="B13540" s="2"/>
      <c r="C13540" s="2"/>
    </row>
    <row r="13541" spans="1:3" ht="19.2">
      <c r="A13541" s="2"/>
      <c r="B13541" s="2"/>
      <c r="C13541" s="2"/>
    </row>
    <row r="13542" spans="1:3" ht="19.2">
      <c r="A13542" s="2"/>
      <c r="B13542" s="2"/>
      <c r="C13542" s="2"/>
    </row>
    <row r="13543" spans="1:3" ht="19.2">
      <c r="A13543" s="2"/>
      <c r="B13543" s="2"/>
      <c r="C13543" s="2"/>
    </row>
    <row r="13544" spans="1:3" ht="19.2">
      <c r="A13544" s="2"/>
      <c r="B13544" s="2"/>
      <c r="C13544" s="2"/>
    </row>
    <row r="13545" spans="1:3" ht="19.2">
      <c r="A13545" s="2"/>
      <c r="B13545" s="2"/>
      <c r="C13545" s="2"/>
    </row>
    <row r="13546" spans="1:3" ht="19.2">
      <c r="A13546" s="2"/>
      <c r="B13546" s="2"/>
      <c r="C13546" s="2"/>
    </row>
    <row r="13547" spans="1:3" ht="19.2">
      <c r="A13547" s="2"/>
      <c r="B13547" s="2"/>
      <c r="C13547" s="2"/>
    </row>
    <row r="13548" spans="1:3" ht="19.2">
      <c r="A13548" s="2"/>
      <c r="B13548" s="2"/>
      <c r="C13548" s="2"/>
    </row>
    <row r="13549" spans="1:3" ht="19.2">
      <c r="A13549" s="2"/>
      <c r="B13549" s="2"/>
      <c r="C13549" s="2"/>
    </row>
    <row r="13550" spans="1:3" ht="19.2">
      <c r="A13550" s="2"/>
      <c r="B13550" s="2"/>
      <c r="C13550" s="2"/>
    </row>
    <row r="13551" spans="1:3" ht="19.2">
      <c r="A13551" s="2"/>
      <c r="B13551" s="2"/>
      <c r="C13551" s="2"/>
    </row>
    <row r="13552" spans="1:3" ht="19.2">
      <c r="A13552" s="2"/>
      <c r="B13552" s="2"/>
      <c r="C13552" s="2"/>
    </row>
    <row r="13553" spans="1:3" ht="19.2">
      <c r="A13553" s="2"/>
      <c r="B13553" s="2"/>
      <c r="C13553" s="2"/>
    </row>
    <row r="13554" spans="1:3" ht="19.2">
      <c r="A13554" s="2"/>
      <c r="B13554" s="2"/>
      <c r="C13554" s="2"/>
    </row>
    <row r="13555" spans="1:3" ht="19.2">
      <c r="A13555" s="2"/>
      <c r="B13555" s="2"/>
      <c r="C13555" s="2"/>
    </row>
    <row r="13556" spans="1:3" ht="19.2">
      <c r="A13556" s="2"/>
      <c r="B13556" s="2"/>
      <c r="C13556" s="2"/>
    </row>
    <row r="13557" spans="1:3" ht="19.2">
      <c r="A13557" s="2"/>
      <c r="B13557" s="2"/>
      <c r="C13557" s="2"/>
    </row>
    <row r="13558" spans="1:3" ht="19.2">
      <c r="A13558" s="2"/>
      <c r="B13558" s="2"/>
      <c r="C13558" s="2"/>
    </row>
    <row r="13559" spans="1:3" ht="19.2">
      <c r="A13559" s="2"/>
      <c r="B13559" s="2"/>
      <c r="C13559" s="2"/>
    </row>
    <row r="13560" spans="1:3" ht="19.2">
      <c r="A13560" s="2"/>
      <c r="B13560" s="2"/>
      <c r="C13560" s="2"/>
    </row>
    <row r="13561" spans="1:3" ht="19.2">
      <c r="A13561" s="2"/>
      <c r="B13561" s="2"/>
      <c r="C13561" s="2"/>
    </row>
    <row r="13562" spans="1:3" ht="19.2">
      <c r="A13562" s="2"/>
      <c r="B13562" s="2"/>
      <c r="C13562" s="2"/>
    </row>
    <row r="13563" spans="1:3" ht="19.2">
      <c r="A13563" s="2"/>
      <c r="B13563" s="2"/>
      <c r="C13563" s="2"/>
    </row>
    <row r="13564" spans="1:3" ht="19.2">
      <c r="A13564" s="2"/>
      <c r="B13564" s="2"/>
      <c r="C13564" s="2"/>
    </row>
    <row r="13565" spans="1:3" ht="19.2">
      <c r="A13565" s="2"/>
      <c r="B13565" s="2"/>
      <c r="C13565" s="2"/>
    </row>
    <row r="13566" spans="1:3" ht="19.2">
      <c r="A13566" s="2"/>
      <c r="B13566" s="2"/>
      <c r="C13566" s="2"/>
    </row>
    <row r="13567" spans="1:3" ht="19.2">
      <c r="A13567" s="2"/>
      <c r="B13567" s="2"/>
      <c r="C13567" s="2"/>
    </row>
    <row r="13568" spans="1:3" ht="19.2">
      <c r="A13568" s="2"/>
      <c r="B13568" s="2"/>
      <c r="C13568" s="2"/>
    </row>
    <row r="13569" spans="1:3" ht="19.2">
      <c r="A13569" s="2"/>
      <c r="B13569" s="2"/>
      <c r="C13569" s="2"/>
    </row>
    <row r="13570" spans="1:3" ht="19.2">
      <c r="A13570" s="2"/>
      <c r="B13570" s="2"/>
      <c r="C13570" s="2"/>
    </row>
    <row r="13571" spans="1:3" ht="19.2">
      <c r="A13571" s="2"/>
      <c r="B13571" s="2"/>
      <c r="C13571" s="2"/>
    </row>
    <row r="13572" spans="1:3" ht="19.2">
      <c r="A13572" s="2"/>
      <c r="B13572" s="2"/>
      <c r="C13572" s="2"/>
    </row>
    <row r="13573" spans="1:3" ht="19.2">
      <c r="A13573" s="2"/>
      <c r="B13573" s="2"/>
      <c r="C13573" s="2"/>
    </row>
    <row r="13574" spans="1:3" ht="19.2">
      <c r="A13574" s="2"/>
      <c r="B13574" s="2"/>
      <c r="C13574" s="2"/>
    </row>
    <row r="13575" spans="1:3" ht="19.2">
      <c r="A13575" s="2"/>
      <c r="B13575" s="2"/>
      <c r="C13575" s="2"/>
    </row>
    <row r="13576" spans="1:3" ht="19.2">
      <c r="A13576" s="2"/>
      <c r="B13576" s="2"/>
      <c r="C13576" s="2"/>
    </row>
    <row r="13577" spans="1:3" ht="19.2">
      <c r="A13577" s="2"/>
      <c r="B13577" s="2"/>
      <c r="C13577" s="2"/>
    </row>
    <row r="13578" spans="1:3" ht="19.2">
      <c r="A13578" s="2"/>
      <c r="B13578" s="2"/>
      <c r="C13578" s="2"/>
    </row>
    <row r="13579" spans="1:3" ht="19.2">
      <c r="A13579" s="2"/>
      <c r="B13579" s="2"/>
      <c r="C13579" s="2"/>
    </row>
    <row r="13580" spans="1:3" ht="19.2">
      <c r="A13580" s="2"/>
      <c r="B13580" s="2"/>
      <c r="C13580" s="2"/>
    </row>
    <row r="13581" spans="1:3" ht="19.2">
      <c r="A13581" s="2"/>
      <c r="B13581" s="2"/>
      <c r="C13581" s="2"/>
    </row>
    <row r="13582" spans="1:3" ht="19.2">
      <c r="A13582" s="2"/>
      <c r="B13582" s="2"/>
      <c r="C13582" s="2"/>
    </row>
    <row r="13583" spans="1:3" ht="19.2">
      <c r="A13583" s="2"/>
      <c r="B13583" s="2"/>
      <c r="C13583" s="2"/>
    </row>
    <row r="13584" spans="1:3" ht="19.2">
      <c r="A13584" s="2"/>
      <c r="B13584" s="2"/>
      <c r="C13584" s="2"/>
    </row>
    <row r="13585" spans="1:3" ht="19.2">
      <c r="A13585" s="2"/>
      <c r="B13585" s="2"/>
      <c r="C13585" s="2"/>
    </row>
    <row r="13586" spans="1:3" ht="19.2">
      <c r="A13586" s="2"/>
      <c r="B13586" s="2"/>
      <c r="C13586" s="2"/>
    </row>
    <row r="13587" spans="1:3" ht="19.2">
      <c r="A13587" s="2"/>
      <c r="B13587" s="2"/>
      <c r="C13587" s="2"/>
    </row>
    <row r="13588" spans="1:3" ht="19.2">
      <c r="A13588" s="2"/>
      <c r="B13588" s="2"/>
      <c r="C13588" s="2"/>
    </row>
    <row r="13589" spans="1:3" ht="19.2">
      <c r="A13589" s="2"/>
      <c r="B13589" s="2"/>
      <c r="C13589" s="2"/>
    </row>
    <row r="13590" spans="1:3" ht="19.2">
      <c r="A13590" s="2"/>
      <c r="B13590" s="2"/>
      <c r="C13590" s="2"/>
    </row>
    <row r="13591" spans="1:3" ht="19.2">
      <c r="A13591" s="2"/>
      <c r="B13591" s="2"/>
      <c r="C13591" s="2"/>
    </row>
    <row r="13592" spans="1:3" ht="19.2">
      <c r="A13592" s="2"/>
      <c r="B13592" s="2"/>
      <c r="C13592" s="2"/>
    </row>
    <row r="13593" spans="1:3" ht="19.2">
      <c r="A13593" s="2"/>
      <c r="B13593" s="2"/>
      <c r="C13593" s="2"/>
    </row>
    <row r="13594" spans="1:3" ht="19.2">
      <c r="A13594" s="2"/>
      <c r="B13594" s="2"/>
      <c r="C13594" s="2"/>
    </row>
    <row r="13595" spans="1:3" ht="19.2">
      <c r="A13595" s="2"/>
      <c r="B13595" s="2"/>
      <c r="C13595" s="2"/>
    </row>
    <row r="13596" spans="1:3" ht="19.2">
      <c r="A13596" s="2"/>
      <c r="B13596" s="2"/>
      <c r="C13596" s="2"/>
    </row>
    <row r="13597" spans="1:3" ht="19.2">
      <c r="A13597" s="2"/>
      <c r="B13597" s="2"/>
      <c r="C13597" s="2"/>
    </row>
    <row r="13598" spans="1:3" ht="19.2">
      <c r="A13598" s="2"/>
      <c r="B13598" s="2"/>
      <c r="C13598" s="2"/>
    </row>
    <row r="13599" spans="1:3" ht="19.2">
      <c r="A13599" s="2"/>
      <c r="B13599" s="2"/>
      <c r="C13599" s="2"/>
    </row>
    <row r="13600" spans="1:3" ht="19.2">
      <c r="A13600" s="2"/>
      <c r="B13600" s="2"/>
      <c r="C13600" s="2"/>
    </row>
    <row r="13601" spans="1:3" ht="19.2">
      <c r="A13601" s="2"/>
      <c r="B13601" s="2"/>
      <c r="C13601" s="2"/>
    </row>
    <row r="13602" spans="1:3" ht="19.2">
      <c r="A13602" s="2"/>
      <c r="B13602" s="2"/>
      <c r="C13602" s="2"/>
    </row>
    <row r="13603" spans="1:3" ht="19.2">
      <c r="A13603" s="2"/>
      <c r="B13603" s="2"/>
      <c r="C13603" s="2"/>
    </row>
    <row r="13604" spans="1:3" ht="19.2">
      <c r="A13604" s="2"/>
      <c r="B13604" s="2"/>
      <c r="C13604" s="2"/>
    </row>
    <row r="13605" spans="1:3" ht="19.2">
      <c r="A13605" s="2"/>
      <c r="B13605" s="2"/>
      <c r="C13605" s="2"/>
    </row>
    <row r="13606" spans="1:3" ht="19.2">
      <c r="A13606" s="2"/>
      <c r="B13606" s="2"/>
      <c r="C13606" s="2"/>
    </row>
    <row r="13607" spans="1:3" ht="19.2">
      <c r="A13607" s="2"/>
      <c r="B13607" s="2"/>
      <c r="C13607" s="2"/>
    </row>
    <row r="13608" spans="1:3" ht="19.2">
      <c r="A13608" s="2"/>
      <c r="B13608" s="2"/>
      <c r="C13608" s="2"/>
    </row>
    <row r="13609" spans="1:3" ht="19.2">
      <c r="A13609" s="2"/>
      <c r="B13609" s="2"/>
      <c r="C13609" s="2"/>
    </row>
    <row r="13610" spans="1:3" ht="19.2">
      <c r="A13610" s="2"/>
      <c r="B13610" s="2"/>
      <c r="C13610" s="2"/>
    </row>
    <row r="13611" spans="1:3" ht="19.2">
      <c r="A13611" s="2"/>
      <c r="B13611" s="2"/>
      <c r="C13611" s="2"/>
    </row>
    <row r="13612" spans="1:3" ht="19.2">
      <c r="A13612" s="2"/>
      <c r="B13612" s="2"/>
      <c r="C13612" s="2"/>
    </row>
    <row r="13613" spans="1:3" ht="19.2">
      <c r="A13613" s="2"/>
      <c r="B13613" s="2"/>
      <c r="C13613" s="2"/>
    </row>
    <row r="13614" spans="1:3" ht="19.2">
      <c r="A13614" s="2"/>
      <c r="B13614" s="2"/>
      <c r="C13614" s="2"/>
    </row>
    <row r="13615" spans="1:3" ht="19.2">
      <c r="A13615" s="2"/>
      <c r="B13615" s="2"/>
      <c r="C13615" s="2"/>
    </row>
    <row r="13616" spans="1:3" ht="19.2">
      <c r="A13616" s="2"/>
      <c r="B13616" s="2"/>
      <c r="C13616" s="2"/>
    </row>
    <row r="13617" spans="1:3" ht="19.2">
      <c r="A13617" s="2"/>
      <c r="B13617" s="2"/>
      <c r="C13617" s="2"/>
    </row>
    <row r="13618" spans="1:3" ht="19.2">
      <c r="A13618" s="2"/>
      <c r="B13618" s="2"/>
      <c r="C13618" s="2"/>
    </row>
    <row r="13619" spans="1:3" ht="19.2">
      <c r="A13619" s="2"/>
      <c r="B13619" s="2"/>
      <c r="C13619" s="2"/>
    </row>
    <row r="13620" spans="1:3" ht="19.2">
      <c r="A13620" s="2"/>
      <c r="B13620" s="2"/>
      <c r="C13620" s="2"/>
    </row>
    <row r="13621" spans="1:3" ht="19.2">
      <c r="A13621" s="2"/>
      <c r="B13621" s="2"/>
      <c r="C13621" s="2"/>
    </row>
    <row r="13622" spans="1:3" ht="19.2">
      <c r="A13622" s="2"/>
      <c r="B13622" s="2"/>
      <c r="C13622" s="2"/>
    </row>
    <row r="13623" spans="1:3" ht="19.2">
      <c r="A13623" s="2"/>
      <c r="B13623" s="2"/>
      <c r="C13623" s="2"/>
    </row>
    <row r="13624" spans="1:3" ht="19.2">
      <c r="A13624" s="2"/>
      <c r="B13624" s="2"/>
      <c r="C13624" s="2"/>
    </row>
    <row r="13625" spans="1:3" ht="19.2">
      <c r="A13625" s="2"/>
      <c r="B13625" s="2"/>
      <c r="C13625" s="2"/>
    </row>
    <row r="13626" spans="1:3" ht="19.2">
      <c r="A13626" s="2"/>
      <c r="B13626" s="2"/>
      <c r="C13626" s="2"/>
    </row>
    <row r="13627" spans="1:3" ht="19.2">
      <c r="A13627" s="2"/>
      <c r="B13627" s="2"/>
      <c r="C13627" s="2"/>
    </row>
    <row r="13628" spans="1:3" ht="19.2">
      <c r="A13628" s="2"/>
      <c r="B13628" s="2"/>
      <c r="C13628" s="2"/>
    </row>
    <row r="13629" spans="1:3" ht="19.2">
      <c r="A13629" s="2"/>
      <c r="B13629" s="2"/>
      <c r="C13629" s="2"/>
    </row>
    <row r="13630" spans="1:3" ht="19.2">
      <c r="A13630" s="2"/>
      <c r="B13630" s="2"/>
      <c r="C13630" s="2"/>
    </row>
    <row r="13631" spans="1:3" ht="19.2">
      <c r="A13631" s="2"/>
      <c r="B13631" s="2"/>
      <c r="C13631" s="2"/>
    </row>
    <row r="13632" spans="1:3" ht="19.2">
      <c r="A13632" s="2"/>
      <c r="B13632" s="2"/>
      <c r="C13632" s="2"/>
    </row>
    <row r="13633" spans="1:3" ht="19.2">
      <c r="A13633" s="2"/>
      <c r="B13633" s="2"/>
      <c r="C13633" s="2"/>
    </row>
    <row r="13634" spans="1:3" ht="19.2">
      <c r="A13634" s="2"/>
      <c r="B13634" s="2"/>
      <c r="C13634" s="2"/>
    </row>
    <row r="13635" spans="1:3" ht="19.2">
      <c r="A13635" s="2"/>
      <c r="B13635" s="2"/>
      <c r="C13635" s="2"/>
    </row>
    <row r="13636" spans="1:3" ht="19.2">
      <c r="A13636" s="2"/>
      <c r="B13636" s="2"/>
      <c r="C13636" s="2"/>
    </row>
    <row r="13637" spans="1:3" ht="19.2">
      <c r="A13637" s="2"/>
      <c r="B13637" s="2"/>
      <c r="C13637" s="2"/>
    </row>
    <row r="13638" spans="1:3" ht="19.2">
      <c r="A13638" s="2"/>
      <c r="B13638" s="2"/>
      <c r="C13638" s="2"/>
    </row>
    <row r="13639" spans="1:3" ht="19.2">
      <c r="A13639" s="2"/>
      <c r="B13639" s="2"/>
      <c r="C13639" s="2"/>
    </row>
    <row r="13640" spans="1:3" ht="19.2">
      <c r="A13640" s="2"/>
      <c r="B13640" s="2"/>
      <c r="C13640" s="2"/>
    </row>
    <row r="13641" spans="1:3" ht="19.2">
      <c r="A13641" s="2"/>
      <c r="B13641" s="2"/>
      <c r="C13641" s="2"/>
    </row>
    <row r="13642" spans="1:3" ht="19.2">
      <c r="A13642" s="2"/>
      <c r="B13642" s="2"/>
      <c r="C13642" s="2"/>
    </row>
    <row r="13643" spans="1:3" ht="19.2">
      <c r="A13643" s="2"/>
      <c r="B13643" s="2"/>
      <c r="C13643" s="2"/>
    </row>
    <row r="13644" spans="1:3" ht="19.2">
      <c r="A13644" s="2"/>
      <c r="B13644" s="2"/>
      <c r="C13644" s="2"/>
    </row>
    <row r="13645" spans="1:3" ht="19.2">
      <c r="A13645" s="2"/>
      <c r="B13645" s="2"/>
      <c r="C13645" s="2"/>
    </row>
    <row r="13646" spans="1:3" ht="19.2">
      <c r="A13646" s="2"/>
      <c r="B13646" s="2"/>
      <c r="C13646" s="2"/>
    </row>
    <row r="13647" spans="1:3" ht="19.2">
      <c r="A13647" s="2"/>
      <c r="B13647" s="2"/>
      <c r="C13647" s="2"/>
    </row>
    <row r="13648" spans="1:3" ht="19.2">
      <c r="A13648" s="2"/>
      <c r="B13648" s="2"/>
      <c r="C13648" s="2"/>
    </row>
    <row r="13649" spans="1:3" ht="19.2">
      <c r="A13649" s="2"/>
      <c r="B13649" s="2"/>
      <c r="C13649" s="2"/>
    </row>
    <row r="13650" spans="1:3" ht="19.2">
      <c r="A13650" s="2"/>
      <c r="B13650" s="2"/>
      <c r="C13650" s="2"/>
    </row>
    <row r="13651" spans="1:3" ht="19.2">
      <c r="A13651" s="2"/>
      <c r="B13651" s="2"/>
      <c r="C13651" s="2"/>
    </row>
    <row r="13652" spans="1:3" ht="19.2">
      <c r="A13652" s="2"/>
      <c r="B13652" s="2"/>
      <c r="C13652" s="2"/>
    </row>
    <row r="13653" spans="1:3" ht="19.2">
      <c r="A13653" s="2"/>
      <c r="B13653" s="2"/>
      <c r="C13653" s="2"/>
    </row>
    <row r="13654" spans="1:3" ht="19.2">
      <c r="A13654" s="2"/>
      <c r="B13654" s="2"/>
      <c r="C13654" s="2"/>
    </row>
    <row r="13655" spans="1:3" ht="19.2">
      <c r="A13655" s="2"/>
      <c r="B13655" s="2"/>
      <c r="C13655" s="2"/>
    </row>
    <row r="13656" spans="1:3" ht="19.2">
      <c r="A13656" s="2"/>
      <c r="B13656" s="2"/>
      <c r="C13656" s="2"/>
    </row>
    <row r="13657" spans="1:3" ht="19.2">
      <c r="A13657" s="2"/>
      <c r="B13657" s="2"/>
      <c r="C13657" s="2"/>
    </row>
    <row r="13658" spans="1:3" ht="19.2">
      <c r="A13658" s="2"/>
      <c r="B13658" s="2"/>
      <c r="C13658" s="2"/>
    </row>
    <row r="13659" spans="1:3" ht="19.2">
      <c r="A13659" s="2"/>
      <c r="B13659" s="2"/>
      <c r="C13659" s="2"/>
    </row>
    <row r="13660" spans="1:3" ht="19.2">
      <c r="A13660" s="2"/>
      <c r="B13660" s="2"/>
      <c r="C13660" s="2"/>
    </row>
    <row r="13661" spans="1:3" ht="19.2">
      <c r="A13661" s="2"/>
      <c r="B13661" s="2"/>
      <c r="C13661" s="2"/>
    </row>
    <row r="13662" spans="1:3" ht="19.2">
      <c r="A13662" s="2"/>
      <c r="B13662" s="2"/>
      <c r="C13662" s="2"/>
    </row>
    <row r="13663" spans="1:3" ht="19.2">
      <c r="A13663" s="2"/>
      <c r="B13663" s="2"/>
      <c r="C13663" s="2"/>
    </row>
    <row r="13664" spans="1:3" ht="19.2">
      <c r="A13664" s="2"/>
      <c r="B13664" s="2"/>
      <c r="C13664" s="2"/>
    </row>
    <row r="13665" spans="1:3" ht="19.2">
      <c r="A13665" s="2"/>
      <c r="B13665" s="2"/>
      <c r="C13665" s="2"/>
    </row>
    <row r="13666" spans="1:3" ht="19.2">
      <c r="A13666" s="2"/>
      <c r="B13666" s="2"/>
      <c r="C13666" s="2"/>
    </row>
    <row r="13667" spans="1:3" ht="19.2">
      <c r="A13667" s="2"/>
      <c r="B13667" s="2"/>
      <c r="C13667" s="2"/>
    </row>
    <row r="13668" spans="1:3" ht="19.2">
      <c r="A13668" s="2"/>
      <c r="B13668" s="2"/>
      <c r="C13668" s="2"/>
    </row>
    <row r="13669" spans="1:3" ht="19.2">
      <c r="A13669" s="2"/>
      <c r="B13669" s="2"/>
      <c r="C13669" s="2"/>
    </row>
    <row r="13670" spans="1:3" ht="19.2">
      <c r="A13670" s="2"/>
      <c r="B13670" s="2"/>
      <c r="C13670" s="2"/>
    </row>
    <row r="13671" spans="1:3" ht="19.2">
      <c r="A13671" s="2"/>
      <c r="B13671" s="2"/>
      <c r="C13671" s="2"/>
    </row>
    <row r="13672" spans="1:3" ht="19.2">
      <c r="A13672" s="2"/>
      <c r="B13672" s="2"/>
      <c r="C13672" s="2"/>
    </row>
    <row r="13673" spans="1:3" ht="19.2">
      <c r="A13673" s="2"/>
      <c r="B13673" s="2"/>
      <c r="C13673" s="2"/>
    </row>
    <row r="13674" spans="1:3" ht="19.2">
      <c r="A13674" s="2"/>
      <c r="B13674" s="2"/>
      <c r="C13674" s="2"/>
    </row>
    <row r="13675" spans="1:3" ht="19.2">
      <c r="A13675" s="2"/>
      <c r="B13675" s="2"/>
      <c r="C13675" s="2"/>
    </row>
    <row r="13676" spans="1:3" ht="19.2">
      <c r="A13676" s="2"/>
      <c r="B13676" s="2"/>
      <c r="C13676" s="2"/>
    </row>
    <row r="13677" spans="1:3" ht="19.2">
      <c r="A13677" s="2"/>
      <c r="B13677" s="2"/>
      <c r="C13677" s="2"/>
    </row>
    <row r="13678" spans="1:3" ht="19.2">
      <c r="A13678" s="2"/>
      <c r="B13678" s="2"/>
      <c r="C13678" s="2"/>
    </row>
    <row r="13679" spans="1:3" ht="19.2">
      <c r="A13679" s="2"/>
      <c r="B13679" s="2"/>
      <c r="C13679" s="2"/>
    </row>
    <row r="13680" spans="1:3" ht="19.2">
      <c r="A13680" s="2"/>
      <c r="B13680" s="2"/>
      <c r="C13680" s="2"/>
    </row>
    <row r="13681" spans="1:3" ht="19.2">
      <c r="A13681" s="2"/>
      <c r="B13681" s="2"/>
      <c r="C13681" s="2"/>
    </row>
    <row r="13682" spans="1:3" ht="19.2">
      <c r="A13682" s="2"/>
      <c r="B13682" s="2"/>
      <c r="C13682" s="2"/>
    </row>
    <row r="13683" spans="1:3" ht="19.2">
      <c r="A13683" s="2"/>
      <c r="B13683" s="2"/>
      <c r="C13683" s="2"/>
    </row>
    <row r="13684" spans="1:3" ht="19.2">
      <c r="A13684" s="2"/>
      <c r="B13684" s="2"/>
      <c r="C13684" s="2"/>
    </row>
    <row r="13685" spans="1:3" ht="19.2">
      <c r="A13685" s="2"/>
      <c r="B13685" s="2"/>
      <c r="C13685" s="2"/>
    </row>
    <row r="13686" spans="1:3" ht="19.2">
      <c r="A13686" s="2"/>
      <c r="B13686" s="2"/>
      <c r="C13686" s="2"/>
    </row>
    <row r="13687" spans="1:3" ht="19.2">
      <c r="A13687" s="2"/>
      <c r="B13687" s="2"/>
      <c r="C13687" s="2"/>
    </row>
    <row r="13688" spans="1:3" ht="19.2">
      <c r="A13688" s="2"/>
      <c r="B13688" s="2"/>
      <c r="C13688" s="2"/>
    </row>
    <row r="13689" spans="1:3" ht="19.2">
      <c r="A13689" s="2"/>
      <c r="B13689" s="2"/>
      <c r="C13689" s="2"/>
    </row>
    <row r="13690" spans="1:3" ht="19.2">
      <c r="A13690" s="2"/>
      <c r="B13690" s="2"/>
      <c r="C13690" s="2"/>
    </row>
    <row r="13691" spans="1:3" ht="19.2">
      <c r="A13691" s="2"/>
      <c r="B13691" s="2"/>
      <c r="C13691" s="2"/>
    </row>
    <row r="13692" spans="1:3" ht="19.2">
      <c r="A13692" s="2"/>
      <c r="B13692" s="2"/>
      <c r="C13692" s="2"/>
    </row>
    <row r="13693" spans="1:3" ht="19.2">
      <c r="A13693" s="2"/>
      <c r="B13693" s="2"/>
      <c r="C13693" s="2"/>
    </row>
    <row r="13694" spans="1:3" ht="19.2">
      <c r="A13694" s="2"/>
      <c r="B13694" s="2"/>
      <c r="C13694" s="2"/>
    </row>
    <row r="13695" spans="1:3" ht="19.2">
      <c r="A13695" s="2"/>
      <c r="B13695" s="2"/>
      <c r="C13695" s="2"/>
    </row>
    <row r="13696" spans="1:3" ht="19.2">
      <c r="A13696" s="2"/>
      <c r="B13696" s="2"/>
      <c r="C13696" s="2"/>
    </row>
    <row r="13697" spans="1:3" ht="19.2">
      <c r="A13697" s="2"/>
      <c r="B13697" s="2"/>
      <c r="C13697" s="2"/>
    </row>
    <row r="13698" spans="1:3" ht="19.2">
      <c r="A13698" s="2"/>
      <c r="B13698" s="2"/>
      <c r="C13698" s="2"/>
    </row>
    <row r="13699" spans="1:3" ht="19.2">
      <c r="A13699" s="2"/>
      <c r="B13699" s="2"/>
      <c r="C13699" s="2"/>
    </row>
    <row r="13700" spans="1:3" ht="19.2">
      <c r="A13700" s="2"/>
      <c r="B13700" s="2"/>
      <c r="C13700" s="2"/>
    </row>
    <row r="13701" spans="1:3" ht="19.2">
      <c r="A13701" s="2"/>
      <c r="B13701" s="2"/>
      <c r="C13701" s="2"/>
    </row>
    <row r="13702" spans="1:3" ht="19.2">
      <c r="A13702" s="2"/>
      <c r="B13702" s="2"/>
      <c r="C13702" s="2"/>
    </row>
    <row r="13703" spans="1:3" ht="19.2">
      <c r="A13703" s="2"/>
      <c r="B13703" s="2"/>
      <c r="C13703" s="2"/>
    </row>
    <row r="13704" spans="1:3" ht="19.2">
      <c r="A13704" s="2"/>
      <c r="B13704" s="2"/>
      <c r="C13704" s="2"/>
    </row>
    <row r="13705" spans="1:3" ht="19.2">
      <c r="A13705" s="2"/>
      <c r="B13705" s="2"/>
      <c r="C13705" s="2"/>
    </row>
    <row r="13706" spans="1:3" ht="19.2">
      <c r="A13706" s="2"/>
      <c r="B13706" s="2"/>
      <c r="C13706" s="2"/>
    </row>
    <row r="13707" spans="1:3" ht="19.2">
      <c r="A13707" s="2"/>
      <c r="B13707" s="2"/>
      <c r="C13707" s="2"/>
    </row>
    <row r="13708" spans="1:3" ht="19.2">
      <c r="A13708" s="2"/>
      <c r="B13708" s="2"/>
      <c r="C13708" s="2"/>
    </row>
    <row r="13709" spans="1:3" ht="19.2">
      <c r="A13709" s="2"/>
      <c r="B13709" s="2"/>
      <c r="C13709" s="2"/>
    </row>
    <row r="13710" spans="1:3" ht="19.2">
      <c r="A13710" s="2"/>
      <c r="B13710" s="2"/>
      <c r="C13710" s="2"/>
    </row>
    <row r="13711" spans="1:3" ht="19.2">
      <c r="A13711" s="2"/>
      <c r="B13711" s="2"/>
      <c r="C13711" s="2"/>
    </row>
    <row r="13712" spans="1:3" ht="19.2">
      <c r="A13712" s="2"/>
      <c r="B13712" s="2"/>
      <c r="C13712" s="2"/>
    </row>
    <row r="13713" spans="1:3" ht="19.2">
      <c r="A13713" s="2"/>
      <c r="B13713" s="2"/>
      <c r="C13713" s="2"/>
    </row>
    <row r="13714" spans="1:3" ht="19.2">
      <c r="A13714" s="2"/>
      <c r="B13714" s="2"/>
      <c r="C13714" s="2"/>
    </row>
    <row r="13715" spans="1:3" ht="19.2">
      <c r="A13715" s="2"/>
      <c r="B13715" s="2"/>
      <c r="C13715" s="2"/>
    </row>
    <row r="13716" spans="1:3" ht="19.2">
      <c r="A13716" s="2"/>
      <c r="B13716" s="2"/>
      <c r="C13716" s="2"/>
    </row>
    <row r="13717" spans="1:3" ht="19.2">
      <c r="A13717" s="2"/>
      <c r="B13717" s="2"/>
      <c r="C13717" s="2"/>
    </row>
    <row r="13718" spans="1:3" ht="19.2">
      <c r="A13718" s="2"/>
      <c r="B13718" s="2"/>
      <c r="C13718" s="2"/>
    </row>
    <row r="13719" spans="1:3" ht="19.2">
      <c r="A13719" s="2"/>
      <c r="B13719" s="2"/>
      <c r="C13719" s="2"/>
    </row>
    <row r="13720" spans="1:3" ht="19.2">
      <c r="A13720" s="2"/>
      <c r="B13720" s="2"/>
      <c r="C13720" s="2"/>
    </row>
    <row r="13721" spans="1:3" ht="19.2">
      <c r="A13721" s="2"/>
      <c r="B13721" s="2"/>
      <c r="C13721" s="2"/>
    </row>
    <row r="13722" spans="1:3" ht="19.2">
      <c r="A13722" s="2"/>
      <c r="B13722" s="2"/>
      <c r="C13722" s="2"/>
    </row>
    <row r="13723" spans="1:3" ht="19.2">
      <c r="A13723" s="2"/>
      <c r="B13723" s="2"/>
      <c r="C13723" s="2"/>
    </row>
    <row r="13724" spans="1:3" ht="19.2">
      <c r="A13724" s="2"/>
      <c r="B13724" s="2"/>
      <c r="C13724" s="2"/>
    </row>
    <row r="13725" spans="1:3" ht="19.2">
      <c r="A13725" s="2"/>
      <c r="B13725" s="2"/>
      <c r="C13725" s="2"/>
    </row>
    <row r="13726" spans="1:3" ht="19.2">
      <c r="A13726" s="2"/>
      <c r="B13726" s="2"/>
      <c r="C13726" s="2"/>
    </row>
    <row r="13727" spans="1:3" ht="19.2">
      <c r="A13727" s="2"/>
      <c r="B13727" s="2"/>
      <c r="C13727" s="2"/>
    </row>
    <row r="13728" spans="1:3" ht="19.2">
      <c r="A13728" s="2"/>
      <c r="B13728" s="2"/>
      <c r="C13728" s="2"/>
    </row>
    <row r="13729" spans="1:3" ht="19.2">
      <c r="A13729" s="2"/>
      <c r="B13729" s="2"/>
      <c r="C13729" s="2"/>
    </row>
    <row r="13730" spans="1:3" ht="19.2">
      <c r="A13730" s="2"/>
      <c r="B13730" s="2"/>
      <c r="C13730" s="2"/>
    </row>
    <row r="13731" spans="1:3" ht="19.2">
      <c r="A13731" s="2"/>
      <c r="B13731" s="2"/>
      <c r="C13731" s="2"/>
    </row>
    <row r="13732" spans="1:3" ht="19.2">
      <c r="A13732" s="2"/>
      <c r="B13732" s="2"/>
      <c r="C13732" s="2"/>
    </row>
    <row r="13733" spans="1:3" ht="19.2">
      <c r="A13733" s="2"/>
      <c r="B13733" s="2"/>
      <c r="C13733" s="2"/>
    </row>
    <row r="13734" spans="1:3" ht="19.2">
      <c r="A13734" s="2"/>
      <c r="B13734" s="2"/>
      <c r="C13734" s="2"/>
    </row>
    <row r="13735" spans="1:3" ht="19.2">
      <c r="A13735" s="2"/>
      <c r="B13735" s="2"/>
      <c r="C13735" s="2"/>
    </row>
    <row r="13736" spans="1:3" ht="19.2">
      <c r="A13736" s="2"/>
      <c r="B13736" s="2"/>
      <c r="C13736" s="2"/>
    </row>
    <row r="13737" spans="1:3" ht="19.2">
      <c r="A13737" s="2"/>
      <c r="B13737" s="2"/>
      <c r="C13737" s="2"/>
    </row>
    <row r="13738" spans="1:3" ht="19.2">
      <c r="A13738" s="2"/>
      <c r="B13738" s="2"/>
      <c r="C13738" s="2"/>
    </row>
    <row r="13739" spans="1:3" ht="19.2">
      <c r="A13739" s="2"/>
      <c r="B13739" s="2"/>
      <c r="C13739" s="2"/>
    </row>
    <row r="13740" spans="1:3" ht="19.2">
      <c r="A13740" s="2"/>
      <c r="B13740" s="2"/>
      <c r="C13740" s="2"/>
    </row>
    <row r="13741" spans="1:3" ht="19.2">
      <c r="A13741" s="2"/>
      <c r="B13741" s="2"/>
      <c r="C13741" s="2"/>
    </row>
    <row r="13742" spans="1:3" ht="19.2">
      <c r="A13742" s="2"/>
      <c r="B13742" s="2"/>
      <c r="C13742" s="2"/>
    </row>
    <row r="13743" spans="1:3" ht="19.2">
      <c r="A13743" s="2"/>
      <c r="B13743" s="2"/>
      <c r="C13743" s="2"/>
    </row>
    <row r="13744" spans="1:3" ht="19.2">
      <c r="A13744" s="2"/>
      <c r="B13744" s="2"/>
      <c r="C13744" s="2"/>
    </row>
    <row r="13745" spans="1:3" ht="19.2">
      <c r="A13745" s="2"/>
      <c r="B13745" s="2"/>
      <c r="C13745" s="2"/>
    </row>
    <row r="13746" spans="1:3" ht="19.2">
      <c r="A13746" s="2"/>
      <c r="B13746" s="2"/>
      <c r="C13746" s="2"/>
    </row>
    <row r="13747" spans="1:3" ht="19.2">
      <c r="A13747" s="2"/>
      <c r="B13747" s="2"/>
      <c r="C13747" s="2"/>
    </row>
    <row r="13748" spans="1:3" ht="19.2">
      <c r="A13748" s="2"/>
      <c r="B13748" s="2"/>
      <c r="C13748" s="2"/>
    </row>
    <row r="13749" spans="1:3" ht="19.2">
      <c r="A13749" s="2"/>
      <c r="B13749" s="2"/>
      <c r="C13749" s="2"/>
    </row>
    <row r="13750" spans="1:3" ht="19.2">
      <c r="A13750" s="2"/>
      <c r="B13750" s="2"/>
      <c r="C13750" s="2"/>
    </row>
    <row r="13751" spans="1:3" ht="19.2">
      <c r="A13751" s="2"/>
      <c r="B13751" s="2"/>
      <c r="C13751" s="2"/>
    </row>
    <row r="13752" spans="1:3" ht="19.2">
      <c r="A13752" s="2"/>
      <c r="B13752" s="2"/>
      <c r="C13752" s="2"/>
    </row>
    <row r="13753" spans="1:3" ht="19.2">
      <c r="A13753" s="2"/>
      <c r="B13753" s="2"/>
      <c r="C13753" s="2"/>
    </row>
    <row r="13754" spans="1:3" ht="19.2">
      <c r="A13754" s="2"/>
      <c r="B13754" s="2"/>
      <c r="C13754" s="2"/>
    </row>
    <row r="13755" spans="1:3" ht="19.2">
      <c r="A13755" s="2"/>
      <c r="B13755" s="2"/>
      <c r="C13755" s="2"/>
    </row>
    <row r="13756" spans="1:3" ht="19.2">
      <c r="A13756" s="2"/>
      <c r="B13756" s="2"/>
      <c r="C13756" s="2"/>
    </row>
    <row r="13757" spans="1:3" ht="19.2">
      <c r="A13757" s="2"/>
      <c r="B13757" s="2"/>
      <c r="C13757" s="2"/>
    </row>
    <row r="13758" spans="1:3" ht="19.2">
      <c r="A13758" s="2"/>
      <c r="B13758" s="2"/>
      <c r="C13758" s="2"/>
    </row>
    <row r="13759" spans="1:3" ht="19.2">
      <c r="A13759" s="2"/>
      <c r="B13759" s="2"/>
      <c r="C13759" s="2"/>
    </row>
    <row r="13760" spans="1:3" ht="19.2">
      <c r="A13760" s="2"/>
      <c r="B13760" s="2"/>
      <c r="C13760" s="2"/>
    </row>
    <row r="13761" spans="1:3" ht="19.2">
      <c r="A13761" s="2"/>
      <c r="B13761" s="2"/>
      <c r="C13761" s="2"/>
    </row>
    <row r="13762" spans="1:3" ht="19.2">
      <c r="A13762" s="2"/>
      <c r="B13762" s="2"/>
      <c r="C13762" s="2"/>
    </row>
    <row r="13763" spans="1:3" ht="19.2">
      <c r="A13763" s="2"/>
      <c r="B13763" s="2"/>
      <c r="C13763" s="2"/>
    </row>
    <row r="13764" spans="1:3" ht="19.2">
      <c r="A13764" s="2"/>
      <c r="B13764" s="2"/>
      <c r="C13764" s="2"/>
    </row>
    <row r="13765" spans="1:3" ht="19.2">
      <c r="A13765" s="2"/>
      <c r="B13765" s="2"/>
      <c r="C13765" s="2"/>
    </row>
    <row r="13766" spans="1:3" ht="19.2">
      <c r="A13766" s="2"/>
      <c r="B13766" s="2"/>
      <c r="C13766" s="2"/>
    </row>
    <row r="13767" spans="1:3" ht="19.2">
      <c r="A13767" s="2"/>
      <c r="B13767" s="2"/>
      <c r="C13767" s="2"/>
    </row>
    <row r="13768" spans="1:3" ht="19.2">
      <c r="A13768" s="2"/>
      <c r="B13768" s="2"/>
      <c r="C13768" s="2"/>
    </row>
    <row r="13769" spans="1:3" ht="19.2">
      <c r="A13769" s="2"/>
      <c r="B13769" s="2"/>
      <c r="C13769" s="2"/>
    </row>
    <row r="13770" spans="1:3" ht="19.2">
      <c r="A13770" s="2"/>
      <c r="B13770" s="2"/>
      <c r="C13770" s="2"/>
    </row>
    <row r="13771" spans="1:3" ht="19.2">
      <c r="A13771" s="2"/>
      <c r="B13771" s="2"/>
      <c r="C13771" s="2"/>
    </row>
    <row r="13772" spans="1:3" ht="19.2">
      <c r="A13772" s="2"/>
      <c r="B13772" s="2"/>
      <c r="C13772" s="2"/>
    </row>
    <row r="13773" spans="1:3" ht="19.2">
      <c r="A13773" s="2"/>
      <c r="B13773" s="2"/>
      <c r="C13773" s="2"/>
    </row>
    <row r="13774" spans="1:3" ht="19.2">
      <c r="A13774" s="2"/>
      <c r="B13774" s="2"/>
      <c r="C13774" s="2"/>
    </row>
    <row r="13775" spans="1:3" ht="19.2">
      <c r="A13775" s="2"/>
      <c r="B13775" s="2"/>
      <c r="C13775" s="2"/>
    </row>
    <row r="13776" spans="1:3" ht="19.2">
      <c r="A13776" s="2"/>
      <c r="B13776" s="2"/>
      <c r="C13776" s="2"/>
    </row>
    <row r="13777" spans="1:3" ht="19.2">
      <c r="A13777" s="2"/>
      <c r="B13777" s="2"/>
      <c r="C13777" s="2"/>
    </row>
    <row r="13778" spans="1:3" ht="19.2">
      <c r="A13778" s="2"/>
      <c r="B13778" s="2"/>
      <c r="C13778" s="2"/>
    </row>
    <row r="13779" spans="1:3" ht="19.2">
      <c r="A13779" s="2"/>
      <c r="B13779" s="2"/>
      <c r="C13779" s="2"/>
    </row>
    <row r="13780" spans="1:3" ht="19.2">
      <c r="A13780" s="2"/>
      <c r="B13780" s="2"/>
      <c r="C13780" s="2"/>
    </row>
    <row r="13781" spans="1:3" ht="19.2">
      <c r="A13781" s="2"/>
      <c r="B13781" s="2"/>
      <c r="C13781" s="2"/>
    </row>
    <row r="13782" spans="1:3" ht="19.2">
      <c r="A13782" s="2"/>
      <c r="B13782" s="2"/>
      <c r="C13782" s="2"/>
    </row>
    <row r="13783" spans="1:3" ht="19.2">
      <c r="A13783" s="2"/>
      <c r="B13783" s="2"/>
      <c r="C13783" s="2"/>
    </row>
    <row r="13784" spans="1:3" ht="19.2">
      <c r="A13784" s="2"/>
      <c r="B13784" s="2"/>
      <c r="C13784" s="2"/>
    </row>
    <row r="13785" spans="1:3" ht="19.2">
      <c r="A13785" s="2"/>
      <c r="B13785" s="2"/>
      <c r="C13785" s="2"/>
    </row>
    <row r="13786" spans="1:3" ht="19.2">
      <c r="A13786" s="2"/>
      <c r="B13786" s="2"/>
      <c r="C13786" s="2"/>
    </row>
    <row r="13787" spans="1:3" ht="19.2">
      <c r="A13787" s="2"/>
      <c r="B13787" s="2"/>
      <c r="C13787" s="2"/>
    </row>
    <row r="13788" spans="1:3" ht="19.2">
      <c r="A13788" s="2"/>
      <c r="B13788" s="2"/>
      <c r="C13788" s="2"/>
    </row>
    <row r="13789" spans="1:3" ht="19.2">
      <c r="A13789" s="2"/>
      <c r="B13789" s="2"/>
      <c r="C13789" s="2"/>
    </row>
    <row r="13790" spans="1:3" ht="19.2">
      <c r="A13790" s="2"/>
      <c r="B13790" s="2"/>
      <c r="C13790" s="2"/>
    </row>
    <row r="13791" spans="1:3" ht="19.2">
      <c r="A13791" s="2"/>
      <c r="B13791" s="2"/>
      <c r="C13791" s="2"/>
    </row>
    <row r="13792" spans="1:3" ht="19.2">
      <c r="A13792" s="2"/>
      <c r="B13792" s="2"/>
      <c r="C13792" s="2"/>
    </row>
    <row r="13793" spans="1:3" ht="19.2">
      <c r="A13793" s="2"/>
      <c r="B13793" s="2"/>
      <c r="C13793" s="2"/>
    </row>
    <row r="13794" spans="1:3" ht="19.2">
      <c r="A13794" s="2"/>
      <c r="B13794" s="2"/>
      <c r="C13794" s="2"/>
    </row>
    <row r="13795" spans="1:3" ht="19.2">
      <c r="A13795" s="2"/>
      <c r="B13795" s="2"/>
      <c r="C13795" s="2"/>
    </row>
    <row r="13796" spans="1:3" ht="19.2">
      <c r="A13796" s="2"/>
      <c r="B13796" s="2"/>
      <c r="C13796" s="2"/>
    </row>
    <row r="13797" spans="1:3" ht="19.2">
      <c r="A13797" s="2"/>
      <c r="B13797" s="2"/>
      <c r="C13797" s="2"/>
    </row>
    <row r="13798" spans="1:3" ht="19.2">
      <c r="A13798" s="2"/>
      <c r="B13798" s="2"/>
      <c r="C13798" s="2"/>
    </row>
    <row r="13799" spans="1:3" ht="19.2">
      <c r="A13799" s="2"/>
      <c r="B13799" s="2"/>
      <c r="C13799" s="2"/>
    </row>
    <row r="13800" spans="1:3" ht="19.2">
      <c r="A13800" s="2"/>
      <c r="B13800" s="2"/>
      <c r="C13800" s="2"/>
    </row>
    <row r="13801" spans="1:3" ht="19.2">
      <c r="A13801" s="2"/>
      <c r="B13801" s="2"/>
      <c r="C13801" s="2"/>
    </row>
    <row r="13802" spans="1:3" ht="19.2">
      <c r="A13802" s="2"/>
      <c r="B13802" s="2"/>
      <c r="C13802" s="2"/>
    </row>
    <row r="13803" spans="1:3" ht="19.2">
      <c r="A13803" s="2"/>
      <c r="B13803" s="2"/>
      <c r="C13803" s="2"/>
    </row>
    <row r="13804" spans="1:3" ht="19.2">
      <c r="A13804" s="2"/>
      <c r="B13804" s="2"/>
      <c r="C13804" s="2"/>
    </row>
    <row r="13805" spans="1:3" ht="19.2">
      <c r="A13805" s="2"/>
      <c r="B13805" s="2"/>
      <c r="C13805" s="2"/>
    </row>
    <row r="13806" spans="1:3" ht="19.2">
      <c r="A13806" s="2"/>
      <c r="B13806" s="2"/>
      <c r="C13806" s="2"/>
    </row>
    <row r="13807" spans="1:3" ht="19.2">
      <c r="A13807" s="2"/>
      <c r="B13807" s="2"/>
      <c r="C13807" s="2"/>
    </row>
    <row r="13808" spans="1:3" ht="19.2">
      <c r="A13808" s="2"/>
      <c r="B13808" s="2"/>
      <c r="C13808" s="2"/>
    </row>
    <row r="13809" spans="1:3" ht="19.2">
      <c r="A13809" s="2"/>
      <c r="B13809" s="2"/>
      <c r="C13809" s="2"/>
    </row>
    <row r="13810" spans="1:3" ht="19.2">
      <c r="A13810" s="2"/>
      <c r="B13810" s="2"/>
      <c r="C13810" s="2"/>
    </row>
    <row r="13811" spans="1:3" ht="19.2">
      <c r="A13811" s="2"/>
      <c r="B13811" s="2"/>
      <c r="C13811" s="2"/>
    </row>
    <row r="13812" spans="1:3" ht="19.2">
      <c r="A13812" s="2"/>
      <c r="B13812" s="2"/>
      <c r="C13812" s="2"/>
    </row>
    <row r="13813" spans="1:3" ht="19.2">
      <c r="A13813" s="2"/>
      <c r="B13813" s="2"/>
      <c r="C13813" s="2"/>
    </row>
    <row r="13814" spans="1:3" ht="19.2">
      <c r="A13814" s="2"/>
      <c r="B13814" s="2"/>
      <c r="C13814" s="2"/>
    </row>
    <row r="13815" spans="1:3" ht="19.2">
      <c r="A13815" s="2"/>
      <c r="B13815" s="2"/>
      <c r="C13815" s="2"/>
    </row>
    <row r="13816" spans="1:3" ht="19.2">
      <c r="A13816" s="2"/>
      <c r="B13816" s="2"/>
      <c r="C13816" s="2"/>
    </row>
    <row r="13817" spans="1:3" ht="19.2">
      <c r="A13817" s="2"/>
      <c r="B13817" s="2"/>
      <c r="C13817" s="2"/>
    </row>
    <row r="13818" spans="1:3" ht="19.2">
      <c r="A13818" s="2"/>
      <c r="B13818" s="2"/>
      <c r="C13818" s="2"/>
    </row>
    <row r="13819" spans="1:3" ht="19.2">
      <c r="A13819" s="2"/>
      <c r="B13819" s="2"/>
      <c r="C13819" s="2"/>
    </row>
    <row r="13820" spans="1:3" ht="19.2">
      <c r="A13820" s="2"/>
      <c r="B13820" s="2"/>
      <c r="C13820" s="2"/>
    </row>
    <row r="13821" spans="1:3" ht="19.2">
      <c r="A13821" s="2"/>
      <c r="B13821" s="2"/>
      <c r="C13821" s="2"/>
    </row>
    <row r="13822" spans="1:3" ht="19.2">
      <c r="A13822" s="2"/>
      <c r="B13822" s="2"/>
      <c r="C13822" s="2"/>
    </row>
    <row r="13823" spans="1:3" ht="19.2">
      <c r="A13823" s="2"/>
      <c r="B13823" s="2"/>
      <c r="C13823" s="2"/>
    </row>
    <row r="13824" spans="1:3" ht="19.2">
      <c r="A13824" s="2"/>
      <c r="B13824" s="2"/>
      <c r="C13824" s="2"/>
    </row>
    <row r="13825" spans="1:3" ht="19.2">
      <c r="A13825" s="2"/>
      <c r="B13825" s="2"/>
      <c r="C13825" s="2"/>
    </row>
    <row r="13826" spans="1:3" ht="19.2">
      <c r="A13826" s="2"/>
      <c r="B13826" s="2"/>
      <c r="C13826" s="2"/>
    </row>
    <row r="13827" spans="1:3" ht="19.2">
      <c r="A13827" s="2"/>
      <c r="B13827" s="2"/>
      <c r="C13827" s="2"/>
    </row>
    <row r="13828" spans="1:3" ht="19.2">
      <c r="A13828" s="2"/>
      <c r="B13828" s="2"/>
      <c r="C13828" s="2"/>
    </row>
    <row r="13829" spans="1:3" ht="19.2">
      <c r="A13829" s="2"/>
      <c r="B13829" s="2"/>
      <c r="C13829" s="2"/>
    </row>
    <row r="13830" spans="1:3" ht="19.2">
      <c r="A13830" s="2"/>
      <c r="B13830" s="2"/>
      <c r="C13830" s="2"/>
    </row>
    <row r="13831" spans="1:3" ht="19.2">
      <c r="A13831" s="2"/>
      <c r="B13831" s="2"/>
      <c r="C13831" s="2"/>
    </row>
    <row r="13832" spans="1:3" ht="19.2">
      <c r="A13832" s="2"/>
      <c r="B13832" s="2"/>
      <c r="C13832" s="2"/>
    </row>
    <row r="13833" spans="1:3" ht="19.2">
      <c r="A13833" s="2"/>
      <c r="B13833" s="2"/>
      <c r="C13833" s="2"/>
    </row>
    <row r="13834" spans="1:3" ht="19.2">
      <c r="A13834" s="2"/>
      <c r="B13834" s="2"/>
      <c r="C13834" s="2"/>
    </row>
    <row r="13835" spans="1:3" ht="19.2">
      <c r="A13835" s="2"/>
      <c r="B13835" s="2"/>
      <c r="C13835" s="2"/>
    </row>
    <row r="13836" spans="1:3" ht="19.2">
      <c r="A13836" s="2"/>
      <c r="B13836" s="2"/>
      <c r="C13836" s="2"/>
    </row>
    <row r="13837" spans="1:3" ht="19.2">
      <c r="A13837" s="2"/>
      <c r="B13837" s="2"/>
      <c r="C13837" s="2"/>
    </row>
    <row r="13838" spans="1:3" ht="19.2">
      <c r="A13838" s="2"/>
      <c r="B13838" s="2"/>
      <c r="C13838" s="2"/>
    </row>
    <row r="13839" spans="1:3" ht="19.2">
      <c r="A13839" s="2"/>
      <c r="B13839" s="2"/>
      <c r="C13839" s="2"/>
    </row>
    <row r="13840" spans="1:3" ht="19.2">
      <c r="A13840" s="2"/>
      <c r="B13840" s="2"/>
      <c r="C13840" s="2"/>
    </row>
    <row r="13841" spans="1:3" ht="19.2">
      <c r="A13841" s="2"/>
      <c r="B13841" s="2"/>
      <c r="C13841" s="2"/>
    </row>
    <row r="13842" spans="1:3" ht="19.2">
      <c r="A13842" s="2"/>
      <c r="B13842" s="2"/>
      <c r="C13842" s="2"/>
    </row>
    <row r="13843" spans="1:3" ht="19.2">
      <c r="A13843" s="2"/>
      <c r="B13843" s="2"/>
      <c r="C13843" s="2"/>
    </row>
    <row r="13844" spans="1:3" ht="19.2">
      <c r="A13844" s="2"/>
      <c r="B13844" s="2"/>
      <c r="C13844" s="2"/>
    </row>
    <row r="13845" spans="1:3" ht="19.2">
      <c r="A13845" s="2"/>
      <c r="B13845" s="2"/>
      <c r="C13845" s="2"/>
    </row>
    <row r="13846" spans="1:3" ht="19.2">
      <c r="A13846" s="2"/>
      <c r="B13846" s="2"/>
      <c r="C13846" s="2"/>
    </row>
    <row r="13847" spans="1:3" ht="19.2">
      <c r="A13847" s="2"/>
      <c r="B13847" s="2"/>
      <c r="C13847" s="2"/>
    </row>
    <row r="13848" spans="1:3" ht="19.2">
      <c r="A13848" s="2"/>
      <c r="B13848" s="2"/>
      <c r="C13848" s="2"/>
    </row>
    <row r="13849" spans="1:3" ht="19.2">
      <c r="A13849" s="2"/>
      <c r="B13849" s="2"/>
      <c r="C13849" s="2"/>
    </row>
    <row r="13850" spans="1:3" ht="19.2">
      <c r="A13850" s="2"/>
      <c r="B13850" s="2"/>
      <c r="C13850" s="2"/>
    </row>
    <row r="13851" spans="1:3" ht="19.2">
      <c r="A13851" s="2"/>
      <c r="B13851" s="2"/>
      <c r="C13851" s="2"/>
    </row>
    <row r="13852" spans="1:3" ht="19.2">
      <c r="A13852" s="2"/>
      <c r="B13852" s="2"/>
      <c r="C13852" s="2"/>
    </row>
    <row r="13853" spans="1:3" ht="19.2">
      <c r="A13853" s="2"/>
      <c r="B13853" s="2"/>
      <c r="C13853" s="2"/>
    </row>
    <row r="13854" spans="1:3" ht="19.2">
      <c r="A13854" s="2"/>
      <c r="B13854" s="2"/>
      <c r="C13854" s="2"/>
    </row>
    <row r="13855" spans="1:3" ht="19.2">
      <c r="A13855" s="2"/>
      <c r="B13855" s="2"/>
      <c r="C13855" s="2"/>
    </row>
    <row r="13856" spans="1:3" ht="19.2">
      <c r="A13856" s="2"/>
      <c r="B13856" s="2"/>
      <c r="C13856" s="2"/>
    </row>
    <row r="13857" spans="1:3" ht="19.2">
      <c r="A13857" s="2"/>
      <c r="B13857" s="2"/>
      <c r="C13857" s="2"/>
    </row>
    <row r="13858" spans="1:3" ht="19.2">
      <c r="A13858" s="2"/>
      <c r="B13858" s="2"/>
      <c r="C13858" s="2"/>
    </row>
    <row r="13859" spans="1:3" ht="19.2">
      <c r="A13859" s="2"/>
      <c r="B13859" s="2"/>
      <c r="C13859" s="2"/>
    </row>
    <row r="13860" spans="1:3" ht="19.2">
      <c r="A13860" s="2"/>
      <c r="B13860" s="2"/>
      <c r="C13860" s="2"/>
    </row>
    <row r="13861" spans="1:3" ht="19.2">
      <c r="A13861" s="2"/>
      <c r="B13861" s="2"/>
      <c r="C13861" s="2"/>
    </row>
    <row r="13862" spans="1:3" ht="19.2">
      <c r="A13862" s="2"/>
      <c r="B13862" s="2"/>
      <c r="C13862" s="2"/>
    </row>
    <row r="13863" spans="1:3" ht="19.2">
      <c r="A13863" s="2"/>
      <c r="B13863" s="2"/>
      <c r="C13863" s="2"/>
    </row>
    <row r="13864" spans="1:3" ht="19.2">
      <c r="A13864" s="2"/>
      <c r="B13864" s="2"/>
      <c r="C13864" s="2"/>
    </row>
    <row r="13865" spans="1:3" ht="19.2">
      <c r="A13865" s="2"/>
      <c r="B13865" s="2"/>
      <c r="C13865" s="2"/>
    </row>
    <row r="13866" spans="1:3" ht="19.2">
      <c r="A13866" s="2"/>
      <c r="B13866" s="2"/>
      <c r="C13866" s="2"/>
    </row>
    <row r="13867" spans="1:3" ht="19.2">
      <c r="A13867" s="2"/>
      <c r="B13867" s="2"/>
      <c r="C13867" s="2"/>
    </row>
    <row r="13868" spans="1:3" ht="19.2">
      <c r="A13868" s="2"/>
      <c r="B13868" s="2"/>
      <c r="C13868" s="2"/>
    </row>
    <row r="13869" spans="1:3" ht="19.2">
      <c r="A13869" s="2"/>
      <c r="B13869" s="2"/>
      <c r="C13869" s="2"/>
    </row>
    <row r="13870" spans="1:3" ht="19.2">
      <c r="A13870" s="2"/>
      <c r="B13870" s="2"/>
      <c r="C13870" s="2"/>
    </row>
    <row r="13871" spans="1:3" ht="19.2">
      <c r="A13871" s="2"/>
      <c r="B13871" s="2"/>
      <c r="C13871" s="2"/>
    </row>
    <row r="13872" spans="1:3" ht="19.2">
      <c r="A13872" s="2"/>
      <c r="B13872" s="2"/>
      <c r="C13872" s="2"/>
    </row>
    <row r="13873" spans="1:3" ht="19.2">
      <c r="A13873" s="2"/>
      <c r="B13873" s="2"/>
      <c r="C13873" s="2"/>
    </row>
    <row r="13874" spans="1:3" ht="19.2">
      <c r="A13874" s="2"/>
      <c r="B13874" s="2"/>
      <c r="C13874" s="2"/>
    </row>
    <row r="13875" spans="1:3" ht="19.2">
      <c r="A13875" s="2"/>
      <c r="B13875" s="2"/>
      <c r="C13875" s="2"/>
    </row>
    <row r="13876" spans="1:3" ht="19.2">
      <c r="A13876" s="2"/>
      <c r="B13876" s="2"/>
      <c r="C13876" s="2"/>
    </row>
    <row r="13877" spans="1:3" ht="19.2">
      <c r="A13877" s="2"/>
      <c r="B13877" s="2"/>
      <c r="C13877" s="2"/>
    </row>
    <row r="13878" spans="1:3" ht="19.2">
      <c r="A13878" s="2"/>
      <c r="B13878" s="2"/>
      <c r="C13878" s="2"/>
    </row>
    <row r="13879" spans="1:3" ht="19.2">
      <c r="A13879" s="2"/>
      <c r="B13879" s="2"/>
      <c r="C13879" s="2"/>
    </row>
    <row r="13880" spans="1:3" ht="19.2">
      <c r="A13880" s="2"/>
      <c r="B13880" s="2"/>
      <c r="C13880" s="2"/>
    </row>
    <row r="13881" spans="1:3" ht="19.2">
      <c r="A13881" s="2"/>
      <c r="B13881" s="2"/>
      <c r="C13881" s="2"/>
    </row>
    <row r="13882" spans="1:3" ht="19.2">
      <c r="A13882" s="2"/>
      <c r="B13882" s="2"/>
      <c r="C13882" s="2"/>
    </row>
    <row r="13883" spans="1:3" ht="19.2">
      <c r="A13883" s="2"/>
      <c r="B13883" s="2"/>
      <c r="C13883" s="2"/>
    </row>
    <row r="13884" spans="1:3" ht="19.2">
      <c r="A13884" s="2"/>
      <c r="B13884" s="2"/>
      <c r="C13884" s="2"/>
    </row>
    <row r="13885" spans="1:3" ht="19.2">
      <c r="A13885" s="2"/>
      <c r="B13885" s="2"/>
      <c r="C13885" s="2"/>
    </row>
    <row r="13886" spans="1:3" ht="19.2">
      <c r="A13886" s="2"/>
      <c r="B13886" s="2"/>
      <c r="C13886" s="2"/>
    </row>
    <row r="13887" spans="1:3" ht="19.2">
      <c r="A13887" s="2"/>
      <c r="B13887" s="2"/>
      <c r="C13887" s="2"/>
    </row>
    <row r="13888" spans="1:3" ht="19.2">
      <c r="A13888" s="2"/>
      <c r="B13888" s="2"/>
      <c r="C13888" s="2"/>
    </row>
    <row r="13889" spans="1:3" ht="19.2">
      <c r="A13889" s="2"/>
      <c r="B13889" s="2"/>
      <c r="C13889" s="2"/>
    </row>
    <row r="13890" spans="1:3" ht="19.2">
      <c r="A13890" s="2"/>
      <c r="B13890" s="2"/>
      <c r="C13890" s="2"/>
    </row>
    <row r="13891" spans="1:3" ht="19.2">
      <c r="A13891" s="2"/>
      <c r="B13891" s="2"/>
      <c r="C13891" s="2"/>
    </row>
    <row r="13892" spans="1:3" ht="19.2">
      <c r="A13892" s="2"/>
      <c r="B13892" s="2"/>
      <c r="C13892" s="2"/>
    </row>
    <row r="13893" spans="1:3" ht="19.2">
      <c r="A13893" s="2"/>
      <c r="B13893" s="2"/>
      <c r="C13893" s="2"/>
    </row>
    <row r="13894" spans="1:3" ht="19.2">
      <c r="A13894" s="2"/>
      <c r="B13894" s="2"/>
      <c r="C13894" s="2"/>
    </row>
    <row r="13895" spans="1:3" ht="19.2">
      <c r="A13895" s="2"/>
      <c r="B13895" s="2"/>
      <c r="C13895" s="2"/>
    </row>
    <row r="13896" spans="1:3" ht="19.2">
      <c r="A13896" s="2"/>
      <c r="B13896" s="2"/>
      <c r="C13896" s="2"/>
    </row>
    <row r="13897" spans="1:3" ht="19.2">
      <c r="A13897" s="2"/>
      <c r="B13897" s="2"/>
      <c r="C13897" s="2"/>
    </row>
    <row r="13898" spans="1:3" ht="19.2">
      <c r="A13898" s="2"/>
      <c r="B13898" s="2"/>
      <c r="C13898" s="2"/>
    </row>
    <row r="13899" spans="1:3" ht="19.2">
      <c r="A13899" s="2"/>
      <c r="B13899" s="2"/>
      <c r="C13899" s="2"/>
    </row>
    <row r="13900" spans="1:3" ht="19.2">
      <c r="A13900" s="2"/>
      <c r="B13900" s="2"/>
      <c r="C13900" s="2"/>
    </row>
    <row r="13901" spans="1:3" ht="19.2">
      <c r="A13901" s="2"/>
      <c r="B13901" s="2"/>
      <c r="C13901" s="2"/>
    </row>
    <row r="13902" spans="1:3" ht="19.2">
      <c r="A13902" s="2"/>
      <c r="B13902" s="2"/>
      <c r="C13902" s="2"/>
    </row>
    <row r="13903" spans="1:3" ht="19.2">
      <c r="A13903" s="2"/>
      <c r="B13903" s="2"/>
      <c r="C13903" s="2"/>
    </row>
    <row r="13904" spans="1:3" ht="19.2">
      <c r="A13904" s="2"/>
      <c r="B13904" s="2"/>
      <c r="C13904" s="2"/>
    </row>
    <row r="13905" spans="1:3" ht="19.2">
      <c r="A13905" s="2"/>
      <c r="B13905" s="2"/>
      <c r="C13905" s="2"/>
    </row>
    <row r="13906" spans="1:3" ht="19.2">
      <c r="A13906" s="2"/>
      <c r="B13906" s="2"/>
      <c r="C13906" s="2"/>
    </row>
    <row r="13907" spans="1:3" ht="19.2">
      <c r="A13907" s="2"/>
      <c r="B13907" s="2"/>
      <c r="C13907" s="2"/>
    </row>
    <row r="13908" spans="1:3" ht="19.2">
      <c r="A13908" s="2"/>
      <c r="B13908" s="2"/>
      <c r="C13908" s="2"/>
    </row>
    <row r="13909" spans="1:3" ht="19.2">
      <c r="A13909" s="2"/>
      <c r="B13909" s="2"/>
      <c r="C13909" s="2"/>
    </row>
    <row r="13910" spans="1:3" ht="19.2">
      <c r="A13910" s="2"/>
      <c r="B13910" s="2"/>
      <c r="C13910" s="2"/>
    </row>
    <row r="13911" spans="1:3" ht="19.2">
      <c r="A13911" s="2"/>
      <c r="B13911" s="2"/>
      <c r="C13911" s="2"/>
    </row>
    <row r="13912" spans="1:3" ht="19.2">
      <c r="A13912" s="2"/>
      <c r="B13912" s="2"/>
      <c r="C13912" s="2"/>
    </row>
    <row r="13913" spans="1:3" ht="19.2">
      <c r="A13913" s="2"/>
      <c r="B13913" s="2"/>
      <c r="C13913" s="2"/>
    </row>
    <row r="13914" spans="1:3" ht="19.2">
      <c r="A13914" s="2"/>
      <c r="B13914" s="2"/>
      <c r="C13914" s="2"/>
    </row>
    <row r="13915" spans="1:3" ht="19.2">
      <c r="A13915" s="2"/>
      <c r="B13915" s="2"/>
      <c r="C13915" s="2"/>
    </row>
    <row r="13916" spans="1:3" ht="19.2">
      <c r="A13916" s="2"/>
      <c r="B13916" s="2"/>
      <c r="C13916" s="2"/>
    </row>
    <row r="13917" spans="1:3" ht="19.2">
      <c r="A13917" s="2"/>
      <c r="B13917" s="2"/>
      <c r="C13917" s="2"/>
    </row>
    <row r="13918" spans="1:3" ht="19.2">
      <c r="A13918" s="2"/>
      <c r="B13918" s="2"/>
      <c r="C13918" s="2"/>
    </row>
    <row r="13919" spans="1:3" ht="19.2">
      <c r="A13919" s="2"/>
      <c r="B13919" s="2"/>
      <c r="C13919" s="2"/>
    </row>
    <row r="13920" spans="1:3" ht="19.2">
      <c r="A13920" s="2"/>
      <c r="B13920" s="2"/>
      <c r="C13920" s="2"/>
    </row>
    <row r="13921" spans="1:3" ht="19.2">
      <c r="A13921" s="2"/>
      <c r="B13921" s="2"/>
      <c r="C13921" s="2"/>
    </row>
    <row r="13922" spans="1:3" ht="19.2">
      <c r="A13922" s="2"/>
      <c r="B13922" s="2"/>
      <c r="C13922" s="2"/>
    </row>
    <row r="13923" spans="1:3" ht="19.2">
      <c r="A13923" s="2"/>
      <c r="B13923" s="2"/>
      <c r="C13923" s="2"/>
    </row>
    <row r="13924" spans="1:3" ht="19.2">
      <c r="A13924" s="2"/>
      <c r="B13924" s="2"/>
      <c r="C13924" s="2"/>
    </row>
    <row r="13925" spans="1:3" ht="19.2">
      <c r="A13925" s="2"/>
      <c r="B13925" s="2"/>
      <c r="C13925" s="2"/>
    </row>
    <row r="13926" spans="1:3" ht="19.2">
      <c r="A13926" s="2"/>
      <c r="B13926" s="2"/>
      <c r="C13926" s="2"/>
    </row>
    <row r="13927" spans="1:3" ht="19.2">
      <c r="A13927" s="2"/>
      <c r="B13927" s="2"/>
      <c r="C13927" s="2"/>
    </row>
    <row r="13928" spans="1:3" ht="19.2">
      <c r="A13928" s="2"/>
      <c r="B13928" s="2"/>
      <c r="C13928" s="2"/>
    </row>
    <row r="13929" spans="1:3" ht="19.2">
      <c r="A13929" s="2"/>
      <c r="B13929" s="2"/>
      <c r="C13929" s="2"/>
    </row>
    <row r="13930" spans="1:3" ht="19.2">
      <c r="A13930" s="2"/>
      <c r="B13930" s="2"/>
      <c r="C13930" s="2"/>
    </row>
    <row r="13931" spans="1:3" ht="19.2">
      <c r="A13931" s="2"/>
      <c r="B13931" s="2"/>
      <c r="C13931" s="2"/>
    </row>
    <row r="13932" spans="1:3" ht="19.2">
      <c r="A13932" s="2"/>
      <c r="B13932" s="2"/>
      <c r="C13932" s="2"/>
    </row>
    <row r="13933" spans="1:3" ht="19.2">
      <c r="A13933" s="2"/>
      <c r="B13933" s="2"/>
      <c r="C13933" s="2"/>
    </row>
    <row r="13934" spans="1:3" ht="19.2">
      <c r="A13934" s="2"/>
      <c r="B13934" s="2"/>
      <c r="C13934" s="2"/>
    </row>
    <row r="13935" spans="1:3" ht="19.2">
      <c r="A13935" s="2"/>
      <c r="B13935" s="2"/>
      <c r="C13935" s="2"/>
    </row>
    <row r="13936" spans="1:3" ht="19.2">
      <c r="A13936" s="2"/>
      <c r="B13936" s="2"/>
      <c r="C13936" s="2"/>
    </row>
    <row r="13937" spans="1:3" ht="19.2">
      <c r="A13937" s="2"/>
      <c r="B13937" s="2"/>
      <c r="C13937" s="2"/>
    </row>
    <row r="13938" spans="1:3" ht="19.2">
      <c r="A13938" s="2"/>
      <c r="B13938" s="2"/>
      <c r="C13938" s="2"/>
    </row>
    <row r="13939" spans="1:3" ht="19.2">
      <c r="A13939" s="2"/>
      <c r="B13939" s="2"/>
      <c r="C13939" s="2"/>
    </row>
    <row r="13940" spans="1:3" ht="19.2">
      <c r="A13940" s="2"/>
      <c r="B13940" s="2"/>
      <c r="C13940" s="2"/>
    </row>
    <row r="13941" spans="1:3" ht="19.2">
      <c r="A13941" s="2"/>
      <c r="B13941" s="2"/>
      <c r="C13941" s="2"/>
    </row>
    <row r="13942" spans="1:3" ht="19.2">
      <c r="A13942" s="2"/>
      <c r="B13942" s="2"/>
      <c r="C13942" s="2"/>
    </row>
    <row r="13943" spans="1:3" ht="19.2">
      <c r="A13943" s="2"/>
      <c r="B13943" s="2"/>
      <c r="C13943" s="2"/>
    </row>
    <row r="13944" spans="1:3" ht="19.2">
      <c r="A13944" s="2"/>
      <c r="B13944" s="2"/>
      <c r="C13944" s="2"/>
    </row>
    <row r="13945" spans="1:3" ht="19.2">
      <c r="A13945" s="2"/>
      <c r="B13945" s="2"/>
      <c r="C13945" s="2"/>
    </row>
    <row r="13946" spans="1:3" ht="19.2">
      <c r="A13946" s="2"/>
      <c r="B13946" s="2"/>
      <c r="C13946" s="2"/>
    </row>
    <row r="13947" spans="1:3" ht="19.2">
      <c r="A13947" s="2"/>
      <c r="B13947" s="2"/>
      <c r="C13947" s="2"/>
    </row>
    <row r="13948" spans="1:3" ht="19.2">
      <c r="A13948" s="2"/>
      <c r="B13948" s="2"/>
      <c r="C13948" s="2"/>
    </row>
    <row r="13949" spans="1:3" ht="19.2">
      <c r="A13949" s="2"/>
      <c r="B13949" s="2"/>
      <c r="C13949" s="2"/>
    </row>
    <row r="13950" spans="1:3" ht="19.2">
      <c r="A13950" s="2"/>
      <c r="B13950" s="2"/>
      <c r="C13950" s="2"/>
    </row>
    <row r="13951" spans="1:3" ht="19.2">
      <c r="A13951" s="2"/>
      <c r="B13951" s="2"/>
      <c r="C13951" s="2"/>
    </row>
    <row r="13952" spans="1:3" ht="19.2">
      <c r="A13952" s="2"/>
      <c r="B13952" s="2"/>
      <c r="C13952" s="2"/>
    </row>
    <row r="13953" spans="1:3" ht="19.2">
      <c r="A13953" s="2"/>
      <c r="B13953" s="2"/>
      <c r="C13953" s="2"/>
    </row>
    <row r="13954" spans="1:3" ht="19.2">
      <c r="A13954" s="2"/>
      <c r="B13954" s="2"/>
      <c r="C13954" s="2"/>
    </row>
    <row r="13955" spans="1:3" ht="19.2">
      <c r="A13955" s="2"/>
      <c r="B13955" s="2"/>
      <c r="C13955" s="2"/>
    </row>
    <row r="13956" spans="1:3" ht="19.2">
      <c r="A13956" s="2"/>
      <c r="B13956" s="2"/>
      <c r="C13956" s="2"/>
    </row>
    <row r="13957" spans="1:3" ht="19.2">
      <c r="A13957" s="2"/>
      <c r="B13957" s="2"/>
      <c r="C13957" s="2"/>
    </row>
    <row r="13958" spans="1:3" ht="19.2">
      <c r="A13958" s="2"/>
      <c r="B13958" s="2"/>
      <c r="C13958" s="2"/>
    </row>
    <row r="13959" spans="1:3" ht="19.2">
      <c r="A13959" s="2"/>
      <c r="B13959" s="2"/>
      <c r="C13959" s="2"/>
    </row>
    <row r="13960" spans="1:3" ht="19.2">
      <c r="A13960" s="2"/>
      <c r="B13960" s="2"/>
      <c r="C13960" s="2"/>
    </row>
    <row r="13961" spans="1:3" ht="19.2">
      <c r="A13961" s="2"/>
      <c r="B13961" s="2"/>
      <c r="C13961" s="2"/>
    </row>
    <row r="13962" spans="1:3" ht="19.2">
      <c r="A13962" s="2"/>
      <c r="B13962" s="2"/>
      <c r="C13962" s="2"/>
    </row>
    <row r="13963" spans="1:3" ht="19.2">
      <c r="A13963" s="2"/>
      <c r="B13963" s="2"/>
      <c r="C13963" s="2"/>
    </row>
    <row r="13964" spans="1:3" ht="19.2">
      <c r="A13964" s="2"/>
      <c r="B13964" s="2"/>
      <c r="C13964" s="2"/>
    </row>
    <row r="13965" spans="1:3" ht="19.2">
      <c r="A13965" s="2"/>
      <c r="B13965" s="2"/>
      <c r="C13965" s="2"/>
    </row>
    <row r="13966" spans="1:3" ht="19.2">
      <c r="A13966" s="2"/>
      <c r="B13966" s="2"/>
      <c r="C13966" s="2"/>
    </row>
    <row r="13967" spans="1:3" ht="19.2">
      <c r="A13967" s="2"/>
      <c r="B13967" s="2"/>
      <c r="C13967" s="2"/>
    </row>
    <row r="13968" spans="1:3" ht="19.2">
      <c r="A13968" s="2"/>
      <c r="B13968" s="2"/>
      <c r="C13968" s="2"/>
    </row>
    <row r="13969" spans="1:3" ht="19.2">
      <c r="A13969" s="2"/>
      <c r="B13969" s="2"/>
      <c r="C13969" s="2"/>
    </row>
    <row r="13970" spans="1:3" ht="19.2">
      <c r="A13970" s="2"/>
      <c r="B13970" s="2"/>
      <c r="C13970" s="2"/>
    </row>
    <row r="13971" spans="1:3" ht="19.2">
      <c r="A13971" s="2"/>
      <c r="B13971" s="2"/>
      <c r="C13971" s="2"/>
    </row>
    <row r="13972" spans="1:3" ht="19.2">
      <c r="A13972" s="2"/>
      <c r="B13972" s="2"/>
      <c r="C13972" s="2"/>
    </row>
    <row r="13973" spans="1:3" ht="19.2">
      <c r="A13973" s="2"/>
      <c r="B13973" s="2"/>
      <c r="C13973" s="2"/>
    </row>
    <row r="13974" spans="1:3" ht="19.2">
      <c r="A13974" s="2"/>
      <c r="B13974" s="2"/>
      <c r="C13974" s="2"/>
    </row>
    <row r="13975" spans="1:3" ht="19.2">
      <c r="A13975" s="2"/>
      <c r="B13975" s="2"/>
      <c r="C13975" s="2"/>
    </row>
    <row r="13976" spans="1:3" ht="19.2">
      <c r="A13976" s="2"/>
      <c r="B13976" s="2"/>
      <c r="C13976" s="2"/>
    </row>
    <row r="13977" spans="1:3" ht="19.2">
      <c r="A13977" s="2"/>
      <c r="B13977" s="2"/>
      <c r="C13977" s="2"/>
    </row>
    <row r="13978" spans="1:3" ht="19.2">
      <c r="A13978" s="2"/>
      <c r="B13978" s="2"/>
      <c r="C13978" s="2"/>
    </row>
    <row r="13979" spans="1:3" ht="19.2">
      <c r="A13979" s="2"/>
      <c r="B13979" s="2"/>
      <c r="C13979" s="2"/>
    </row>
    <row r="13980" spans="1:3" ht="19.2">
      <c r="A13980" s="2"/>
      <c r="B13980" s="2"/>
      <c r="C13980" s="2"/>
    </row>
    <row r="13981" spans="1:3" ht="19.2">
      <c r="A13981" s="2"/>
      <c r="B13981" s="2"/>
      <c r="C13981" s="2"/>
    </row>
    <row r="13982" spans="1:3" ht="19.2">
      <c r="A13982" s="2"/>
      <c r="B13982" s="2"/>
      <c r="C13982" s="2"/>
    </row>
    <row r="13983" spans="1:3" ht="19.2">
      <c r="A13983" s="2"/>
      <c r="B13983" s="2"/>
      <c r="C13983" s="2"/>
    </row>
    <row r="13984" spans="1:3" ht="19.2">
      <c r="A13984" s="2"/>
      <c r="B13984" s="2"/>
      <c r="C13984" s="2"/>
    </row>
    <row r="13985" spans="1:3" ht="19.2">
      <c r="A13985" s="2"/>
      <c r="B13985" s="2"/>
      <c r="C13985" s="2"/>
    </row>
    <row r="13986" spans="1:3" ht="19.2">
      <c r="A13986" s="2"/>
      <c r="B13986" s="2"/>
      <c r="C13986" s="2"/>
    </row>
    <row r="13987" spans="1:3" ht="19.2">
      <c r="A13987" s="2"/>
      <c r="B13987" s="2"/>
      <c r="C13987" s="2"/>
    </row>
    <row r="13988" spans="1:3" ht="19.2">
      <c r="A13988" s="2"/>
      <c r="B13988" s="2"/>
      <c r="C13988" s="2"/>
    </row>
    <row r="13989" spans="1:3" ht="19.2">
      <c r="A13989" s="2"/>
      <c r="B13989" s="2"/>
      <c r="C13989" s="2"/>
    </row>
    <row r="13990" spans="1:3" ht="19.2">
      <c r="A13990" s="2"/>
      <c r="B13990" s="2"/>
      <c r="C13990" s="2"/>
    </row>
    <row r="13991" spans="1:3" ht="19.2">
      <c r="A13991" s="2"/>
      <c r="B13991" s="2"/>
      <c r="C13991" s="2"/>
    </row>
    <row r="13992" spans="1:3" ht="19.2">
      <c r="A13992" s="2"/>
      <c r="B13992" s="2"/>
      <c r="C13992" s="2"/>
    </row>
    <row r="13993" spans="1:3" ht="19.2">
      <c r="A13993" s="2"/>
      <c r="B13993" s="2"/>
      <c r="C13993" s="2"/>
    </row>
    <row r="13994" spans="1:3" ht="19.2">
      <c r="A13994" s="2"/>
      <c r="B13994" s="2"/>
      <c r="C13994" s="2"/>
    </row>
    <row r="13995" spans="1:3" ht="19.2">
      <c r="A13995" s="2"/>
      <c r="B13995" s="2"/>
      <c r="C13995" s="2"/>
    </row>
    <row r="13996" spans="1:3" ht="19.2">
      <c r="A13996" s="2"/>
      <c r="B13996" s="2"/>
      <c r="C13996" s="2"/>
    </row>
    <row r="13997" spans="1:3" ht="19.2">
      <c r="A13997" s="2"/>
      <c r="B13997" s="2"/>
      <c r="C13997" s="2"/>
    </row>
    <row r="13998" spans="1:3" ht="19.2">
      <c r="A13998" s="2"/>
      <c r="B13998" s="2"/>
      <c r="C13998" s="2"/>
    </row>
    <row r="13999" spans="1:3" ht="19.2">
      <c r="A13999" s="2"/>
      <c r="B13999" s="2"/>
      <c r="C13999" s="2"/>
    </row>
    <row r="14000" spans="1:3" ht="19.2">
      <c r="A14000" s="2"/>
      <c r="B14000" s="2"/>
      <c r="C14000" s="2"/>
    </row>
    <row r="14001" spans="1:3" ht="19.2">
      <c r="A14001" s="2"/>
      <c r="B14001" s="2"/>
      <c r="C14001" s="2"/>
    </row>
    <row r="14002" spans="1:3" ht="19.2">
      <c r="A14002" s="2"/>
      <c r="B14002" s="2"/>
      <c r="C14002" s="2"/>
    </row>
    <row r="14003" spans="1:3" ht="19.2">
      <c r="A14003" s="2"/>
      <c r="B14003" s="2"/>
      <c r="C14003" s="2"/>
    </row>
    <row r="14004" spans="1:3" ht="19.2">
      <c r="A14004" s="2"/>
      <c r="B14004" s="2"/>
      <c r="C14004" s="2"/>
    </row>
    <row r="14005" spans="1:3" ht="19.2">
      <c r="A14005" s="2"/>
      <c r="B14005" s="2"/>
      <c r="C14005" s="2"/>
    </row>
    <row r="14006" spans="1:3" ht="19.2">
      <c r="A14006" s="2"/>
      <c r="B14006" s="2"/>
      <c r="C14006" s="2"/>
    </row>
    <row r="14007" spans="1:3" ht="19.2">
      <c r="A14007" s="2"/>
      <c r="B14007" s="2"/>
      <c r="C14007" s="2"/>
    </row>
    <row r="14008" spans="1:3" ht="19.2">
      <c r="A14008" s="2"/>
      <c r="B14008" s="2"/>
      <c r="C14008" s="2"/>
    </row>
    <row r="14009" spans="1:3" ht="19.2">
      <c r="A14009" s="2"/>
      <c r="B14009" s="2"/>
      <c r="C14009" s="2"/>
    </row>
    <row r="14010" spans="1:3" ht="19.2">
      <c r="A14010" s="2"/>
      <c r="B14010" s="2"/>
      <c r="C14010" s="2"/>
    </row>
    <row r="14011" spans="1:3" ht="19.2">
      <c r="A14011" s="2"/>
      <c r="B14011" s="2"/>
      <c r="C14011" s="2"/>
    </row>
    <row r="14012" spans="1:3" ht="19.2">
      <c r="A14012" s="2"/>
      <c r="B14012" s="2"/>
      <c r="C14012" s="2"/>
    </row>
    <row r="14013" spans="1:3" ht="19.2">
      <c r="A14013" s="2"/>
      <c r="B14013" s="2"/>
      <c r="C14013" s="2"/>
    </row>
    <row r="14014" spans="1:3" ht="19.2">
      <c r="A14014" s="2"/>
      <c r="B14014" s="2"/>
      <c r="C14014" s="2"/>
    </row>
    <row r="14015" spans="1:3" ht="19.2">
      <c r="A14015" s="2"/>
      <c r="B14015" s="2"/>
      <c r="C14015" s="2"/>
    </row>
    <row r="14016" spans="1:3" ht="19.2">
      <c r="A14016" s="2"/>
      <c r="B14016" s="2"/>
      <c r="C14016" s="2"/>
    </row>
    <row r="14017" spans="1:3" ht="19.2">
      <c r="A14017" s="2"/>
      <c r="B14017" s="2"/>
      <c r="C14017" s="2"/>
    </row>
    <row r="14018" spans="1:3" ht="19.2">
      <c r="A14018" s="2"/>
      <c r="B14018" s="2"/>
      <c r="C14018" s="2"/>
    </row>
    <row r="14019" spans="1:3" ht="19.2">
      <c r="A14019" s="2"/>
      <c r="B14019" s="2"/>
      <c r="C14019" s="2"/>
    </row>
    <row r="14020" spans="1:3" ht="19.2">
      <c r="A14020" s="2"/>
      <c r="B14020" s="2"/>
      <c r="C14020" s="2"/>
    </row>
    <row r="14021" spans="1:3" ht="19.2">
      <c r="A14021" s="2"/>
      <c r="B14021" s="2"/>
      <c r="C14021" s="2"/>
    </row>
    <row r="14022" spans="1:3" ht="19.2">
      <c r="A14022" s="2"/>
      <c r="B14022" s="2"/>
      <c r="C14022" s="2"/>
    </row>
    <row r="14023" spans="1:3" ht="19.2">
      <c r="A14023" s="2"/>
      <c r="B14023" s="2"/>
      <c r="C14023" s="2"/>
    </row>
    <row r="14024" spans="1:3" ht="19.2">
      <c r="A14024" s="2"/>
      <c r="B14024" s="2"/>
      <c r="C14024" s="2"/>
    </row>
    <row r="14025" spans="1:3" ht="19.2">
      <c r="A14025" s="2"/>
      <c r="B14025" s="2"/>
      <c r="C14025" s="2"/>
    </row>
    <row r="14026" spans="1:3" ht="19.2">
      <c r="A14026" s="2"/>
      <c r="B14026" s="2"/>
      <c r="C14026" s="2"/>
    </row>
    <row r="14027" spans="1:3" ht="19.2">
      <c r="A14027" s="2"/>
      <c r="B14027" s="2"/>
      <c r="C14027" s="2"/>
    </row>
    <row r="14028" spans="1:3" ht="19.2">
      <c r="A14028" s="2"/>
      <c r="B14028" s="2"/>
      <c r="C14028" s="2"/>
    </row>
    <row r="14029" spans="1:3" ht="19.2">
      <c r="A14029" s="2"/>
      <c r="B14029" s="2"/>
      <c r="C14029" s="2"/>
    </row>
    <row r="14030" spans="1:3" ht="19.2">
      <c r="A14030" s="2"/>
      <c r="B14030" s="2"/>
      <c r="C14030" s="2"/>
    </row>
    <row r="14031" spans="1:3" ht="19.2">
      <c r="A14031" s="2"/>
      <c r="B14031" s="2"/>
      <c r="C14031" s="2"/>
    </row>
    <row r="14032" spans="1:3" ht="19.2">
      <c r="A14032" s="2"/>
      <c r="B14032" s="2"/>
      <c r="C14032" s="2"/>
    </row>
    <row r="14033" spans="1:3" ht="19.2">
      <c r="A14033" s="2"/>
      <c r="B14033" s="2"/>
      <c r="C14033" s="2"/>
    </row>
    <row r="14034" spans="1:3" ht="19.2">
      <c r="A14034" s="2"/>
      <c r="B14034" s="2"/>
      <c r="C14034" s="2"/>
    </row>
    <row r="14035" spans="1:3" ht="19.2">
      <c r="A14035" s="2"/>
      <c r="B14035" s="2"/>
      <c r="C14035" s="2"/>
    </row>
    <row r="14036" spans="1:3" ht="19.2">
      <c r="A14036" s="2"/>
      <c r="B14036" s="2"/>
      <c r="C14036" s="2"/>
    </row>
    <row r="14037" spans="1:3" ht="19.2">
      <c r="A14037" s="2"/>
      <c r="B14037" s="2"/>
      <c r="C14037" s="2"/>
    </row>
    <row r="14038" spans="1:3" ht="19.2">
      <c r="A14038" s="2"/>
      <c r="B14038" s="2"/>
      <c r="C14038" s="2"/>
    </row>
    <row r="14039" spans="1:3" ht="19.2">
      <c r="A14039" s="2"/>
      <c r="B14039" s="2"/>
      <c r="C14039" s="2"/>
    </row>
    <row r="14040" spans="1:3" ht="19.2">
      <c r="A14040" s="2"/>
      <c r="B14040" s="2"/>
      <c r="C14040" s="2"/>
    </row>
    <row r="14041" spans="1:3" ht="19.2">
      <c r="A14041" s="2"/>
      <c r="B14041" s="2"/>
      <c r="C14041" s="2"/>
    </row>
    <row r="14042" spans="1:3" ht="19.2">
      <c r="A14042" s="2"/>
      <c r="B14042" s="2"/>
      <c r="C14042" s="2"/>
    </row>
    <row r="14043" spans="1:3" ht="19.2">
      <c r="A14043" s="2"/>
      <c r="B14043" s="2"/>
      <c r="C14043" s="2"/>
    </row>
    <row r="14044" spans="1:3" ht="19.2">
      <c r="A14044" s="2"/>
      <c r="B14044" s="2"/>
      <c r="C14044" s="2"/>
    </row>
    <row r="14045" spans="1:3" ht="19.2">
      <c r="A14045" s="2"/>
      <c r="B14045" s="2"/>
      <c r="C14045" s="2"/>
    </row>
    <row r="14046" spans="1:3" ht="19.2">
      <c r="A14046" s="2"/>
      <c r="B14046" s="2"/>
      <c r="C14046" s="2"/>
    </row>
    <row r="14047" spans="1:3" ht="19.2">
      <c r="A14047" s="2"/>
      <c r="B14047" s="2"/>
      <c r="C14047" s="2"/>
    </row>
    <row r="14048" spans="1:3" ht="19.2">
      <c r="A14048" s="2"/>
      <c r="B14048" s="2"/>
      <c r="C14048" s="2"/>
    </row>
    <row r="14049" spans="1:3" ht="19.2">
      <c r="A14049" s="2"/>
      <c r="B14049" s="2"/>
      <c r="C14049" s="2"/>
    </row>
    <row r="14050" spans="1:3" ht="19.2">
      <c r="A14050" s="2"/>
      <c r="B14050" s="2"/>
      <c r="C14050" s="2"/>
    </row>
    <row r="14051" spans="1:3" ht="19.2">
      <c r="A14051" s="2"/>
      <c r="B14051" s="2"/>
      <c r="C14051" s="2"/>
    </row>
    <row r="14052" spans="1:3" ht="19.2">
      <c r="A14052" s="2"/>
      <c r="B14052" s="2"/>
      <c r="C14052" s="2"/>
    </row>
    <row r="14053" spans="1:3" ht="19.2">
      <c r="A14053" s="2"/>
      <c r="B14053" s="2"/>
      <c r="C14053" s="2"/>
    </row>
    <row r="14054" spans="1:3" ht="19.2">
      <c r="A14054" s="2"/>
      <c r="B14054" s="2"/>
      <c r="C14054" s="2"/>
    </row>
    <row r="14055" spans="1:3" ht="19.2">
      <c r="A14055" s="2"/>
      <c r="B14055" s="2"/>
      <c r="C14055" s="2"/>
    </row>
    <row r="14056" spans="1:3" ht="19.2">
      <c r="A14056" s="2"/>
      <c r="B14056" s="2"/>
      <c r="C14056" s="2"/>
    </row>
    <row r="14057" spans="1:3" ht="19.2">
      <c r="A14057" s="2"/>
      <c r="B14057" s="2"/>
      <c r="C14057" s="2"/>
    </row>
    <row r="14058" spans="1:3" ht="19.2">
      <c r="A14058" s="2"/>
      <c r="B14058" s="2"/>
      <c r="C14058" s="2"/>
    </row>
    <row r="14059" spans="1:3" ht="19.2">
      <c r="A14059" s="2"/>
      <c r="B14059" s="2"/>
      <c r="C14059" s="2"/>
    </row>
    <row r="14060" spans="1:3" ht="19.2">
      <c r="A14060" s="2"/>
      <c r="B14060" s="2"/>
      <c r="C14060" s="2"/>
    </row>
    <row r="14061" spans="1:3" ht="19.2">
      <c r="A14061" s="2"/>
      <c r="B14061" s="2"/>
      <c r="C14061" s="2"/>
    </row>
    <row r="14062" spans="1:3" ht="19.2">
      <c r="A14062" s="2"/>
      <c r="B14062" s="2"/>
      <c r="C14062" s="2"/>
    </row>
    <row r="14063" spans="1:3" ht="19.2">
      <c r="A14063" s="2"/>
      <c r="B14063" s="2"/>
      <c r="C14063" s="2"/>
    </row>
    <row r="14064" spans="1:3" ht="19.2">
      <c r="A14064" s="2"/>
      <c r="B14064" s="2"/>
      <c r="C14064" s="2"/>
    </row>
    <row r="14065" spans="1:3" ht="19.2">
      <c r="A14065" s="2"/>
      <c r="B14065" s="2"/>
      <c r="C14065" s="2"/>
    </row>
    <row r="14066" spans="1:3" ht="19.2">
      <c r="A14066" s="2"/>
      <c r="B14066" s="2"/>
      <c r="C14066" s="2"/>
    </row>
    <row r="14067" spans="1:3" ht="19.2">
      <c r="A14067" s="2"/>
      <c r="B14067" s="2"/>
      <c r="C14067" s="2"/>
    </row>
    <row r="14068" spans="1:3" ht="19.2">
      <c r="A14068" s="2"/>
      <c r="B14068" s="2"/>
      <c r="C14068" s="2"/>
    </row>
    <row r="14069" spans="1:3" ht="19.2">
      <c r="A14069" s="2"/>
      <c r="B14069" s="2"/>
      <c r="C14069" s="2"/>
    </row>
    <row r="14070" spans="1:3" ht="19.2">
      <c r="A14070" s="2"/>
      <c r="B14070" s="2"/>
      <c r="C14070" s="2"/>
    </row>
    <row r="14071" spans="1:3" ht="19.2">
      <c r="A14071" s="2"/>
      <c r="B14071" s="2"/>
      <c r="C14071" s="2"/>
    </row>
    <row r="14072" spans="1:3" ht="19.2">
      <c r="A14072" s="2"/>
      <c r="B14072" s="2"/>
      <c r="C14072" s="2"/>
    </row>
    <row r="14073" spans="1:3" ht="19.2">
      <c r="A14073" s="2"/>
      <c r="B14073" s="2"/>
      <c r="C14073" s="2"/>
    </row>
    <row r="14074" spans="1:3" ht="19.2">
      <c r="A14074" s="2"/>
      <c r="B14074" s="2"/>
      <c r="C14074" s="2"/>
    </row>
    <row r="14075" spans="1:3" ht="19.2">
      <c r="A14075" s="2"/>
      <c r="B14075" s="2"/>
      <c r="C14075" s="2"/>
    </row>
    <row r="14076" spans="1:3" ht="19.2">
      <c r="A14076" s="2"/>
      <c r="B14076" s="2"/>
      <c r="C14076" s="2"/>
    </row>
    <row r="14077" spans="1:3" ht="19.2">
      <c r="A14077" s="2"/>
      <c r="B14077" s="2"/>
      <c r="C14077" s="2"/>
    </row>
    <row r="14078" spans="1:3" ht="19.2">
      <c r="A14078" s="2"/>
      <c r="B14078" s="2"/>
      <c r="C14078" s="2"/>
    </row>
    <row r="14079" spans="1:3" ht="19.2">
      <c r="A14079" s="2"/>
      <c r="B14079" s="2"/>
      <c r="C14079" s="2"/>
    </row>
    <row r="14080" spans="1:3" ht="19.2">
      <c r="A14080" s="2"/>
      <c r="B14080" s="2"/>
      <c r="C14080" s="2"/>
    </row>
    <row r="14081" spans="1:3" ht="19.2">
      <c r="A14081" s="2"/>
      <c r="B14081" s="2"/>
      <c r="C14081" s="2"/>
    </row>
    <row r="14082" spans="1:3" ht="19.2">
      <c r="A14082" s="2"/>
      <c r="B14082" s="2"/>
      <c r="C14082" s="2"/>
    </row>
    <row r="14083" spans="1:3" ht="19.2">
      <c r="A14083" s="2"/>
      <c r="B14083" s="2"/>
      <c r="C14083" s="2"/>
    </row>
    <row r="14084" spans="1:3" ht="19.2">
      <c r="A14084" s="2"/>
      <c r="B14084" s="2"/>
      <c r="C14084" s="2"/>
    </row>
    <row r="14085" spans="1:3" ht="19.2">
      <c r="A14085" s="2"/>
      <c r="B14085" s="2"/>
      <c r="C14085" s="2"/>
    </row>
    <row r="14086" spans="1:3" ht="19.2">
      <c r="A14086" s="2"/>
      <c r="B14086" s="2"/>
      <c r="C14086" s="2"/>
    </row>
    <row r="14087" spans="1:3" ht="19.2">
      <c r="A14087" s="2"/>
      <c r="B14087" s="2"/>
      <c r="C14087" s="2"/>
    </row>
    <row r="14088" spans="1:3" ht="19.2">
      <c r="A14088" s="2"/>
      <c r="B14088" s="2"/>
      <c r="C14088" s="2"/>
    </row>
    <row r="14089" spans="1:3" ht="19.2">
      <c r="A14089" s="2"/>
      <c r="B14089" s="2"/>
      <c r="C14089" s="2"/>
    </row>
    <row r="14090" spans="1:3" ht="19.2">
      <c r="A14090" s="2"/>
      <c r="B14090" s="2"/>
      <c r="C14090" s="2"/>
    </row>
    <row r="14091" spans="1:3" ht="19.2">
      <c r="A14091" s="2"/>
      <c r="B14091" s="2"/>
      <c r="C14091" s="2"/>
    </row>
    <row r="14092" spans="1:3" ht="19.2">
      <c r="A14092" s="2"/>
      <c r="B14092" s="2"/>
      <c r="C14092" s="2"/>
    </row>
    <row r="14093" spans="1:3" ht="19.2">
      <c r="A14093" s="2"/>
      <c r="B14093" s="2"/>
      <c r="C14093" s="2"/>
    </row>
    <row r="14094" spans="1:3" ht="19.2">
      <c r="A14094" s="2"/>
      <c r="B14094" s="2"/>
      <c r="C14094" s="2"/>
    </row>
    <row r="14095" spans="1:3" ht="19.2">
      <c r="A14095" s="2"/>
      <c r="B14095" s="2"/>
      <c r="C14095" s="2"/>
    </row>
    <row r="14096" spans="1:3" ht="19.2">
      <c r="A14096" s="2"/>
      <c r="B14096" s="2"/>
      <c r="C14096" s="2"/>
    </row>
    <row r="14097" spans="1:3" ht="19.2">
      <c r="A14097" s="2"/>
      <c r="B14097" s="2"/>
      <c r="C14097" s="2"/>
    </row>
    <row r="14098" spans="1:3" ht="19.2">
      <c r="A14098" s="2"/>
      <c r="B14098" s="2"/>
      <c r="C14098" s="2"/>
    </row>
    <row r="14099" spans="1:3" ht="19.2">
      <c r="A14099" s="2"/>
      <c r="B14099" s="2"/>
      <c r="C14099" s="2"/>
    </row>
    <row r="14100" spans="1:3" ht="19.2">
      <c r="A14100" s="2"/>
      <c r="B14100" s="2"/>
      <c r="C14100" s="2"/>
    </row>
    <row r="14101" spans="1:3" ht="19.2">
      <c r="A14101" s="2"/>
      <c r="B14101" s="2"/>
      <c r="C14101" s="2"/>
    </row>
    <row r="14102" spans="1:3" ht="19.2">
      <c r="A14102" s="2"/>
      <c r="B14102" s="2"/>
      <c r="C14102" s="2"/>
    </row>
    <row r="14103" spans="1:3" ht="19.2">
      <c r="A14103" s="2"/>
      <c r="B14103" s="2"/>
      <c r="C14103" s="2"/>
    </row>
    <row r="14104" spans="1:3" ht="19.2">
      <c r="A14104" s="2"/>
      <c r="B14104" s="2"/>
      <c r="C14104" s="2"/>
    </row>
    <row r="14105" spans="1:3" ht="19.2">
      <c r="A14105" s="2"/>
      <c r="B14105" s="2"/>
      <c r="C14105" s="2"/>
    </row>
    <row r="14106" spans="1:3" ht="19.2">
      <c r="A14106" s="2"/>
      <c r="B14106" s="2"/>
      <c r="C14106" s="2"/>
    </row>
    <row r="14107" spans="1:3" ht="19.2">
      <c r="A14107" s="2"/>
      <c r="B14107" s="2"/>
      <c r="C14107" s="2"/>
    </row>
    <row r="14108" spans="1:3" ht="19.2">
      <c r="A14108" s="2"/>
      <c r="B14108" s="2"/>
      <c r="C14108" s="2"/>
    </row>
    <row r="14109" spans="1:3" ht="19.2">
      <c r="A14109" s="2"/>
      <c r="B14109" s="2"/>
      <c r="C14109" s="2"/>
    </row>
    <row r="14110" spans="1:3" ht="19.2">
      <c r="A14110" s="2"/>
      <c r="B14110" s="2"/>
      <c r="C14110" s="2"/>
    </row>
    <row r="14111" spans="1:3" ht="19.2">
      <c r="A14111" s="2"/>
      <c r="B14111" s="2"/>
      <c r="C14111" s="2"/>
    </row>
    <row r="14112" spans="1:3" ht="19.2">
      <c r="A14112" s="2"/>
      <c r="B14112" s="2"/>
      <c r="C14112" s="2"/>
    </row>
    <row r="14113" spans="1:3" ht="19.2">
      <c r="A14113" s="2"/>
      <c r="B14113" s="2"/>
      <c r="C14113" s="2"/>
    </row>
    <row r="14114" spans="1:3" ht="19.2">
      <c r="A14114" s="2"/>
      <c r="B14114" s="2"/>
      <c r="C14114" s="2"/>
    </row>
    <row r="14115" spans="1:3" ht="19.2">
      <c r="A14115" s="2"/>
      <c r="B14115" s="2"/>
      <c r="C14115" s="2"/>
    </row>
    <row r="14116" spans="1:3" ht="19.2">
      <c r="A14116" s="2"/>
      <c r="B14116" s="2"/>
      <c r="C14116" s="2"/>
    </row>
    <row r="14117" spans="1:3" ht="19.2">
      <c r="A14117" s="2"/>
      <c r="B14117" s="2"/>
      <c r="C14117" s="2"/>
    </row>
    <row r="14118" spans="1:3" ht="19.2">
      <c r="A14118" s="2"/>
      <c r="B14118" s="2"/>
      <c r="C14118" s="2"/>
    </row>
    <row r="14119" spans="1:3" ht="19.2">
      <c r="A14119" s="2"/>
      <c r="B14119" s="2"/>
      <c r="C14119" s="2"/>
    </row>
    <row r="14120" spans="1:3" ht="19.2">
      <c r="A14120" s="2"/>
      <c r="B14120" s="2"/>
      <c r="C14120" s="2"/>
    </row>
    <row r="14121" spans="1:3" ht="19.2">
      <c r="A14121" s="2"/>
      <c r="B14121" s="2"/>
      <c r="C14121" s="2"/>
    </row>
    <row r="14122" spans="1:3" ht="19.2">
      <c r="A14122" s="2"/>
      <c r="B14122" s="2"/>
      <c r="C14122" s="2"/>
    </row>
    <row r="14123" spans="1:3" ht="19.2">
      <c r="A14123" s="2"/>
      <c r="B14123" s="2"/>
      <c r="C14123" s="2"/>
    </row>
    <row r="14124" spans="1:3" ht="19.2">
      <c r="A14124" s="2"/>
      <c r="B14124" s="2"/>
      <c r="C14124" s="2"/>
    </row>
    <row r="14125" spans="1:3" ht="19.2">
      <c r="A14125" s="2"/>
      <c r="B14125" s="2"/>
      <c r="C14125" s="2"/>
    </row>
    <row r="14126" spans="1:3" ht="19.2">
      <c r="A14126" s="2"/>
      <c r="B14126" s="2"/>
      <c r="C14126" s="2"/>
    </row>
    <row r="14127" spans="1:3" ht="19.2">
      <c r="A14127" s="2"/>
      <c r="B14127" s="2"/>
      <c r="C14127" s="2"/>
    </row>
    <row r="14128" spans="1:3" ht="19.2">
      <c r="A14128" s="2"/>
      <c r="B14128" s="2"/>
      <c r="C14128" s="2"/>
    </row>
    <row r="14129" spans="1:3" ht="19.2">
      <c r="A14129" s="2"/>
      <c r="B14129" s="2"/>
      <c r="C14129" s="2"/>
    </row>
    <row r="14130" spans="1:3" ht="19.2">
      <c r="A14130" s="2"/>
      <c r="B14130" s="2"/>
      <c r="C14130" s="2"/>
    </row>
    <row r="14131" spans="1:3" ht="19.2">
      <c r="A14131" s="2"/>
      <c r="B14131" s="2"/>
      <c r="C14131" s="2"/>
    </row>
    <row r="14132" spans="1:3" ht="19.2">
      <c r="A14132" s="2"/>
      <c r="B14132" s="2"/>
      <c r="C14132" s="2"/>
    </row>
    <row r="14133" spans="1:3" ht="19.2">
      <c r="A14133" s="2"/>
      <c r="B14133" s="2"/>
      <c r="C14133" s="2"/>
    </row>
    <row r="14134" spans="1:3" ht="19.2">
      <c r="A14134" s="2"/>
      <c r="B14134" s="2"/>
      <c r="C14134" s="2"/>
    </row>
    <row r="14135" spans="1:3" ht="19.2">
      <c r="A14135" s="2"/>
      <c r="B14135" s="2"/>
      <c r="C14135" s="2"/>
    </row>
    <row r="14136" spans="1:3" ht="19.2">
      <c r="A14136" s="2"/>
      <c r="B14136" s="2"/>
      <c r="C14136" s="2"/>
    </row>
    <row r="14137" spans="1:3" ht="19.2">
      <c r="A14137" s="2"/>
      <c r="B14137" s="2"/>
      <c r="C14137" s="2"/>
    </row>
    <row r="14138" spans="1:3" ht="19.2">
      <c r="A14138" s="2"/>
      <c r="B14138" s="2"/>
      <c r="C14138" s="2"/>
    </row>
    <row r="14139" spans="1:3" ht="19.2">
      <c r="A14139" s="2"/>
      <c r="B14139" s="2"/>
      <c r="C14139" s="2"/>
    </row>
    <row r="14140" spans="1:3" ht="19.2">
      <c r="A14140" s="2"/>
      <c r="B14140" s="2"/>
      <c r="C14140" s="2"/>
    </row>
    <row r="14141" spans="1:3" ht="19.2">
      <c r="A14141" s="2"/>
      <c r="B14141" s="2"/>
      <c r="C14141" s="2"/>
    </row>
    <row r="14142" spans="1:3" ht="19.2">
      <c r="A14142" s="2"/>
      <c r="B14142" s="2"/>
      <c r="C14142" s="2"/>
    </row>
    <row r="14143" spans="1:3" ht="19.2">
      <c r="A14143" s="2"/>
      <c r="B14143" s="2"/>
      <c r="C14143" s="2"/>
    </row>
    <row r="14144" spans="1:3" ht="19.2">
      <c r="A14144" s="2"/>
      <c r="B14144" s="2"/>
      <c r="C14144" s="2"/>
    </row>
    <row r="14145" spans="1:3" ht="19.2">
      <c r="A14145" s="2"/>
      <c r="B14145" s="2"/>
      <c r="C14145" s="2"/>
    </row>
    <row r="14146" spans="1:3" ht="19.2">
      <c r="A14146" s="2"/>
      <c r="B14146" s="2"/>
      <c r="C14146" s="2"/>
    </row>
    <row r="14147" spans="1:3" ht="19.2">
      <c r="A14147" s="2"/>
      <c r="B14147" s="2"/>
      <c r="C14147" s="2"/>
    </row>
    <row r="14148" spans="1:3" ht="19.2">
      <c r="A14148" s="2"/>
      <c r="B14148" s="2"/>
      <c r="C14148" s="2"/>
    </row>
    <row r="14149" spans="1:3" ht="19.2">
      <c r="A14149" s="2"/>
      <c r="B14149" s="2"/>
      <c r="C14149" s="2"/>
    </row>
    <row r="14150" spans="1:3" ht="19.2">
      <c r="A14150" s="2"/>
      <c r="B14150" s="2"/>
      <c r="C14150" s="2"/>
    </row>
    <row r="14151" spans="1:3" ht="19.2">
      <c r="A14151" s="2"/>
      <c r="B14151" s="2"/>
      <c r="C14151" s="2"/>
    </row>
    <row r="14152" spans="1:3" ht="19.2">
      <c r="A14152" s="2"/>
      <c r="B14152" s="2"/>
      <c r="C14152" s="2"/>
    </row>
    <row r="14153" spans="1:3" ht="19.2">
      <c r="A14153" s="2"/>
      <c r="B14153" s="2"/>
      <c r="C14153" s="2"/>
    </row>
    <row r="14154" spans="1:3" ht="19.2">
      <c r="A14154" s="2"/>
      <c r="B14154" s="2"/>
      <c r="C14154" s="2"/>
    </row>
    <row r="14155" spans="1:3" ht="19.2">
      <c r="A14155" s="2"/>
      <c r="B14155" s="2"/>
      <c r="C14155" s="2"/>
    </row>
    <row r="14156" spans="1:3" ht="19.2">
      <c r="A14156" s="2"/>
      <c r="B14156" s="2"/>
      <c r="C14156" s="2"/>
    </row>
    <row r="14157" spans="1:3" ht="19.2">
      <c r="A14157" s="2"/>
      <c r="B14157" s="2"/>
      <c r="C14157" s="2"/>
    </row>
    <row r="14158" spans="1:3" ht="19.2">
      <c r="A14158" s="2"/>
      <c r="B14158" s="2"/>
      <c r="C14158" s="2"/>
    </row>
    <row r="14159" spans="1:3" ht="19.2">
      <c r="A14159" s="2"/>
      <c r="B14159" s="2"/>
      <c r="C14159" s="2"/>
    </row>
    <row r="14160" spans="1:3" ht="19.2">
      <c r="A14160" s="2"/>
      <c r="B14160" s="2"/>
      <c r="C14160" s="2"/>
    </row>
    <row r="14161" spans="1:3" ht="19.2">
      <c r="A14161" s="2"/>
      <c r="B14161" s="2"/>
      <c r="C14161" s="2"/>
    </row>
    <row r="14162" spans="1:3" ht="19.2">
      <c r="A14162" s="2"/>
      <c r="B14162" s="2"/>
      <c r="C14162" s="2"/>
    </row>
    <row r="14163" spans="1:3" ht="19.2">
      <c r="A14163" s="2"/>
      <c r="B14163" s="2"/>
      <c r="C14163" s="2"/>
    </row>
    <row r="14164" spans="1:3" ht="19.2">
      <c r="A14164" s="2"/>
      <c r="B14164" s="2"/>
      <c r="C14164" s="2"/>
    </row>
    <row r="14165" spans="1:3" ht="19.2">
      <c r="A14165" s="2"/>
      <c r="B14165" s="2"/>
      <c r="C14165" s="2"/>
    </row>
    <row r="14166" spans="1:3" ht="19.2">
      <c r="A14166" s="2"/>
      <c r="B14166" s="2"/>
      <c r="C14166" s="2"/>
    </row>
    <row r="14167" spans="1:3" ht="19.2">
      <c r="A14167" s="2"/>
      <c r="B14167" s="2"/>
      <c r="C14167" s="2"/>
    </row>
    <row r="14168" spans="1:3" ht="19.2">
      <c r="A14168" s="2"/>
      <c r="B14168" s="2"/>
      <c r="C14168" s="2"/>
    </row>
    <row r="14169" spans="1:3" ht="19.2">
      <c r="A14169" s="2"/>
      <c r="B14169" s="2"/>
      <c r="C14169" s="2"/>
    </row>
    <row r="14170" spans="1:3" ht="19.2">
      <c r="A14170" s="2"/>
      <c r="B14170" s="2"/>
      <c r="C14170" s="2"/>
    </row>
    <row r="14171" spans="1:3" ht="19.2">
      <c r="A14171" s="2"/>
      <c r="B14171" s="2"/>
      <c r="C14171" s="2"/>
    </row>
    <row r="14172" spans="1:3" ht="19.2">
      <c r="A14172" s="2"/>
      <c r="B14172" s="2"/>
      <c r="C14172" s="2"/>
    </row>
    <row r="14173" spans="1:3" ht="19.2">
      <c r="A14173" s="2"/>
      <c r="B14173" s="2"/>
      <c r="C14173" s="2"/>
    </row>
    <row r="14174" spans="1:3" ht="19.2">
      <c r="A14174" s="2"/>
      <c r="B14174" s="2"/>
      <c r="C14174" s="2"/>
    </row>
    <row r="14175" spans="1:3" ht="19.2">
      <c r="A14175" s="2"/>
      <c r="B14175" s="2"/>
      <c r="C14175" s="2"/>
    </row>
    <row r="14176" spans="1:3" ht="19.2">
      <c r="A14176" s="2"/>
      <c r="B14176" s="2"/>
      <c r="C14176" s="2"/>
    </row>
    <row r="14177" spans="1:3" ht="19.2">
      <c r="A14177" s="2"/>
      <c r="B14177" s="2"/>
      <c r="C14177" s="2"/>
    </row>
    <row r="14178" spans="1:3" ht="19.2">
      <c r="A14178" s="2"/>
      <c r="B14178" s="2"/>
      <c r="C14178" s="2"/>
    </row>
    <row r="14179" spans="1:3" ht="19.2">
      <c r="A14179" s="2"/>
      <c r="B14179" s="2"/>
      <c r="C14179" s="2"/>
    </row>
    <row r="14180" spans="1:3" ht="19.2">
      <c r="A14180" s="2"/>
      <c r="B14180" s="2"/>
      <c r="C14180" s="2"/>
    </row>
    <row r="14181" spans="1:3" ht="19.2">
      <c r="A14181" s="2"/>
      <c r="B14181" s="2"/>
      <c r="C14181" s="2"/>
    </row>
    <row r="14182" spans="1:3" ht="19.2">
      <c r="A14182" s="2"/>
      <c r="B14182" s="2"/>
      <c r="C14182" s="2"/>
    </row>
    <row r="14183" spans="1:3" ht="19.2">
      <c r="A14183" s="2"/>
      <c r="B14183" s="2"/>
      <c r="C14183" s="2"/>
    </row>
    <row r="14184" spans="1:3" ht="19.2">
      <c r="A14184" s="2"/>
      <c r="B14184" s="2"/>
      <c r="C14184" s="2"/>
    </row>
    <row r="14185" spans="1:3" ht="19.2">
      <c r="A14185" s="2"/>
      <c r="B14185" s="2"/>
      <c r="C14185" s="2"/>
    </row>
    <row r="14186" spans="1:3" ht="19.2">
      <c r="A14186" s="2"/>
      <c r="B14186" s="2"/>
      <c r="C14186" s="2"/>
    </row>
    <row r="14187" spans="1:3" ht="19.2">
      <c r="A14187" s="2"/>
      <c r="B14187" s="2"/>
      <c r="C14187" s="2"/>
    </row>
    <row r="14188" spans="1:3" ht="19.2">
      <c r="A14188" s="2"/>
      <c r="B14188" s="2"/>
      <c r="C14188" s="2"/>
    </row>
    <row r="14189" spans="1:3" ht="19.2">
      <c r="A14189" s="2"/>
      <c r="B14189" s="2"/>
      <c r="C14189" s="2"/>
    </row>
    <row r="14190" spans="1:3" ht="19.2">
      <c r="A14190" s="2"/>
      <c r="B14190" s="2"/>
      <c r="C14190" s="2"/>
    </row>
    <row r="14191" spans="1:3" ht="19.2">
      <c r="A14191" s="2"/>
      <c r="B14191" s="2"/>
      <c r="C14191" s="2"/>
    </row>
    <row r="14192" spans="1:3" ht="19.2">
      <c r="A14192" s="2"/>
      <c r="B14192" s="2"/>
      <c r="C14192" s="2"/>
    </row>
    <row r="14193" spans="1:3" ht="19.2">
      <c r="A14193" s="2"/>
      <c r="B14193" s="2"/>
      <c r="C14193" s="2"/>
    </row>
    <row r="14194" spans="1:3" ht="19.2">
      <c r="A14194" s="2"/>
      <c r="B14194" s="2"/>
      <c r="C14194" s="2"/>
    </row>
    <row r="14195" spans="1:3" ht="19.2">
      <c r="A14195" s="2"/>
      <c r="B14195" s="2"/>
      <c r="C14195" s="2"/>
    </row>
    <row r="14196" spans="1:3" ht="19.2">
      <c r="A14196" s="2"/>
      <c r="B14196" s="2"/>
      <c r="C14196" s="2"/>
    </row>
    <row r="14197" spans="1:3" ht="19.2">
      <c r="A14197" s="2"/>
      <c r="B14197" s="2"/>
      <c r="C14197" s="2"/>
    </row>
    <row r="14198" spans="1:3" ht="19.2">
      <c r="A14198" s="2"/>
      <c r="B14198" s="2"/>
      <c r="C14198" s="2"/>
    </row>
    <row r="14199" spans="1:3" ht="19.2">
      <c r="A14199" s="2"/>
      <c r="B14199" s="2"/>
      <c r="C14199" s="2"/>
    </row>
    <row r="14200" spans="1:3" ht="19.2">
      <c r="A14200" s="2"/>
      <c r="B14200" s="2"/>
      <c r="C14200" s="2"/>
    </row>
    <row r="14201" spans="1:3" ht="19.2">
      <c r="A14201" s="2"/>
      <c r="B14201" s="2"/>
      <c r="C14201" s="2"/>
    </row>
    <row r="14202" spans="1:3" ht="19.2">
      <c r="A14202" s="2"/>
      <c r="B14202" s="2"/>
      <c r="C14202" s="2"/>
    </row>
    <row r="14203" spans="1:3" ht="19.2">
      <c r="A14203" s="2"/>
      <c r="B14203" s="2"/>
      <c r="C14203" s="2"/>
    </row>
    <row r="14204" spans="1:3" ht="19.2">
      <c r="A14204" s="2"/>
      <c r="B14204" s="2"/>
      <c r="C14204" s="2"/>
    </row>
    <row r="14205" spans="1:3" ht="19.2">
      <c r="A14205" s="2"/>
      <c r="B14205" s="2"/>
      <c r="C14205" s="2"/>
    </row>
    <row r="14206" spans="1:3" ht="19.2">
      <c r="A14206" s="2"/>
      <c r="B14206" s="2"/>
      <c r="C14206" s="2"/>
    </row>
    <row r="14207" spans="1:3" ht="19.2">
      <c r="A14207" s="2"/>
      <c r="B14207" s="2"/>
      <c r="C14207" s="2"/>
    </row>
    <row r="14208" spans="1:3" ht="19.2">
      <c r="A14208" s="2"/>
      <c r="B14208" s="2"/>
      <c r="C14208" s="2"/>
    </row>
    <row r="14209" spans="1:3" ht="19.2">
      <c r="A14209" s="2"/>
      <c r="B14209" s="2"/>
      <c r="C14209" s="2"/>
    </row>
    <row r="14210" spans="1:3" ht="19.2">
      <c r="A14210" s="2"/>
      <c r="B14210" s="2"/>
      <c r="C14210" s="2"/>
    </row>
    <row r="14211" spans="1:3" ht="19.2">
      <c r="A14211" s="2"/>
      <c r="B14211" s="2"/>
      <c r="C14211" s="2"/>
    </row>
    <row r="14212" spans="1:3" ht="19.2">
      <c r="A14212" s="2"/>
      <c r="B14212" s="2"/>
      <c r="C14212" s="2"/>
    </row>
    <row r="14213" spans="1:3" ht="19.2">
      <c r="A14213" s="2"/>
      <c r="B14213" s="2"/>
      <c r="C14213" s="2"/>
    </row>
    <row r="14214" spans="1:3" ht="19.2">
      <c r="A14214" s="2"/>
      <c r="B14214" s="2"/>
      <c r="C14214" s="2"/>
    </row>
    <row r="14215" spans="1:3" ht="19.2">
      <c r="A14215" s="2"/>
      <c r="B14215" s="2"/>
      <c r="C14215" s="2"/>
    </row>
    <row r="14216" spans="1:3" ht="19.2">
      <c r="A14216" s="2"/>
      <c r="B14216" s="2"/>
      <c r="C14216" s="2"/>
    </row>
    <row r="14217" spans="1:3" ht="19.2">
      <c r="A14217" s="2"/>
      <c r="B14217" s="2"/>
      <c r="C14217" s="2"/>
    </row>
    <row r="14218" spans="1:3" ht="19.2">
      <c r="A14218" s="2"/>
      <c r="B14218" s="2"/>
      <c r="C14218" s="2"/>
    </row>
    <row r="14219" spans="1:3" ht="19.2">
      <c r="A14219" s="2"/>
      <c r="B14219" s="2"/>
      <c r="C14219" s="2"/>
    </row>
    <row r="14220" spans="1:3" ht="19.2">
      <c r="A14220" s="2"/>
      <c r="B14220" s="2"/>
      <c r="C14220" s="2"/>
    </row>
    <row r="14221" spans="1:3" ht="19.2">
      <c r="A14221" s="2"/>
      <c r="B14221" s="2"/>
      <c r="C14221" s="2"/>
    </row>
    <row r="14222" spans="1:3" ht="19.2">
      <c r="A14222" s="2"/>
      <c r="B14222" s="2"/>
      <c r="C14222" s="2"/>
    </row>
    <row r="14223" spans="1:3" ht="19.2">
      <c r="A14223" s="2"/>
      <c r="B14223" s="2"/>
      <c r="C14223" s="2"/>
    </row>
    <row r="14224" spans="1:3" ht="19.2">
      <c r="A14224" s="2"/>
      <c r="B14224" s="2"/>
      <c r="C14224" s="2"/>
    </row>
    <row r="14225" spans="1:3" ht="19.2">
      <c r="A14225" s="2"/>
      <c r="B14225" s="2"/>
      <c r="C14225" s="2"/>
    </row>
    <row r="14226" spans="1:3" ht="19.2">
      <c r="A14226" s="2"/>
      <c r="B14226" s="2"/>
      <c r="C14226" s="2"/>
    </row>
    <row r="14227" spans="1:3" ht="19.2">
      <c r="A14227" s="2"/>
      <c r="B14227" s="2"/>
      <c r="C14227" s="2"/>
    </row>
    <row r="14228" spans="1:3" ht="19.2">
      <c r="A14228" s="2"/>
      <c r="B14228" s="2"/>
      <c r="C14228" s="2"/>
    </row>
    <row r="14229" spans="1:3" ht="19.2">
      <c r="A14229" s="2"/>
      <c r="B14229" s="2"/>
      <c r="C14229" s="2"/>
    </row>
    <row r="14230" spans="1:3" ht="19.2">
      <c r="A14230" s="2"/>
      <c r="B14230" s="2"/>
      <c r="C14230" s="2"/>
    </row>
    <row r="14231" spans="1:3" ht="19.2">
      <c r="A14231" s="2"/>
      <c r="B14231" s="2"/>
      <c r="C14231" s="2"/>
    </row>
    <row r="14232" spans="1:3" ht="19.2">
      <c r="A14232" s="2"/>
      <c r="B14232" s="2"/>
      <c r="C14232" s="2"/>
    </row>
    <row r="14233" spans="1:3" ht="19.2">
      <c r="A14233" s="2"/>
      <c r="B14233" s="2"/>
      <c r="C14233" s="2"/>
    </row>
    <row r="14234" spans="1:3" ht="19.2">
      <c r="A14234" s="2"/>
      <c r="B14234" s="2"/>
      <c r="C14234" s="2"/>
    </row>
    <row r="14235" spans="1:3" ht="19.2">
      <c r="A14235" s="2"/>
      <c r="B14235" s="2"/>
      <c r="C14235" s="2"/>
    </row>
    <row r="14236" spans="1:3" ht="19.2">
      <c r="A14236" s="2"/>
      <c r="B14236" s="2"/>
      <c r="C14236" s="2"/>
    </row>
    <row r="14237" spans="1:3" ht="19.2">
      <c r="A14237" s="2"/>
      <c r="B14237" s="2"/>
      <c r="C14237" s="2"/>
    </row>
    <row r="14238" spans="1:3" ht="19.2">
      <c r="A14238" s="2"/>
      <c r="B14238" s="2"/>
      <c r="C14238" s="2"/>
    </row>
    <row r="14239" spans="1:3" ht="19.2">
      <c r="A14239" s="2"/>
      <c r="B14239" s="2"/>
      <c r="C14239" s="2"/>
    </row>
    <row r="14240" spans="1:3" ht="19.2">
      <c r="A14240" s="2"/>
      <c r="B14240" s="2"/>
      <c r="C14240" s="2"/>
    </row>
    <row r="14241" spans="1:3" ht="19.2">
      <c r="A14241" s="2"/>
      <c r="B14241" s="2"/>
      <c r="C14241" s="2"/>
    </row>
    <row r="14242" spans="1:3" ht="19.2">
      <c r="A14242" s="2"/>
      <c r="B14242" s="2"/>
      <c r="C14242" s="2"/>
    </row>
    <row r="14243" spans="1:3" ht="19.2">
      <c r="A14243" s="2"/>
      <c r="B14243" s="2"/>
      <c r="C14243" s="2"/>
    </row>
    <row r="14244" spans="1:3" ht="19.2">
      <c r="A14244" s="2"/>
      <c r="B14244" s="2"/>
      <c r="C14244" s="2"/>
    </row>
    <row r="14245" spans="1:3" ht="19.2">
      <c r="A14245" s="2"/>
      <c r="B14245" s="2"/>
      <c r="C14245" s="2"/>
    </row>
    <row r="14246" spans="1:3" ht="19.2">
      <c r="A14246" s="2"/>
      <c r="B14246" s="2"/>
      <c r="C14246" s="2"/>
    </row>
    <row r="14247" spans="1:3" ht="19.2">
      <c r="A14247" s="2"/>
      <c r="B14247" s="2"/>
      <c r="C14247" s="2"/>
    </row>
    <row r="14248" spans="1:3" ht="19.2">
      <c r="A14248" s="2"/>
      <c r="B14248" s="2"/>
      <c r="C14248" s="2"/>
    </row>
    <row r="14249" spans="1:3" ht="19.2">
      <c r="A14249" s="2"/>
      <c r="B14249" s="2"/>
      <c r="C14249" s="2"/>
    </row>
    <row r="14250" spans="1:3" ht="19.2">
      <c r="A14250" s="2"/>
      <c r="B14250" s="2"/>
      <c r="C14250" s="2"/>
    </row>
    <row r="14251" spans="1:3" ht="19.2">
      <c r="A14251" s="2"/>
      <c r="B14251" s="2"/>
      <c r="C14251" s="2"/>
    </row>
    <row r="14252" spans="1:3" ht="19.2">
      <c r="A14252" s="2"/>
      <c r="B14252" s="2"/>
      <c r="C14252" s="2"/>
    </row>
    <row r="14253" spans="1:3" ht="19.2">
      <c r="A14253" s="2"/>
      <c r="B14253" s="2"/>
      <c r="C14253" s="2"/>
    </row>
    <row r="14254" spans="1:3" ht="19.2">
      <c r="A14254" s="2"/>
      <c r="B14254" s="2"/>
      <c r="C14254" s="2"/>
    </row>
    <row r="14255" spans="1:3" ht="19.2">
      <c r="A14255" s="2"/>
      <c r="B14255" s="2"/>
      <c r="C14255" s="2"/>
    </row>
    <row r="14256" spans="1:3" ht="19.2">
      <c r="A14256" s="2"/>
      <c r="B14256" s="2"/>
      <c r="C14256" s="2"/>
    </row>
    <row r="14257" spans="1:3" ht="19.2">
      <c r="A14257" s="2"/>
      <c r="B14257" s="2"/>
      <c r="C14257" s="2"/>
    </row>
    <row r="14258" spans="1:3" ht="19.2">
      <c r="A14258" s="2"/>
      <c r="B14258" s="2"/>
      <c r="C14258" s="2"/>
    </row>
    <row r="14259" spans="1:3" ht="19.2">
      <c r="A14259" s="2"/>
      <c r="B14259" s="2"/>
      <c r="C14259" s="2"/>
    </row>
    <row r="14260" spans="1:3" ht="19.2">
      <c r="A14260" s="2"/>
      <c r="B14260" s="2"/>
      <c r="C14260" s="2"/>
    </row>
    <row r="14261" spans="1:3" ht="19.2">
      <c r="A14261" s="2"/>
      <c r="B14261" s="2"/>
      <c r="C14261" s="2"/>
    </row>
    <row r="14262" spans="1:3" ht="19.2">
      <c r="A14262" s="2"/>
      <c r="B14262" s="2"/>
      <c r="C14262" s="2"/>
    </row>
    <row r="14263" spans="1:3" ht="19.2">
      <c r="A14263" s="2"/>
      <c r="B14263" s="2"/>
      <c r="C14263" s="2"/>
    </row>
    <row r="14264" spans="1:3" ht="19.2">
      <c r="A14264" s="2"/>
      <c r="B14264" s="2"/>
      <c r="C14264" s="2"/>
    </row>
    <row r="14265" spans="1:3" ht="19.2">
      <c r="A14265" s="2"/>
      <c r="B14265" s="2"/>
      <c r="C14265" s="2"/>
    </row>
    <row r="14266" spans="1:3" ht="19.2">
      <c r="A14266" s="2"/>
      <c r="B14266" s="2"/>
      <c r="C14266" s="2"/>
    </row>
    <row r="14267" spans="1:3" ht="19.2">
      <c r="A14267" s="2"/>
      <c r="B14267" s="2"/>
      <c r="C14267" s="2"/>
    </row>
    <row r="14268" spans="1:3" ht="19.2">
      <c r="A14268" s="2"/>
      <c r="B14268" s="2"/>
      <c r="C14268" s="2"/>
    </row>
    <row r="14269" spans="1:3" ht="19.2">
      <c r="A14269" s="2"/>
      <c r="B14269" s="2"/>
      <c r="C14269" s="2"/>
    </row>
    <row r="14270" spans="1:3" ht="19.2">
      <c r="A14270" s="2"/>
      <c r="B14270" s="2"/>
      <c r="C14270" s="2"/>
    </row>
    <row r="14271" spans="1:3" ht="19.2">
      <c r="A14271" s="2"/>
      <c r="B14271" s="2"/>
      <c r="C14271" s="2"/>
    </row>
    <row r="14272" spans="1:3" ht="19.2">
      <c r="A14272" s="2"/>
      <c r="B14272" s="2"/>
      <c r="C14272" s="2"/>
    </row>
    <row r="14273" spans="1:3" ht="19.2">
      <c r="A14273" s="2"/>
      <c r="B14273" s="2"/>
      <c r="C14273" s="2"/>
    </row>
    <row r="14274" spans="1:3" ht="19.2">
      <c r="A14274" s="2"/>
      <c r="B14274" s="2"/>
      <c r="C14274" s="2"/>
    </row>
    <row r="14275" spans="1:3" ht="19.2">
      <c r="A14275" s="2"/>
      <c r="B14275" s="2"/>
      <c r="C14275" s="2"/>
    </row>
    <row r="14276" spans="1:3" ht="19.2">
      <c r="A14276" s="2"/>
      <c r="B14276" s="2"/>
      <c r="C14276" s="2"/>
    </row>
    <row r="14277" spans="1:3" ht="19.2">
      <c r="A14277" s="2"/>
      <c r="B14277" s="2"/>
      <c r="C14277" s="2"/>
    </row>
    <row r="14278" spans="1:3" ht="19.2">
      <c r="A14278" s="2"/>
      <c r="B14278" s="2"/>
      <c r="C14278" s="2"/>
    </row>
    <row r="14279" spans="1:3" ht="19.2">
      <c r="A14279" s="2"/>
      <c r="B14279" s="2"/>
      <c r="C14279" s="2"/>
    </row>
    <row r="14280" spans="1:3" ht="19.2">
      <c r="A14280" s="2"/>
      <c r="B14280" s="2"/>
      <c r="C14280" s="2"/>
    </row>
    <row r="14281" spans="1:3" ht="19.2">
      <c r="A14281" s="2"/>
      <c r="B14281" s="2"/>
      <c r="C14281" s="2"/>
    </row>
    <row r="14282" spans="1:3" ht="19.2">
      <c r="A14282" s="2"/>
      <c r="B14282" s="2"/>
      <c r="C14282" s="2"/>
    </row>
    <row r="14283" spans="1:3" ht="19.2">
      <c r="A14283" s="2"/>
      <c r="B14283" s="2"/>
      <c r="C14283" s="2"/>
    </row>
    <row r="14284" spans="1:3" ht="19.2">
      <c r="A14284" s="2"/>
      <c r="B14284" s="2"/>
      <c r="C14284" s="2"/>
    </row>
    <row r="14285" spans="1:3" ht="19.2">
      <c r="A14285" s="2"/>
      <c r="B14285" s="2"/>
      <c r="C14285" s="2"/>
    </row>
    <row r="14286" spans="1:3" ht="19.2">
      <c r="A14286" s="2"/>
      <c r="B14286" s="2"/>
      <c r="C14286" s="2"/>
    </row>
    <row r="14287" spans="1:3" ht="19.2">
      <c r="A14287" s="2"/>
      <c r="B14287" s="2"/>
      <c r="C14287" s="2"/>
    </row>
    <row r="14288" spans="1:3" ht="19.2">
      <c r="A14288" s="2"/>
      <c r="B14288" s="2"/>
      <c r="C14288" s="2"/>
    </row>
    <row r="14289" spans="1:3" ht="19.2">
      <c r="A14289" s="2"/>
      <c r="B14289" s="2"/>
      <c r="C14289" s="2"/>
    </row>
    <row r="14290" spans="1:3" ht="19.2">
      <c r="A14290" s="2"/>
      <c r="B14290" s="2"/>
      <c r="C14290" s="2"/>
    </row>
    <row r="14291" spans="1:3" ht="19.2">
      <c r="A14291" s="2"/>
      <c r="B14291" s="2"/>
      <c r="C14291" s="2"/>
    </row>
    <row r="14292" spans="1:3" ht="19.2">
      <c r="A14292" s="2"/>
      <c r="B14292" s="2"/>
      <c r="C14292" s="2"/>
    </row>
    <row r="14293" spans="1:3" ht="19.2">
      <c r="A14293" s="2"/>
      <c r="B14293" s="2"/>
      <c r="C14293" s="2"/>
    </row>
    <row r="14294" spans="1:3" ht="19.2">
      <c r="A14294" s="2"/>
      <c r="B14294" s="2"/>
      <c r="C14294" s="2"/>
    </row>
    <row r="14295" spans="1:3" ht="19.2">
      <c r="A14295" s="2"/>
      <c r="B14295" s="2"/>
      <c r="C14295" s="2"/>
    </row>
    <row r="14296" spans="1:3" ht="19.2">
      <c r="A14296" s="2"/>
      <c r="B14296" s="2"/>
      <c r="C14296" s="2"/>
    </row>
    <row r="14297" spans="1:3" ht="19.2">
      <c r="A14297" s="2"/>
      <c r="B14297" s="2"/>
      <c r="C14297" s="2"/>
    </row>
    <row r="14298" spans="1:3" ht="19.2">
      <c r="A14298" s="2"/>
      <c r="B14298" s="2"/>
      <c r="C14298" s="2"/>
    </row>
    <row r="14299" spans="1:3" ht="19.2">
      <c r="A14299" s="2"/>
      <c r="B14299" s="2"/>
      <c r="C14299" s="2"/>
    </row>
    <row r="14300" spans="1:3" ht="19.2">
      <c r="A14300" s="2"/>
      <c r="B14300" s="2"/>
      <c r="C14300" s="2"/>
    </row>
    <row r="14301" spans="1:3" ht="19.2">
      <c r="A14301" s="2"/>
      <c r="B14301" s="2"/>
      <c r="C14301" s="2"/>
    </row>
    <row r="14302" spans="1:3" ht="19.2">
      <c r="A14302" s="2"/>
      <c r="B14302" s="2"/>
      <c r="C14302" s="2"/>
    </row>
    <row r="14303" spans="1:3" ht="19.2">
      <c r="A14303" s="2"/>
      <c r="B14303" s="2"/>
      <c r="C14303" s="2"/>
    </row>
    <row r="14304" spans="1:3" ht="19.2">
      <c r="A14304" s="2"/>
      <c r="B14304" s="2"/>
      <c r="C14304" s="2"/>
    </row>
    <row r="14305" spans="1:3" ht="19.2">
      <c r="A14305" s="2"/>
      <c r="B14305" s="2"/>
      <c r="C14305" s="2"/>
    </row>
    <row r="14306" spans="1:3" ht="19.2">
      <c r="A14306" s="2"/>
      <c r="B14306" s="2"/>
      <c r="C14306" s="2"/>
    </row>
    <row r="14307" spans="1:3" ht="19.2">
      <c r="A14307" s="2"/>
      <c r="B14307" s="2"/>
      <c r="C14307" s="2"/>
    </row>
    <row r="14308" spans="1:3" ht="19.2">
      <c r="A14308" s="2"/>
      <c r="B14308" s="2"/>
      <c r="C14308" s="2"/>
    </row>
    <row r="14309" spans="1:3" ht="19.2">
      <c r="A14309" s="2"/>
      <c r="B14309" s="2"/>
      <c r="C14309" s="2"/>
    </row>
    <row r="14310" spans="1:3" ht="19.2">
      <c r="A14310" s="2"/>
      <c r="B14310" s="2"/>
      <c r="C14310" s="2"/>
    </row>
    <row r="14311" spans="1:3" ht="19.2">
      <c r="A14311" s="2"/>
      <c r="B14311" s="2"/>
      <c r="C14311" s="2"/>
    </row>
    <row r="14312" spans="1:3" ht="19.2">
      <c r="A14312" s="2"/>
      <c r="B14312" s="2"/>
      <c r="C14312" s="2"/>
    </row>
    <row r="14313" spans="1:3" ht="19.2">
      <c r="A14313" s="2"/>
      <c r="B14313" s="2"/>
      <c r="C14313" s="2"/>
    </row>
    <row r="14314" spans="1:3" ht="19.2">
      <c r="A14314" s="2"/>
      <c r="B14314" s="2"/>
      <c r="C14314" s="2"/>
    </row>
    <row r="14315" spans="1:3" ht="19.2">
      <c r="A14315" s="2"/>
      <c r="B14315" s="2"/>
      <c r="C14315" s="2"/>
    </row>
    <row r="14316" spans="1:3" ht="19.2">
      <c r="A14316" s="2"/>
      <c r="B14316" s="2"/>
      <c r="C14316" s="2"/>
    </row>
    <row r="14317" spans="1:3" ht="19.2">
      <c r="A14317" s="2"/>
      <c r="B14317" s="2"/>
      <c r="C14317" s="2"/>
    </row>
    <row r="14318" spans="1:3" ht="19.2">
      <c r="A14318" s="2"/>
      <c r="B14318" s="2"/>
      <c r="C14318" s="2"/>
    </row>
    <row r="14319" spans="1:3" ht="19.2">
      <c r="A14319" s="2"/>
      <c r="B14319" s="2"/>
      <c r="C14319" s="2"/>
    </row>
    <row r="14320" spans="1:3" ht="19.2">
      <c r="A14320" s="2"/>
      <c r="B14320" s="2"/>
      <c r="C14320" s="2"/>
    </row>
    <row r="14321" spans="1:3" ht="19.2">
      <c r="A14321" s="2"/>
      <c r="B14321" s="2"/>
      <c r="C14321" s="2"/>
    </row>
    <row r="14322" spans="1:3" ht="19.2">
      <c r="A14322" s="2"/>
      <c r="B14322" s="2"/>
      <c r="C14322" s="2"/>
    </row>
    <row r="14323" spans="1:3" ht="19.2">
      <c r="A14323" s="2"/>
      <c r="B14323" s="2"/>
      <c r="C14323" s="2"/>
    </row>
    <row r="14324" spans="1:3" ht="19.2">
      <c r="A14324" s="2"/>
      <c r="B14324" s="2"/>
      <c r="C14324" s="2"/>
    </row>
    <row r="14325" spans="1:3" ht="19.2">
      <c r="A14325" s="2"/>
      <c r="B14325" s="2"/>
      <c r="C14325" s="2"/>
    </row>
    <row r="14326" spans="1:3" ht="19.2">
      <c r="A14326" s="2"/>
      <c r="B14326" s="2"/>
      <c r="C14326" s="2"/>
    </row>
    <row r="14327" spans="1:3" ht="19.2">
      <c r="A14327" s="2"/>
      <c r="B14327" s="2"/>
      <c r="C14327" s="2"/>
    </row>
    <row r="14328" spans="1:3" ht="19.2">
      <c r="A14328" s="2"/>
      <c r="B14328" s="2"/>
      <c r="C14328" s="2"/>
    </row>
    <row r="14329" spans="1:3" ht="19.2">
      <c r="A14329" s="2"/>
      <c r="B14329" s="2"/>
      <c r="C14329" s="2"/>
    </row>
    <row r="14330" spans="1:3" ht="19.2">
      <c r="A14330" s="2"/>
      <c r="B14330" s="2"/>
      <c r="C14330" s="2"/>
    </row>
    <row r="14331" spans="1:3" ht="19.2">
      <c r="A14331" s="2"/>
      <c r="B14331" s="2"/>
      <c r="C14331" s="2"/>
    </row>
    <row r="14332" spans="1:3" ht="19.2">
      <c r="A14332" s="2"/>
      <c r="B14332" s="2"/>
      <c r="C14332" s="2"/>
    </row>
    <row r="14333" spans="1:3" ht="19.2">
      <c r="A14333" s="2"/>
      <c r="B14333" s="2"/>
      <c r="C14333" s="2"/>
    </row>
    <row r="14334" spans="1:3" ht="19.2">
      <c r="A14334" s="2"/>
      <c r="B14334" s="2"/>
      <c r="C14334" s="2"/>
    </row>
    <row r="14335" spans="1:3" ht="19.2">
      <c r="A14335" s="2"/>
      <c r="B14335" s="2"/>
      <c r="C14335" s="2"/>
    </row>
    <row r="14336" spans="1:3" ht="19.2">
      <c r="A14336" s="2"/>
      <c r="B14336" s="2"/>
      <c r="C14336" s="2"/>
    </row>
    <row r="14337" spans="1:3" ht="19.2">
      <c r="A14337" s="2"/>
      <c r="B14337" s="2"/>
      <c r="C14337" s="2"/>
    </row>
    <row r="14338" spans="1:3" ht="19.2">
      <c r="A14338" s="2"/>
      <c r="B14338" s="2"/>
      <c r="C14338" s="2"/>
    </row>
    <row r="14339" spans="1:3" ht="19.2">
      <c r="A14339" s="2"/>
      <c r="B14339" s="2"/>
      <c r="C14339" s="2"/>
    </row>
    <row r="14340" spans="1:3" ht="19.2">
      <c r="A14340" s="2"/>
      <c r="B14340" s="2"/>
      <c r="C14340" s="2"/>
    </row>
    <row r="14341" spans="1:3" ht="19.2">
      <c r="A14341" s="2"/>
      <c r="B14341" s="2"/>
      <c r="C14341" s="2"/>
    </row>
    <row r="14342" spans="1:3" ht="19.2">
      <c r="A14342" s="2"/>
      <c r="B14342" s="2"/>
      <c r="C14342" s="2"/>
    </row>
    <row r="14343" spans="1:3" ht="19.2">
      <c r="A14343" s="2"/>
      <c r="B14343" s="2"/>
      <c r="C14343" s="2"/>
    </row>
    <row r="14344" spans="1:3" ht="19.2">
      <c r="A14344" s="2"/>
      <c r="B14344" s="2"/>
      <c r="C14344" s="2"/>
    </row>
    <row r="14345" spans="1:3" ht="19.2">
      <c r="A14345" s="2"/>
      <c r="B14345" s="2"/>
      <c r="C14345" s="2"/>
    </row>
    <row r="14346" spans="1:3" ht="19.2">
      <c r="A14346" s="2"/>
      <c r="B14346" s="2"/>
      <c r="C14346" s="2"/>
    </row>
    <row r="14347" spans="1:3" ht="19.2">
      <c r="A14347" s="2"/>
      <c r="B14347" s="2"/>
      <c r="C14347" s="2"/>
    </row>
    <row r="14348" spans="1:3" ht="19.2">
      <c r="A14348" s="2"/>
      <c r="B14348" s="2"/>
      <c r="C14348" s="2"/>
    </row>
    <row r="14349" spans="1:3" ht="19.2">
      <c r="A14349" s="2"/>
      <c r="B14349" s="2"/>
      <c r="C14349" s="2"/>
    </row>
    <row r="14350" spans="1:3" ht="19.2">
      <c r="A14350" s="2"/>
      <c r="B14350" s="2"/>
      <c r="C14350" s="2"/>
    </row>
    <row r="14351" spans="1:3" ht="19.2">
      <c r="A14351" s="2"/>
      <c r="B14351" s="2"/>
      <c r="C14351" s="2"/>
    </row>
    <row r="14352" spans="1:3" ht="19.2">
      <c r="A14352" s="2"/>
      <c r="B14352" s="2"/>
      <c r="C14352" s="2"/>
    </row>
    <row r="14353" spans="1:3" ht="19.2">
      <c r="A14353" s="2"/>
      <c r="B14353" s="2"/>
      <c r="C14353" s="2"/>
    </row>
    <row r="14354" spans="1:3" ht="19.2">
      <c r="A14354" s="2"/>
      <c r="B14354" s="2"/>
      <c r="C14354" s="2"/>
    </row>
    <row r="14355" spans="1:3" ht="19.2">
      <c r="A14355" s="2"/>
      <c r="B14355" s="2"/>
      <c r="C14355" s="2"/>
    </row>
    <row r="14356" spans="1:3" ht="19.2">
      <c r="A14356" s="2"/>
      <c r="B14356" s="2"/>
      <c r="C14356" s="2"/>
    </row>
    <row r="14357" spans="1:3" ht="19.2">
      <c r="A14357" s="2"/>
      <c r="B14357" s="2"/>
      <c r="C14357" s="2"/>
    </row>
    <row r="14358" spans="1:3" ht="19.2">
      <c r="A14358" s="2"/>
      <c r="B14358" s="2"/>
      <c r="C14358" s="2"/>
    </row>
    <row r="14359" spans="1:3" ht="19.2">
      <c r="A14359" s="2"/>
      <c r="B14359" s="2"/>
      <c r="C14359" s="2"/>
    </row>
    <row r="14360" spans="1:3" ht="19.2">
      <c r="A14360" s="2"/>
      <c r="B14360" s="2"/>
      <c r="C14360" s="2"/>
    </row>
    <row r="14361" spans="1:3" ht="19.2">
      <c r="A14361" s="2"/>
      <c r="B14361" s="2"/>
      <c r="C14361" s="2"/>
    </row>
    <row r="14362" spans="1:3" ht="19.2">
      <c r="A14362" s="2"/>
      <c r="B14362" s="2"/>
      <c r="C14362" s="2"/>
    </row>
    <row r="14363" spans="1:3" ht="19.2">
      <c r="A14363" s="2"/>
      <c r="B14363" s="2"/>
      <c r="C14363" s="2"/>
    </row>
    <row r="14364" spans="1:3" ht="19.2">
      <c r="A14364" s="2"/>
      <c r="B14364" s="2"/>
      <c r="C14364" s="2"/>
    </row>
    <row r="14365" spans="1:3" ht="19.2">
      <c r="A14365" s="2"/>
      <c r="B14365" s="2"/>
      <c r="C14365" s="2"/>
    </row>
    <row r="14366" spans="1:3" ht="19.2">
      <c r="A14366" s="2"/>
      <c r="B14366" s="2"/>
      <c r="C14366" s="2"/>
    </row>
    <row r="14367" spans="1:3" ht="19.2">
      <c r="A14367" s="2"/>
      <c r="B14367" s="2"/>
      <c r="C14367" s="2"/>
    </row>
    <row r="14368" spans="1:3" ht="19.2">
      <c r="A14368" s="2"/>
      <c r="B14368" s="2"/>
      <c r="C14368" s="2"/>
    </row>
    <row r="14369" spans="1:3" ht="19.2">
      <c r="A14369" s="2"/>
      <c r="B14369" s="2"/>
      <c r="C14369" s="2"/>
    </row>
    <row r="14370" spans="1:3" ht="19.2">
      <c r="A14370" s="2"/>
      <c r="B14370" s="2"/>
      <c r="C14370" s="2"/>
    </row>
    <row r="14371" spans="1:3" ht="19.2">
      <c r="A14371" s="2"/>
      <c r="B14371" s="2"/>
      <c r="C14371" s="2"/>
    </row>
    <row r="14372" spans="1:3" ht="19.2">
      <c r="A14372" s="2"/>
      <c r="B14372" s="2"/>
      <c r="C14372" s="2"/>
    </row>
    <row r="14373" spans="1:3" ht="19.2">
      <c r="A14373" s="2"/>
      <c r="B14373" s="2"/>
      <c r="C14373" s="2"/>
    </row>
    <row r="14374" spans="1:3" ht="19.2">
      <c r="A14374" s="2"/>
      <c r="B14374" s="2"/>
      <c r="C14374" s="2"/>
    </row>
    <row r="14375" spans="1:3" ht="19.2">
      <c r="A14375" s="2"/>
      <c r="B14375" s="2"/>
      <c r="C14375" s="2"/>
    </row>
    <row r="14376" spans="1:3" ht="19.2">
      <c r="A14376" s="2"/>
      <c r="B14376" s="2"/>
      <c r="C14376" s="2"/>
    </row>
    <row r="14377" spans="1:3" ht="19.2">
      <c r="A14377" s="2"/>
      <c r="B14377" s="2"/>
      <c r="C14377" s="2"/>
    </row>
    <row r="14378" spans="1:3" ht="19.2">
      <c r="A14378" s="2"/>
      <c r="B14378" s="2"/>
      <c r="C14378" s="2"/>
    </row>
    <row r="14379" spans="1:3" ht="19.2">
      <c r="A14379" s="2"/>
      <c r="B14379" s="2"/>
      <c r="C14379" s="2"/>
    </row>
    <row r="14380" spans="1:3" ht="19.2">
      <c r="A14380" s="2"/>
      <c r="B14380" s="2"/>
      <c r="C14380" s="2"/>
    </row>
    <row r="14381" spans="1:3" ht="19.2">
      <c r="A14381" s="2"/>
      <c r="B14381" s="2"/>
      <c r="C14381" s="2"/>
    </row>
    <row r="14382" spans="1:3" ht="19.2">
      <c r="A14382" s="2"/>
      <c r="B14382" s="2"/>
      <c r="C14382" s="2"/>
    </row>
    <row r="14383" spans="1:3" ht="19.2">
      <c r="A14383" s="2"/>
      <c r="B14383" s="2"/>
      <c r="C14383" s="2"/>
    </row>
    <row r="14384" spans="1:3" ht="19.2">
      <c r="A14384" s="2"/>
      <c r="B14384" s="2"/>
      <c r="C14384" s="2"/>
    </row>
    <row r="14385" spans="1:3" ht="19.2">
      <c r="A14385" s="2"/>
      <c r="B14385" s="2"/>
      <c r="C14385" s="2"/>
    </row>
    <row r="14386" spans="1:3" ht="19.2">
      <c r="A14386" s="2"/>
      <c r="B14386" s="2"/>
      <c r="C14386" s="2"/>
    </row>
    <row r="14387" spans="1:3" ht="19.2">
      <c r="A14387" s="2"/>
      <c r="B14387" s="2"/>
      <c r="C14387" s="2"/>
    </row>
    <row r="14388" spans="1:3" ht="19.2">
      <c r="A14388" s="2"/>
      <c r="B14388" s="2"/>
      <c r="C14388" s="2"/>
    </row>
    <row r="14389" spans="1:3" ht="19.2">
      <c r="A14389" s="2"/>
      <c r="B14389" s="2"/>
      <c r="C14389" s="2"/>
    </row>
    <row r="14390" spans="1:3" ht="19.2">
      <c r="A14390" s="2"/>
      <c r="B14390" s="2"/>
      <c r="C14390" s="2"/>
    </row>
    <row r="14391" spans="1:3" ht="19.2">
      <c r="A14391" s="2"/>
      <c r="B14391" s="2"/>
      <c r="C14391" s="2"/>
    </row>
    <row r="14392" spans="1:3" ht="19.2">
      <c r="A14392" s="2"/>
      <c r="B14392" s="2"/>
      <c r="C14392" s="2"/>
    </row>
    <row r="14393" spans="1:3" ht="19.2">
      <c r="A14393" s="2"/>
      <c r="B14393" s="2"/>
      <c r="C14393" s="2"/>
    </row>
    <row r="14394" spans="1:3" ht="19.2">
      <c r="A14394" s="2"/>
      <c r="B14394" s="2"/>
      <c r="C14394" s="2"/>
    </row>
    <row r="14395" spans="1:3" ht="19.2">
      <c r="A14395" s="2"/>
      <c r="B14395" s="2"/>
      <c r="C14395" s="2"/>
    </row>
    <row r="14396" spans="1:3" ht="19.2">
      <c r="A14396" s="2"/>
      <c r="B14396" s="2"/>
      <c r="C14396" s="2"/>
    </row>
    <row r="14397" spans="1:3" ht="19.2">
      <c r="A14397" s="2"/>
      <c r="B14397" s="2"/>
      <c r="C14397" s="2"/>
    </row>
    <row r="14398" spans="1:3" ht="19.2">
      <c r="A14398" s="2"/>
      <c r="B14398" s="2"/>
      <c r="C14398" s="2"/>
    </row>
    <row r="14399" spans="1:3" ht="19.2">
      <c r="A14399" s="2"/>
      <c r="B14399" s="2"/>
      <c r="C14399" s="2"/>
    </row>
    <row r="14400" spans="1:3" ht="19.2">
      <c r="A14400" s="2"/>
      <c r="B14400" s="2"/>
      <c r="C14400" s="2"/>
    </row>
    <row r="14401" spans="1:3" ht="19.2">
      <c r="A14401" s="2"/>
      <c r="B14401" s="2"/>
      <c r="C14401" s="2"/>
    </row>
    <row r="14402" spans="1:3" ht="19.2">
      <c r="A14402" s="2"/>
      <c r="B14402" s="2"/>
      <c r="C14402" s="2"/>
    </row>
    <row r="14403" spans="1:3" ht="19.2">
      <c r="A14403" s="2"/>
      <c r="B14403" s="2"/>
      <c r="C14403" s="2"/>
    </row>
    <row r="14404" spans="1:3" ht="19.2">
      <c r="A14404" s="2"/>
      <c r="B14404" s="2"/>
      <c r="C14404" s="2"/>
    </row>
    <row r="14405" spans="1:3" ht="19.2">
      <c r="A14405" s="2"/>
      <c r="B14405" s="2"/>
      <c r="C14405" s="2"/>
    </row>
    <row r="14406" spans="1:3" ht="19.2">
      <c r="A14406" s="2"/>
      <c r="B14406" s="2"/>
      <c r="C14406" s="2"/>
    </row>
    <row r="14407" spans="1:3" ht="19.2">
      <c r="A14407" s="2"/>
      <c r="B14407" s="2"/>
      <c r="C14407" s="2"/>
    </row>
    <row r="14408" spans="1:3" ht="19.2">
      <c r="A14408" s="2"/>
      <c r="B14408" s="2"/>
      <c r="C14408" s="2"/>
    </row>
    <row r="14409" spans="1:3" ht="19.2">
      <c r="A14409" s="2"/>
      <c r="B14409" s="2"/>
      <c r="C14409" s="2"/>
    </row>
    <row r="14410" spans="1:3" ht="19.2">
      <c r="A14410" s="2"/>
      <c r="B14410" s="2"/>
      <c r="C14410" s="2"/>
    </row>
    <row r="14411" spans="1:3" ht="19.2">
      <c r="A14411" s="2"/>
      <c r="B14411" s="2"/>
      <c r="C14411" s="2"/>
    </row>
    <row r="14412" spans="1:3" ht="19.2">
      <c r="A14412" s="2"/>
      <c r="B14412" s="2"/>
      <c r="C14412" s="2"/>
    </row>
    <row r="14413" spans="1:3" ht="19.2">
      <c r="A14413" s="2"/>
      <c r="B14413" s="2"/>
      <c r="C14413" s="2"/>
    </row>
    <row r="14414" spans="1:3" ht="19.2">
      <c r="A14414" s="2"/>
      <c r="B14414" s="2"/>
      <c r="C14414" s="2"/>
    </row>
    <row r="14415" spans="1:3" ht="19.2">
      <c r="A14415" s="2"/>
      <c r="B14415" s="2"/>
      <c r="C14415" s="2"/>
    </row>
    <row r="14416" spans="1:3" ht="19.2">
      <c r="A14416" s="2"/>
      <c r="B14416" s="2"/>
      <c r="C14416" s="2"/>
    </row>
    <row r="14417" spans="1:3" ht="19.2">
      <c r="A14417" s="2"/>
      <c r="B14417" s="2"/>
      <c r="C14417" s="2"/>
    </row>
    <row r="14418" spans="1:3" ht="19.2">
      <c r="A14418" s="2"/>
      <c r="B14418" s="2"/>
      <c r="C14418" s="2"/>
    </row>
    <row r="14419" spans="1:3" ht="19.2">
      <c r="A14419" s="2"/>
      <c r="B14419" s="2"/>
      <c r="C14419" s="2"/>
    </row>
    <row r="14420" spans="1:3" ht="19.2">
      <c r="A14420" s="2"/>
      <c r="B14420" s="2"/>
      <c r="C14420" s="2"/>
    </row>
    <row r="14421" spans="1:3" ht="19.2">
      <c r="A14421" s="2"/>
      <c r="B14421" s="2"/>
      <c r="C14421" s="2"/>
    </row>
    <row r="14422" spans="1:3" ht="19.2">
      <c r="A14422" s="2"/>
      <c r="B14422" s="2"/>
      <c r="C14422" s="2"/>
    </row>
    <row r="14423" spans="1:3" ht="19.2">
      <c r="A14423" s="2"/>
      <c r="B14423" s="2"/>
      <c r="C14423" s="2"/>
    </row>
    <row r="14424" spans="1:3" ht="19.2">
      <c r="A14424" s="2"/>
      <c r="B14424" s="2"/>
      <c r="C14424" s="2"/>
    </row>
    <row r="14425" spans="1:3" ht="19.2">
      <c r="A14425" s="2"/>
      <c r="B14425" s="2"/>
      <c r="C14425" s="2"/>
    </row>
    <row r="14426" spans="1:3" ht="19.2">
      <c r="A14426" s="2"/>
      <c r="B14426" s="2"/>
      <c r="C14426" s="2"/>
    </row>
    <row r="14427" spans="1:3" ht="19.2">
      <c r="A14427" s="2"/>
      <c r="B14427" s="2"/>
      <c r="C14427" s="2"/>
    </row>
    <row r="14428" spans="1:3" ht="19.2">
      <c r="A14428" s="2"/>
      <c r="B14428" s="2"/>
      <c r="C14428" s="2"/>
    </row>
    <row r="14429" spans="1:3" ht="19.2">
      <c r="A14429" s="2"/>
      <c r="B14429" s="2"/>
      <c r="C14429" s="2"/>
    </row>
    <row r="14430" spans="1:3" ht="19.2">
      <c r="A14430" s="2"/>
      <c r="B14430" s="2"/>
      <c r="C14430" s="2"/>
    </row>
    <row r="14431" spans="1:3" ht="19.2">
      <c r="A14431" s="2"/>
      <c r="B14431" s="2"/>
      <c r="C14431" s="2"/>
    </row>
    <row r="14432" spans="1:3" ht="19.2">
      <c r="A14432" s="2"/>
      <c r="B14432" s="2"/>
      <c r="C14432" s="2"/>
    </row>
    <row r="14433" spans="1:3" ht="19.2">
      <c r="A14433" s="2"/>
      <c r="B14433" s="2"/>
      <c r="C14433" s="2"/>
    </row>
    <row r="14434" spans="1:3" ht="19.2">
      <c r="A14434" s="2"/>
      <c r="B14434" s="2"/>
      <c r="C14434" s="2"/>
    </row>
    <row r="14435" spans="1:3" ht="19.2">
      <c r="A14435" s="2"/>
      <c r="B14435" s="2"/>
      <c r="C14435" s="2"/>
    </row>
    <row r="14436" spans="1:3" ht="19.2">
      <c r="A14436" s="2"/>
      <c r="B14436" s="2"/>
      <c r="C14436" s="2"/>
    </row>
    <row r="14437" spans="1:3" ht="19.2">
      <c r="A14437" s="2"/>
      <c r="B14437" s="2"/>
      <c r="C14437" s="2"/>
    </row>
    <row r="14438" spans="1:3" ht="19.2">
      <c r="A14438" s="2"/>
      <c r="B14438" s="2"/>
      <c r="C14438" s="2"/>
    </row>
    <row r="14439" spans="1:3" ht="19.2">
      <c r="A14439" s="2"/>
      <c r="B14439" s="2"/>
      <c r="C14439" s="2"/>
    </row>
    <row r="14440" spans="1:3" ht="19.2">
      <c r="A14440" s="2"/>
      <c r="B14440" s="2"/>
      <c r="C14440" s="2"/>
    </row>
    <row r="14441" spans="1:3" ht="19.2">
      <c r="A14441" s="2"/>
      <c r="B14441" s="2"/>
      <c r="C14441" s="2"/>
    </row>
    <row r="14442" spans="1:3" ht="19.2">
      <c r="A14442" s="2"/>
      <c r="B14442" s="2"/>
      <c r="C14442" s="2"/>
    </row>
    <row r="14443" spans="1:3" ht="19.2">
      <c r="A14443" s="2"/>
      <c r="B14443" s="2"/>
      <c r="C14443" s="2"/>
    </row>
    <row r="14444" spans="1:3" ht="19.2">
      <c r="A14444" s="2"/>
      <c r="B14444" s="2"/>
      <c r="C14444" s="2"/>
    </row>
    <row r="14445" spans="1:3" ht="19.2">
      <c r="A14445" s="2"/>
      <c r="B14445" s="2"/>
      <c r="C14445" s="2"/>
    </row>
    <row r="14446" spans="1:3" ht="19.2">
      <c r="A14446" s="2"/>
      <c r="B14446" s="2"/>
      <c r="C14446" s="2"/>
    </row>
    <row r="14447" spans="1:3" ht="19.2">
      <c r="A14447" s="2"/>
      <c r="B14447" s="2"/>
      <c r="C14447" s="2"/>
    </row>
    <row r="14448" spans="1:3" ht="19.2">
      <c r="A14448" s="2"/>
      <c r="B14448" s="2"/>
      <c r="C14448" s="2"/>
    </row>
    <row r="14449" spans="1:3" ht="19.2">
      <c r="A14449" s="2"/>
      <c r="B14449" s="2"/>
      <c r="C14449" s="2"/>
    </row>
    <row r="14450" spans="1:3" ht="19.2">
      <c r="A14450" s="2"/>
      <c r="B14450" s="2"/>
      <c r="C14450" s="2"/>
    </row>
    <row r="14451" spans="1:3" ht="19.2">
      <c r="A14451" s="2"/>
      <c r="B14451" s="2"/>
      <c r="C14451" s="2"/>
    </row>
    <row r="14452" spans="1:3" ht="19.2">
      <c r="A14452" s="2"/>
      <c r="B14452" s="2"/>
      <c r="C14452" s="2"/>
    </row>
    <row r="14453" spans="1:3" ht="19.2">
      <c r="A14453" s="2"/>
      <c r="B14453" s="2"/>
      <c r="C14453" s="2"/>
    </row>
    <row r="14454" spans="1:3" ht="19.2">
      <c r="A14454" s="2"/>
      <c r="B14454" s="2"/>
      <c r="C14454" s="2"/>
    </row>
    <row r="14455" spans="1:3" ht="19.2">
      <c r="A14455" s="2"/>
      <c r="B14455" s="2"/>
      <c r="C14455" s="2"/>
    </row>
    <row r="14456" spans="1:3" ht="19.2">
      <c r="A14456" s="2"/>
      <c r="B14456" s="2"/>
      <c r="C14456" s="2"/>
    </row>
    <row r="14457" spans="1:3" ht="19.2">
      <c r="A14457" s="2"/>
      <c r="B14457" s="2"/>
      <c r="C14457" s="2"/>
    </row>
    <row r="14458" spans="1:3" ht="19.2">
      <c r="A14458" s="2"/>
      <c r="B14458" s="2"/>
      <c r="C14458" s="2"/>
    </row>
    <row r="14459" spans="1:3" ht="19.2">
      <c r="A14459" s="2"/>
      <c r="B14459" s="2"/>
      <c r="C14459" s="2"/>
    </row>
    <row r="14460" spans="1:3" ht="19.2">
      <c r="A14460" s="2"/>
      <c r="B14460" s="2"/>
      <c r="C14460" s="2"/>
    </row>
    <row r="14461" spans="1:3" ht="19.2">
      <c r="A14461" s="2"/>
      <c r="B14461" s="2"/>
      <c r="C14461" s="2"/>
    </row>
    <row r="14462" spans="1:3" ht="19.2">
      <c r="A14462" s="2"/>
      <c r="B14462" s="2"/>
      <c r="C14462" s="2"/>
    </row>
    <row r="14463" spans="1:3" ht="19.2">
      <c r="A14463" s="2"/>
      <c r="B14463" s="2"/>
      <c r="C14463" s="2"/>
    </row>
    <row r="14464" spans="1:3" ht="19.2">
      <c r="A14464" s="2"/>
      <c r="B14464" s="2"/>
      <c r="C14464" s="2"/>
    </row>
    <row r="14465" spans="1:3" ht="19.2">
      <c r="A14465" s="2"/>
      <c r="B14465" s="2"/>
      <c r="C14465" s="2"/>
    </row>
    <row r="14466" spans="1:3" ht="19.2">
      <c r="A14466" s="2"/>
      <c r="B14466" s="2"/>
      <c r="C14466" s="2"/>
    </row>
    <row r="14467" spans="1:3" ht="19.2">
      <c r="A14467" s="2"/>
      <c r="B14467" s="2"/>
      <c r="C14467" s="2"/>
    </row>
    <row r="14468" spans="1:3" ht="19.2">
      <c r="A14468" s="2"/>
      <c r="B14468" s="2"/>
      <c r="C14468" s="2"/>
    </row>
    <row r="14469" spans="1:3" ht="19.2">
      <c r="A14469" s="2"/>
      <c r="B14469" s="2"/>
      <c r="C14469" s="2"/>
    </row>
    <row r="14470" spans="1:3" ht="19.2">
      <c r="A14470" s="2"/>
      <c r="B14470" s="2"/>
      <c r="C14470" s="2"/>
    </row>
    <row r="14471" spans="1:3" ht="19.2">
      <c r="A14471" s="2"/>
      <c r="B14471" s="2"/>
      <c r="C14471" s="2"/>
    </row>
    <row r="14472" spans="1:3" ht="19.2">
      <c r="A14472" s="2"/>
      <c r="B14472" s="2"/>
      <c r="C14472" s="2"/>
    </row>
    <row r="14473" spans="1:3" ht="19.2">
      <c r="A14473" s="2"/>
      <c r="B14473" s="2"/>
      <c r="C14473" s="2"/>
    </row>
    <row r="14474" spans="1:3" ht="19.2">
      <c r="A14474" s="2"/>
      <c r="B14474" s="2"/>
      <c r="C14474" s="2"/>
    </row>
    <row r="14475" spans="1:3" ht="19.2">
      <c r="A14475" s="2"/>
      <c r="B14475" s="2"/>
      <c r="C14475" s="2"/>
    </row>
    <row r="14476" spans="1:3" ht="19.2">
      <c r="A14476" s="2"/>
      <c r="B14476" s="2"/>
      <c r="C14476" s="2"/>
    </row>
    <row r="14477" spans="1:3" ht="19.2">
      <c r="A14477" s="2"/>
      <c r="B14477" s="2"/>
      <c r="C14477" s="2"/>
    </row>
    <row r="14478" spans="1:3" ht="19.2">
      <c r="A14478" s="2"/>
      <c r="B14478" s="2"/>
      <c r="C14478" s="2"/>
    </row>
    <row r="14479" spans="1:3" ht="19.2">
      <c r="A14479" s="2"/>
      <c r="B14479" s="2"/>
      <c r="C14479" s="2"/>
    </row>
    <row r="14480" spans="1:3" ht="19.2">
      <c r="A14480" s="2"/>
      <c r="B14480" s="2"/>
      <c r="C14480" s="2"/>
    </row>
    <row r="14481" spans="1:3" ht="19.2">
      <c r="A14481" s="2"/>
      <c r="B14481" s="2"/>
      <c r="C14481" s="2"/>
    </row>
    <row r="14482" spans="1:3" ht="19.2">
      <c r="A14482" s="2"/>
      <c r="B14482" s="2"/>
      <c r="C14482" s="2"/>
    </row>
    <row r="14483" spans="1:3" ht="19.2">
      <c r="A14483" s="2"/>
      <c r="B14483" s="2"/>
      <c r="C14483" s="2"/>
    </row>
    <row r="14484" spans="1:3" ht="19.2">
      <c r="A14484" s="2"/>
      <c r="B14484" s="2"/>
      <c r="C14484" s="2"/>
    </row>
    <row r="14485" spans="1:3" ht="19.2">
      <c r="A14485" s="2"/>
      <c r="B14485" s="2"/>
      <c r="C14485" s="2"/>
    </row>
    <row r="14486" spans="1:3" ht="19.2">
      <c r="A14486" s="2"/>
      <c r="B14486" s="2"/>
      <c r="C14486" s="2"/>
    </row>
    <row r="14487" spans="1:3" ht="19.2">
      <c r="A14487" s="2"/>
      <c r="B14487" s="2"/>
      <c r="C14487" s="2"/>
    </row>
    <row r="14488" spans="1:3" ht="19.2">
      <c r="A14488" s="2"/>
      <c r="B14488" s="2"/>
      <c r="C14488" s="2"/>
    </row>
    <row r="14489" spans="1:3" ht="19.2">
      <c r="A14489" s="2"/>
      <c r="B14489" s="2"/>
      <c r="C14489" s="2"/>
    </row>
    <row r="14490" spans="1:3" ht="19.2">
      <c r="A14490" s="2"/>
      <c r="B14490" s="2"/>
      <c r="C14490" s="2"/>
    </row>
    <row r="14491" spans="1:3" ht="19.2">
      <c r="A14491" s="2"/>
      <c r="B14491" s="2"/>
      <c r="C14491" s="2"/>
    </row>
    <row r="14492" spans="1:3" ht="19.2">
      <c r="A14492" s="2"/>
      <c r="B14492" s="2"/>
      <c r="C14492" s="2"/>
    </row>
    <row r="14493" spans="1:3" ht="19.2">
      <c r="A14493" s="2"/>
      <c r="B14493" s="2"/>
      <c r="C14493" s="2"/>
    </row>
    <row r="14494" spans="1:3" ht="19.2">
      <c r="A14494" s="2"/>
      <c r="B14494" s="2"/>
      <c r="C14494" s="2"/>
    </row>
    <row r="14495" spans="1:3" ht="19.2">
      <c r="A14495" s="2"/>
      <c r="B14495" s="2"/>
      <c r="C14495" s="2"/>
    </row>
    <row r="14496" spans="1:3" ht="19.2">
      <c r="A14496" s="2"/>
      <c r="B14496" s="2"/>
      <c r="C14496" s="2"/>
    </row>
    <row r="14497" spans="1:3" ht="19.2">
      <c r="A14497" s="2"/>
      <c r="B14497" s="2"/>
      <c r="C14497" s="2"/>
    </row>
    <row r="14498" spans="1:3" ht="19.2">
      <c r="A14498" s="2"/>
      <c r="B14498" s="2"/>
      <c r="C14498" s="2"/>
    </row>
    <row r="14499" spans="1:3" ht="19.2">
      <c r="A14499" s="2"/>
      <c r="B14499" s="2"/>
      <c r="C14499" s="2"/>
    </row>
    <row r="14500" spans="1:3" ht="19.2">
      <c r="A14500" s="2"/>
      <c r="B14500" s="2"/>
      <c r="C14500" s="2"/>
    </row>
    <row r="14501" spans="1:3" ht="19.2">
      <c r="A14501" s="2"/>
      <c r="B14501" s="2"/>
      <c r="C14501" s="2"/>
    </row>
    <row r="14502" spans="1:3" ht="19.2">
      <c r="A14502" s="2"/>
      <c r="B14502" s="2"/>
      <c r="C14502" s="2"/>
    </row>
    <row r="14503" spans="1:3" ht="19.2">
      <c r="A14503" s="2"/>
      <c r="B14503" s="2"/>
      <c r="C14503" s="2"/>
    </row>
    <row r="14504" spans="1:3" ht="19.2">
      <c r="A14504" s="2"/>
      <c r="B14504" s="2"/>
      <c r="C14504" s="2"/>
    </row>
    <row r="14505" spans="1:3" ht="19.2">
      <c r="A14505" s="2"/>
      <c r="B14505" s="2"/>
      <c r="C14505" s="2"/>
    </row>
    <row r="14506" spans="1:3" ht="19.2">
      <c r="A14506" s="2"/>
      <c r="B14506" s="2"/>
      <c r="C14506" s="2"/>
    </row>
    <row r="14507" spans="1:3" ht="19.2">
      <c r="A14507" s="2"/>
      <c r="B14507" s="2"/>
      <c r="C14507" s="2"/>
    </row>
    <row r="14508" spans="1:3" ht="19.2">
      <c r="A14508" s="2"/>
      <c r="B14508" s="2"/>
      <c r="C14508" s="2"/>
    </row>
    <row r="14509" spans="1:3" ht="19.2">
      <c r="A14509" s="2"/>
      <c r="B14509" s="2"/>
      <c r="C14509" s="2"/>
    </row>
    <row r="14510" spans="1:3" ht="19.2">
      <c r="A14510" s="2"/>
      <c r="B14510" s="2"/>
      <c r="C14510" s="2"/>
    </row>
    <row r="14511" spans="1:3" ht="19.2">
      <c r="A14511" s="2"/>
      <c r="B14511" s="2"/>
      <c r="C14511" s="2"/>
    </row>
    <row r="14512" spans="1:3" ht="19.2">
      <c r="A14512" s="2"/>
      <c r="B14512" s="2"/>
      <c r="C14512" s="2"/>
    </row>
    <row r="14513" spans="1:3" ht="19.2">
      <c r="A14513" s="2"/>
      <c r="B14513" s="2"/>
      <c r="C14513" s="2"/>
    </row>
    <row r="14514" spans="1:3" ht="19.2">
      <c r="A14514" s="2"/>
      <c r="B14514" s="2"/>
      <c r="C14514" s="2"/>
    </row>
    <row r="14515" spans="1:3" ht="19.2">
      <c r="A14515" s="2"/>
      <c r="B14515" s="2"/>
      <c r="C14515" s="2"/>
    </row>
    <row r="14516" spans="1:3" ht="19.2">
      <c r="A14516" s="2"/>
      <c r="B14516" s="2"/>
      <c r="C14516" s="2"/>
    </row>
    <row r="14517" spans="1:3" ht="19.2">
      <c r="A14517" s="2"/>
      <c r="B14517" s="2"/>
      <c r="C14517" s="2"/>
    </row>
    <row r="14518" spans="1:3" ht="19.2">
      <c r="A14518" s="2"/>
      <c r="B14518" s="2"/>
      <c r="C14518" s="2"/>
    </row>
    <row r="14519" spans="1:3" ht="19.2">
      <c r="A14519" s="2"/>
      <c r="B14519" s="2"/>
      <c r="C14519" s="2"/>
    </row>
    <row r="14520" spans="1:3" ht="19.2">
      <c r="A14520" s="2"/>
      <c r="B14520" s="2"/>
      <c r="C14520" s="2"/>
    </row>
    <row r="14521" spans="1:3" ht="19.2">
      <c r="A14521" s="2"/>
      <c r="B14521" s="2"/>
      <c r="C14521" s="2"/>
    </row>
    <row r="14522" spans="1:3" ht="19.2">
      <c r="A14522" s="2"/>
      <c r="B14522" s="2"/>
      <c r="C14522" s="2"/>
    </row>
    <row r="14523" spans="1:3" ht="19.2">
      <c r="A14523" s="2"/>
      <c r="B14523" s="2"/>
      <c r="C14523" s="2"/>
    </row>
    <row r="14524" spans="1:3" ht="19.2">
      <c r="A14524" s="2"/>
      <c r="B14524" s="2"/>
      <c r="C14524" s="2"/>
    </row>
    <row r="14525" spans="1:3" ht="19.2">
      <c r="A14525" s="2"/>
      <c r="B14525" s="2"/>
      <c r="C14525" s="2"/>
    </row>
    <row r="14526" spans="1:3" ht="19.2">
      <c r="A14526" s="2"/>
      <c r="B14526" s="2"/>
      <c r="C14526" s="2"/>
    </row>
    <row r="14527" spans="1:3" ht="19.2">
      <c r="A14527" s="2"/>
      <c r="B14527" s="2"/>
      <c r="C14527" s="2"/>
    </row>
    <row r="14528" spans="1:3" ht="19.2">
      <c r="A14528" s="2"/>
      <c r="B14528" s="2"/>
      <c r="C14528" s="2"/>
    </row>
    <row r="14529" spans="1:3" ht="19.2">
      <c r="A14529" s="2"/>
      <c r="B14529" s="2"/>
      <c r="C14529" s="2"/>
    </row>
    <row r="14530" spans="1:3" ht="19.2">
      <c r="A14530" s="2"/>
      <c r="B14530" s="2"/>
      <c r="C14530" s="2"/>
    </row>
    <row r="14531" spans="1:3" ht="19.2">
      <c r="A14531" s="2"/>
      <c r="B14531" s="2"/>
      <c r="C14531" s="2"/>
    </row>
    <row r="14532" spans="1:3" ht="19.2">
      <c r="A14532" s="2"/>
      <c r="B14532" s="2"/>
      <c r="C14532" s="2"/>
    </row>
    <row r="14533" spans="1:3" ht="19.2">
      <c r="A14533" s="2"/>
      <c r="B14533" s="2"/>
      <c r="C14533" s="2"/>
    </row>
    <row r="14534" spans="1:3" ht="19.2">
      <c r="A14534" s="2"/>
      <c r="B14534" s="2"/>
      <c r="C14534" s="2"/>
    </row>
    <row r="14535" spans="1:3" ht="19.2">
      <c r="A14535" s="2"/>
      <c r="B14535" s="2"/>
      <c r="C14535" s="2"/>
    </row>
    <row r="14536" spans="1:3" ht="19.2">
      <c r="A14536" s="2"/>
      <c r="B14536" s="2"/>
      <c r="C14536" s="2"/>
    </row>
    <row r="14537" spans="1:3" ht="19.2">
      <c r="A14537" s="2"/>
      <c r="B14537" s="2"/>
      <c r="C14537" s="2"/>
    </row>
    <row r="14538" spans="1:3" ht="19.2">
      <c r="A14538" s="2"/>
      <c r="B14538" s="2"/>
      <c r="C14538" s="2"/>
    </row>
    <row r="14539" spans="1:3" ht="19.2">
      <c r="A14539" s="2"/>
      <c r="B14539" s="2"/>
      <c r="C14539" s="2"/>
    </row>
    <row r="14540" spans="1:3" ht="19.2">
      <c r="A14540" s="2"/>
      <c r="B14540" s="2"/>
      <c r="C14540" s="2"/>
    </row>
    <row r="14541" spans="1:3" ht="19.2">
      <c r="A14541" s="2"/>
      <c r="B14541" s="2"/>
      <c r="C14541" s="2"/>
    </row>
    <row r="14542" spans="1:3" ht="19.2">
      <c r="A14542" s="2"/>
      <c r="B14542" s="2"/>
      <c r="C14542" s="2"/>
    </row>
    <row r="14543" spans="1:3" ht="19.2">
      <c r="A14543" s="2"/>
      <c r="B14543" s="2"/>
      <c r="C14543" s="2"/>
    </row>
    <row r="14544" spans="1:3" ht="19.2">
      <c r="A14544" s="2"/>
      <c r="B14544" s="2"/>
      <c r="C14544" s="2"/>
    </row>
    <row r="14545" spans="1:3" ht="19.2">
      <c r="A14545" s="2"/>
      <c r="B14545" s="2"/>
      <c r="C14545" s="2"/>
    </row>
    <row r="14546" spans="1:3" ht="19.2">
      <c r="A14546" s="2"/>
      <c r="B14546" s="2"/>
      <c r="C14546" s="2"/>
    </row>
    <row r="14547" spans="1:3" ht="19.2">
      <c r="A14547" s="2"/>
      <c r="B14547" s="2"/>
      <c r="C14547" s="2"/>
    </row>
    <row r="14548" spans="1:3" ht="19.2">
      <c r="A14548" s="2"/>
      <c r="B14548" s="2"/>
      <c r="C14548" s="2"/>
    </row>
    <row r="14549" spans="1:3" ht="19.2">
      <c r="A14549" s="2"/>
      <c r="B14549" s="2"/>
      <c r="C14549" s="2"/>
    </row>
    <row r="14550" spans="1:3" ht="19.2">
      <c r="A14550" s="2"/>
      <c r="B14550" s="2"/>
      <c r="C14550" s="2"/>
    </row>
    <row r="14551" spans="1:3" ht="19.2">
      <c r="A14551" s="2"/>
      <c r="B14551" s="2"/>
      <c r="C14551" s="2"/>
    </row>
    <row r="14552" spans="1:3" ht="19.2">
      <c r="A14552" s="2"/>
      <c r="B14552" s="2"/>
      <c r="C14552" s="2"/>
    </row>
    <row r="14553" spans="1:3" ht="19.2">
      <c r="A14553" s="2"/>
      <c r="B14553" s="2"/>
      <c r="C14553" s="2"/>
    </row>
    <row r="14554" spans="1:3" ht="19.2">
      <c r="A14554" s="2"/>
      <c r="B14554" s="2"/>
      <c r="C14554" s="2"/>
    </row>
    <row r="14555" spans="1:3" ht="19.2">
      <c r="A14555" s="2"/>
      <c r="B14555" s="2"/>
      <c r="C14555" s="2"/>
    </row>
    <row r="14556" spans="1:3" ht="19.2">
      <c r="A14556" s="2"/>
      <c r="B14556" s="2"/>
      <c r="C14556" s="2"/>
    </row>
    <row r="14557" spans="1:3" ht="19.2">
      <c r="A14557" s="2"/>
      <c r="B14557" s="2"/>
      <c r="C14557" s="2"/>
    </row>
    <row r="14558" spans="1:3" ht="19.2">
      <c r="A14558" s="2"/>
      <c r="B14558" s="2"/>
      <c r="C14558" s="2"/>
    </row>
    <row r="14559" spans="1:3" ht="19.2">
      <c r="A14559" s="2"/>
      <c r="B14559" s="2"/>
      <c r="C14559" s="2"/>
    </row>
    <row r="14560" spans="1:3" ht="19.2">
      <c r="A14560" s="2"/>
      <c r="B14560" s="2"/>
      <c r="C14560" s="2"/>
    </row>
    <row r="14561" spans="1:3" ht="19.2">
      <c r="A14561" s="2"/>
      <c r="B14561" s="2"/>
      <c r="C14561" s="2"/>
    </row>
    <row r="14562" spans="1:3" ht="19.2">
      <c r="A14562" s="2"/>
      <c r="B14562" s="2"/>
      <c r="C14562" s="2"/>
    </row>
    <row r="14563" spans="1:3" ht="19.2">
      <c r="A14563" s="2"/>
      <c r="B14563" s="2"/>
      <c r="C14563" s="2"/>
    </row>
    <row r="14564" spans="1:3" ht="19.2">
      <c r="A14564" s="2"/>
      <c r="B14564" s="2"/>
      <c r="C14564" s="2"/>
    </row>
    <row r="14565" spans="1:3" ht="19.2">
      <c r="A14565" s="2"/>
      <c r="B14565" s="2"/>
      <c r="C14565" s="2"/>
    </row>
    <row r="14566" spans="1:3" ht="19.2">
      <c r="A14566" s="2"/>
      <c r="B14566" s="2"/>
      <c r="C14566" s="2"/>
    </row>
    <row r="14567" spans="1:3" ht="19.2">
      <c r="A14567" s="2"/>
      <c r="B14567" s="2"/>
      <c r="C14567" s="2"/>
    </row>
    <row r="14568" spans="1:3" ht="19.2">
      <c r="A14568" s="2"/>
      <c r="B14568" s="2"/>
      <c r="C14568" s="2"/>
    </row>
    <row r="14569" spans="1:3" ht="19.2">
      <c r="A14569" s="2"/>
      <c r="B14569" s="2"/>
      <c r="C14569" s="2"/>
    </row>
    <row r="14570" spans="1:3" ht="19.2">
      <c r="A14570" s="2"/>
      <c r="B14570" s="2"/>
      <c r="C14570" s="2"/>
    </row>
    <row r="14571" spans="1:3" ht="19.2">
      <c r="A14571" s="2"/>
      <c r="B14571" s="2"/>
      <c r="C14571" s="2"/>
    </row>
    <row r="14572" spans="1:3" ht="19.2">
      <c r="A14572" s="2"/>
      <c r="B14572" s="2"/>
      <c r="C14572" s="2"/>
    </row>
    <row r="14573" spans="1:3" ht="19.2">
      <c r="A14573" s="2"/>
      <c r="B14573" s="2"/>
      <c r="C14573" s="2"/>
    </row>
    <row r="14574" spans="1:3" ht="19.2">
      <c r="A14574" s="2"/>
      <c r="B14574" s="2"/>
      <c r="C14574" s="2"/>
    </row>
    <row r="14575" spans="1:3" ht="19.2">
      <c r="A14575" s="2"/>
      <c r="B14575" s="2"/>
      <c r="C14575" s="2"/>
    </row>
    <row r="14576" spans="1:3" ht="19.2">
      <c r="A14576" s="2"/>
      <c r="B14576" s="2"/>
      <c r="C14576" s="2"/>
    </row>
    <row r="14577" spans="1:3" ht="19.2">
      <c r="A14577" s="2"/>
      <c r="B14577" s="2"/>
      <c r="C14577" s="2"/>
    </row>
    <row r="14578" spans="1:3" ht="19.2">
      <c r="A14578" s="2"/>
      <c r="B14578" s="2"/>
      <c r="C14578" s="2"/>
    </row>
    <row r="14579" spans="1:3" ht="19.2">
      <c r="A14579" s="2"/>
      <c r="B14579" s="2"/>
      <c r="C14579" s="2"/>
    </row>
    <row r="14580" spans="1:3" ht="19.2">
      <c r="A14580" s="2"/>
      <c r="B14580" s="2"/>
      <c r="C14580" s="2"/>
    </row>
    <row r="14581" spans="1:3" ht="19.2">
      <c r="A14581" s="2"/>
      <c r="B14581" s="2"/>
      <c r="C14581" s="2"/>
    </row>
    <row r="14582" spans="1:3" ht="19.2">
      <c r="A14582" s="2"/>
      <c r="B14582" s="2"/>
      <c r="C14582" s="2"/>
    </row>
    <row r="14583" spans="1:3" ht="19.2">
      <c r="A14583" s="2"/>
      <c r="B14583" s="2"/>
      <c r="C14583" s="2"/>
    </row>
    <row r="14584" spans="1:3" ht="19.2">
      <c r="A14584" s="2"/>
      <c r="B14584" s="2"/>
      <c r="C14584" s="2"/>
    </row>
    <row r="14585" spans="1:3" ht="19.2">
      <c r="A14585" s="2"/>
      <c r="B14585" s="2"/>
      <c r="C14585" s="2"/>
    </row>
    <row r="14586" spans="1:3" ht="19.2">
      <c r="A14586" s="2"/>
      <c r="B14586" s="2"/>
      <c r="C14586" s="2"/>
    </row>
    <row r="14587" spans="1:3" ht="19.2">
      <c r="A14587" s="2"/>
      <c r="B14587" s="2"/>
      <c r="C14587" s="2"/>
    </row>
    <row r="14588" spans="1:3" ht="19.2">
      <c r="A14588" s="2"/>
      <c r="B14588" s="2"/>
      <c r="C14588" s="2"/>
    </row>
    <row r="14589" spans="1:3" ht="19.2">
      <c r="A14589" s="2"/>
      <c r="B14589" s="2"/>
      <c r="C14589" s="2"/>
    </row>
    <row r="14590" spans="1:3" ht="19.2">
      <c r="A14590" s="2"/>
      <c r="B14590" s="2"/>
      <c r="C14590" s="2"/>
    </row>
    <row r="14591" spans="1:3" ht="19.2">
      <c r="A14591" s="2"/>
      <c r="B14591" s="2"/>
      <c r="C14591" s="2"/>
    </row>
    <row r="14592" spans="1:3" ht="19.2">
      <c r="A14592" s="2"/>
      <c r="B14592" s="2"/>
      <c r="C14592" s="2"/>
    </row>
    <row r="14593" spans="1:3" ht="19.2">
      <c r="A14593" s="2"/>
      <c r="B14593" s="2"/>
      <c r="C14593" s="2"/>
    </row>
    <row r="14594" spans="1:3" ht="19.2">
      <c r="A14594" s="2"/>
      <c r="B14594" s="2"/>
      <c r="C14594" s="2"/>
    </row>
    <row r="14595" spans="1:3" ht="19.2">
      <c r="A14595" s="2"/>
      <c r="B14595" s="2"/>
      <c r="C14595" s="2"/>
    </row>
    <row r="14596" spans="1:3" ht="19.2">
      <c r="A14596" s="2"/>
      <c r="B14596" s="2"/>
      <c r="C14596" s="2"/>
    </row>
    <row r="14597" spans="1:3" ht="19.2">
      <c r="A14597" s="2"/>
      <c r="B14597" s="2"/>
      <c r="C14597" s="2"/>
    </row>
    <row r="14598" spans="1:3" ht="19.2">
      <c r="A14598" s="2"/>
      <c r="B14598" s="2"/>
      <c r="C14598" s="2"/>
    </row>
    <row r="14599" spans="1:3" ht="19.2">
      <c r="A14599" s="2"/>
      <c r="B14599" s="2"/>
      <c r="C14599" s="2"/>
    </row>
    <row r="14600" spans="1:3" ht="19.2">
      <c r="A14600" s="2"/>
      <c r="B14600" s="2"/>
      <c r="C14600" s="2"/>
    </row>
    <row r="14601" spans="1:3" ht="19.2">
      <c r="A14601" s="2"/>
      <c r="B14601" s="2"/>
      <c r="C14601" s="2"/>
    </row>
    <row r="14602" spans="1:3" ht="19.2">
      <c r="A14602" s="2"/>
      <c r="B14602" s="2"/>
      <c r="C14602" s="2"/>
    </row>
    <row r="14603" spans="1:3" ht="19.2">
      <c r="A14603" s="2"/>
      <c r="B14603" s="2"/>
      <c r="C14603" s="2"/>
    </row>
    <row r="14604" spans="1:3" ht="19.2">
      <c r="A14604" s="2"/>
      <c r="B14604" s="2"/>
      <c r="C14604" s="2"/>
    </row>
    <row r="14605" spans="1:3" ht="19.2">
      <c r="A14605" s="2"/>
      <c r="B14605" s="2"/>
      <c r="C14605" s="2"/>
    </row>
    <row r="14606" spans="1:3" ht="19.2">
      <c r="A14606" s="2"/>
      <c r="B14606" s="2"/>
      <c r="C14606" s="2"/>
    </row>
    <row r="14607" spans="1:3" ht="19.2">
      <c r="A14607" s="2"/>
      <c r="B14607" s="2"/>
      <c r="C14607" s="2"/>
    </row>
    <row r="14608" spans="1:3" ht="19.2">
      <c r="A14608" s="2"/>
      <c r="B14608" s="2"/>
      <c r="C14608" s="2"/>
    </row>
    <row r="14609" spans="1:3" ht="19.2">
      <c r="A14609" s="2"/>
      <c r="B14609" s="2"/>
      <c r="C14609" s="2"/>
    </row>
    <row r="14610" spans="1:3" ht="19.2">
      <c r="A14610" s="2"/>
      <c r="B14610" s="2"/>
      <c r="C14610" s="2"/>
    </row>
    <row r="14611" spans="1:3" ht="19.2">
      <c r="A14611" s="2"/>
      <c r="B14611" s="2"/>
      <c r="C14611" s="2"/>
    </row>
    <row r="14612" spans="1:3" ht="19.2">
      <c r="A14612" s="2"/>
      <c r="B14612" s="2"/>
      <c r="C14612" s="2"/>
    </row>
    <row r="14613" spans="1:3" ht="19.2">
      <c r="A14613" s="2"/>
      <c r="B14613" s="2"/>
      <c r="C14613" s="2"/>
    </row>
    <row r="14614" spans="1:3" ht="19.2">
      <c r="A14614" s="2"/>
      <c r="B14614" s="2"/>
      <c r="C14614" s="2"/>
    </row>
    <row r="14615" spans="1:3" ht="19.2">
      <c r="A14615" s="2"/>
      <c r="B14615" s="2"/>
      <c r="C14615" s="2"/>
    </row>
    <row r="14616" spans="1:3" ht="19.2">
      <c r="A14616" s="2"/>
      <c r="B14616" s="2"/>
      <c r="C14616" s="2"/>
    </row>
    <row r="14617" spans="1:3" ht="19.2">
      <c r="A14617" s="2"/>
      <c r="B14617" s="2"/>
      <c r="C14617" s="2"/>
    </row>
    <row r="14618" spans="1:3" ht="19.2">
      <c r="A14618" s="2"/>
      <c r="B14618" s="2"/>
      <c r="C14618" s="2"/>
    </row>
    <row r="14619" spans="1:3" ht="19.2">
      <c r="A14619" s="2"/>
      <c r="B14619" s="2"/>
      <c r="C14619" s="2"/>
    </row>
    <row r="14620" spans="1:3" ht="19.2">
      <c r="A14620" s="2"/>
      <c r="B14620" s="2"/>
      <c r="C14620" s="2"/>
    </row>
    <row r="14621" spans="1:3" ht="19.2">
      <c r="A14621" s="2"/>
      <c r="B14621" s="2"/>
      <c r="C14621" s="2"/>
    </row>
    <row r="14622" spans="1:3" ht="19.2">
      <c r="A14622" s="2"/>
      <c r="B14622" s="2"/>
      <c r="C14622" s="2"/>
    </row>
    <row r="14623" spans="1:3" ht="19.2">
      <c r="A14623" s="2"/>
      <c r="B14623" s="2"/>
      <c r="C14623" s="2"/>
    </row>
    <row r="14624" spans="1:3" ht="19.2">
      <c r="A14624" s="2"/>
      <c r="B14624" s="2"/>
      <c r="C14624" s="2"/>
    </row>
    <row r="14625" spans="1:3" ht="19.2">
      <c r="A14625" s="2"/>
      <c r="B14625" s="2"/>
      <c r="C14625" s="2"/>
    </row>
    <row r="14626" spans="1:3" ht="19.2">
      <c r="A14626" s="2"/>
      <c r="B14626" s="2"/>
      <c r="C14626" s="2"/>
    </row>
    <row r="14627" spans="1:3" ht="19.2">
      <c r="A14627" s="2"/>
      <c r="B14627" s="2"/>
      <c r="C14627" s="2"/>
    </row>
    <row r="14628" spans="1:3" ht="19.2">
      <c r="A14628" s="2"/>
      <c r="B14628" s="2"/>
      <c r="C14628" s="2"/>
    </row>
    <row r="14629" spans="1:3" ht="19.2">
      <c r="A14629" s="2"/>
      <c r="B14629" s="2"/>
      <c r="C14629" s="2"/>
    </row>
    <row r="14630" spans="1:3" ht="19.2">
      <c r="A14630" s="2"/>
      <c r="B14630" s="2"/>
      <c r="C14630" s="2"/>
    </row>
    <row r="14631" spans="1:3" ht="19.2">
      <c r="A14631" s="2"/>
      <c r="B14631" s="2"/>
      <c r="C14631" s="2"/>
    </row>
    <row r="14632" spans="1:3" ht="19.2">
      <c r="A14632" s="2"/>
      <c r="B14632" s="2"/>
      <c r="C14632" s="2"/>
    </row>
    <row r="14633" spans="1:3" ht="19.2">
      <c r="A14633" s="2"/>
      <c r="B14633" s="2"/>
      <c r="C14633" s="2"/>
    </row>
    <row r="14634" spans="1:3" ht="19.2">
      <c r="A14634" s="2"/>
      <c r="B14634" s="2"/>
      <c r="C14634" s="2"/>
    </row>
    <row r="14635" spans="1:3" ht="19.2">
      <c r="A14635" s="2"/>
      <c r="B14635" s="2"/>
      <c r="C14635" s="2"/>
    </row>
    <row r="14636" spans="1:3" ht="19.2">
      <c r="A14636" s="2"/>
      <c r="B14636" s="2"/>
      <c r="C14636" s="2"/>
    </row>
    <row r="14637" spans="1:3" ht="19.2">
      <c r="A14637" s="2"/>
      <c r="B14637" s="2"/>
      <c r="C14637" s="2"/>
    </row>
    <row r="14638" spans="1:3" ht="19.2">
      <c r="A14638" s="2"/>
      <c r="B14638" s="2"/>
      <c r="C14638" s="2"/>
    </row>
    <row r="14639" spans="1:3" ht="19.2">
      <c r="A14639" s="2"/>
      <c r="B14639" s="2"/>
      <c r="C14639" s="2"/>
    </row>
    <row r="14640" spans="1:3" ht="19.2">
      <c r="A14640" s="2"/>
      <c r="B14640" s="2"/>
      <c r="C14640" s="2"/>
    </row>
    <row r="14641" spans="1:3" ht="19.2">
      <c r="A14641" s="2"/>
      <c r="B14641" s="2"/>
      <c r="C14641" s="2"/>
    </row>
    <row r="14642" spans="1:3" ht="19.2">
      <c r="A14642" s="2"/>
      <c r="B14642" s="2"/>
      <c r="C14642" s="2"/>
    </row>
    <row r="14643" spans="1:3" ht="19.2">
      <c r="A14643" s="2"/>
      <c r="B14643" s="2"/>
      <c r="C14643" s="2"/>
    </row>
    <row r="14644" spans="1:3" ht="19.2">
      <c r="A14644" s="2"/>
      <c r="B14644" s="2"/>
      <c r="C14644" s="2"/>
    </row>
    <row r="14645" spans="1:3" ht="19.2">
      <c r="A14645" s="2"/>
      <c r="B14645" s="2"/>
      <c r="C14645" s="2"/>
    </row>
    <row r="14646" spans="1:3" ht="19.2">
      <c r="A14646" s="2"/>
      <c r="B14646" s="2"/>
      <c r="C14646" s="2"/>
    </row>
    <row r="14647" spans="1:3" ht="19.2">
      <c r="A14647" s="2"/>
      <c r="B14647" s="2"/>
      <c r="C14647" s="2"/>
    </row>
    <row r="14648" spans="1:3" ht="19.2">
      <c r="A14648" s="2"/>
      <c r="B14648" s="2"/>
      <c r="C14648" s="2"/>
    </row>
    <row r="14649" spans="1:3" ht="19.2">
      <c r="A14649" s="2"/>
      <c r="B14649" s="2"/>
      <c r="C14649" s="2"/>
    </row>
    <row r="14650" spans="1:3" ht="19.2">
      <c r="A14650" s="2"/>
      <c r="B14650" s="2"/>
      <c r="C14650" s="2"/>
    </row>
    <row r="14651" spans="1:3" ht="19.2">
      <c r="A14651" s="2"/>
      <c r="B14651" s="2"/>
      <c r="C14651" s="2"/>
    </row>
    <row r="14652" spans="1:3" ht="19.2">
      <c r="A14652" s="2"/>
      <c r="B14652" s="2"/>
      <c r="C14652" s="2"/>
    </row>
    <row r="14653" spans="1:3" ht="19.2">
      <c r="A14653" s="2"/>
      <c r="B14653" s="2"/>
      <c r="C14653" s="2"/>
    </row>
    <row r="14654" spans="1:3" ht="19.2">
      <c r="A14654" s="2"/>
      <c r="B14654" s="2"/>
      <c r="C14654" s="2"/>
    </row>
    <row r="14655" spans="1:3" ht="19.2">
      <c r="A14655" s="2"/>
      <c r="B14655" s="2"/>
      <c r="C14655" s="2"/>
    </row>
    <row r="14656" spans="1:3" ht="19.2">
      <c r="A14656" s="2"/>
      <c r="B14656" s="2"/>
      <c r="C14656" s="2"/>
    </row>
    <row r="14657" spans="1:3" ht="19.2">
      <c r="A14657" s="2"/>
      <c r="B14657" s="2"/>
      <c r="C14657" s="2"/>
    </row>
    <row r="14658" spans="1:3" ht="19.2">
      <c r="A14658" s="2"/>
      <c r="B14658" s="2"/>
      <c r="C14658" s="2"/>
    </row>
    <row r="14659" spans="1:3" ht="19.2">
      <c r="A14659" s="2"/>
      <c r="B14659" s="2"/>
      <c r="C14659" s="2"/>
    </row>
    <row r="14660" spans="1:3" ht="19.2">
      <c r="A14660" s="2"/>
      <c r="B14660" s="2"/>
      <c r="C14660" s="2"/>
    </row>
    <row r="14661" spans="1:3" ht="19.2">
      <c r="A14661" s="2"/>
      <c r="B14661" s="2"/>
      <c r="C14661" s="2"/>
    </row>
    <row r="14662" spans="1:3" ht="19.2">
      <c r="A14662" s="2"/>
      <c r="B14662" s="2"/>
      <c r="C14662" s="2"/>
    </row>
    <row r="14663" spans="1:3" ht="19.2">
      <c r="A14663" s="2"/>
      <c r="B14663" s="2"/>
      <c r="C14663" s="2"/>
    </row>
    <row r="14664" spans="1:3" ht="19.2">
      <c r="A14664" s="2"/>
      <c r="B14664" s="2"/>
      <c r="C14664" s="2"/>
    </row>
    <row r="14665" spans="1:3" ht="19.2">
      <c r="A14665" s="2"/>
      <c r="B14665" s="2"/>
      <c r="C14665" s="2"/>
    </row>
    <row r="14666" spans="1:3" ht="19.2">
      <c r="A14666" s="2"/>
      <c r="B14666" s="2"/>
      <c r="C14666" s="2"/>
    </row>
    <row r="14667" spans="1:3" ht="19.2">
      <c r="A14667" s="2"/>
      <c r="B14667" s="2"/>
      <c r="C14667" s="2"/>
    </row>
    <row r="14668" spans="1:3" ht="19.2">
      <c r="A14668" s="2"/>
      <c r="B14668" s="2"/>
      <c r="C14668" s="2"/>
    </row>
    <row r="14669" spans="1:3" ht="19.2">
      <c r="A14669" s="2"/>
      <c r="B14669" s="2"/>
      <c r="C14669" s="2"/>
    </row>
    <row r="14670" spans="1:3" ht="19.2">
      <c r="A14670" s="2"/>
      <c r="B14670" s="2"/>
      <c r="C14670" s="2"/>
    </row>
    <row r="14671" spans="1:3" ht="19.2">
      <c r="A14671" s="2"/>
      <c r="B14671" s="2"/>
      <c r="C14671" s="2"/>
    </row>
    <row r="14672" spans="1:3" ht="19.2">
      <c r="A14672" s="2"/>
      <c r="B14672" s="2"/>
      <c r="C14672" s="2"/>
    </row>
    <row r="14673" spans="1:3" ht="19.2">
      <c r="A14673" s="2"/>
      <c r="B14673" s="2"/>
      <c r="C14673" s="2"/>
    </row>
    <row r="14674" spans="1:3" ht="19.2">
      <c r="A14674" s="2"/>
      <c r="B14674" s="2"/>
      <c r="C14674" s="2"/>
    </row>
    <row r="14675" spans="1:3" ht="19.2">
      <c r="A14675" s="2"/>
      <c r="B14675" s="2"/>
      <c r="C14675" s="2"/>
    </row>
    <row r="14676" spans="1:3" ht="19.2">
      <c r="A14676" s="2"/>
      <c r="B14676" s="2"/>
      <c r="C14676" s="2"/>
    </row>
    <row r="14677" spans="1:3" ht="19.2">
      <c r="A14677" s="2"/>
      <c r="B14677" s="2"/>
      <c r="C14677" s="2"/>
    </row>
    <row r="14678" spans="1:3" ht="19.2">
      <c r="A14678" s="2"/>
      <c r="B14678" s="2"/>
      <c r="C14678" s="2"/>
    </row>
    <row r="14679" spans="1:3" ht="19.2">
      <c r="A14679" s="2"/>
      <c r="B14679" s="2"/>
      <c r="C14679" s="2"/>
    </row>
    <row r="14680" spans="1:3" ht="19.2">
      <c r="A14680" s="2"/>
      <c r="B14680" s="2"/>
      <c r="C14680" s="2"/>
    </row>
    <row r="14681" spans="1:3" ht="19.2">
      <c r="A14681" s="2"/>
      <c r="B14681" s="2"/>
      <c r="C14681" s="2"/>
    </row>
    <row r="14682" spans="1:3" ht="19.2">
      <c r="A14682" s="2"/>
      <c r="B14682" s="2"/>
      <c r="C14682" s="2"/>
    </row>
    <row r="14683" spans="1:3" ht="19.2">
      <c r="A14683" s="2"/>
      <c r="B14683" s="2"/>
      <c r="C14683" s="2"/>
    </row>
    <row r="14684" spans="1:3" ht="19.2">
      <c r="A14684" s="2"/>
      <c r="B14684" s="2"/>
      <c r="C14684" s="2"/>
    </row>
    <row r="14685" spans="1:3" ht="19.2">
      <c r="A14685" s="2"/>
      <c r="B14685" s="2"/>
      <c r="C14685" s="2"/>
    </row>
    <row r="14686" spans="1:3" ht="19.2">
      <c r="A14686" s="2"/>
      <c r="B14686" s="2"/>
      <c r="C14686" s="2"/>
    </row>
    <row r="14687" spans="1:3" ht="19.2">
      <c r="A14687" s="2"/>
      <c r="B14687" s="2"/>
      <c r="C14687" s="2"/>
    </row>
    <row r="14688" spans="1:3" ht="19.2">
      <c r="A14688" s="2"/>
      <c r="B14688" s="2"/>
      <c r="C14688" s="2"/>
    </row>
    <row r="14689" spans="1:3" ht="19.2">
      <c r="A14689" s="2"/>
      <c r="B14689" s="2"/>
      <c r="C14689" s="2"/>
    </row>
    <row r="14690" spans="1:3" ht="19.2">
      <c r="A14690" s="2"/>
      <c r="B14690" s="2"/>
      <c r="C14690" s="2"/>
    </row>
    <row r="14691" spans="1:3" ht="19.2">
      <c r="A14691" s="2"/>
      <c r="B14691" s="2"/>
      <c r="C14691" s="2"/>
    </row>
    <row r="14692" spans="1:3" ht="19.2">
      <c r="A14692" s="2"/>
      <c r="B14692" s="2"/>
      <c r="C14692" s="2"/>
    </row>
    <row r="14693" spans="1:3" ht="19.2">
      <c r="A14693" s="2"/>
      <c r="B14693" s="2"/>
      <c r="C14693" s="2"/>
    </row>
    <row r="14694" spans="1:3" ht="19.2">
      <c r="A14694" s="2"/>
      <c r="B14694" s="2"/>
      <c r="C14694" s="2"/>
    </row>
    <row r="14695" spans="1:3" ht="19.2">
      <c r="A14695" s="2"/>
      <c r="B14695" s="2"/>
      <c r="C14695" s="2"/>
    </row>
    <row r="14696" spans="1:3" ht="19.2">
      <c r="A14696" s="2"/>
      <c r="B14696" s="2"/>
      <c r="C14696" s="2"/>
    </row>
    <row r="14697" spans="1:3" ht="19.2">
      <c r="A14697" s="2"/>
      <c r="B14697" s="2"/>
      <c r="C14697" s="2"/>
    </row>
    <row r="14698" spans="1:3" ht="19.2">
      <c r="A14698" s="2"/>
      <c r="B14698" s="2"/>
      <c r="C14698" s="2"/>
    </row>
    <row r="14699" spans="1:3" ht="19.2">
      <c r="A14699" s="2"/>
      <c r="B14699" s="2"/>
      <c r="C14699" s="2"/>
    </row>
    <row r="14700" spans="1:3" ht="19.2">
      <c r="A14700" s="2"/>
      <c r="B14700" s="2"/>
      <c r="C14700" s="2"/>
    </row>
    <row r="14701" spans="1:3" ht="19.2">
      <c r="A14701" s="2"/>
      <c r="B14701" s="2"/>
      <c r="C14701" s="2"/>
    </row>
    <row r="14702" spans="1:3" ht="19.2">
      <c r="A14702" s="2"/>
      <c r="B14702" s="2"/>
      <c r="C14702" s="2"/>
    </row>
    <row r="14703" spans="1:3" ht="19.2">
      <c r="A14703" s="2"/>
      <c r="B14703" s="2"/>
      <c r="C14703" s="2"/>
    </row>
    <row r="14704" spans="1:3" ht="19.2">
      <c r="A14704" s="2"/>
      <c r="B14704" s="2"/>
      <c r="C14704" s="2"/>
    </row>
    <row r="14705" spans="1:3" ht="19.2">
      <c r="A14705" s="2"/>
      <c r="B14705" s="2"/>
      <c r="C14705" s="2"/>
    </row>
    <row r="14706" spans="1:3" ht="19.2">
      <c r="A14706" s="2"/>
      <c r="B14706" s="2"/>
      <c r="C14706" s="2"/>
    </row>
    <row r="14707" spans="1:3" ht="19.2">
      <c r="A14707" s="2"/>
      <c r="B14707" s="2"/>
      <c r="C14707" s="2"/>
    </row>
    <row r="14708" spans="1:3" ht="19.2">
      <c r="A14708" s="2"/>
      <c r="B14708" s="2"/>
      <c r="C14708" s="2"/>
    </row>
    <row r="14709" spans="1:3" ht="19.2">
      <c r="A14709" s="2"/>
      <c r="B14709" s="2"/>
      <c r="C14709" s="2"/>
    </row>
    <row r="14710" spans="1:3" ht="19.2">
      <c r="A14710" s="2"/>
      <c r="B14710" s="2"/>
      <c r="C14710" s="2"/>
    </row>
    <row r="14711" spans="1:3" ht="19.2">
      <c r="A14711" s="2"/>
      <c r="B14711" s="2"/>
      <c r="C14711" s="2"/>
    </row>
    <row r="14712" spans="1:3" ht="19.2">
      <c r="A14712" s="2"/>
      <c r="B14712" s="2"/>
      <c r="C14712" s="2"/>
    </row>
    <row r="14713" spans="1:3" ht="19.2">
      <c r="A14713" s="2"/>
      <c r="B14713" s="2"/>
      <c r="C14713" s="2"/>
    </row>
    <row r="14714" spans="1:3" ht="19.2">
      <c r="A14714" s="2"/>
      <c r="B14714" s="2"/>
      <c r="C14714" s="2"/>
    </row>
    <row r="14715" spans="1:3" ht="19.2">
      <c r="A14715" s="2"/>
      <c r="B14715" s="2"/>
      <c r="C14715" s="2"/>
    </row>
    <row r="14716" spans="1:3" ht="19.2">
      <c r="A14716" s="2"/>
      <c r="B14716" s="2"/>
      <c r="C14716" s="2"/>
    </row>
    <row r="14717" spans="1:3" ht="19.2">
      <c r="A14717" s="2"/>
      <c r="B14717" s="2"/>
      <c r="C14717" s="2"/>
    </row>
    <row r="14718" spans="1:3" ht="19.2">
      <c r="A14718" s="2"/>
      <c r="B14718" s="2"/>
      <c r="C14718" s="2"/>
    </row>
    <row r="14719" spans="1:3" ht="19.2">
      <c r="A14719" s="2"/>
      <c r="B14719" s="2"/>
      <c r="C14719" s="2"/>
    </row>
    <row r="14720" spans="1:3" ht="19.2">
      <c r="A14720" s="2"/>
      <c r="B14720" s="2"/>
      <c r="C14720" s="2"/>
    </row>
    <row r="14721" spans="1:3" ht="19.2">
      <c r="A14721" s="2"/>
      <c r="B14721" s="2"/>
      <c r="C14721" s="2"/>
    </row>
    <row r="14722" spans="1:3" ht="19.2">
      <c r="A14722" s="2"/>
      <c r="B14722" s="2"/>
      <c r="C14722" s="2"/>
    </row>
    <row r="14723" spans="1:3" ht="19.2">
      <c r="A14723" s="2"/>
      <c r="B14723" s="2"/>
      <c r="C14723" s="2"/>
    </row>
    <row r="14724" spans="1:3" ht="19.2">
      <c r="A14724" s="2"/>
      <c r="B14724" s="2"/>
      <c r="C14724" s="2"/>
    </row>
    <row r="14725" spans="1:3" ht="19.2">
      <c r="A14725" s="2"/>
      <c r="B14725" s="2"/>
      <c r="C14725" s="2"/>
    </row>
    <row r="14726" spans="1:3" ht="19.2">
      <c r="A14726" s="2"/>
      <c r="B14726" s="2"/>
      <c r="C14726" s="2"/>
    </row>
    <row r="14727" spans="1:3" ht="19.2">
      <c r="A14727" s="2"/>
      <c r="B14727" s="2"/>
      <c r="C14727" s="2"/>
    </row>
    <row r="14728" spans="1:3" ht="19.2">
      <c r="A14728" s="2"/>
      <c r="B14728" s="2"/>
      <c r="C14728" s="2"/>
    </row>
    <row r="14729" spans="1:3" ht="19.2">
      <c r="A14729" s="2"/>
      <c r="B14729" s="2"/>
      <c r="C14729" s="2"/>
    </row>
    <row r="14730" spans="1:3" ht="19.2">
      <c r="A14730" s="2"/>
      <c r="B14730" s="2"/>
      <c r="C14730" s="2"/>
    </row>
    <row r="14731" spans="1:3" ht="19.2">
      <c r="A14731" s="2"/>
      <c r="B14731" s="2"/>
      <c r="C14731" s="2"/>
    </row>
    <row r="14732" spans="1:3" ht="19.2">
      <c r="A14732" s="2"/>
      <c r="B14732" s="2"/>
      <c r="C14732" s="2"/>
    </row>
    <row r="14733" spans="1:3" ht="19.2">
      <c r="A14733" s="2"/>
      <c r="B14733" s="2"/>
      <c r="C14733" s="2"/>
    </row>
    <row r="14734" spans="1:3" ht="19.2">
      <c r="A14734" s="2"/>
      <c r="B14734" s="2"/>
      <c r="C14734" s="2"/>
    </row>
    <row r="14735" spans="1:3" ht="19.2">
      <c r="A14735" s="2"/>
      <c r="B14735" s="2"/>
      <c r="C14735" s="2"/>
    </row>
    <row r="14736" spans="1:3" ht="19.2">
      <c r="A14736" s="2"/>
      <c r="B14736" s="2"/>
      <c r="C14736" s="2"/>
    </row>
    <row r="14737" spans="1:3" ht="19.2">
      <c r="A14737" s="2"/>
      <c r="B14737" s="2"/>
      <c r="C14737" s="2"/>
    </row>
    <row r="14738" spans="1:3" ht="19.2">
      <c r="A14738" s="2"/>
      <c r="B14738" s="2"/>
      <c r="C14738" s="2"/>
    </row>
    <row r="14739" spans="1:3" ht="19.2">
      <c r="A14739" s="2"/>
      <c r="B14739" s="2"/>
      <c r="C14739" s="2"/>
    </row>
    <row r="14740" spans="1:3" ht="19.2">
      <c r="A14740" s="2"/>
      <c r="B14740" s="2"/>
      <c r="C14740" s="2"/>
    </row>
    <row r="14741" spans="1:3" ht="19.2">
      <c r="A14741" s="2"/>
      <c r="B14741" s="2"/>
      <c r="C14741" s="2"/>
    </row>
    <row r="14742" spans="1:3" ht="19.2">
      <c r="A14742" s="2"/>
      <c r="B14742" s="2"/>
      <c r="C14742" s="2"/>
    </row>
    <row r="14743" spans="1:3" ht="19.2">
      <c r="A14743" s="2"/>
      <c r="B14743" s="2"/>
      <c r="C14743" s="2"/>
    </row>
    <row r="14744" spans="1:3" ht="19.2">
      <c r="A14744" s="2"/>
      <c r="B14744" s="2"/>
      <c r="C14744" s="2"/>
    </row>
    <row r="14745" spans="1:3" ht="19.2">
      <c r="A14745" s="2"/>
      <c r="B14745" s="2"/>
      <c r="C14745" s="2"/>
    </row>
    <row r="14746" spans="1:3" ht="19.2">
      <c r="A14746" s="2"/>
      <c r="B14746" s="2"/>
      <c r="C14746" s="2"/>
    </row>
    <row r="14747" spans="1:3" ht="19.2">
      <c r="A14747" s="2"/>
      <c r="B14747" s="2"/>
      <c r="C14747" s="2"/>
    </row>
    <row r="14748" spans="1:3" ht="19.2">
      <c r="A14748" s="2"/>
      <c r="B14748" s="2"/>
      <c r="C14748" s="2"/>
    </row>
    <row r="14749" spans="1:3" ht="19.2">
      <c r="A14749" s="2"/>
      <c r="B14749" s="2"/>
      <c r="C14749" s="2"/>
    </row>
    <row r="14750" spans="1:3" ht="19.2">
      <c r="A14750" s="2"/>
      <c r="B14750" s="2"/>
      <c r="C14750" s="2"/>
    </row>
    <row r="14751" spans="1:3" ht="19.2">
      <c r="A14751" s="2"/>
      <c r="B14751" s="2"/>
      <c r="C14751" s="2"/>
    </row>
    <row r="14752" spans="1:3" ht="19.2">
      <c r="A14752" s="2"/>
      <c r="B14752" s="2"/>
      <c r="C14752" s="2"/>
    </row>
    <row r="14753" spans="1:3" ht="19.2">
      <c r="A14753" s="2"/>
      <c r="B14753" s="2"/>
      <c r="C14753" s="2"/>
    </row>
    <row r="14754" spans="1:3" ht="19.2">
      <c r="A14754" s="2"/>
      <c r="B14754" s="2"/>
      <c r="C14754" s="2"/>
    </row>
    <row r="14755" spans="1:3" ht="19.2">
      <c r="A14755" s="2"/>
      <c r="B14755" s="2"/>
      <c r="C14755" s="2"/>
    </row>
    <row r="14756" spans="1:3" ht="19.2">
      <c r="A14756" s="2"/>
      <c r="B14756" s="2"/>
      <c r="C14756" s="2"/>
    </row>
    <row r="14757" spans="1:3" ht="19.2">
      <c r="A14757" s="2"/>
      <c r="B14757" s="2"/>
      <c r="C14757" s="2"/>
    </row>
    <row r="14758" spans="1:3" ht="19.2">
      <c r="A14758" s="2"/>
      <c r="B14758" s="2"/>
      <c r="C14758" s="2"/>
    </row>
    <row r="14759" spans="1:3" ht="19.2">
      <c r="A14759" s="2"/>
      <c r="B14759" s="2"/>
      <c r="C14759" s="2"/>
    </row>
    <row r="14760" spans="1:3" ht="19.2">
      <c r="A14760" s="2"/>
      <c r="B14760" s="2"/>
      <c r="C14760" s="2"/>
    </row>
    <row r="14761" spans="1:3" ht="19.2">
      <c r="A14761" s="2"/>
      <c r="B14761" s="2"/>
      <c r="C14761" s="2"/>
    </row>
    <row r="14762" spans="1:3" ht="19.2">
      <c r="A14762" s="2"/>
      <c r="B14762" s="2"/>
      <c r="C14762" s="2"/>
    </row>
    <row r="14763" spans="1:3" ht="19.2">
      <c r="A14763" s="2"/>
      <c r="B14763" s="2"/>
      <c r="C14763" s="2"/>
    </row>
    <row r="14764" spans="1:3" ht="19.2">
      <c r="A14764" s="2"/>
      <c r="B14764" s="2"/>
      <c r="C14764" s="2"/>
    </row>
    <row r="14765" spans="1:3" ht="19.2">
      <c r="A14765" s="2"/>
      <c r="B14765" s="2"/>
      <c r="C14765" s="2"/>
    </row>
    <row r="14766" spans="1:3" ht="19.2">
      <c r="A14766" s="2"/>
      <c r="B14766" s="2"/>
      <c r="C14766" s="2"/>
    </row>
    <row r="14767" spans="1:3" ht="19.2">
      <c r="A14767" s="2"/>
      <c r="B14767" s="2"/>
      <c r="C14767" s="2"/>
    </row>
    <row r="14768" spans="1:3" ht="19.2">
      <c r="A14768" s="2"/>
      <c r="B14768" s="2"/>
      <c r="C14768" s="2"/>
    </row>
    <row r="14769" spans="1:3" ht="19.2">
      <c r="A14769" s="2"/>
      <c r="B14769" s="2"/>
      <c r="C14769" s="2"/>
    </row>
    <row r="14770" spans="1:3" ht="19.2">
      <c r="A14770" s="2"/>
      <c r="B14770" s="2"/>
      <c r="C14770" s="2"/>
    </row>
    <row r="14771" spans="1:3" ht="19.2">
      <c r="A14771" s="2"/>
      <c r="B14771" s="2"/>
      <c r="C14771" s="2"/>
    </row>
    <row r="14772" spans="1:3" ht="19.2">
      <c r="A14772" s="2"/>
      <c r="B14772" s="2"/>
      <c r="C14772" s="2"/>
    </row>
    <row r="14773" spans="1:3" ht="19.2">
      <c r="A14773" s="2"/>
      <c r="B14773" s="2"/>
      <c r="C14773" s="2"/>
    </row>
    <row r="14774" spans="1:3" ht="19.2">
      <c r="A14774" s="2"/>
      <c r="B14774" s="2"/>
      <c r="C14774" s="2"/>
    </row>
    <row r="14775" spans="1:3" ht="19.2">
      <c r="A14775" s="2"/>
      <c r="B14775" s="2"/>
      <c r="C14775" s="2"/>
    </row>
    <row r="14776" spans="1:3" ht="19.2">
      <c r="A14776" s="2"/>
      <c r="B14776" s="2"/>
      <c r="C14776" s="2"/>
    </row>
    <row r="14777" spans="1:3" ht="19.2">
      <c r="A14777" s="2"/>
      <c r="B14777" s="2"/>
      <c r="C14777" s="2"/>
    </row>
    <row r="14778" spans="1:3" ht="19.2">
      <c r="A14778" s="2"/>
      <c r="B14778" s="2"/>
      <c r="C14778" s="2"/>
    </row>
    <row r="14779" spans="1:3" ht="19.2">
      <c r="A14779" s="2"/>
      <c r="B14779" s="2"/>
      <c r="C14779" s="2"/>
    </row>
    <row r="14780" spans="1:3" ht="19.2">
      <c r="A14780" s="2"/>
      <c r="B14780" s="2"/>
      <c r="C14780" s="2"/>
    </row>
    <row r="14781" spans="1:3" ht="19.2">
      <c r="A14781" s="2"/>
      <c r="B14781" s="2"/>
      <c r="C14781" s="2"/>
    </row>
    <row r="14782" spans="1:3" ht="19.2">
      <c r="A14782" s="2"/>
      <c r="B14782" s="2"/>
      <c r="C14782" s="2"/>
    </row>
    <row r="14783" spans="1:3" ht="19.2">
      <c r="A14783" s="2"/>
      <c r="B14783" s="2"/>
      <c r="C14783" s="2"/>
    </row>
    <row r="14784" spans="1:3" ht="19.2">
      <c r="A14784" s="2"/>
      <c r="B14784" s="2"/>
      <c r="C14784" s="2"/>
    </row>
    <row r="14785" spans="1:3" ht="19.2">
      <c r="A14785" s="2"/>
      <c r="B14785" s="2"/>
      <c r="C14785" s="2"/>
    </row>
    <row r="14786" spans="1:3" ht="19.2">
      <c r="A14786" s="2"/>
      <c r="B14786" s="2"/>
      <c r="C14786" s="2"/>
    </row>
    <row r="14787" spans="1:3" ht="19.2">
      <c r="A14787" s="2"/>
      <c r="B14787" s="2"/>
      <c r="C14787" s="2"/>
    </row>
    <row r="14788" spans="1:3" ht="19.2">
      <c r="A14788" s="2"/>
      <c r="B14788" s="2"/>
      <c r="C14788" s="2"/>
    </row>
    <row r="14789" spans="1:3" ht="19.2">
      <c r="A14789" s="2"/>
      <c r="B14789" s="2"/>
      <c r="C14789" s="2"/>
    </row>
    <row r="14790" spans="1:3" ht="19.2">
      <c r="A14790" s="2"/>
      <c r="B14790" s="2"/>
      <c r="C14790" s="2"/>
    </row>
    <row r="14791" spans="1:3" ht="19.2">
      <c r="A14791" s="2"/>
      <c r="B14791" s="2"/>
      <c r="C14791" s="2"/>
    </row>
    <row r="14792" spans="1:3" ht="19.2">
      <c r="A14792" s="2"/>
      <c r="B14792" s="2"/>
      <c r="C14792" s="2"/>
    </row>
    <row r="14793" spans="1:3" ht="19.2">
      <c r="A14793" s="2"/>
      <c r="B14793" s="2"/>
      <c r="C14793" s="2"/>
    </row>
    <row r="14794" spans="1:3" ht="19.2">
      <c r="A14794" s="2"/>
      <c r="B14794" s="2"/>
      <c r="C14794" s="2"/>
    </row>
    <row r="14795" spans="1:3" ht="19.2">
      <c r="A14795" s="2"/>
      <c r="B14795" s="2"/>
      <c r="C14795" s="2"/>
    </row>
    <row r="14796" spans="1:3" ht="19.2">
      <c r="A14796" s="2"/>
      <c r="B14796" s="2"/>
      <c r="C14796" s="2"/>
    </row>
    <row r="14797" spans="1:3" ht="19.2">
      <c r="A14797" s="2"/>
      <c r="B14797" s="2"/>
      <c r="C14797" s="2"/>
    </row>
    <row r="14798" spans="1:3" ht="19.2">
      <c r="A14798" s="2"/>
      <c r="B14798" s="2"/>
      <c r="C14798" s="2"/>
    </row>
    <row r="14799" spans="1:3" ht="19.2">
      <c r="A14799" s="2"/>
      <c r="B14799" s="2"/>
      <c r="C14799" s="2"/>
    </row>
    <row r="14800" spans="1:3" ht="19.2">
      <c r="A14800" s="2"/>
      <c r="B14800" s="2"/>
      <c r="C14800" s="2"/>
    </row>
    <row r="14801" spans="1:3" ht="19.2">
      <c r="A14801" s="2"/>
      <c r="B14801" s="2"/>
      <c r="C14801" s="2"/>
    </row>
    <row r="14802" spans="1:3" ht="19.2">
      <c r="A14802" s="2"/>
      <c r="B14802" s="2"/>
      <c r="C14802" s="2"/>
    </row>
    <row r="14803" spans="1:3" ht="19.2">
      <c r="A14803" s="2"/>
      <c r="B14803" s="2"/>
      <c r="C14803" s="2"/>
    </row>
    <row r="14804" spans="1:3" ht="19.2">
      <c r="A14804" s="2"/>
      <c r="B14804" s="2"/>
      <c r="C14804" s="2"/>
    </row>
    <row r="14805" spans="1:3" ht="19.2">
      <c r="A14805" s="2"/>
      <c r="B14805" s="2"/>
      <c r="C14805" s="2"/>
    </row>
    <row r="14806" spans="1:3" ht="19.2">
      <c r="A14806" s="2"/>
      <c r="B14806" s="2"/>
      <c r="C14806" s="2"/>
    </row>
    <row r="14807" spans="1:3" ht="19.2">
      <c r="A14807" s="2"/>
      <c r="B14807" s="2"/>
      <c r="C14807" s="2"/>
    </row>
    <row r="14808" spans="1:3" ht="19.2">
      <c r="A14808" s="2"/>
      <c r="B14808" s="2"/>
      <c r="C14808" s="2"/>
    </row>
    <row r="14809" spans="1:3" ht="19.2">
      <c r="A14809" s="2"/>
      <c r="B14809" s="2"/>
      <c r="C14809" s="2"/>
    </row>
    <row r="14810" spans="1:3" ht="19.2">
      <c r="A14810" s="2"/>
      <c r="B14810" s="2"/>
      <c r="C14810" s="2"/>
    </row>
    <row r="14811" spans="1:3" ht="19.2">
      <c r="A14811" s="2"/>
      <c r="B14811" s="2"/>
      <c r="C14811" s="2"/>
    </row>
    <row r="14812" spans="1:3" ht="19.2">
      <c r="A14812" s="2"/>
      <c r="B14812" s="2"/>
      <c r="C14812" s="2"/>
    </row>
    <row r="14813" spans="1:3" ht="19.2">
      <c r="A14813" s="2"/>
      <c r="B14813" s="2"/>
      <c r="C14813" s="2"/>
    </row>
    <row r="14814" spans="1:3" ht="19.2">
      <c r="A14814" s="2"/>
      <c r="B14814" s="2"/>
      <c r="C14814" s="2"/>
    </row>
    <row r="14815" spans="1:3" ht="19.2">
      <c r="A14815" s="2"/>
      <c r="B14815" s="2"/>
      <c r="C14815" s="2"/>
    </row>
    <row r="14816" spans="1:3" ht="19.2">
      <c r="A14816" s="2"/>
      <c r="B14816" s="2"/>
      <c r="C14816" s="2"/>
    </row>
    <row r="14817" spans="1:3" ht="19.2">
      <c r="A14817" s="2"/>
      <c r="B14817" s="2"/>
      <c r="C14817" s="2"/>
    </row>
    <row r="14818" spans="1:3" ht="19.2">
      <c r="A14818" s="2"/>
      <c r="B14818" s="2"/>
      <c r="C14818" s="2"/>
    </row>
    <row r="14819" spans="1:3" ht="19.2">
      <c r="A14819" s="2"/>
      <c r="B14819" s="2"/>
      <c r="C14819" s="2"/>
    </row>
    <row r="14820" spans="1:3" ht="19.2">
      <c r="A14820" s="2"/>
      <c r="B14820" s="2"/>
      <c r="C14820" s="2"/>
    </row>
    <row r="14821" spans="1:3" ht="19.2">
      <c r="A14821" s="2"/>
      <c r="B14821" s="2"/>
      <c r="C14821" s="2"/>
    </row>
    <row r="14822" spans="1:3" ht="19.2">
      <c r="A14822" s="2"/>
      <c r="B14822" s="2"/>
      <c r="C14822" s="2"/>
    </row>
    <row r="14823" spans="1:3" ht="19.2">
      <c r="A14823" s="2"/>
      <c r="B14823" s="2"/>
      <c r="C14823" s="2"/>
    </row>
    <row r="14824" spans="1:3" ht="19.2">
      <c r="A14824" s="2"/>
      <c r="B14824" s="2"/>
      <c r="C14824" s="2"/>
    </row>
    <row r="14825" spans="1:3" ht="19.2">
      <c r="A14825" s="2"/>
      <c r="B14825" s="2"/>
      <c r="C14825" s="2"/>
    </row>
    <row r="14826" spans="1:3" ht="19.2">
      <c r="A14826" s="2"/>
      <c r="B14826" s="2"/>
      <c r="C14826" s="2"/>
    </row>
    <row r="14827" spans="1:3" ht="19.2">
      <c r="A14827" s="2"/>
      <c r="B14827" s="2"/>
      <c r="C14827" s="2"/>
    </row>
    <row r="14828" spans="1:3" ht="19.2">
      <c r="A14828" s="2"/>
      <c r="B14828" s="2"/>
      <c r="C14828" s="2"/>
    </row>
    <row r="14829" spans="1:3" ht="19.2">
      <c r="A14829" s="2"/>
      <c r="B14829" s="2"/>
      <c r="C14829" s="2"/>
    </row>
    <row r="14830" spans="1:3" ht="19.2">
      <c r="A14830" s="2"/>
      <c r="B14830" s="2"/>
      <c r="C14830" s="2"/>
    </row>
    <row r="14831" spans="1:3" ht="19.2">
      <c r="A14831" s="2"/>
      <c r="B14831" s="2"/>
      <c r="C14831" s="2"/>
    </row>
    <row r="14832" spans="1:3" ht="19.2">
      <c r="A14832" s="2"/>
      <c r="B14832" s="2"/>
      <c r="C14832" s="2"/>
    </row>
    <row r="14833" spans="1:3" ht="19.2">
      <c r="A14833" s="2"/>
      <c r="B14833" s="2"/>
      <c r="C14833" s="2"/>
    </row>
    <row r="14834" spans="1:3" ht="19.2">
      <c r="A14834" s="2"/>
      <c r="B14834" s="2"/>
      <c r="C14834" s="2"/>
    </row>
    <row r="14835" spans="1:3" ht="19.2">
      <c r="A14835" s="2"/>
      <c r="B14835" s="2"/>
      <c r="C14835" s="2"/>
    </row>
    <row r="14836" spans="1:3" ht="19.2">
      <c r="A14836" s="2"/>
      <c r="B14836" s="2"/>
      <c r="C14836" s="2"/>
    </row>
    <row r="14837" spans="1:3" ht="19.2">
      <c r="A14837" s="2"/>
      <c r="B14837" s="2"/>
      <c r="C14837" s="2"/>
    </row>
    <row r="14838" spans="1:3" ht="19.2">
      <c r="A14838" s="2"/>
      <c r="B14838" s="2"/>
      <c r="C14838" s="2"/>
    </row>
    <row r="14839" spans="1:3" ht="19.2">
      <c r="A14839" s="2"/>
      <c r="B14839" s="2"/>
      <c r="C14839" s="2"/>
    </row>
    <row r="14840" spans="1:3" ht="19.2">
      <c r="A14840" s="2"/>
      <c r="B14840" s="2"/>
      <c r="C14840" s="2"/>
    </row>
    <row r="14841" spans="1:3" ht="19.2">
      <c r="A14841" s="2"/>
      <c r="B14841" s="2"/>
      <c r="C14841" s="2"/>
    </row>
    <row r="14842" spans="1:3" ht="19.2">
      <c r="A14842" s="2"/>
      <c r="B14842" s="2"/>
      <c r="C14842" s="2"/>
    </row>
    <row r="14843" spans="1:3" ht="19.2">
      <c r="A14843" s="2"/>
      <c r="B14843" s="2"/>
      <c r="C14843" s="2"/>
    </row>
    <row r="14844" spans="1:3" ht="19.2">
      <c r="A14844" s="2"/>
      <c r="B14844" s="2"/>
      <c r="C14844" s="2"/>
    </row>
    <row r="14845" spans="1:3" ht="19.2">
      <c r="A14845" s="2"/>
      <c r="B14845" s="2"/>
      <c r="C14845" s="2"/>
    </row>
    <row r="14846" spans="1:3" ht="19.2">
      <c r="A14846" s="2"/>
      <c r="B14846" s="2"/>
      <c r="C14846" s="2"/>
    </row>
    <row r="14847" spans="1:3" ht="19.2">
      <c r="A14847" s="2"/>
      <c r="B14847" s="2"/>
      <c r="C14847" s="2"/>
    </row>
    <row r="14848" spans="1:3" ht="19.2">
      <c r="A14848" s="2"/>
      <c r="B14848" s="2"/>
      <c r="C14848" s="2"/>
    </row>
    <row r="14849" spans="1:3" ht="19.2">
      <c r="A14849" s="2"/>
      <c r="B14849" s="2"/>
      <c r="C14849" s="2"/>
    </row>
    <row r="14850" spans="1:3" ht="19.2">
      <c r="A14850" s="2"/>
      <c r="B14850" s="2"/>
      <c r="C14850" s="2"/>
    </row>
    <row r="14851" spans="1:3" ht="19.2">
      <c r="A14851" s="2"/>
      <c r="B14851" s="2"/>
      <c r="C14851" s="2"/>
    </row>
    <row r="14852" spans="1:3" ht="19.2">
      <c r="A14852" s="2"/>
      <c r="B14852" s="2"/>
      <c r="C14852" s="2"/>
    </row>
    <row r="14853" spans="1:3" ht="19.2">
      <c r="A14853" s="2"/>
      <c r="B14853" s="2"/>
      <c r="C14853" s="2"/>
    </row>
    <row r="14854" spans="1:3" ht="19.2">
      <c r="A14854" s="2"/>
      <c r="B14854" s="2"/>
      <c r="C14854" s="2"/>
    </row>
    <row r="14855" spans="1:3" ht="19.2">
      <c r="A14855" s="2"/>
      <c r="B14855" s="2"/>
      <c r="C14855" s="2"/>
    </row>
    <row r="14856" spans="1:3" ht="19.2">
      <c r="A14856" s="2"/>
      <c r="B14856" s="2"/>
      <c r="C14856" s="2"/>
    </row>
    <row r="14857" spans="1:3" ht="19.2">
      <c r="A14857" s="2"/>
      <c r="B14857" s="2"/>
      <c r="C14857" s="2"/>
    </row>
    <row r="14858" spans="1:3" ht="19.2">
      <c r="A14858" s="2"/>
      <c r="B14858" s="2"/>
      <c r="C14858" s="2"/>
    </row>
    <row r="14859" spans="1:3" ht="19.2">
      <c r="A14859" s="2"/>
      <c r="B14859" s="2"/>
      <c r="C14859" s="2"/>
    </row>
    <row r="14860" spans="1:3" ht="19.2">
      <c r="A14860" s="2"/>
      <c r="B14860" s="2"/>
      <c r="C14860" s="2"/>
    </row>
    <row r="14861" spans="1:3" ht="19.2">
      <c r="A14861" s="2"/>
      <c r="B14861" s="2"/>
      <c r="C14861" s="2"/>
    </row>
    <row r="14862" spans="1:3" ht="19.2">
      <c r="A14862" s="2"/>
      <c r="B14862" s="2"/>
      <c r="C14862" s="2"/>
    </row>
    <row r="14863" spans="1:3" ht="19.2">
      <c r="A14863" s="2"/>
      <c r="B14863" s="2"/>
      <c r="C14863" s="2"/>
    </row>
    <row r="14864" spans="1:3" ht="19.2">
      <c r="A14864" s="2"/>
      <c r="B14864" s="2"/>
      <c r="C14864" s="2"/>
    </row>
    <row r="14865" spans="1:3" ht="19.2">
      <c r="A14865" s="2"/>
      <c r="B14865" s="2"/>
      <c r="C14865" s="2"/>
    </row>
    <row r="14866" spans="1:3" ht="19.2">
      <c r="A14866" s="2"/>
      <c r="B14866" s="2"/>
      <c r="C14866" s="2"/>
    </row>
    <row r="14867" spans="1:3" ht="19.2">
      <c r="A14867" s="2"/>
      <c r="B14867" s="2"/>
      <c r="C14867" s="2"/>
    </row>
    <row r="14868" spans="1:3" ht="19.2">
      <c r="A14868" s="2"/>
      <c r="B14868" s="2"/>
      <c r="C14868" s="2"/>
    </row>
    <row r="14869" spans="1:3" ht="19.2">
      <c r="A14869" s="2"/>
      <c r="B14869" s="2"/>
      <c r="C14869" s="2"/>
    </row>
    <row r="14870" spans="1:3" ht="19.2">
      <c r="A14870" s="2"/>
      <c r="B14870" s="2"/>
      <c r="C14870" s="2"/>
    </row>
    <row r="14871" spans="1:3" ht="19.2">
      <c r="A14871" s="2"/>
      <c r="B14871" s="2"/>
      <c r="C14871" s="2"/>
    </row>
    <row r="14872" spans="1:3" ht="19.2">
      <c r="A14872" s="2"/>
      <c r="B14872" s="2"/>
      <c r="C14872" s="2"/>
    </row>
    <row r="14873" spans="1:3" ht="19.2">
      <c r="A14873" s="2"/>
      <c r="B14873" s="2"/>
      <c r="C14873" s="2"/>
    </row>
    <row r="14874" spans="1:3" ht="19.2">
      <c r="A14874" s="2"/>
      <c r="B14874" s="2"/>
      <c r="C14874" s="2"/>
    </row>
    <row r="14875" spans="1:3" ht="19.2">
      <c r="A14875" s="2"/>
      <c r="B14875" s="2"/>
      <c r="C14875" s="2"/>
    </row>
    <row r="14876" spans="1:3" ht="19.2">
      <c r="A14876" s="2"/>
      <c r="B14876" s="2"/>
      <c r="C14876" s="2"/>
    </row>
    <row r="14877" spans="1:3" ht="19.2">
      <c r="A14877" s="2"/>
      <c r="B14877" s="2"/>
      <c r="C14877" s="2"/>
    </row>
    <row r="14878" spans="1:3" ht="19.2">
      <c r="A14878" s="2"/>
      <c r="B14878" s="2"/>
      <c r="C14878" s="2"/>
    </row>
    <row r="14879" spans="1:3" ht="19.2">
      <c r="A14879" s="2"/>
      <c r="B14879" s="2"/>
      <c r="C14879" s="2"/>
    </row>
    <row r="14880" spans="1:3" ht="19.2">
      <c r="A14880" s="2"/>
      <c r="B14880" s="2"/>
      <c r="C14880" s="2"/>
    </row>
    <row r="14881" spans="1:3" ht="19.2">
      <c r="A14881" s="2"/>
      <c r="B14881" s="2"/>
      <c r="C14881" s="2"/>
    </row>
    <row r="14882" spans="1:3" ht="19.2">
      <c r="A14882" s="2"/>
      <c r="B14882" s="2"/>
      <c r="C14882" s="2"/>
    </row>
    <row r="14883" spans="1:3" ht="19.2">
      <c r="A14883" s="2"/>
      <c r="B14883" s="2"/>
      <c r="C14883" s="2"/>
    </row>
    <row r="14884" spans="1:3" ht="19.2">
      <c r="A14884" s="2"/>
      <c r="B14884" s="2"/>
      <c r="C14884" s="2"/>
    </row>
    <row r="14885" spans="1:3" ht="19.2">
      <c r="A14885" s="2"/>
      <c r="B14885" s="2"/>
      <c r="C14885" s="2"/>
    </row>
    <row r="14886" spans="1:3" ht="19.2">
      <c r="A14886" s="2"/>
      <c r="B14886" s="2"/>
      <c r="C14886" s="2"/>
    </row>
    <row r="14887" spans="1:3" ht="19.2">
      <c r="A14887" s="2"/>
      <c r="B14887" s="2"/>
      <c r="C14887" s="2"/>
    </row>
    <row r="14888" spans="1:3" ht="19.2">
      <c r="A14888" s="2"/>
      <c r="B14888" s="2"/>
      <c r="C14888" s="2"/>
    </row>
    <row r="14889" spans="1:3" ht="19.2">
      <c r="A14889" s="2"/>
      <c r="B14889" s="2"/>
      <c r="C14889" s="2"/>
    </row>
    <row r="14890" spans="1:3" ht="19.2">
      <c r="A14890" s="2"/>
      <c r="B14890" s="2"/>
      <c r="C14890" s="2"/>
    </row>
    <row r="14891" spans="1:3" ht="19.2">
      <c r="A14891" s="2"/>
      <c r="B14891" s="2"/>
      <c r="C14891" s="2"/>
    </row>
    <row r="14892" spans="1:3" ht="19.2">
      <c r="A14892" s="2"/>
      <c r="B14892" s="2"/>
      <c r="C14892" s="2"/>
    </row>
    <row r="14893" spans="1:3" ht="19.2">
      <c r="A14893" s="2"/>
      <c r="B14893" s="2"/>
      <c r="C14893" s="2"/>
    </row>
    <row r="14894" spans="1:3" ht="19.2">
      <c r="A14894" s="2"/>
      <c r="B14894" s="2"/>
      <c r="C14894" s="2"/>
    </row>
    <row r="14895" spans="1:3" ht="19.2">
      <c r="A14895" s="2"/>
      <c r="B14895" s="2"/>
      <c r="C14895" s="2"/>
    </row>
    <row r="14896" spans="1:3" ht="19.2">
      <c r="A14896" s="2"/>
      <c r="B14896" s="2"/>
      <c r="C14896" s="2"/>
    </row>
    <row r="14897" spans="1:3" ht="19.2">
      <c r="A14897" s="2"/>
      <c r="B14897" s="2"/>
      <c r="C14897" s="2"/>
    </row>
    <row r="14898" spans="1:3" ht="19.2">
      <c r="A14898" s="2"/>
      <c r="B14898" s="2"/>
      <c r="C14898" s="2"/>
    </row>
    <row r="14899" spans="1:3" ht="19.2">
      <c r="A14899" s="2"/>
      <c r="B14899" s="2"/>
      <c r="C14899" s="2"/>
    </row>
    <row r="14900" spans="1:3" ht="19.2">
      <c r="A14900" s="2"/>
      <c r="B14900" s="2"/>
      <c r="C14900" s="2"/>
    </row>
    <row r="14901" spans="1:3" ht="19.2">
      <c r="A14901" s="2"/>
      <c r="B14901" s="2"/>
      <c r="C14901" s="2"/>
    </row>
    <row r="14902" spans="1:3" ht="19.2">
      <c r="A14902" s="2"/>
      <c r="B14902" s="2"/>
      <c r="C14902" s="2"/>
    </row>
    <row r="14903" spans="1:3" ht="19.2">
      <c r="A14903" s="2"/>
      <c r="B14903" s="2"/>
      <c r="C14903" s="2"/>
    </row>
    <row r="14904" spans="1:3" ht="19.2">
      <c r="A14904" s="2"/>
      <c r="B14904" s="2"/>
      <c r="C14904" s="2"/>
    </row>
    <row r="14905" spans="1:3" ht="19.2">
      <c r="A14905" s="2"/>
      <c r="B14905" s="2"/>
      <c r="C14905" s="2"/>
    </row>
    <row r="14906" spans="1:3" ht="19.2">
      <c r="A14906" s="2"/>
      <c r="B14906" s="2"/>
      <c r="C14906" s="2"/>
    </row>
    <row r="14907" spans="1:3" ht="19.2">
      <c r="A14907" s="2"/>
      <c r="B14907" s="2"/>
      <c r="C14907" s="2"/>
    </row>
    <row r="14908" spans="1:3" ht="19.2">
      <c r="A14908" s="2"/>
      <c r="B14908" s="2"/>
      <c r="C14908" s="2"/>
    </row>
    <row r="14909" spans="1:3" ht="19.2">
      <c r="A14909" s="2"/>
      <c r="B14909" s="2"/>
      <c r="C14909" s="2"/>
    </row>
    <row r="14910" spans="1:3" ht="19.2">
      <c r="A14910" s="2"/>
      <c r="B14910" s="2"/>
      <c r="C14910" s="2"/>
    </row>
    <row r="14911" spans="1:3" ht="19.2">
      <c r="A14911" s="2"/>
      <c r="B14911" s="2"/>
      <c r="C14911" s="2"/>
    </row>
    <row r="14912" spans="1:3" ht="19.2">
      <c r="A14912" s="2"/>
      <c r="B14912" s="2"/>
      <c r="C14912" s="2"/>
    </row>
    <row r="14913" spans="1:3" ht="19.2">
      <c r="A14913" s="2"/>
      <c r="B14913" s="2"/>
      <c r="C14913" s="2"/>
    </row>
    <row r="14914" spans="1:3" ht="19.2">
      <c r="A14914" s="2"/>
      <c r="B14914" s="2"/>
      <c r="C14914" s="2"/>
    </row>
    <row r="14915" spans="1:3" ht="19.2">
      <c r="A14915" s="2"/>
      <c r="B14915" s="2"/>
      <c r="C14915" s="2"/>
    </row>
    <row r="14916" spans="1:3" ht="19.2">
      <c r="A14916" s="2"/>
      <c r="B14916" s="2"/>
      <c r="C14916" s="2"/>
    </row>
    <row r="14917" spans="1:3" ht="19.2">
      <c r="A14917" s="2"/>
      <c r="B14917" s="2"/>
      <c r="C14917" s="2"/>
    </row>
    <row r="14918" spans="1:3" ht="19.2">
      <c r="A14918" s="2"/>
      <c r="B14918" s="2"/>
      <c r="C14918" s="2"/>
    </row>
    <row r="14919" spans="1:3" ht="19.2">
      <c r="A14919" s="2"/>
      <c r="B14919" s="2"/>
      <c r="C14919" s="2"/>
    </row>
    <row r="14920" spans="1:3" ht="19.2">
      <c r="A14920" s="2"/>
      <c r="B14920" s="2"/>
      <c r="C14920" s="2"/>
    </row>
    <row r="14921" spans="1:3" ht="19.2">
      <c r="A14921" s="2"/>
      <c r="B14921" s="2"/>
      <c r="C14921" s="2"/>
    </row>
    <row r="14922" spans="1:3" ht="19.2">
      <c r="A14922" s="2"/>
      <c r="B14922" s="2"/>
      <c r="C14922" s="2"/>
    </row>
    <row r="14923" spans="1:3" ht="19.2">
      <c r="A14923" s="2"/>
      <c r="B14923" s="2"/>
      <c r="C14923" s="2"/>
    </row>
    <row r="14924" spans="1:3" ht="19.2">
      <c r="A14924" s="2"/>
      <c r="B14924" s="2"/>
      <c r="C14924" s="2"/>
    </row>
    <row r="14925" spans="1:3" ht="19.2">
      <c r="A14925" s="2"/>
      <c r="B14925" s="2"/>
      <c r="C14925" s="2"/>
    </row>
    <row r="14926" spans="1:3" ht="19.2">
      <c r="A14926" s="2"/>
      <c r="B14926" s="2"/>
      <c r="C14926" s="2"/>
    </row>
    <row r="14927" spans="1:3" ht="19.2">
      <c r="A14927" s="2"/>
      <c r="B14927" s="2"/>
      <c r="C14927" s="2"/>
    </row>
    <row r="14928" spans="1:3" ht="19.2">
      <c r="A14928" s="2"/>
      <c r="B14928" s="2"/>
      <c r="C14928" s="2"/>
    </row>
    <row r="14929" spans="1:3" ht="19.2">
      <c r="A14929" s="2"/>
      <c r="B14929" s="2"/>
      <c r="C14929" s="2"/>
    </row>
    <row r="14930" spans="1:3" ht="19.2">
      <c r="A14930" s="2"/>
      <c r="B14930" s="2"/>
      <c r="C14930" s="2"/>
    </row>
    <row r="14931" spans="1:3" ht="19.2">
      <c r="A14931" s="2"/>
      <c r="B14931" s="2"/>
      <c r="C14931" s="2"/>
    </row>
    <row r="14932" spans="1:3" ht="19.2">
      <c r="A14932" s="2"/>
      <c r="B14932" s="2"/>
      <c r="C14932" s="2"/>
    </row>
    <row r="14933" spans="1:3" ht="19.2">
      <c r="A14933" s="2"/>
      <c r="B14933" s="2"/>
      <c r="C14933" s="2"/>
    </row>
    <row r="14934" spans="1:3" ht="19.2">
      <c r="A14934" s="2"/>
      <c r="B14934" s="2"/>
      <c r="C14934" s="2"/>
    </row>
    <row r="14935" spans="1:3" ht="19.2">
      <c r="A14935" s="2"/>
      <c r="B14935" s="2"/>
      <c r="C14935" s="2"/>
    </row>
    <row r="14936" spans="1:3" ht="19.2">
      <c r="A14936" s="2"/>
      <c r="B14936" s="2"/>
      <c r="C14936" s="2"/>
    </row>
    <row r="14937" spans="1:3" ht="19.2">
      <c r="A14937" s="2"/>
      <c r="B14937" s="2"/>
      <c r="C14937" s="2"/>
    </row>
    <row r="14938" spans="1:3" ht="19.2">
      <c r="A14938" s="2"/>
      <c r="B14938" s="2"/>
      <c r="C14938" s="2"/>
    </row>
    <row r="14939" spans="1:3" ht="19.2">
      <c r="A14939" s="2"/>
      <c r="B14939" s="2"/>
      <c r="C14939" s="2"/>
    </row>
    <row r="14940" spans="1:3" ht="19.2">
      <c r="A14940" s="2"/>
      <c r="B14940" s="2"/>
      <c r="C14940" s="2"/>
    </row>
    <row r="14941" spans="1:3" ht="19.2">
      <c r="A14941" s="2"/>
      <c r="B14941" s="2"/>
      <c r="C14941" s="2"/>
    </row>
    <row r="14942" spans="1:3" ht="19.2">
      <c r="A14942" s="2"/>
      <c r="B14942" s="2"/>
      <c r="C14942" s="2"/>
    </row>
    <row r="14943" spans="1:3" ht="19.2">
      <c r="A14943" s="2"/>
      <c r="B14943" s="2"/>
      <c r="C14943" s="2"/>
    </row>
    <row r="14944" spans="1:3" ht="19.2">
      <c r="A14944" s="2"/>
      <c r="B14944" s="2"/>
      <c r="C14944" s="2"/>
    </row>
    <row r="14945" spans="1:3" ht="19.2">
      <c r="A14945" s="2"/>
      <c r="B14945" s="2"/>
      <c r="C14945" s="2"/>
    </row>
    <row r="14946" spans="1:3" ht="19.2">
      <c r="A14946" s="2"/>
      <c r="B14946" s="2"/>
      <c r="C14946" s="2"/>
    </row>
    <row r="14947" spans="1:3" ht="19.2">
      <c r="A14947" s="2"/>
      <c r="B14947" s="2"/>
      <c r="C14947" s="2"/>
    </row>
    <row r="14948" spans="1:3" ht="19.2">
      <c r="A14948" s="2"/>
      <c r="B14948" s="2"/>
      <c r="C14948" s="2"/>
    </row>
    <row r="14949" spans="1:3" ht="19.2">
      <c r="A14949" s="2"/>
      <c r="B14949" s="2"/>
      <c r="C14949" s="2"/>
    </row>
    <row r="14950" spans="1:3" ht="19.2">
      <c r="A14950" s="2"/>
      <c r="B14950" s="2"/>
      <c r="C14950" s="2"/>
    </row>
    <row r="14951" spans="1:3" ht="19.2">
      <c r="A14951" s="2"/>
      <c r="B14951" s="2"/>
      <c r="C14951" s="2"/>
    </row>
    <row r="14952" spans="1:3" ht="19.2">
      <c r="A14952" s="2"/>
      <c r="B14952" s="2"/>
      <c r="C14952" s="2"/>
    </row>
    <row r="14953" spans="1:3" ht="19.2">
      <c r="A14953" s="2"/>
      <c r="B14953" s="2"/>
      <c r="C14953" s="2"/>
    </row>
    <row r="14954" spans="1:3" ht="19.2">
      <c r="A14954" s="2"/>
      <c r="B14954" s="2"/>
      <c r="C14954" s="2"/>
    </row>
    <row r="14955" spans="1:3" ht="19.2">
      <c r="A14955" s="2"/>
      <c r="B14955" s="2"/>
      <c r="C14955" s="2"/>
    </row>
    <row r="14956" spans="1:3" ht="19.2">
      <c r="A14956" s="2"/>
      <c r="B14956" s="2"/>
      <c r="C14956" s="2"/>
    </row>
    <row r="14957" spans="1:3" ht="19.2">
      <c r="A14957" s="2"/>
      <c r="B14957" s="2"/>
      <c r="C14957" s="2"/>
    </row>
    <row r="14958" spans="1:3" ht="19.2">
      <c r="A14958" s="2"/>
      <c r="B14958" s="2"/>
      <c r="C14958" s="2"/>
    </row>
    <row r="14959" spans="1:3" ht="19.2">
      <c r="A14959" s="2"/>
      <c r="B14959" s="2"/>
      <c r="C14959" s="2"/>
    </row>
    <row r="14960" spans="1:3" ht="19.2">
      <c r="A14960" s="2"/>
      <c r="B14960" s="2"/>
      <c r="C14960" s="2"/>
    </row>
    <row r="14961" spans="1:3" ht="19.2">
      <c r="A14961" s="2"/>
      <c r="B14961" s="2"/>
      <c r="C14961" s="2"/>
    </row>
    <row r="14962" spans="1:3" ht="19.2">
      <c r="A14962" s="2"/>
      <c r="B14962" s="2"/>
      <c r="C14962" s="2"/>
    </row>
    <row r="14963" spans="1:3" ht="19.2">
      <c r="A14963" s="2"/>
      <c r="B14963" s="2"/>
      <c r="C14963" s="2"/>
    </row>
    <row r="14964" spans="1:3" ht="19.2">
      <c r="A14964" s="2"/>
      <c r="B14964" s="2"/>
      <c r="C14964" s="2"/>
    </row>
    <row r="14965" spans="1:3" ht="19.2">
      <c r="A14965" s="2"/>
      <c r="B14965" s="2"/>
      <c r="C14965" s="2"/>
    </row>
    <row r="14966" spans="1:3" ht="19.2">
      <c r="A14966" s="2"/>
      <c r="B14966" s="2"/>
      <c r="C14966" s="2"/>
    </row>
    <row r="14967" spans="1:3" ht="19.2">
      <c r="A14967" s="2"/>
      <c r="B14967" s="2"/>
      <c r="C14967" s="2"/>
    </row>
    <row r="14968" spans="1:3" ht="19.2">
      <c r="A14968" s="2"/>
      <c r="B14968" s="2"/>
      <c r="C14968" s="2"/>
    </row>
    <row r="14969" spans="1:3" ht="19.2">
      <c r="A14969" s="2"/>
      <c r="B14969" s="2"/>
      <c r="C14969" s="2"/>
    </row>
    <row r="14970" spans="1:3" ht="19.2">
      <c r="A14970" s="2"/>
      <c r="B14970" s="2"/>
      <c r="C14970" s="2"/>
    </row>
    <row r="14971" spans="1:3" ht="19.2">
      <c r="A14971" s="2"/>
      <c r="B14971" s="2"/>
      <c r="C14971" s="2"/>
    </row>
    <row r="14972" spans="1:3" ht="19.2">
      <c r="A14972" s="2"/>
      <c r="B14972" s="2"/>
      <c r="C14972" s="2"/>
    </row>
    <row r="14973" spans="1:3" ht="19.2">
      <c r="A14973" s="2"/>
      <c r="B14973" s="2"/>
      <c r="C14973" s="2"/>
    </row>
    <row r="14974" spans="1:3" ht="19.2">
      <c r="A14974" s="2"/>
      <c r="B14974" s="2"/>
      <c r="C14974" s="2"/>
    </row>
    <row r="14975" spans="1:3" ht="19.2">
      <c r="A14975" s="2"/>
      <c r="B14975" s="2"/>
      <c r="C14975" s="2"/>
    </row>
    <row r="14976" spans="1:3" ht="19.2">
      <c r="A14976" s="2"/>
      <c r="B14976" s="2"/>
      <c r="C14976" s="2"/>
    </row>
    <row r="14977" spans="1:3" ht="19.2">
      <c r="A14977" s="2"/>
      <c r="B14977" s="2"/>
      <c r="C14977" s="2"/>
    </row>
    <row r="14978" spans="1:3" ht="19.2">
      <c r="A14978" s="2"/>
      <c r="B14978" s="2"/>
      <c r="C14978" s="2"/>
    </row>
    <row r="14979" spans="1:3" ht="19.2">
      <c r="A14979" s="2"/>
      <c r="B14979" s="2"/>
      <c r="C14979" s="2"/>
    </row>
    <row r="14980" spans="1:3" ht="19.2">
      <c r="A14980" s="2"/>
      <c r="B14980" s="2"/>
      <c r="C14980" s="2"/>
    </row>
    <row r="14981" spans="1:3" ht="19.2">
      <c r="A14981" s="2"/>
      <c r="B14981" s="2"/>
      <c r="C14981" s="2"/>
    </row>
    <row r="14982" spans="1:3" ht="19.2">
      <c r="A14982" s="2"/>
      <c r="B14982" s="2"/>
      <c r="C14982" s="2"/>
    </row>
    <row r="14983" spans="1:3" ht="19.2">
      <c r="A14983" s="2"/>
      <c r="B14983" s="2"/>
      <c r="C14983" s="2"/>
    </row>
    <row r="14984" spans="1:3" ht="19.2">
      <c r="A14984" s="2"/>
      <c r="B14984" s="2"/>
      <c r="C14984" s="2"/>
    </row>
    <row r="14985" spans="1:3" ht="19.2">
      <c r="A14985" s="2"/>
      <c r="B14985" s="2"/>
      <c r="C14985" s="2"/>
    </row>
    <row r="14986" spans="1:3" ht="19.2">
      <c r="A14986" s="2"/>
      <c r="B14986" s="2"/>
      <c r="C14986" s="2"/>
    </row>
    <row r="14987" spans="1:3" ht="19.2">
      <c r="A14987" s="2"/>
      <c r="B14987" s="2"/>
      <c r="C14987" s="2"/>
    </row>
    <row r="14988" spans="1:3" ht="19.2">
      <c r="A14988" s="2"/>
      <c r="B14988" s="2"/>
      <c r="C14988" s="2"/>
    </row>
    <row r="14989" spans="1:3" ht="19.2">
      <c r="A14989" s="2"/>
      <c r="B14989" s="2"/>
      <c r="C14989" s="2"/>
    </row>
    <row r="14990" spans="1:3" ht="19.2">
      <c r="A14990" s="2"/>
      <c r="B14990" s="2"/>
      <c r="C14990" s="2"/>
    </row>
    <row r="14991" spans="1:3" ht="19.2">
      <c r="A14991" s="2"/>
      <c r="B14991" s="2"/>
      <c r="C14991" s="2"/>
    </row>
    <row r="14992" spans="1:3" ht="19.2">
      <c r="A14992" s="2"/>
      <c r="B14992" s="2"/>
      <c r="C14992" s="2"/>
    </row>
    <row r="14993" spans="1:3" ht="19.2">
      <c r="A14993" s="2"/>
      <c r="B14993" s="2"/>
      <c r="C14993" s="2"/>
    </row>
    <row r="14994" spans="1:3" ht="19.2">
      <c r="A14994" s="2"/>
      <c r="B14994" s="2"/>
      <c r="C14994" s="2"/>
    </row>
    <row r="14995" spans="1:3" ht="19.2">
      <c r="A14995" s="2"/>
      <c r="B14995" s="2"/>
      <c r="C14995" s="2"/>
    </row>
    <row r="14996" spans="1:3" ht="19.2">
      <c r="A14996" s="2"/>
      <c r="B14996" s="2"/>
      <c r="C14996" s="2"/>
    </row>
    <row r="14997" spans="1:3" ht="19.2">
      <c r="A14997" s="2"/>
      <c r="B14997" s="2"/>
      <c r="C14997" s="2"/>
    </row>
    <row r="14998" spans="1:3" ht="19.2">
      <c r="A14998" s="2"/>
      <c r="B14998" s="2"/>
      <c r="C14998" s="2"/>
    </row>
    <row r="14999" spans="1:3" ht="19.2">
      <c r="A14999" s="2"/>
      <c r="B14999" s="2"/>
      <c r="C14999" s="2"/>
    </row>
    <row r="15000" spans="1:3" ht="19.2">
      <c r="A15000" s="2"/>
      <c r="B15000" s="2"/>
      <c r="C15000" s="2"/>
    </row>
    <row r="15001" spans="1:3" ht="19.2">
      <c r="A15001" s="2"/>
      <c r="B15001" s="2"/>
      <c r="C15001" s="2"/>
    </row>
    <row r="15002" spans="1:3" ht="19.2">
      <c r="A15002" s="2"/>
      <c r="B15002" s="2"/>
      <c r="C15002" s="2"/>
    </row>
    <row r="15003" spans="1:3" ht="19.2">
      <c r="A15003" s="2"/>
      <c r="B15003" s="2"/>
      <c r="C15003" s="2"/>
    </row>
    <row r="15004" spans="1:3" ht="19.2">
      <c r="A15004" s="2"/>
      <c r="B15004" s="2"/>
      <c r="C15004" s="2"/>
    </row>
    <row r="15005" spans="1:3" ht="19.2">
      <c r="A15005" s="2"/>
      <c r="B15005" s="2"/>
      <c r="C15005" s="2"/>
    </row>
    <row r="15006" spans="1:3" ht="19.2">
      <c r="A15006" s="2"/>
      <c r="B15006" s="2"/>
      <c r="C15006" s="2"/>
    </row>
    <row r="15007" spans="1:3" ht="19.2">
      <c r="A15007" s="2"/>
      <c r="B15007" s="2"/>
      <c r="C15007" s="2"/>
    </row>
    <row r="15008" spans="1:3" ht="19.2">
      <c r="A15008" s="2"/>
      <c r="B15008" s="2"/>
      <c r="C15008" s="2"/>
    </row>
    <row r="15009" spans="1:3" ht="19.2">
      <c r="A15009" s="2"/>
      <c r="B15009" s="2"/>
      <c r="C15009" s="2"/>
    </row>
    <row r="15010" spans="1:3" ht="19.2">
      <c r="A15010" s="2"/>
      <c r="B15010" s="2"/>
      <c r="C15010" s="2"/>
    </row>
    <row r="15011" spans="1:3" ht="19.2">
      <c r="A15011" s="2"/>
      <c r="B15011" s="2"/>
      <c r="C15011" s="2"/>
    </row>
    <row r="15012" spans="1:3" ht="19.2">
      <c r="A15012" s="2"/>
      <c r="B15012" s="2"/>
      <c r="C15012" s="2"/>
    </row>
    <row r="15013" spans="1:3" ht="19.2">
      <c r="A15013" s="2"/>
      <c r="B15013" s="2"/>
      <c r="C15013" s="2"/>
    </row>
    <row r="15014" spans="1:3" ht="19.2">
      <c r="A15014" s="2"/>
      <c r="B15014" s="2"/>
      <c r="C15014" s="2"/>
    </row>
    <row r="15015" spans="1:3" ht="19.2">
      <c r="A15015" s="2"/>
      <c r="B15015" s="2"/>
      <c r="C15015" s="2"/>
    </row>
    <row r="15016" spans="1:3" ht="19.2">
      <c r="A15016" s="2"/>
      <c r="B15016" s="2"/>
      <c r="C15016" s="2"/>
    </row>
    <row r="15017" spans="1:3" ht="19.2">
      <c r="A15017" s="2"/>
      <c r="B15017" s="2"/>
      <c r="C15017" s="2"/>
    </row>
    <row r="15018" spans="1:3" ht="19.2">
      <c r="A15018" s="2"/>
      <c r="B15018" s="2"/>
      <c r="C15018" s="2"/>
    </row>
    <row r="15019" spans="1:3" ht="19.2">
      <c r="A15019" s="2"/>
      <c r="B15019" s="2"/>
      <c r="C15019" s="2"/>
    </row>
    <row r="15020" spans="1:3" ht="19.2">
      <c r="A15020" s="2"/>
      <c r="B15020" s="2"/>
      <c r="C15020" s="2"/>
    </row>
    <row r="15021" spans="1:3" ht="19.2">
      <c r="A15021" s="2"/>
      <c r="B15021" s="2"/>
      <c r="C15021" s="2"/>
    </row>
    <row r="15022" spans="1:3" ht="19.2">
      <c r="A15022" s="2"/>
      <c r="B15022" s="2"/>
      <c r="C15022" s="2"/>
    </row>
    <row r="15023" spans="1:3" ht="19.2">
      <c r="A15023" s="2"/>
      <c r="B15023" s="2"/>
      <c r="C15023" s="2"/>
    </row>
    <row r="15024" spans="1:3" ht="19.2">
      <c r="A15024" s="2"/>
      <c r="B15024" s="2"/>
      <c r="C15024" s="2"/>
    </row>
    <row r="15025" spans="1:3" ht="19.2">
      <c r="A15025" s="2"/>
      <c r="B15025" s="2"/>
      <c r="C15025" s="2"/>
    </row>
    <row r="15026" spans="1:3" ht="19.2">
      <c r="A15026" s="2"/>
      <c r="B15026" s="2"/>
      <c r="C15026" s="2"/>
    </row>
    <row r="15027" spans="1:3" ht="19.2">
      <c r="A15027" s="2"/>
      <c r="B15027" s="2"/>
      <c r="C15027" s="2"/>
    </row>
    <row r="15028" spans="1:3" ht="19.2">
      <c r="A15028" s="2"/>
      <c r="B15028" s="2"/>
      <c r="C15028" s="2"/>
    </row>
    <row r="15029" spans="1:3" ht="19.2">
      <c r="A15029" s="2"/>
      <c r="B15029" s="2"/>
      <c r="C15029" s="2"/>
    </row>
    <row r="15030" spans="1:3" ht="19.2">
      <c r="A15030" s="2"/>
      <c r="B15030" s="2"/>
      <c r="C15030" s="2"/>
    </row>
    <row r="15031" spans="1:3" ht="19.2">
      <c r="A15031" s="2"/>
      <c r="B15031" s="2"/>
      <c r="C15031" s="2"/>
    </row>
    <row r="15032" spans="1:3" ht="19.2">
      <c r="A15032" s="2"/>
      <c r="B15032" s="2"/>
      <c r="C15032" s="2"/>
    </row>
    <row r="15033" spans="1:3" ht="19.2">
      <c r="A15033" s="2"/>
      <c r="B15033" s="2"/>
      <c r="C15033" s="2"/>
    </row>
    <row r="15034" spans="1:3" ht="19.2">
      <c r="A15034" s="2"/>
      <c r="B15034" s="2"/>
      <c r="C15034" s="2"/>
    </row>
    <row r="15035" spans="1:3" ht="19.2">
      <c r="A15035" s="2"/>
      <c r="B15035" s="2"/>
      <c r="C15035" s="2"/>
    </row>
    <row r="15036" spans="1:3" ht="19.2">
      <c r="A15036" s="2"/>
      <c r="B15036" s="2"/>
      <c r="C15036" s="2"/>
    </row>
    <row r="15037" spans="1:3" ht="19.2">
      <c r="A15037" s="2"/>
      <c r="B15037" s="2"/>
      <c r="C15037" s="2"/>
    </row>
    <row r="15038" spans="1:3" ht="19.2">
      <c r="A15038" s="2"/>
      <c r="B15038" s="2"/>
      <c r="C15038" s="2"/>
    </row>
    <row r="15039" spans="1:3" ht="19.2">
      <c r="A15039" s="2"/>
      <c r="B15039" s="2"/>
      <c r="C15039" s="2"/>
    </row>
    <row r="15040" spans="1:3" ht="19.2">
      <c r="A15040" s="2"/>
      <c r="B15040" s="2"/>
      <c r="C15040" s="2"/>
    </row>
    <row r="15041" spans="1:3" ht="19.2">
      <c r="A15041" s="2"/>
      <c r="B15041" s="2"/>
      <c r="C15041" s="2"/>
    </row>
    <row r="15042" spans="1:3" ht="19.2">
      <c r="A15042" s="2"/>
      <c r="B15042" s="2"/>
      <c r="C15042" s="2"/>
    </row>
    <row r="15043" spans="1:3" ht="19.2">
      <c r="A15043" s="2"/>
      <c r="B15043" s="2"/>
      <c r="C15043" s="2"/>
    </row>
    <row r="15044" spans="1:3" ht="19.2">
      <c r="A15044" s="2"/>
      <c r="B15044" s="2"/>
      <c r="C15044" s="2"/>
    </row>
    <row r="15045" spans="1:3" ht="19.2">
      <c r="A15045" s="2"/>
      <c r="B15045" s="2"/>
      <c r="C15045" s="2"/>
    </row>
    <row r="15046" spans="1:3" ht="19.2">
      <c r="A15046" s="2"/>
      <c r="B15046" s="2"/>
      <c r="C15046" s="2"/>
    </row>
    <row r="15047" spans="1:3" ht="19.2">
      <c r="A15047" s="2"/>
      <c r="B15047" s="2"/>
      <c r="C15047" s="2"/>
    </row>
    <row r="15048" spans="1:3" ht="19.2">
      <c r="A15048" s="2"/>
      <c r="B15048" s="2"/>
      <c r="C15048" s="2"/>
    </row>
    <row r="15049" spans="1:3" ht="19.2">
      <c r="A15049" s="2"/>
      <c r="B15049" s="2"/>
      <c r="C15049" s="2"/>
    </row>
    <row r="15050" spans="1:3" ht="19.2">
      <c r="A15050" s="2"/>
      <c r="B15050" s="2"/>
      <c r="C15050" s="2"/>
    </row>
    <row r="15051" spans="1:3" ht="19.2">
      <c r="A15051" s="2"/>
      <c r="B15051" s="2"/>
      <c r="C15051" s="2"/>
    </row>
    <row r="15052" spans="1:3" ht="19.2">
      <c r="A15052" s="2"/>
      <c r="B15052" s="2"/>
      <c r="C15052" s="2"/>
    </row>
    <row r="15053" spans="1:3" ht="19.2">
      <c r="A15053" s="2"/>
      <c r="B15053" s="2"/>
      <c r="C15053" s="2"/>
    </row>
    <row r="15054" spans="1:3" ht="19.2">
      <c r="A15054" s="2"/>
      <c r="B15054" s="2"/>
      <c r="C15054" s="2"/>
    </row>
    <row r="15055" spans="1:3" ht="19.2">
      <c r="A15055" s="2"/>
      <c r="B15055" s="2"/>
      <c r="C15055" s="2"/>
    </row>
    <row r="15056" spans="1:3" ht="19.2">
      <c r="A15056" s="2"/>
      <c r="B15056" s="2"/>
      <c r="C15056" s="2"/>
    </row>
    <row r="15057" spans="1:3" ht="19.2">
      <c r="A15057" s="2"/>
      <c r="B15057" s="2"/>
      <c r="C15057" s="2"/>
    </row>
    <row r="15058" spans="1:3" ht="19.2">
      <c r="A15058" s="2"/>
      <c r="B15058" s="2"/>
      <c r="C15058" s="2"/>
    </row>
    <row r="15059" spans="1:3" ht="19.2">
      <c r="A15059" s="2"/>
      <c r="B15059" s="2"/>
      <c r="C15059" s="2"/>
    </row>
    <row r="15060" spans="1:3" ht="19.2">
      <c r="A15060" s="2"/>
      <c r="B15060" s="2"/>
      <c r="C15060" s="2"/>
    </row>
    <row r="15061" spans="1:3" ht="19.2">
      <c r="A15061" s="2"/>
      <c r="B15061" s="2"/>
      <c r="C15061" s="2"/>
    </row>
    <row r="15062" spans="1:3" ht="19.2">
      <c r="A15062" s="2"/>
      <c r="B15062" s="2"/>
      <c r="C15062" s="2"/>
    </row>
    <row r="15063" spans="1:3" ht="19.2">
      <c r="A15063" s="2"/>
      <c r="B15063" s="2"/>
      <c r="C15063" s="2"/>
    </row>
    <row r="15064" spans="1:3" ht="19.2">
      <c r="A15064" s="2"/>
      <c r="B15064" s="2"/>
      <c r="C15064" s="2"/>
    </row>
    <row r="15065" spans="1:3" ht="19.2">
      <c r="A15065" s="2"/>
      <c r="B15065" s="2"/>
      <c r="C15065" s="2"/>
    </row>
    <row r="15066" spans="1:3" ht="19.2">
      <c r="A15066" s="2"/>
      <c r="B15066" s="2"/>
      <c r="C15066" s="2"/>
    </row>
    <row r="15067" spans="1:3" ht="19.2">
      <c r="A15067" s="2"/>
      <c r="B15067" s="2"/>
      <c r="C15067" s="2"/>
    </row>
    <row r="15068" spans="1:3" ht="19.2">
      <c r="A15068" s="2"/>
      <c r="B15068" s="2"/>
      <c r="C15068" s="2"/>
    </row>
    <row r="15069" spans="1:3" ht="19.2">
      <c r="A15069" s="2"/>
      <c r="B15069" s="2"/>
      <c r="C15069" s="2"/>
    </row>
    <row r="15070" spans="1:3" ht="19.2">
      <c r="A15070" s="2"/>
      <c r="B15070" s="2"/>
      <c r="C15070" s="2"/>
    </row>
    <row r="15071" spans="1:3" ht="19.2">
      <c r="A15071" s="2"/>
      <c r="B15071" s="2"/>
      <c r="C15071" s="2"/>
    </row>
    <row r="15072" spans="1:3" ht="19.2">
      <c r="A15072" s="2"/>
      <c r="B15072" s="2"/>
      <c r="C15072" s="2"/>
    </row>
    <row r="15073" spans="1:3" ht="19.2">
      <c r="A15073" s="2"/>
      <c r="B15073" s="2"/>
      <c r="C15073" s="2"/>
    </row>
    <row r="15074" spans="1:3" ht="19.2">
      <c r="A15074" s="2"/>
      <c r="B15074" s="2"/>
      <c r="C15074" s="2"/>
    </row>
    <row r="15075" spans="1:3" ht="19.2">
      <c r="A15075" s="2"/>
      <c r="B15075" s="2"/>
      <c r="C15075" s="2"/>
    </row>
    <row r="15076" spans="1:3" ht="19.2">
      <c r="A15076" s="2"/>
      <c r="B15076" s="2"/>
      <c r="C15076" s="2"/>
    </row>
    <row r="15077" spans="1:3" ht="19.2">
      <c r="A15077" s="2"/>
      <c r="B15077" s="2"/>
      <c r="C15077" s="2"/>
    </row>
    <row r="15078" spans="1:3" ht="19.2">
      <c r="A15078" s="2"/>
      <c r="B15078" s="2"/>
      <c r="C15078" s="2"/>
    </row>
    <row r="15079" spans="1:3" ht="19.2">
      <c r="A15079" s="2"/>
      <c r="B15079" s="2"/>
      <c r="C15079" s="2"/>
    </row>
    <row r="15080" spans="1:3" ht="19.2">
      <c r="A15080" s="2"/>
      <c r="B15080" s="2"/>
      <c r="C15080" s="2"/>
    </row>
    <row r="15081" spans="1:3" ht="19.2">
      <c r="A15081" s="2"/>
      <c r="B15081" s="2"/>
      <c r="C15081" s="2"/>
    </row>
    <row r="15082" spans="1:3" ht="19.2">
      <c r="A15082" s="2"/>
      <c r="B15082" s="2"/>
      <c r="C15082" s="2"/>
    </row>
    <row r="15083" spans="1:3" ht="19.2">
      <c r="A15083" s="2"/>
      <c r="B15083" s="2"/>
      <c r="C15083" s="2"/>
    </row>
    <row r="15084" spans="1:3" ht="19.2">
      <c r="A15084" s="2"/>
      <c r="B15084" s="2"/>
      <c r="C15084" s="2"/>
    </row>
    <row r="15085" spans="1:3" ht="19.2">
      <c r="A15085" s="2"/>
      <c r="B15085" s="2"/>
      <c r="C15085" s="2"/>
    </row>
    <row r="15086" spans="1:3" ht="19.2">
      <c r="A15086" s="2"/>
      <c r="B15086" s="2"/>
      <c r="C15086" s="2"/>
    </row>
    <row r="15087" spans="1:3" ht="19.2">
      <c r="A15087" s="2"/>
      <c r="B15087" s="2"/>
      <c r="C15087" s="2"/>
    </row>
    <row r="15088" spans="1:3" ht="19.2">
      <c r="A15088" s="2"/>
      <c r="B15088" s="2"/>
      <c r="C15088" s="2"/>
    </row>
    <row r="15089" spans="1:3" ht="19.2">
      <c r="A15089" s="2"/>
      <c r="B15089" s="2"/>
      <c r="C15089" s="2"/>
    </row>
    <row r="15090" spans="1:3" ht="19.2">
      <c r="A15090" s="2"/>
      <c r="B15090" s="2"/>
      <c r="C15090" s="2"/>
    </row>
    <row r="15091" spans="1:3" ht="19.2">
      <c r="A15091" s="2"/>
      <c r="B15091" s="2"/>
      <c r="C15091" s="2"/>
    </row>
    <row r="15092" spans="1:3" ht="19.2">
      <c r="A15092" s="2"/>
      <c r="B15092" s="2"/>
      <c r="C15092" s="2"/>
    </row>
    <row r="15093" spans="1:3" ht="19.2">
      <c r="A15093" s="2"/>
      <c r="B15093" s="2"/>
      <c r="C15093" s="2"/>
    </row>
    <row r="15094" spans="1:3" ht="19.2">
      <c r="A15094" s="2"/>
      <c r="B15094" s="2"/>
      <c r="C15094" s="2"/>
    </row>
    <row r="15095" spans="1:3" ht="19.2">
      <c r="A15095" s="2"/>
      <c r="B15095" s="2"/>
      <c r="C15095" s="2"/>
    </row>
    <row r="15096" spans="1:3" ht="19.2">
      <c r="A15096" s="2"/>
      <c r="B15096" s="2"/>
      <c r="C15096" s="2"/>
    </row>
    <row r="15097" spans="1:3" ht="19.2">
      <c r="A15097" s="2"/>
      <c r="B15097" s="2"/>
      <c r="C15097" s="2"/>
    </row>
    <row r="15098" spans="1:3" ht="19.2">
      <c r="A15098" s="2"/>
      <c r="B15098" s="2"/>
      <c r="C15098" s="2"/>
    </row>
    <row r="15099" spans="1:3" ht="19.2">
      <c r="A15099" s="2"/>
      <c r="B15099" s="2"/>
      <c r="C15099" s="2"/>
    </row>
    <row r="15100" spans="1:3" ht="19.2">
      <c r="A15100" s="2"/>
      <c r="B15100" s="2"/>
      <c r="C15100" s="2"/>
    </row>
    <row r="15101" spans="1:3" ht="19.2">
      <c r="A15101" s="2"/>
      <c r="B15101" s="2"/>
      <c r="C15101" s="2"/>
    </row>
    <row r="15102" spans="1:3" ht="19.2">
      <c r="A15102" s="2"/>
      <c r="B15102" s="2"/>
      <c r="C15102" s="2"/>
    </row>
    <row r="15103" spans="1:3" ht="19.2">
      <c r="A15103" s="2"/>
      <c r="B15103" s="2"/>
      <c r="C15103" s="2"/>
    </row>
    <row r="15104" spans="1:3" ht="19.2">
      <c r="A15104" s="2"/>
      <c r="B15104" s="2"/>
      <c r="C15104" s="2"/>
    </row>
    <row r="15105" spans="1:3" ht="19.2">
      <c r="A15105" s="2"/>
      <c r="B15105" s="2"/>
      <c r="C15105" s="2"/>
    </row>
    <row r="15106" spans="1:3" ht="19.2">
      <c r="A15106" s="2"/>
      <c r="B15106" s="2"/>
      <c r="C15106" s="2"/>
    </row>
    <row r="15107" spans="1:3" ht="19.2">
      <c r="A15107" s="2"/>
      <c r="B15107" s="2"/>
      <c r="C15107" s="2"/>
    </row>
    <row r="15108" spans="1:3" ht="19.2">
      <c r="A15108" s="2"/>
      <c r="B15108" s="2"/>
      <c r="C15108" s="2"/>
    </row>
    <row r="15109" spans="1:3" ht="19.2">
      <c r="A15109" s="2"/>
      <c r="B15109" s="2"/>
      <c r="C15109" s="2"/>
    </row>
    <row r="15110" spans="1:3" ht="19.2">
      <c r="A15110" s="2"/>
      <c r="B15110" s="2"/>
      <c r="C15110" s="2"/>
    </row>
    <row r="15111" spans="1:3" ht="19.2">
      <c r="A15111" s="2"/>
      <c r="B15111" s="2"/>
      <c r="C15111" s="2"/>
    </row>
    <row r="15112" spans="1:3" ht="19.2">
      <c r="A15112" s="2"/>
      <c r="B15112" s="2"/>
      <c r="C15112" s="2"/>
    </row>
    <row r="15113" spans="1:3" ht="19.2">
      <c r="A15113" s="2"/>
      <c r="B15113" s="2"/>
      <c r="C15113" s="2"/>
    </row>
    <row r="15114" spans="1:3" ht="19.2">
      <c r="A15114" s="2"/>
      <c r="B15114" s="2"/>
      <c r="C15114" s="2"/>
    </row>
    <row r="15115" spans="1:3" ht="19.2">
      <c r="A15115" s="2"/>
      <c r="B15115" s="2"/>
      <c r="C15115" s="2"/>
    </row>
    <row r="15116" spans="1:3" ht="19.2">
      <c r="A15116" s="2"/>
      <c r="B15116" s="2"/>
      <c r="C15116" s="2"/>
    </row>
    <row r="15117" spans="1:3" ht="19.2">
      <c r="A15117" s="2"/>
      <c r="B15117" s="2"/>
      <c r="C15117" s="2"/>
    </row>
    <row r="15118" spans="1:3" ht="19.2">
      <c r="A15118" s="2"/>
      <c r="B15118" s="2"/>
      <c r="C15118" s="2"/>
    </row>
    <row r="15119" spans="1:3" ht="19.2">
      <c r="A15119" s="2"/>
      <c r="B15119" s="2"/>
      <c r="C15119" s="2"/>
    </row>
    <row r="15120" spans="1:3" ht="19.2">
      <c r="A15120" s="2"/>
      <c r="B15120" s="2"/>
      <c r="C15120" s="2"/>
    </row>
    <row r="15121" spans="1:3" ht="19.2">
      <c r="A15121" s="2"/>
      <c r="B15121" s="2"/>
      <c r="C15121" s="2"/>
    </row>
    <row r="15122" spans="1:3" ht="19.2">
      <c r="A15122" s="2"/>
      <c r="B15122" s="2"/>
      <c r="C15122" s="2"/>
    </row>
    <row r="15123" spans="1:3" ht="19.2">
      <c r="A15123" s="2"/>
      <c r="B15123" s="2"/>
      <c r="C15123" s="2"/>
    </row>
    <row r="15124" spans="1:3" ht="19.2">
      <c r="A15124" s="2"/>
      <c r="B15124" s="2"/>
      <c r="C15124" s="2"/>
    </row>
    <row r="15125" spans="1:3" ht="19.2">
      <c r="A15125" s="2"/>
      <c r="B15125" s="2"/>
      <c r="C15125" s="2"/>
    </row>
    <row r="15126" spans="1:3" ht="19.2">
      <c r="A15126" s="2"/>
      <c r="B15126" s="2"/>
      <c r="C15126" s="2"/>
    </row>
    <row r="15127" spans="1:3" ht="19.2">
      <c r="A15127" s="2"/>
      <c r="B15127" s="2"/>
      <c r="C15127" s="2"/>
    </row>
    <row r="15128" spans="1:3" ht="19.2">
      <c r="A15128" s="2"/>
      <c r="B15128" s="2"/>
      <c r="C15128" s="2"/>
    </row>
    <row r="15129" spans="1:3" ht="19.2">
      <c r="A15129" s="2"/>
      <c r="B15129" s="2"/>
      <c r="C15129" s="2"/>
    </row>
    <row r="15130" spans="1:3" ht="19.2">
      <c r="A15130" s="2"/>
      <c r="B15130" s="2"/>
      <c r="C15130" s="2"/>
    </row>
    <row r="15131" spans="1:3" ht="19.2">
      <c r="A15131" s="2"/>
      <c r="B15131" s="2"/>
      <c r="C15131" s="2"/>
    </row>
    <row r="15132" spans="1:3" ht="19.2">
      <c r="A15132" s="2"/>
      <c r="B15132" s="2"/>
      <c r="C15132" s="2"/>
    </row>
    <row r="15133" spans="1:3" ht="19.2">
      <c r="A15133" s="2"/>
      <c r="B15133" s="2"/>
      <c r="C15133" s="2"/>
    </row>
    <row r="15134" spans="1:3" ht="19.2">
      <c r="A15134" s="2"/>
      <c r="B15134" s="2"/>
      <c r="C15134" s="2"/>
    </row>
    <row r="15135" spans="1:3" ht="19.2">
      <c r="A15135" s="2"/>
      <c r="B15135" s="2"/>
      <c r="C15135" s="2"/>
    </row>
    <row r="15136" spans="1:3" ht="19.2">
      <c r="A15136" s="2"/>
      <c r="B15136" s="2"/>
      <c r="C15136" s="2"/>
    </row>
    <row r="15137" spans="1:3" ht="19.2">
      <c r="A15137" s="2"/>
      <c r="B15137" s="2"/>
      <c r="C15137" s="2"/>
    </row>
    <row r="15138" spans="1:3" ht="19.2">
      <c r="A15138" s="2"/>
      <c r="B15138" s="2"/>
      <c r="C15138" s="2"/>
    </row>
    <row r="15139" spans="1:3" ht="19.2">
      <c r="A15139" s="2"/>
      <c r="B15139" s="2"/>
      <c r="C15139" s="2"/>
    </row>
    <row r="15140" spans="1:3" ht="19.2">
      <c r="A15140" s="2"/>
      <c r="B15140" s="2"/>
      <c r="C15140" s="2"/>
    </row>
    <row r="15141" spans="1:3" ht="19.2">
      <c r="A15141" s="2"/>
      <c r="B15141" s="2"/>
      <c r="C15141" s="2"/>
    </row>
    <row r="15142" spans="1:3" ht="19.2">
      <c r="A15142" s="2"/>
      <c r="B15142" s="2"/>
      <c r="C15142" s="2"/>
    </row>
    <row r="15143" spans="1:3" ht="19.2">
      <c r="A15143" s="2"/>
      <c r="B15143" s="2"/>
      <c r="C15143" s="2"/>
    </row>
    <row r="15144" spans="1:3" ht="19.2">
      <c r="A15144" s="2"/>
      <c r="B15144" s="2"/>
      <c r="C15144" s="2"/>
    </row>
    <row r="15145" spans="1:3" ht="19.2">
      <c r="A15145" s="2"/>
      <c r="B15145" s="2"/>
      <c r="C15145" s="2"/>
    </row>
    <row r="15146" spans="1:3" ht="19.2">
      <c r="A15146" s="2"/>
      <c r="B15146" s="2"/>
      <c r="C15146" s="2"/>
    </row>
    <row r="15147" spans="1:3" ht="19.2">
      <c r="A15147" s="2"/>
      <c r="B15147" s="2"/>
      <c r="C15147" s="2"/>
    </row>
    <row r="15148" spans="1:3" ht="19.2">
      <c r="A15148" s="2"/>
      <c r="B15148" s="2"/>
      <c r="C15148" s="2"/>
    </row>
    <row r="15149" spans="1:3" ht="19.2">
      <c r="A15149" s="2"/>
      <c r="B15149" s="2"/>
      <c r="C15149" s="2"/>
    </row>
    <row r="15150" spans="1:3" ht="19.2">
      <c r="A15150" s="2"/>
      <c r="B15150" s="2"/>
      <c r="C15150" s="2"/>
    </row>
    <row r="15151" spans="1:3" ht="19.2">
      <c r="A15151" s="2"/>
      <c r="B15151" s="2"/>
      <c r="C15151" s="2"/>
    </row>
    <row r="15152" spans="1:3" ht="19.2">
      <c r="A15152" s="2"/>
      <c r="B15152" s="2"/>
      <c r="C15152" s="2"/>
    </row>
    <row r="15153" spans="1:3" ht="19.2">
      <c r="A15153" s="2"/>
      <c r="B15153" s="2"/>
      <c r="C15153" s="2"/>
    </row>
    <row r="15154" spans="1:3" ht="19.2">
      <c r="A15154" s="2"/>
      <c r="B15154" s="2"/>
      <c r="C15154" s="2"/>
    </row>
    <row r="15155" spans="1:3" ht="19.2">
      <c r="A15155" s="2"/>
      <c r="B15155" s="2"/>
      <c r="C15155" s="2"/>
    </row>
    <row r="15156" spans="1:3" ht="19.2">
      <c r="A15156" s="2"/>
      <c r="B15156" s="2"/>
      <c r="C15156" s="2"/>
    </row>
    <row r="15157" spans="1:3" ht="19.2">
      <c r="A15157" s="2"/>
      <c r="B15157" s="2"/>
      <c r="C15157" s="2"/>
    </row>
    <row r="15158" spans="1:3" ht="19.2">
      <c r="A15158" s="2"/>
      <c r="B15158" s="2"/>
      <c r="C15158" s="2"/>
    </row>
    <row r="15159" spans="1:3" ht="19.2">
      <c r="A15159" s="2"/>
      <c r="B15159" s="2"/>
      <c r="C15159" s="2"/>
    </row>
    <row r="15160" spans="1:3" ht="19.2">
      <c r="A15160" s="2"/>
      <c r="B15160" s="2"/>
      <c r="C15160" s="2"/>
    </row>
    <row r="15161" spans="1:3" ht="19.2">
      <c r="A15161" s="2"/>
      <c r="B15161" s="2"/>
      <c r="C15161" s="2"/>
    </row>
    <row r="15162" spans="1:3" ht="19.2">
      <c r="A15162" s="2"/>
      <c r="B15162" s="2"/>
      <c r="C15162" s="2"/>
    </row>
    <row r="15163" spans="1:3" ht="19.2">
      <c r="A15163" s="2"/>
      <c r="B15163" s="2"/>
      <c r="C15163" s="2"/>
    </row>
    <row r="15164" spans="1:3" ht="19.2">
      <c r="A15164" s="2"/>
      <c r="B15164" s="2"/>
      <c r="C15164" s="2"/>
    </row>
    <row r="15165" spans="1:3" ht="19.2">
      <c r="A15165" s="2"/>
      <c r="B15165" s="2"/>
      <c r="C15165" s="2"/>
    </row>
    <row r="15166" spans="1:3" ht="19.2">
      <c r="A15166" s="2"/>
      <c r="B15166" s="2"/>
      <c r="C15166" s="2"/>
    </row>
    <row r="15167" spans="1:3" ht="19.2">
      <c r="A15167" s="2"/>
      <c r="B15167" s="2"/>
      <c r="C15167" s="2"/>
    </row>
    <row r="15168" spans="1:3" ht="19.2">
      <c r="A15168" s="2"/>
      <c r="B15168" s="2"/>
      <c r="C15168" s="2"/>
    </row>
    <row r="15169" spans="1:3" ht="19.2">
      <c r="A15169" s="2"/>
      <c r="B15169" s="2"/>
      <c r="C15169" s="2"/>
    </row>
    <row r="15170" spans="1:3" ht="19.2">
      <c r="A15170" s="2"/>
      <c r="B15170" s="2"/>
      <c r="C15170" s="2"/>
    </row>
    <row r="15171" spans="1:3" ht="19.2">
      <c r="A15171" s="2"/>
      <c r="B15171" s="2"/>
      <c r="C15171" s="2"/>
    </row>
    <row r="15172" spans="1:3" ht="19.2">
      <c r="A15172" s="2"/>
      <c r="B15172" s="2"/>
      <c r="C15172" s="2"/>
    </row>
    <row r="15173" spans="1:3" ht="19.2">
      <c r="A15173" s="2"/>
      <c r="B15173" s="2"/>
      <c r="C15173" s="2"/>
    </row>
    <row r="15174" spans="1:3" ht="19.2">
      <c r="A15174" s="2"/>
      <c r="B15174" s="2"/>
      <c r="C15174" s="2"/>
    </row>
    <row r="15175" spans="1:3" ht="19.2">
      <c r="A15175" s="2"/>
      <c r="B15175" s="2"/>
      <c r="C15175" s="2"/>
    </row>
    <row r="15176" spans="1:3" ht="19.2">
      <c r="A15176" s="2"/>
      <c r="B15176" s="2"/>
      <c r="C15176" s="2"/>
    </row>
    <row r="15177" spans="1:3" ht="19.2">
      <c r="A15177" s="2"/>
      <c r="B15177" s="2"/>
      <c r="C15177" s="2"/>
    </row>
    <row r="15178" spans="1:3" ht="19.2">
      <c r="A15178" s="2"/>
      <c r="B15178" s="2"/>
      <c r="C15178" s="2"/>
    </row>
    <row r="15179" spans="1:3" ht="19.2">
      <c r="A15179" s="2"/>
      <c r="B15179" s="2"/>
      <c r="C15179" s="2"/>
    </row>
    <row r="15180" spans="1:3" ht="19.2">
      <c r="A15180" s="2"/>
      <c r="B15180" s="2"/>
      <c r="C15180" s="2"/>
    </row>
    <row r="15181" spans="1:3" ht="19.2">
      <c r="A15181" s="2"/>
      <c r="B15181" s="2"/>
      <c r="C15181" s="2"/>
    </row>
    <row r="15182" spans="1:3" ht="19.2">
      <c r="A15182" s="2"/>
      <c r="B15182" s="2"/>
      <c r="C15182" s="2"/>
    </row>
    <row r="15183" spans="1:3" ht="19.2">
      <c r="A15183" s="2"/>
      <c r="B15183" s="2"/>
      <c r="C15183" s="2"/>
    </row>
    <row r="15184" spans="1:3" ht="19.2">
      <c r="A15184" s="2"/>
      <c r="B15184" s="2"/>
      <c r="C15184" s="2"/>
    </row>
    <row r="15185" spans="1:3" ht="19.2">
      <c r="A15185" s="2"/>
      <c r="B15185" s="2"/>
      <c r="C15185" s="2"/>
    </row>
    <row r="15186" spans="1:3" ht="19.2">
      <c r="A15186" s="2"/>
      <c r="B15186" s="2"/>
      <c r="C15186" s="2"/>
    </row>
    <row r="15187" spans="1:3" ht="19.2">
      <c r="A15187" s="2"/>
      <c r="B15187" s="2"/>
      <c r="C15187" s="2"/>
    </row>
    <row r="15188" spans="1:3" ht="19.2">
      <c r="A15188" s="2"/>
      <c r="B15188" s="2"/>
      <c r="C15188" s="2"/>
    </row>
    <row r="15189" spans="1:3" ht="19.2">
      <c r="A15189" s="2"/>
      <c r="B15189" s="2"/>
      <c r="C15189" s="2"/>
    </row>
    <row r="15190" spans="1:3" ht="19.2">
      <c r="A15190" s="2"/>
      <c r="B15190" s="2"/>
      <c r="C15190" s="2"/>
    </row>
    <row r="15191" spans="1:3" ht="19.2">
      <c r="A15191" s="2"/>
      <c r="B15191" s="2"/>
      <c r="C15191" s="2"/>
    </row>
    <row r="15192" spans="1:3" ht="19.2">
      <c r="A15192" s="2"/>
      <c r="B15192" s="2"/>
      <c r="C15192" s="2"/>
    </row>
    <row r="15193" spans="1:3" ht="19.2">
      <c r="A15193" s="2"/>
      <c r="B15193" s="2"/>
      <c r="C15193" s="2"/>
    </row>
    <row r="15194" spans="1:3" ht="19.2">
      <c r="A15194" s="2"/>
      <c r="B15194" s="2"/>
      <c r="C15194" s="2"/>
    </row>
    <row r="15195" spans="1:3" ht="19.2">
      <c r="A15195" s="2"/>
      <c r="B15195" s="2"/>
      <c r="C15195" s="2"/>
    </row>
    <row r="15196" spans="1:3" ht="19.2">
      <c r="A15196" s="2"/>
      <c r="B15196" s="2"/>
      <c r="C15196" s="2"/>
    </row>
    <row r="15197" spans="1:3" ht="19.2">
      <c r="A15197" s="2"/>
      <c r="B15197" s="2"/>
      <c r="C15197" s="2"/>
    </row>
    <row r="15198" spans="1:3" ht="19.2">
      <c r="A15198" s="2"/>
      <c r="B15198" s="2"/>
      <c r="C15198" s="2"/>
    </row>
    <row r="15199" spans="1:3" ht="19.2">
      <c r="A15199" s="2"/>
      <c r="B15199" s="2"/>
      <c r="C15199" s="2"/>
    </row>
    <row r="15200" spans="1:3" ht="19.2">
      <c r="A15200" s="2"/>
      <c r="B15200" s="2"/>
      <c r="C15200" s="2"/>
    </row>
    <row r="15201" spans="1:3" ht="19.2">
      <c r="A15201" s="2"/>
      <c r="B15201" s="2"/>
      <c r="C15201" s="2"/>
    </row>
    <row r="15202" spans="1:3" ht="19.2">
      <c r="A15202" s="2"/>
      <c r="B15202" s="2"/>
      <c r="C15202" s="2"/>
    </row>
    <row r="15203" spans="1:3" ht="19.2">
      <c r="A15203" s="2"/>
      <c r="B15203" s="2"/>
      <c r="C15203" s="2"/>
    </row>
    <row r="15204" spans="1:3" ht="19.2">
      <c r="A15204" s="2"/>
      <c r="B15204" s="2"/>
      <c r="C15204" s="2"/>
    </row>
    <row r="15205" spans="1:3" ht="19.2">
      <c r="A15205" s="2"/>
      <c r="B15205" s="2"/>
      <c r="C15205" s="2"/>
    </row>
    <row r="15206" spans="1:3" ht="19.2">
      <c r="A15206" s="2"/>
      <c r="B15206" s="2"/>
      <c r="C15206" s="2"/>
    </row>
    <row r="15207" spans="1:3" ht="19.2">
      <c r="A15207" s="2"/>
      <c r="B15207" s="2"/>
      <c r="C15207" s="2"/>
    </row>
    <row r="15208" spans="1:3" ht="19.2">
      <c r="A15208" s="2"/>
      <c r="B15208" s="2"/>
      <c r="C15208" s="2"/>
    </row>
    <row r="15209" spans="1:3" ht="19.2">
      <c r="A15209" s="2"/>
      <c r="B15209" s="2"/>
      <c r="C15209" s="2"/>
    </row>
    <row r="15210" spans="1:3" ht="19.2">
      <c r="A15210" s="2"/>
      <c r="B15210" s="2"/>
      <c r="C15210" s="2"/>
    </row>
    <row r="15211" spans="1:3" ht="19.2">
      <c r="A15211" s="2"/>
      <c r="B15211" s="2"/>
      <c r="C15211" s="2"/>
    </row>
    <row r="15212" spans="1:3" ht="19.2">
      <c r="A15212" s="2"/>
      <c r="B15212" s="2"/>
      <c r="C15212" s="2"/>
    </row>
    <row r="15213" spans="1:3" ht="19.2">
      <c r="A15213" s="2"/>
      <c r="B15213" s="2"/>
      <c r="C15213" s="2"/>
    </row>
    <row r="15214" spans="1:3" ht="19.2">
      <c r="A15214" s="2"/>
      <c r="B15214" s="2"/>
      <c r="C15214" s="2"/>
    </row>
    <row r="15215" spans="1:3" ht="19.2">
      <c r="A15215" s="2"/>
      <c r="B15215" s="2"/>
      <c r="C15215" s="2"/>
    </row>
    <row r="15216" spans="1:3" ht="19.2">
      <c r="A15216" s="2"/>
      <c r="B15216" s="2"/>
      <c r="C15216" s="2"/>
    </row>
    <row r="15217" spans="1:3" ht="19.2">
      <c r="A15217" s="2"/>
      <c r="B15217" s="2"/>
      <c r="C15217" s="2"/>
    </row>
    <row r="15218" spans="1:3" ht="19.2">
      <c r="A15218" s="2"/>
      <c r="B15218" s="2"/>
      <c r="C15218" s="2"/>
    </row>
    <row r="15219" spans="1:3" ht="19.2">
      <c r="A15219" s="2"/>
      <c r="B15219" s="2"/>
      <c r="C15219" s="2"/>
    </row>
    <row r="15220" spans="1:3" ht="19.2">
      <c r="A15220" s="2"/>
      <c r="B15220" s="2"/>
      <c r="C15220" s="2"/>
    </row>
    <row r="15221" spans="1:3" ht="19.2">
      <c r="A15221" s="2"/>
      <c r="B15221" s="2"/>
      <c r="C15221" s="2"/>
    </row>
    <row r="15222" spans="1:3" ht="19.2">
      <c r="A15222" s="2"/>
      <c r="B15222" s="2"/>
      <c r="C15222" s="2"/>
    </row>
    <row r="15223" spans="1:3" ht="19.2">
      <c r="A15223" s="2"/>
      <c r="B15223" s="2"/>
      <c r="C15223" s="2"/>
    </row>
    <row r="15224" spans="1:3" ht="19.2">
      <c r="A15224" s="2"/>
      <c r="B15224" s="2"/>
      <c r="C15224" s="2"/>
    </row>
    <row r="15225" spans="1:3" ht="19.2">
      <c r="A15225" s="2"/>
      <c r="B15225" s="2"/>
      <c r="C15225" s="2"/>
    </row>
    <row r="15226" spans="1:3" ht="19.2">
      <c r="A15226" s="2"/>
      <c r="B15226" s="2"/>
      <c r="C15226" s="2"/>
    </row>
    <row r="15227" spans="1:3" ht="19.2">
      <c r="A15227" s="2"/>
      <c r="B15227" s="2"/>
      <c r="C15227" s="2"/>
    </row>
    <row r="15228" spans="1:3" ht="19.2">
      <c r="A15228" s="2"/>
      <c r="B15228" s="2"/>
      <c r="C15228" s="2"/>
    </row>
    <row r="15229" spans="1:3" ht="19.2">
      <c r="A15229" s="2"/>
      <c r="B15229" s="2"/>
      <c r="C15229" s="2"/>
    </row>
    <row r="15230" spans="1:3" ht="19.2">
      <c r="A15230" s="2"/>
      <c r="B15230" s="2"/>
      <c r="C15230" s="2"/>
    </row>
    <row r="15231" spans="1:3" ht="19.2">
      <c r="A15231" s="2"/>
      <c r="B15231" s="2"/>
      <c r="C15231" s="2"/>
    </row>
    <row r="15232" spans="1:3" ht="19.2">
      <c r="A15232" s="2"/>
      <c r="B15232" s="2"/>
      <c r="C15232" s="2"/>
    </row>
    <row r="15233" spans="1:3" ht="19.2">
      <c r="A15233" s="2"/>
      <c r="B15233" s="2"/>
      <c r="C15233" s="2"/>
    </row>
    <row r="15234" spans="1:3" ht="19.2">
      <c r="A15234" s="2"/>
      <c r="B15234" s="2"/>
      <c r="C15234" s="2"/>
    </row>
    <row r="15235" spans="1:3" ht="19.2">
      <c r="A15235" s="2"/>
      <c r="B15235" s="2"/>
      <c r="C15235" s="2"/>
    </row>
    <row r="15236" spans="1:3" ht="19.2">
      <c r="A15236" s="2"/>
      <c r="B15236" s="2"/>
      <c r="C15236" s="2"/>
    </row>
    <row r="15237" spans="1:3" ht="19.2">
      <c r="A15237" s="2"/>
      <c r="B15237" s="2"/>
      <c r="C15237" s="2"/>
    </row>
    <row r="15238" spans="1:3" ht="19.2">
      <c r="A15238" s="2"/>
      <c r="B15238" s="2"/>
      <c r="C15238" s="2"/>
    </row>
    <row r="15239" spans="1:3" ht="19.2">
      <c r="A15239" s="2"/>
      <c r="B15239" s="2"/>
      <c r="C15239" s="2"/>
    </row>
    <row r="15240" spans="1:3" ht="19.2">
      <c r="A15240" s="2"/>
      <c r="B15240" s="2"/>
      <c r="C15240" s="2"/>
    </row>
    <row r="15241" spans="1:3" ht="19.2">
      <c r="A15241" s="2"/>
      <c r="B15241" s="2"/>
      <c r="C15241" s="2"/>
    </row>
    <row r="15242" spans="1:3" ht="19.2">
      <c r="A15242" s="2"/>
      <c r="B15242" s="2"/>
      <c r="C15242" s="2"/>
    </row>
    <row r="15243" spans="1:3" ht="19.2">
      <c r="A15243" s="2"/>
      <c r="B15243" s="2"/>
      <c r="C15243" s="2"/>
    </row>
    <row r="15244" spans="1:3" ht="19.2">
      <c r="A15244" s="2"/>
      <c r="B15244" s="2"/>
      <c r="C15244" s="2"/>
    </row>
    <row r="15245" spans="1:3" ht="19.2">
      <c r="A15245" s="2"/>
      <c r="B15245" s="2"/>
      <c r="C15245" s="2"/>
    </row>
    <row r="15246" spans="1:3" ht="19.2">
      <c r="A15246" s="2"/>
      <c r="B15246" s="2"/>
      <c r="C15246" s="2"/>
    </row>
    <row r="15247" spans="1:3" ht="19.2">
      <c r="A15247" s="2"/>
      <c r="B15247" s="2"/>
      <c r="C15247" s="2"/>
    </row>
    <row r="15248" spans="1:3" ht="19.2">
      <c r="A15248" s="2"/>
      <c r="B15248" s="2"/>
      <c r="C15248" s="2"/>
    </row>
    <row r="15249" spans="1:3" ht="19.2">
      <c r="A15249" s="2"/>
      <c r="B15249" s="2"/>
      <c r="C15249" s="2"/>
    </row>
    <row r="15250" spans="1:3" ht="19.2">
      <c r="A15250" s="2"/>
      <c r="B15250" s="2"/>
      <c r="C15250" s="2"/>
    </row>
    <row r="15251" spans="1:3" ht="19.2">
      <c r="A15251" s="2"/>
      <c r="B15251" s="2"/>
      <c r="C15251" s="2"/>
    </row>
    <row r="15252" spans="1:3" ht="19.2">
      <c r="A15252" s="2"/>
      <c r="B15252" s="2"/>
      <c r="C15252" s="2"/>
    </row>
    <row r="15253" spans="1:3" ht="19.2">
      <c r="A15253" s="2"/>
      <c r="B15253" s="2"/>
      <c r="C15253" s="2"/>
    </row>
    <row r="15254" spans="1:3" ht="19.2">
      <c r="A15254" s="2"/>
      <c r="B15254" s="2"/>
      <c r="C15254" s="2"/>
    </row>
    <row r="15255" spans="1:3" ht="19.2">
      <c r="A15255" s="2"/>
      <c r="B15255" s="2"/>
      <c r="C15255" s="2"/>
    </row>
    <row r="15256" spans="1:3" ht="19.2">
      <c r="A15256" s="2"/>
      <c r="B15256" s="2"/>
      <c r="C15256" s="2"/>
    </row>
    <row r="15257" spans="1:3" ht="19.2">
      <c r="A15257" s="2"/>
      <c r="B15257" s="2"/>
      <c r="C15257" s="2"/>
    </row>
    <row r="15258" spans="1:3" ht="19.2">
      <c r="A15258" s="2"/>
      <c r="B15258" s="2"/>
      <c r="C15258" s="2"/>
    </row>
    <row r="15259" spans="1:3" ht="19.2">
      <c r="A15259" s="2"/>
      <c r="B15259" s="2"/>
      <c r="C15259" s="2"/>
    </row>
    <row r="15260" spans="1:3" ht="19.2">
      <c r="A15260" s="2"/>
      <c r="B15260" s="2"/>
      <c r="C15260" s="2"/>
    </row>
    <row r="15261" spans="1:3" ht="19.2">
      <c r="A15261" s="2"/>
      <c r="B15261" s="2"/>
      <c r="C15261" s="2"/>
    </row>
    <row r="15262" spans="1:3" ht="19.2">
      <c r="A15262" s="2"/>
      <c r="B15262" s="2"/>
      <c r="C15262" s="2"/>
    </row>
    <row r="15263" spans="1:3" ht="19.2">
      <c r="A15263" s="2"/>
      <c r="B15263" s="2"/>
      <c r="C15263" s="2"/>
    </row>
    <row r="15264" spans="1:3" ht="19.2">
      <c r="A15264" s="2"/>
      <c r="B15264" s="2"/>
      <c r="C15264" s="2"/>
    </row>
    <row r="15265" spans="1:3" ht="19.2">
      <c r="A15265" s="2"/>
      <c r="B15265" s="2"/>
      <c r="C15265" s="2"/>
    </row>
    <row r="15266" spans="1:3" ht="19.2">
      <c r="A15266" s="2"/>
      <c r="B15266" s="2"/>
      <c r="C15266" s="2"/>
    </row>
    <row r="15267" spans="1:3" ht="19.2">
      <c r="A15267" s="2"/>
      <c r="B15267" s="2"/>
      <c r="C15267" s="2"/>
    </row>
    <row r="15268" spans="1:3" ht="19.2">
      <c r="A15268" s="2"/>
      <c r="B15268" s="2"/>
      <c r="C15268" s="2"/>
    </row>
    <row r="15269" spans="1:3" ht="19.2">
      <c r="A15269" s="2"/>
      <c r="B15269" s="2"/>
      <c r="C15269" s="2"/>
    </row>
    <row r="15270" spans="1:3" ht="19.2">
      <c r="A15270" s="2"/>
      <c r="B15270" s="2"/>
      <c r="C15270" s="2"/>
    </row>
    <row r="15271" spans="1:3" ht="19.2">
      <c r="A15271" s="2"/>
      <c r="B15271" s="2"/>
      <c r="C15271" s="2"/>
    </row>
    <row r="15272" spans="1:3" ht="19.2">
      <c r="A15272" s="2"/>
      <c r="B15272" s="2"/>
      <c r="C15272" s="2"/>
    </row>
    <row r="15273" spans="1:3" ht="19.2">
      <c r="A15273" s="2"/>
      <c r="B15273" s="2"/>
      <c r="C15273" s="2"/>
    </row>
    <row r="15274" spans="1:3" ht="19.2">
      <c r="A15274" s="2"/>
      <c r="B15274" s="2"/>
      <c r="C15274" s="2"/>
    </row>
    <row r="15275" spans="1:3" ht="19.2">
      <c r="A15275" s="2"/>
      <c r="B15275" s="2"/>
      <c r="C15275" s="2"/>
    </row>
    <row r="15276" spans="1:3" ht="19.2">
      <c r="A15276" s="2"/>
      <c r="B15276" s="2"/>
      <c r="C15276" s="2"/>
    </row>
    <row r="15277" spans="1:3" ht="19.2">
      <c r="A15277" s="2"/>
      <c r="B15277" s="2"/>
      <c r="C15277" s="2"/>
    </row>
    <row r="15278" spans="1:3" ht="19.2">
      <c r="A15278" s="2"/>
      <c r="B15278" s="2"/>
      <c r="C15278" s="2"/>
    </row>
    <row r="15279" spans="1:3" ht="19.2">
      <c r="A15279" s="2"/>
      <c r="B15279" s="2"/>
      <c r="C15279" s="2"/>
    </row>
    <row r="15280" spans="1:3" ht="19.2">
      <c r="A15280" s="2"/>
      <c r="B15280" s="2"/>
      <c r="C15280" s="2"/>
    </row>
    <row r="15281" spans="1:3" ht="19.2">
      <c r="A15281" s="2"/>
      <c r="B15281" s="2"/>
      <c r="C15281" s="2"/>
    </row>
    <row r="15282" spans="1:3" ht="19.2">
      <c r="A15282" s="2"/>
      <c r="B15282" s="2"/>
      <c r="C15282" s="2"/>
    </row>
    <row r="15283" spans="1:3" ht="19.2">
      <c r="A15283" s="2"/>
      <c r="B15283" s="2"/>
      <c r="C15283" s="2"/>
    </row>
    <row r="15284" spans="1:3" ht="19.2">
      <c r="A15284" s="2"/>
      <c r="B15284" s="2"/>
      <c r="C15284" s="2"/>
    </row>
    <row r="15285" spans="1:3" ht="19.2">
      <c r="A15285" s="2"/>
      <c r="B15285" s="2"/>
      <c r="C15285" s="2"/>
    </row>
    <row r="15286" spans="1:3" ht="19.2">
      <c r="A15286" s="2"/>
      <c r="B15286" s="2"/>
      <c r="C15286" s="2"/>
    </row>
    <row r="15287" spans="1:3" ht="19.2">
      <c r="A15287" s="2"/>
      <c r="B15287" s="2"/>
      <c r="C15287" s="2"/>
    </row>
    <row r="15288" spans="1:3" ht="19.2">
      <c r="A15288" s="2"/>
      <c r="B15288" s="2"/>
      <c r="C15288" s="2"/>
    </row>
    <row r="15289" spans="1:3" ht="19.2">
      <c r="A15289" s="2"/>
      <c r="B15289" s="2"/>
      <c r="C15289" s="2"/>
    </row>
    <row r="15290" spans="1:3" ht="19.2">
      <c r="A15290" s="2"/>
      <c r="B15290" s="2"/>
      <c r="C15290" s="2"/>
    </row>
    <row r="15291" spans="1:3" ht="19.2">
      <c r="A15291" s="2"/>
      <c r="B15291" s="2"/>
      <c r="C15291" s="2"/>
    </row>
    <row r="15292" spans="1:3" ht="19.2">
      <c r="A15292" s="2"/>
      <c r="B15292" s="2"/>
      <c r="C15292" s="2"/>
    </row>
    <row r="15293" spans="1:3" ht="19.2">
      <c r="A15293" s="2"/>
      <c r="B15293" s="2"/>
      <c r="C15293" s="2"/>
    </row>
    <row r="15294" spans="1:3" ht="19.2">
      <c r="A15294" s="2"/>
      <c r="B15294" s="2"/>
      <c r="C15294" s="2"/>
    </row>
    <row r="15295" spans="1:3" ht="19.2">
      <c r="A15295" s="2"/>
      <c r="B15295" s="2"/>
      <c r="C15295" s="2"/>
    </row>
    <row r="15296" spans="1:3" ht="19.2">
      <c r="A15296" s="2"/>
      <c r="B15296" s="2"/>
      <c r="C15296" s="2"/>
    </row>
    <row r="15297" spans="1:3" ht="19.2">
      <c r="A15297" s="2"/>
      <c r="B15297" s="2"/>
      <c r="C15297" s="2"/>
    </row>
    <row r="15298" spans="1:3" ht="19.2">
      <c r="A15298" s="2"/>
      <c r="B15298" s="2"/>
      <c r="C15298" s="2"/>
    </row>
    <row r="15299" spans="1:3" ht="19.2">
      <c r="A15299" s="2"/>
      <c r="B15299" s="2"/>
      <c r="C15299" s="2"/>
    </row>
    <row r="15300" spans="1:3" ht="19.2">
      <c r="A15300" s="2"/>
      <c r="B15300" s="2"/>
      <c r="C15300" s="2"/>
    </row>
    <row r="15301" spans="1:3" ht="19.2">
      <c r="A15301" s="2"/>
      <c r="B15301" s="2"/>
      <c r="C15301" s="2"/>
    </row>
    <row r="15302" spans="1:3" ht="19.2">
      <c r="A15302" s="2"/>
      <c r="B15302" s="2"/>
      <c r="C15302" s="2"/>
    </row>
    <row r="15303" spans="1:3" ht="19.2">
      <c r="A15303" s="2"/>
      <c r="B15303" s="2"/>
      <c r="C15303" s="2"/>
    </row>
    <row r="15304" spans="1:3" ht="19.2">
      <c r="A15304" s="2"/>
      <c r="B15304" s="2"/>
      <c r="C15304" s="2"/>
    </row>
    <row r="15305" spans="1:3" ht="19.2">
      <c r="A15305" s="2"/>
      <c r="B15305" s="2"/>
      <c r="C15305" s="2"/>
    </row>
    <row r="15306" spans="1:3" ht="19.2">
      <c r="A15306" s="2"/>
      <c r="B15306" s="2"/>
      <c r="C15306" s="2"/>
    </row>
    <row r="15307" spans="1:3" ht="19.2">
      <c r="A15307" s="2"/>
      <c r="B15307" s="2"/>
      <c r="C15307" s="2"/>
    </row>
    <row r="15308" spans="1:3" ht="19.2">
      <c r="A15308" s="2"/>
      <c r="B15308" s="2"/>
      <c r="C15308" s="2"/>
    </row>
    <row r="15309" spans="1:3" ht="19.2">
      <c r="A15309" s="2"/>
      <c r="B15309" s="2"/>
      <c r="C15309" s="2"/>
    </row>
    <row r="15310" spans="1:3" ht="19.2">
      <c r="A15310" s="2"/>
      <c r="B15310" s="2"/>
      <c r="C15310" s="2"/>
    </row>
    <row r="15311" spans="1:3" ht="19.2">
      <c r="A15311" s="2"/>
      <c r="B15311" s="2"/>
      <c r="C15311" s="2"/>
    </row>
    <row r="15312" spans="1:3" ht="19.2">
      <c r="A15312" s="2"/>
      <c r="B15312" s="2"/>
      <c r="C15312" s="2"/>
    </row>
    <row r="15313" spans="1:3" ht="19.2">
      <c r="A15313" s="2"/>
      <c r="B15313" s="2"/>
      <c r="C15313" s="2"/>
    </row>
    <row r="15314" spans="1:3" ht="19.2">
      <c r="A15314" s="2"/>
      <c r="B15314" s="2"/>
      <c r="C15314" s="2"/>
    </row>
    <row r="15315" spans="1:3" ht="19.2">
      <c r="A15315" s="2"/>
      <c r="B15315" s="2"/>
      <c r="C15315" s="2"/>
    </row>
    <row r="15316" spans="1:3" ht="19.2">
      <c r="A15316" s="2"/>
      <c r="B15316" s="2"/>
      <c r="C15316" s="2"/>
    </row>
    <row r="15317" spans="1:3" ht="19.2">
      <c r="A15317" s="2"/>
      <c r="B15317" s="2"/>
      <c r="C15317" s="2"/>
    </row>
    <row r="15318" spans="1:3" ht="19.2">
      <c r="A15318" s="2"/>
      <c r="B15318" s="2"/>
      <c r="C15318" s="2"/>
    </row>
    <row r="15319" spans="1:3" ht="19.2">
      <c r="A15319" s="2"/>
      <c r="B15319" s="2"/>
      <c r="C15319" s="2"/>
    </row>
    <row r="15320" spans="1:3" ht="19.2">
      <c r="A15320" s="2"/>
      <c r="B15320" s="2"/>
      <c r="C15320" s="2"/>
    </row>
    <row r="15321" spans="1:3" ht="19.2">
      <c r="A15321" s="2"/>
      <c r="B15321" s="2"/>
      <c r="C15321" s="2"/>
    </row>
    <row r="15322" spans="1:3" ht="19.2">
      <c r="A15322" s="2"/>
      <c r="B15322" s="2"/>
      <c r="C15322" s="2"/>
    </row>
    <row r="15323" spans="1:3" ht="19.2">
      <c r="A15323" s="2"/>
      <c r="B15323" s="2"/>
      <c r="C15323" s="2"/>
    </row>
    <row r="15324" spans="1:3" ht="19.2">
      <c r="A15324" s="2"/>
      <c r="B15324" s="2"/>
      <c r="C15324" s="2"/>
    </row>
    <row r="15325" spans="1:3" ht="19.2">
      <c r="A15325" s="2"/>
      <c r="B15325" s="2"/>
      <c r="C15325" s="2"/>
    </row>
    <row r="15326" spans="1:3" ht="19.2">
      <c r="A15326" s="2"/>
      <c r="B15326" s="2"/>
      <c r="C15326" s="2"/>
    </row>
    <row r="15327" spans="1:3" ht="19.2">
      <c r="A15327" s="2"/>
      <c r="B15327" s="2"/>
      <c r="C15327" s="2"/>
    </row>
    <row r="15328" spans="1:3" ht="19.2">
      <c r="A15328" s="2"/>
      <c r="B15328" s="2"/>
      <c r="C15328" s="2"/>
    </row>
    <row r="15329" spans="1:3" ht="19.2">
      <c r="A15329" s="2"/>
      <c r="B15329" s="2"/>
      <c r="C15329" s="2"/>
    </row>
    <row r="15330" spans="1:3" ht="19.2">
      <c r="A15330" s="2"/>
      <c r="B15330" s="2"/>
      <c r="C15330" s="2"/>
    </row>
    <row r="15331" spans="1:3" ht="19.2">
      <c r="A15331" s="2"/>
      <c r="B15331" s="2"/>
      <c r="C15331" s="2"/>
    </row>
    <row r="15332" spans="1:3" ht="19.2">
      <c r="A15332" s="2"/>
      <c r="B15332" s="2"/>
      <c r="C15332" s="2"/>
    </row>
    <row r="15333" spans="1:3" ht="19.2">
      <c r="A15333" s="2"/>
      <c r="B15333" s="2"/>
      <c r="C15333" s="2"/>
    </row>
    <row r="15334" spans="1:3" ht="19.2">
      <c r="A15334" s="2"/>
      <c r="B15334" s="2"/>
      <c r="C15334" s="2"/>
    </row>
    <row r="15335" spans="1:3" ht="19.2">
      <c r="A15335" s="2"/>
      <c r="B15335" s="2"/>
      <c r="C15335" s="2"/>
    </row>
    <row r="15336" spans="1:3" ht="19.2">
      <c r="A15336" s="2"/>
      <c r="B15336" s="2"/>
      <c r="C15336" s="2"/>
    </row>
    <row r="15337" spans="1:3" ht="19.2">
      <c r="A15337" s="2"/>
      <c r="B15337" s="2"/>
      <c r="C15337" s="2"/>
    </row>
    <row r="15338" spans="1:3" ht="19.2">
      <c r="A15338" s="2"/>
      <c r="B15338" s="2"/>
      <c r="C15338" s="2"/>
    </row>
    <row r="15339" spans="1:3" ht="19.2">
      <c r="A15339" s="2"/>
      <c r="B15339" s="2"/>
      <c r="C15339" s="2"/>
    </row>
    <row r="15340" spans="1:3" ht="19.2">
      <c r="A15340" s="2"/>
      <c r="B15340" s="2"/>
      <c r="C15340" s="2"/>
    </row>
    <row r="15341" spans="1:3" ht="19.2">
      <c r="A15341" s="2"/>
      <c r="B15341" s="2"/>
      <c r="C15341" s="2"/>
    </row>
    <row r="15342" spans="1:3" ht="19.2">
      <c r="A15342" s="2"/>
      <c r="B15342" s="2"/>
      <c r="C15342" s="2"/>
    </row>
    <row r="15343" spans="1:3" ht="19.2">
      <c r="A15343" s="2"/>
      <c r="B15343" s="2"/>
      <c r="C15343" s="2"/>
    </row>
    <row r="15344" spans="1:3" ht="19.2">
      <c r="A15344" s="2"/>
      <c r="B15344" s="2"/>
      <c r="C15344" s="2"/>
    </row>
    <row r="15345" spans="1:3" ht="19.2">
      <c r="A15345" s="2"/>
      <c r="B15345" s="2"/>
      <c r="C15345" s="2"/>
    </row>
    <row r="15346" spans="1:3" ht="19.2">
      <c r="A15346" s="2"/>
      <c r="B15346" s="2"/>
      <c r="C15346" s="2"/>
    </row>
    <row r="15347" spans="1:3" ht="19.2">
      <c r="A15347" s="2"/>
      <c r="B15347" s="2"/>
      <c r="C15347" s="2"/>
    </row>
    <row r="15348" spans="1:3" ht="19.2">
      <c r="A15348" s="2"/>
      <c r="B15348" s="2"/>
      <c r="C15348" s="2"/>
    </row>
    <row r="15349" spans="1:3" ht="19.2">
      <c r="A15349" s="2"/>
      <c r="B15349" s="2"/>
      <c r="C15349" s="2"/>
    </row>
    <row r="15350" spans="1:3" ht="19.2">
      <c r="A15350" s="2"/>
      <c r="B15350" s="2"/>
      <c r="C15350" s="2"/>
    </row>
    <row r="15351" spans="1:3" ht="19.2">
      <c r="A15351" s="2"/>
      <c r="B15351" s="2"/>
      <c r="C15351" s="2"/>
    </row>
    <row r="15352" spans="1:3" ht="19.2">
      <c r="A15352" s="2"/>
      <c r="B15352" s="2"/>
      <c r="C15352" s="2"/>
    </row>
    <row r="15353" spans="1:3" ht="19.2">
      <c r="A15353" s="2"/>
      <c r="B15353" s="2"/>
      <c r="C15353" s="2"/>
    </row>
    <row r="15354" spans="1:3" ht="19.2">
      <c r="A15354" s="2"/>
      <c r="B15354" s="2"/>
      <c r="C15354" s="2"/>
    </row>
    <row r="15355" spans="1:3" ht="19.2">
      <c r="A15355" s="2"/>
      <c r="B15355" s="2"/>
      <c r="C15355" s="2"/>
    </row>
    <row r="15356" spans="1:3" ht="19.2">
      <c r="A15356" s="2"/>
      <c r="B15356" s="2"/>
      <c r="C15356" s="2"/>
    </row>
    <row r="15357" spans="1:3" ht="19.2">
      <c r="A15357" s="2"/>
      <c r="B15357" s="2"/>
      <c r="C15357" s="2"/>
    </row>
    <row r="15358" spans="1:3" ht="19.2">
      <c r="A15358" s="2"/>
      <c r="B15358" s="2"/>
      <c r="C15358" s="2"/>
    </row>
    <row r="15359" spans="1:3" ht="19.2">
      <c r="A15359" s="2"/>
      <c r="B15359" s="2"/>
      <c r="C15359" s="2"/>
    </row>
    <row r="15360" spans="1:3" ht="19.2">
      <c r="A15360" s="2"/>
      <c r="B15360" s="2"/>
      <c r="C15360" s="2"/>
    </row>
    <row r="15361" spans="1:3" ht="19.2">
      <c r="A15361" s="2"/>
      <c r="B15361" s="2"/>
      <c r="C15361" s="2"/>
    </row>
    <row r="15362" spans="1:3" ht="19.2">
      <c r="A15362" s="2"/>
      <c r="B15362" s="2"/>
      <c r="C15362" s="2"/>
    </row>
    <row r="15363" spans="1:3" ht="19.2">
      <c r="A15363" s="2"/>
      <c r="B15363" s="2"/>
      <c r="C15363" s="2"/>
    </row>
    <row r="15364" spans="1:3" ht="19.2">
      <c r="A15364" s="2"/>
      <c r="B15364" s="2"/>
      <c r="C15364" s="2"/>
    </row>
    <row r="15365" spans="1:3" ht="19.2">
      <c r="A15365" s="2"/>
      <c r="B15365" s="2"/>
      <c r="C15365" s="2"/>
    </row>
    <row r="15366" spans="1:3" ht="19.2">
      <c r="A15366" s="2"/>
      <c r="B15366" s="2"/>
      <c r="C15366" s="2"/>
    </row>
    <row r="15367" spans="1:3" ht="19.2">
      <c r="A15367" s="2"/>
      <c r="B15367" s="2"/>
      <c r="C15367" s="2"/>
    </row>
    <row r="15368" spans="1:3" ht="19.2">
      <c r="A15368" s="2"/>
      <c r="B15368" s="2"/>
      <c r="C15368" s="2"/>
    </row>
    <row r="15369" spans="1:3" ht="19.2">
      <c r="A15369" s="2"/>
      <c r="B15369" s="2"/>
      <c r="C15369" s="2"/>
    </row>
    <row r="15370" spans="1:3" ht="19.2">
      <c r="A15370" s="2"/>
      <c r="B15370" s="2"/>
      <c r="C15370" s="2"/>
    </row>
    <row r="15371" spans="1:3" ht="19.2">
      <c r="A15371" s="2"/>
      <c r="B15371" s="2"/>
      <c r="C15371" s="2"/>
    </row>
    <row r="15372" spans="1:3" ht="19.2">
      <c r="A15372" s="2"/>
      <c r="B15372" s="2"/>
      <c r="C15372" s="2"/>
    </row>
    <row r="15373" spans="1:3" ht="19.2">
      <c r="A15373" s="2"/>
      <c r="B15373" s="2"/>
      <c r="C15373" s="2"/>
    </row>
    <row r="15374" spans="1:3" ht="19.2">
      <c r="A15374" s="2"/>
      <c r="B15374" s="2"/>
      <c r="C15374" s="2"/>
    </row>
    <row r="15375" spans="1:3" ht="19.2">
      <c r="A15375" s="2"/>
      <c r="B15375" s="2"/>
      <c r="C15375" s="2"/>
    </row>
    <row r="15376" spans="1:3" ht="19.2">
      <c r="A15376" s="2"/>
      <c r="B15376" s="2"/>
      <c r="C15376" s="2"/>
    </row>
    <row r="15377" spans="1:3" ht="19.2">
      <c r="A15377" s="2"/>
      <c r="B15377" s="2"/>
      <c r="C15377" s="2"/>
    </row>
    <row r="15378" spans="1:3" ht="19.2">
      <c r="A15378" s="2"/>
      <c r="B15378" s="2"/>
      <c r="C15378" s="2"/>
    </row>
    <row r="15379" spans="1:3" ht="19.2">
      <c r="A15379" s="2"/>
      <c r="B15379" s="2"/>
      <c r="C15379" s="2"/>
    </row>
    <row r="15380" spans="1:3" ht="19.2">
      <c r="A15380" s="2"/>
      <c r="B15380" s="2"/>
      <c r="C15380" s="2"/>
    </row>
    <row r="15381" spans="1:3" ht="19.2">
      <c r="A15381" s="2"/>
      <c r="B15381" s="2"/>
      <c r="C15381" s="2"/>
    </row>
    <row r="15382" spans="1:3" ht="19.2">
      <c r="A15382" s="2"/>
      <c r="B15382" s="2"/>
      <c r="C15382" s="2"/>
    </row>
    <row r="15383" spans="1:3" ht="19.2">
      <c r="A15383" s="2"/>
      <c r="B15383" s="2"/>
      <c r="C15383" s="2"/>
    </row>
    <row r="15384" spans="1:3" ht="19.2">
      <c r="A15384" s="2"/>
      <c r="B15384" s="2"/>
      <c r="C15384" s="2"/>
    </row>
    <row r="15385" spans="1:3" ht="19.2">
      <c r="A15385" s="2"/>
      <c r="B15385" s="2"/>
      <c r="C15385" s="2"/>
    </row>
    <row r="15386" spans="1:3" ht="19.2">
      <c r="A15386" s="2"/>
      <c r="B15386" s="2"/>
      <c r="C15386" s="2"/>
    </row>
    <row r="15387" spans="1:3" ht="19.2">
      <c r="A15387" s="2"/>
      <c r="B15387" s="2"/>
      <c r="C15387" s="2"/>
    </row>
    <row r="15388" spans="1:3" ht="19.2">
      <c r="A15388" s="2"/>
      <c r="B15388" s="2"/>
      <c r="C15388" s="2"/>
    </row>
    <row r="15389" spans="1:3" ht="19.2">
      <c r="A15389" s="2"/>
      <c r="B15389" s="2"/>
      <c r="C15389" s="2"/>
    </row>
    <row r="15390" spans="1:3" ht="19.2">
      <c r="A15390" s="2"/>
      <c r="B15390" s="2"/>
      <c r="C15390" s="2"/>
    </row>
    <row r="15391" spans="1:3" ht="19.2">
      <c r="A15391" s="2"/>
      <c r="B15391" s="2"/>
      <c r="C15391" s="2"/>
    </row>
    <row r="15392" spans="1:3" ht="19.2">
      <c r="A15392" s="2"/>
      <c r="B15392" s="2"/>
      <c r="C15392" s="2"/>
    </row>
    <row r="15393" spans="1:3" ht="19.2">
      <c r="A15393" s="2"/>
      <c r="B15393" s="2"/>
      <c r="C15393" s="2"/>
    </row>
    <row r="15394" spans="1:3" ht="19.2">
      <c r="A15394" s="2"/>
      <c r="B15394" s="2"/>
      <c r="C15394" s="2"/>
    </row>
    <row r="15395" spans="1:3" ht="19.2">
      <c r="A15395" s="2"/>
      <c r="B15395" s="2"/>
      <c r="C15395" s="2"/>
    </row>
    <row r="15396" spans="1:3" ht="19.2">
      <c r="A15396" s="2"/>
      <c r="B15396" s="2"/>
      <c r="C15396" s="2"/>
    </row>
    <row r="15397" spans="1:3" ht="19.2">
      <c r="A15397" s="2"/>
      <c r="B15397" s="2"/>
      <c r="C15397" s="2"/>
    </row>
    <row r="15398" spans="1:3" ht="19.2">
      <c r="A15398" s="2"/>
      <c r="B15398" s="2"/>
      <c r="C15398" s="2"/>
    </row>
    <row r="15399" spans="1:3" ht="19.2">
      <c r="A15399" s="2"/>
      <c r="B15399" s="2"/>
      <c r="C15399" s="2"/>
    </row>
    <row r="15400" spans="1:3" ht="19.2">
      <c r="A15400" s="2"/>
      <c r="B15400" s="2"/>
      <c r="C15400" s="2"/>
    </row>
    <row r="15401" spans="1:3" ht="19.2">
      <c r="A15401" s="2"/>
      <c r="B15401" s="2"/>
      <c r="C15401" s="2"/>
    </row>
    <row r="15402" spans="1:3" ht="19.2">
      <c r="A15402" s="2"/>
      <c r="B15402" s="2"/>
      <c r="C15402" s="2"/>
    </row>
    <row r="15403" spans="1:3" ht="19.2">
      <c r="A15403" s="2"/>
      <c r="B15403" s="2"/>
      <c r="C15403" s="2"/>
    </row>
    <row r="15404" spans="1:3" ht="19.2">
      <c r="A15404" s="2"/>
      <c r="B15404" s="2"/>
      <c r="C15404" s="2"/>
    </row>
    <row r="15405" spans="1:3" ht="19.2">
      <c r="A15405" s="2"/>
      <c r="B15405" s="2"/>
      <c r="C15405" s="2"/>
    </row>
    <row r="15406" spans="1:3" ht="19.2">
      <c r="A15406" s="2"/>
      <c r="B15406" s="2"/>
      <c r="C15406" s="2"/>
    </row>
    <row r="15407" spans="1:3" ht="19.2">
      <c r="A15407" s="2"/>
      <c r="B15407" s="2"/>
      <c r="C15407" s="2"/>
    </row>
    <row r="15408" spans="1:3" ht="19.2">
      <c r="A15408" s="2"/>
      <c r="B15408" s="2"/>
      <c r="C15408" s="2"/>
    </row>
    <row r="15409" spans="1:3" ht="19.2">
      <c r="A15409" s="2"/>
      <c r="B15409" s="2"/>
      <c r="C15409" s="2"/>
    </row>
    <row r="15410" spans="1:3" ht="19.2">
      <c r="A15410" s="2"/>
      <c r="B15410" s="2"/>
      <c r="C15410" s="2"/>
    </row>
    <row r="15411" spans="1:3" ht="19.2">
      <c r="A15411" s="2"/>
      <c r="B15411" s="2"/>
      <c r="C15411" s="2"/>
    </row>
    <row r="15412" spans="1:3" ht="19.2">
      <c r="A15412" s="2"/>
      <c r="B15412" s="2"/>
      <c r="C15412" s="2"/>
    </row>
    <row r="15413" spans="1:3" ht="19.2">
      <c r="A15413" s="2"/>
      <c r="B15413" s="2"/>
      <c r="C15413" s="2"/>
    </row>
    <row r="15414" spans="1:3" ht="19.2">
      <c r="A15414" s="2"/>
      <c r="B15414" s="2"/>
      <c r="C15414" s="2"/>
    </row>
    <row r="15415" spans="1:3" ht="19.2">
      <c r="A15415" s="2"/>
      <c r="B15415" s="2"/>
      <c r="C15415" s="2"/>
    </row>
    <row r="15416" spans="1:3" ht="19.2">
      <c r="A15416" s="2"/>
      <c r="B15416" s="2"/>
      <c r="C15416" s="2"/>
    </row>
    <row r="15417" spans="1:3" ht="19.2">
      <c r="A15417" s="2"/>
      <c r="B15417" s="2"/>
      <c r="C15417" s="2"/>
    </row>
    <row r="15418" spans="1:3" ht="19.2">
      <c r="A15418" s="2"/>
      <c r="B15418" s="2"/>
      <c r="C15418" s="2"/>
    </row>
    <row r="15419" spans="1:3" ht="19.2">
      <c r="A15419" s="2"/>
      <c r="B15419" s="2"/>
      <c r="C15419" s="2"/>
    </row>
    <row r="15420" spans="1:3" ht="19.2">
      <c r="A15420" s="2"/>
      <c r="B15420" s="2"/>
      <c r="C15420" s="2"/>
    </row>
    <row r="15421" spans="1:3" ht="19.2">
      <c r="A15421" s="2"/>
      <c r="B15421" s="2"/>
      <c r="C15421" s="2"/>
    </row>
    <row r="15422" spans="1:3" ht="19.2">
      <c r="A15422" s="2"/>
      <c r="B15422" s="2"/>
      <c r="C15422" s="2"/>
    </row>
    <row r="15423" spans="1:3" ht="19.2">
      <c r="A15423" s="2"/>
      <c r="B15423" s="2"/>
      <c r="C15423" s="2"/>
    </row>
    <row r="15424" spans="1:3" ht="19.2">
      <c r="A15424" s="2"/>
      <c r="B15424" s="2"/>
      <c r="C15424" s="2"/>
    </row>
    <row r="15425" spans="1:3" ht="19.2">
      <c r="A15425" s="2"/>
      <c r="B15425" s="2"/>
      <c r="C15425" s="2"/>
    </row>
    <row r="15426" spans="1:3" ht="19.2">
      <c r="A15426" s="2"/>
      <c r="B15426" s="2"/>
      <c r="C15426" s="2"/>
    </row>
    <row r="15427" spans="1:3" ht="19.2">
      <c r="A15427" s="2"/>
      <c r="B15427" s="2"/>
      <c r="C15427" s="2"/>
    </row>
    <row r="15428" spans="1:3" ht="19.2">
      <c r="A15428" s="2"/>
      <c r="B15428" s="2"/>
      <c r="C15428" s="2"/>
    </row>
    <row r="15429" spans="1:3" ht="19.2">
      <c r="A15429" s="2"/>
      <c r="B15429" s="2"/>
      <c r="C15429" s="2"/>
    </row>
    <row r="15430" spans="1:3" ht="19.2">
      <c r="A15430" s="2"/>
      <c r="B15430" s="2"/>
      <c r="C15430" s="2"/>
    </row>
    <row r="15431" spans="1:3" ht="19.2">
      <c r="A15431" s="2"/>
      <c r="B15431" s="2"/>
      <c r="C15431" s="2"/>
    </row>
    <row r="15432" spans="1:3" ht="19.2">
      <c r="A15432" s="2"/>
      <c r="B15432" s="2"/>
      <c r="C15432" s="2"/>
    </row>
    <row r="15433" spans="1:3" ht="19.2">
      <c r="A15433" s="2"/>
      <c r="B15433" s="2"/>
      <c r="C15433" s="2"/>
    </row>
    <row r="15434" spans="1:3" ht="19.2">
      <c r="A15434" s="2"/>
      <c r="B15434" s="2"/>
      <c r="C15434" s="2"/>
    </row>
    <row r="15435" spans="1:3" ht="19.2">
      <c r="A15435" s="2"/>
      <c r="B15435" s="2"/>
      <c r="C15435" s="2"/>
    </row>
    <row r="15436" spans="1:3" ht="19.2">
      <c r="A15436" s="2"/>
      <c r="B15436" s="2"/>
      <c r="C15436" s="2"/>
    </row>
    <row r="15437" spans="1:3" ht="19.2">
      <c r="A15437" s="2"/>
      <c r="B15437" s="2"/>
      <c r="C15437" s="2"/>
    </row>
    <row r="15438" spans="1:3" ht="19.2">
      <c r="A15438" s="2"/>
      <c r="B15438" s="2"/>
      <c r="C15438" s="2"/>
    </row>
    <row r="15439" spans="1:3" ht="19.2">
      <c r="A15439" s="2"/>
      <c r="B15439" s="2"/>
      <c r="C15439" s="2"/>
    </row>
    <row r="15440" spans="1:3" ht="19.2">
      <c r="A15440" s="2"/>
      <c r="B15440" s="2"/>
      <c r="C15440" s="2"/>
    </row>
    <row r="15441" spans="1:3" ht="19.2">
      <c r="A15441" s="2"/>
      <c r="B15441" s="2"/>
      <c r="C15441" s="2"/>
    </row>
    <row r="15442" spans="1:3" ht="19.2">
      <c r="A15442" s="2"/>
      <c r="B15442" s="2"/>
      <c r="C15442" s="2"/>
    </row>
    <row r="15443" spans="1:3" ht="19.2">
      <c r="A15443" s="2"/>
      <c r="B15443" s="2"/>
      <c r="C15443" s="2"/>
    </row>
    <row r="15444" spans="1:3" ht="19.2">
      <c r="A15444" s="2"/>
      <c r="B15444" s="2"/>
      <c r="C15444" s="2"/>
    </row>
    <row r="15445" spans="1:3" ht="19.2">
      <c r="A15445" s="2"/>
      <c r="B15445" s="2"/>
      <c r="C15445" s="2"/>
    </row>
    <row r="15446" spans="1:3" ht="19.2">
      <c r="A15446" s="2"/>
      <c r="B15446" s="2"/>
      <c r="C15446" s="2"/>
    </row>
    <row r="15447" spans="1:3" ht="19.2">
      <c r="A15447" s="2"/>
      <c r="B15447" s="2"/>
      <c r="C15447" s="2"/>
    </row>
    <row r="15448" spans="1:3" ht="19.2">
      <c r="A15448" s="2"/>
      <c r="B15448" s="2"/>
      <c r="C15448" s="2"/>
    </row>
    <row r="15449" spans="1:3" ht="19.2">
      <c r="A15449" s="2"/>
      <c r="B15449" s="2"/>
      <c r="C15449" s="2"/>
    </row>
    <row r="15450" spans="1:3" ht="19.2">
      <c r="A15450" s="2"/>
      <c r="B15450" s="2"/>
      <c r="C15450" s="2"/>
    </row>
    <row r="15451" spans="1:3" ht="19.2">
      <c r="A15451" s="2"/>
      <c r="B15451" s="2"/>
      <c r="C15451" s="2"/>
    </row>
    <row r="15452" spans="1:3" ht="19.2">
      <c r="A15452" s="2"/>
      <c r="B15452" s="2"/>
      <c r="C15452" s="2"/>
    </row>
    <row r="15453" spans="1:3" ht="19.2">
      <c r="A15453" s="2"/>
      <c r="B15453" s="2"/>
      <c r="C15453" s="2"/>
    </row>
    <row r="15454" spans="1:3" ht="19.2">
      <c r="A15454" s="2"/>
      <c r="B15454" s="2"/>
      <c r="C15454" s="2"/>
    </row>
    <row r="15455" spans="1:3" ht="19.2">
      <c r="A15455" s="2"/>
      <c r="B15455" s="2"/>
      <c r="C15455" s="2"/>
    </row>
    <row r="15456" spans="1:3" ht="19.2">
      <c r="A15456" s="2"/>
      <c r="B15456" s="2"/>
      <c r="C15456" s="2"/>
    </row>
    <row r="15457" spans="1:3" ht="19.2">
      <c r="A15457" s="2"/>
      <c r="B15457" s="2"/>
      <c r="C15457" s="2"/>
    </row>
    <row r="15458" spans="1:3" ht="19.2">
      <c r="A15458" s="2"/>
      <c r="B15458" s="2"/>
      <c r="C15458" s="2"/>
    </row>
    <row r="15459" spans="1:3" ht="19.2">
      <c r="A15459" s="2"/>
      <c r="B15459" s="2"/>
      <c r="C15459" s="2"/>
    </row>
    <row r="15460" spans="1:3" ht="19.2">
      <c r="A15460" s="2"/>
      <c r="B15460" s="2"/>
      <c r="C15460" s="2"/>
    </row>
    <row r="15461" spans="1:3" ht="19.2">
      <c r="A15461" s="2"/>
      <c r="B15461" s="2"/>
      <c r="C15461" s="2"/>
    </row>
    <row r="15462" spans="1:3" ht="19.2">
      <c r="A15462" s="2"/>
      <c r="B15462" s="2"/>
      <c r="C15462" s="2"/>
    </row>
    <row r="15463" spans="1:3" ht="19.2">
      <c r="A15463" s="2"/>
      <c r="B15463" s="2"/>
      <c r="C15463" s="2"/>
    </row>
    <row r="15464" spans="1:3" ht="19.2">
      <c r="A15464" s="2"/>
      <c r="B15464" s="2"/>
      <c r="C15464" s="2"/>
    </row>
    <row r="15465" spans="1:3" ht="19.2">
      <c r="A15465" s="2"/>
      <c r="B15465" s="2"/>
      <c r="C15465" s="2"/>
    </row>
    <row r="15466" spans="1:3" ht="19.2">
      <c r="A15466" s="2"/>
      <c r="B15466" s="2"/>
      <c r="C15466" s="2"/>
    </row>
    <row r="15467" spans="1:3" ht="19.2">
      <c r="A15467" s="2"/>
      <c r="B15467" s="2"/>
      <c r="C15467" s="2"/>
    </row>
    <row r="15468" spans="1:3" ht="19.2">
      <c r="A15468" s="2"/>
      <c r="B15468" s="2"/>
      <c r="C15468" s="2"/>
    </row>
    <row r="15469" spans="1:3" ht="19.2">
      <c r="A15469" s="2"/>
      <c r="B15469" s="2"/>
      <c r="C15469" s="2"/>
    </row>
    <row r="15470" spans="1:3" ht="19.2">
      <c r="A15470" s="2"/>
      <c r="B15470" s="2"/>
      <c r="C15470" s="2"/>
    </row>
    <row r="15471" spans="1:3" ht="19.2">
      <c r="A15471" s="2"/>
      <c r="B15471" s="2"/>
      <c r="C15471" s="2"/>
    </row>
    <row r="15472" spans="1:3" ht="19.2">
      <c r="A15472" s="2"/>
      <c r="B15472" s="2"/>
      <c r="C15472" s="2"/>
    </row>
    <row r="15473" spans="1:3" ht="19.2">
      <c r="A15473" s="2"/>
      <c r="B15473" s="2"/>
      <c r="C15473" s="2"/>
    </row>
    <row r="15474" spans="1:3" ht="19.2">
      <c r="A15474" s="2"/>
      <c r="B15474" s="2"/>
      <c r="C15474" s="2"/>
    </row>
    <row r="15475" spans="1:3" ht="19.2">
      <c r="A15475" s="2"/>
      <c r="B15475" s="2"/>
      <c r="C15475" s="2"/>
    </row>
    <row r="15476" spans="1:3" ht="19.2">
      <c r="A15476" s="2"/>
      <c r="B15476" s="2"/>
      <c r="C15476" s="2"/>
    </row>
    <row r="15477" spans="1:3" ht="19.2">
      <c r="A15477" s="2"/>
      <c r="B15477" s="2"/>
      <c r="C15477" s="2"/>
    </row>
    <row r="15478" spans="1:3" ht="19.2">
      <c r="A15478" s="2"/>
      <c r="B15478" s="2"/>
      <c r="C15478" s="2"/>
    </row>
    <row r="15479" spans="1:3" ht="19.2">
      <c r="A15479" s="2"/>
      <c r="B15479" s="2"/>
      <c r="C15479" s="2"/>
    </row>
    <row r="15480" spans="1:3" ht="19.2">
      <c r="A15480" s="2"/>
      <c r="B15480" s="2"/>
      <c r="C15480" s="2"/>
    </row>
    <row r="15481" spans="1:3" ht="19.2">
      <c r="A15481" s="2"/>
      <c r="B15481" s="2"/>
      <c r="C15481" s="2"/>
    </row>
    <row r="15482" spans="1:3" ht="19.2">
      <c r="A15482" s="2"/>
      <c r="B15482" s="2"/>
      <c r="C15482" s="2"/>
    </row>
    <row r="15483" spans="1:3" ht="19.2">
      <c r="A15483" s="2"/>
      <c r="B15483" s="2"/>
      <c r="C15483" s="2"/>
    </row>
    <row r="15484" spans="1:3" ht="19.2">
      <c r="A15484" s="2"/>
      <c r="B15484" s="2"/>
      <c r="C15484" s="2"/>
    </row>
    <row r="15485" spans="1:3" ht="19.2">
      <c r="A15485" s="2"/>
      <c r="B15485" s="2"/>
      <c r="C15485" s="2"/>
    </row>
    <row r="15486" spans="1:3" ht="19.2">
      <c r="A15486" s="2"/>
      <c r="B15486" s="2"/>
      <c r="C15486" s="2"/>
    </row>
    <row r="15487" spans="1:3" ht="19.2">
      <c r="A15487" s="2"/>
      <c r="B15487" s="2"/>
      <c r="C15487" s="2"/>
    </row>
    <row r="15488" spans="1:3" ht="19.2">
      <c r="A15488" s="2"/>
      <c r="B15488" s="2"/>
      <c r="C15488" s="2"/>
    </row>
    <row r="15489" spans="1:3" ht="19.2">
      <c r="A15489" s="2"/>
      <c r="B15489" s="2"/>
      <c r="C15489" s="2"/>
    </row>
    <row r="15490" spans="1:3" ht="19.2">
      <c r="A15490" s="2"/>
      <c r="B15490" s="2"/>
      <c r="C15490" s="2"/>
    </row>
    <row r="15491" spans="1:3" ht="19.2">
      <c r="A15491" s="2"/>
      <c r="B15491" s="2"/>
      <c r="C15491" s="2"/>
    </row>
    <row r="15492" spans="1:3" ht="19.2">
      <c r="A15492" s="2"/>
      <c r="B15492" s="2"/>
      <c r="C15492" s="2"/>
    </row>
    <row r="15493" spans="1:3" ht="19.2">
      <c r="A15493" s="2"/>
      <c r="B15493" s="2"/>
      <c r="C15493" s="2"/>
    </row>
    <row r="15494" spans="1:3" ht="19.2">
      <c r="A15494" s="2"/>
      <c r="B15494" s="2"/>
      <c r="C15494" s="2"/>
    </row>
    <row r="15495" spans="1:3" ht="19.2">
      <c r="A15495" s="2"/>
      <c r="B15495" s="2"/>
      <c r="C15495" s="2"/>
    </row>
    <row r="15496" spans="1:3" ht="19.2">
      <c r="A15496" s="2"/>
      <c r="B15496" s="2"/>
      <c r="C15496" s="2"/>
    </row>
    <row r="15497" spans="1:3" ht="19.2">
      <c r="A15497" s="2"/>
      <c r="B15497" s="2"/>
      <c r="C15497" s="2"/>
    </row>
    <row r="15498" spans="1:3" ht="19.2">
      <c r="A15498" s="2"/>
      <c r="B15498" s="2"/>
      <c r="C15498" s="2"/>
    </row>
    <row r="15499" spans="1:3" ht="19.2">
      <c r="A15499" s="2"/>
      <c r="B15499" s="2"/>
      <c r="C15499" s="2"/>
    </row>
    <row r="15500" spans="1:3" ht="19.2">
      <c r="A15500" s="2"/>
      <c r="B15500" s="2"/>
      <c r="C15500" s="2"/>
    </row>
    <row r="15501" spans="1:3" ht="19.2">
      <c r="A15501" s="2"/>
      <c r="B15501" s="2"/>
      <c r="C15501" s="2"/>
    </row>
    <row r="15502" spans="1:3" ht="19.2">
      <c r="A15502" s="2"/>
      <c r="B15502" s="2"/>
      <c r="C15502" s="2"/>
    </row>
    <row r="15503" spans="1:3" ht="19.2">
      <c r="A15503" s="2"/>
      <c r="B15503" s="2"/>
      <c r="C15503" s="2"/>
    </row>
    <row r="15504" spans="1:3" ht="19.2">
      <c r="A15504" s="2"/>
      <c r="B15504" s="2"/>
      <c r="C15504" s="2"/>
    </row>
    <row r="15505" spans="1:3" ht="19.2">
      <c r="A15505" s="2"/>
      <c r="B15505" s="2"/>
      <c r="C15505" s="2"/>
    </row>
    <row r="15506" spans="1:3" ht="19.2">
      <c r="A15506" s="2"/>
      <c r="B15506" s="2"/>
      <c r="C15506" s="2"/>
    </row>
    <row r="15507" spans="1:3" ht="19.2">
      <c r="A15507" s="2"/>
      <c r="B15507" s="2"/>
      <c r="C15507" s="2"/>
    </row>
    <row r="15508" spans="1:3" ht="19.2">
      <c r="A15508" s="2"/>
      <c r="B15508" s="2"/>
      <c r="C15508" s="2"/>
    </row>
    <row r="15509" spans="1:3" ht="19.2">
      <c r="A15509" s="2"/>
      <c r="B15509" s="2"/>
      <c r="C15509" s="2"/>
    </row>
    <row r="15510" spans="1:3" ht="19.2">
      <c r="A15510" s="2"/>
      <c r="B15510" s="2"/>
      <c r="C15510" s="2"/>
    </row>
    <row r="15511" spans="1:3" ht="19.2">
      <c r="A15511" s="2"/>
      <c r="B15511" s="2"/>
      <c r="C15511" s="2"/>
    </row>
    <row r="15512" spans="1:3" ht="19.2">
      <c r="A15512" s="2"/>
      <c r="B15512" s="2"/>
      <c r="C15512" s="2"/>
    </row>
    <row r="15513" spans="1:3" ht="19.2">
      <c r="A15513" s="2"/>
      <c r="B15513" s="2"/>
      <c r="C15513" s="2"/>
    </row>
    <row r="15514" spans="1:3" ht="19.2">
      <c r="A15514" s="2"/>
      <c r="B15514" s="2"/>
      <c r="C15514" s="2"/>
    </row>
    <row r="15515" spans="1:3" ht="19.2">
      <c r="A15515" s="2"/>
      <c r="B15515" s="2"/>
      <c r="C15515" s="2"/>
    </row>
    <row r="15516" spans="1:3" ht="19.2">
      <c r="A15516" s="2"/>
      <c r="B15516" s="2"/>
      <c r="C15516" s="2"/>
    </row>
    <row r="15517" spans="1:3" ht="19.2">
      <c r="A15517" s="2"/>
      <c r="B15517" s="2"/>
      <c r="C15517" s="2"/>
    </row>
    <row r="15518" spans="1:3" ht="19.2">
      <c r="A15518" s="2"/>
      <c r="B15518" s="2"/>
      <c r="C15518" s="2"/>
    </row>
    <row r="15519" spans="1:3" ht="19.2">
      <c r="A15519" s="2"/>
      <c r="B15519" s="2"/>
      <c r="C15519" s="2"/>
    </row>
    <row r="15520" spans="1:3" ht="19.2">
      <c r="A15520" s="2"/>
      <c r="B15520" s="2"/>
      <c r="C15520" s="2"/>
    </row>
    <row r="15521" spans="1:3" ht="19.2">
      <c r="A15521" s="2"/>
      <c r="B15521" s="2"/>
      <c r="C15521" s="2"/>
    </row>
    <row r="15522" spans="1:3" ht="19.2">
      <c r="A15522" s="2"/>
      <c r="B15522" s="2"/>
      <c r="C15522" s="2"/>
    </row>
    <row r="15523" spans="1:3" ht="19.2">
      <c r="A15523" s="2"/>
      <c r="B15523" s="2"/>
      <c r="C15523" s="2"/>
    </row>
    <row r="15524" spans="1:3" ht="19.2">
      <c r="A15524" s="2"/>
      <c r="B15524" s="2"/>
      <c r="C15524" s="2"/>
    </row>
    <row r="15525" spans="1:3" ht="19.2">
      <c r="A15525" s="2"/>
      <c r="B15525" s="2"/>
      <c r="C15525" s="2"/>
    </row>
    <row r="15526" spans="1:3" ht="19.2">
      <c r="A15526" s="2"/>
      <c r="B15526" s="2"/>
      <c r="C15526" s="2"/>
    </row>
    <row r="15527" spans="1:3" ht="19.2">
      <c r="A15527" s="2"/>
      <c r="B15527" s="2"/>
      <c r="C15527" s="2"/>
    </row>
    <row r="15528" spans="1:3" ht="19.2">
      <c r="A15528" s="2"/>
      <c r="B15528" s="2"/>
      <c r="C15528" s="2"/>
    </row>
    <row r="15529" spans="1:3" ht="19.2">
      <c r="A15529" s="2"/>
      <c r="B15529" s="2"/>
      <c r="C15529" s="2"/>
    </row>
    <row r="15530" spans="1:3" ht="19.2">
      <c r="A15530" s="2"/>
      <c r="B15530" s="2"/>
      <c r="C15530" s="2"/>
    </row>
    <row r="15531" spans="1:3" ht="19.2">
      <c r="A15531" s="2"/>
      <c r="B15531" s="2"/>
      <c r="C15531" s="2"/>
    </row>
    <row r="15532" spans="1:3" ht="19.2">
      <c r="A15532" s="2"/>
      <c r="B15532" s="2"/>
      <c r="C15532" s="2"/>
    </row>
    <row r="15533" spans="1:3" ht="19.2">
      <c r="A15533" s="2"/>
      <c r="B15533" s="2"/>
      <c r="C15533" s="2"/>
    </row>
    <row r="15534" spans="1:3" ht="19.2">
      <c r="A15534" s="2"/>
      <c r="B15534" s="2"/>
      <c r="C15534" s="2"/>
    </row>
    <row r="15535" spans="1:3" ht="19.2">
      <c r="A15535" s="2"/>
      <c r="B15535" s="2"/>
      <c r="C15535" s="2"/>
    </row>
    <row r="15536" spans="1:3" ht="19.2">
      <c r="A15536" s="2"/>
      <c r="B15536" s="2"/>
      <c r="C15536" s="2"/>
    </row>
    <row r="15537" spans="1:3" ht="19.2">
      <c r="A15537" s="2"/>
      <c r="B15537" s="2"/>
      <c r="C15537" s="2"/>
    </row>
    <row r="15538" spans="1:3" ht="19.2">
      <c r="A15538" s="2"/>
      <c r="B15538" s="2"/>
      <c r="C15538" s="2"/>
    </row>
    <row r="15539" spans="1:3" ht="19.2">
      <c r="A15539" s="2"/>
      <c r="B15539" s="2"/>
      <c r="C15539" s="2"/>
    </row>
    <row r="15540" spans="1:3" ht="19.2">
      <c r="A15540" s="2"/>
      <c r="B15540" s="2"/>
      <c r="C15540" s="2"/>
    </row>
    <row r="15541" spans="1:3" ht="19.2">
      <c r="A15541" s="2"/>
      <c r="B15541" s="2"/>
      <c r="C15541" s="2"/>
    </row>
    <row r="15542" spans="1:3" ht="19.2">
      <c r="A15542" s="2"/>
      <c r="B15542" s="2"/>
      <c r="C15542" s="2"/>
    </row>
    <row r="15543" spans="1:3" ht="19.2">
      <c r="A15543" s="2"/>
      <c r="B15543" s="2"/>
      <c r="C15543" s="2"/>
    </row>
    <row r="15544" spans="1:3" ht="19.2">
      <c r="A15544" s="2"/>
      <c r="B15544" s="2"/>
      <c r="C15544" s="2"/>
    </row>
    <row r="15545" spans="1:3" ht="19.2">
      <c r="A15545" s="2"/>
      <c r="B15545" s="2"/>
      <c r="C15545" s="2"/>
    </row>
    <row r="15546" spans="1:3" ht="19.2">
      <c r="A15546" s="2"/>
      <c r="B15546" s="2"/>
      <c r="C15546" s="2"/>
    </row>
    <row r="15547" spans="1:3" ht="19.2">
      <c r="A15547" s="2"/>
      <c r="B15547" s="2"/>
      <c r="C15547" s="2"/>
    </row>
    <row r="15548" spans="1:3" ht="19.2">
      <c r="A15548" s="2"/>
      <c r="B15548" s="2"/>
      <c r="C15548" s="2"/>
    </row>
    <row r="15549" spans="1:3" ht="19.2">
      <c r="A15549" s="2"/>
      <c r="B15549" s="2"/>
      <c r="C15549" s="2"/>
    </row>
    <row r="15550" spans="1:3" ht="19.2">
      <c r="A15550" s="2"/>
      <c r="B15550" s="2"/>
      <c r="C15550" s="2"/>
    </row>
    <row r="15551" spans="1:3" ht="19.2">
      <c r="A15551" s="2"/>
      <c r="B15551" s="2"/>
      <c r="C15551" s="2"/>
    </row>
    <row r="15552" spans="1:3" ht="19.2">
      <c r="A15552" s="2"/>
      <c r="B15552" s="2"/>
      <c r="C15552" s="2"/>
    </row>
    <row r="15553" spans="1:3" ht="19.2">
      <c r="A15553" s="2"/>
      <c r="B15553" s="2"/>
      <c r="C15553" s="2"/>
    </row>
    <row r="15554" spans="1:3" ht="19.2">
      <c r="A15554" s="2"/>
      <c r="B15554" s="2"/>
      <c r="C15554" s="2"/>
    </row>
    <row r="15555" spans="1:3" ht="19.2">
      <c r="A15555" s="2"/>
      <c r="B15555" s="2"/>
      <c r="C15555" s="2"/>
    </row>
    <row r="15556" spans="1:3" ht="19.2">
      <c r="A15556" s="2"/>
      <c r="B15556" s="2"/>
      <c r="C15556" s="2"/>
    </row>
    <row r="15557" spans="1:3" ht="19.2">
      <c r="A15557" s="2"/>
      <c r="B15557" s="2"/>
      <c r="C15557" s="2"/>
    </row>
    <row r="15558" spans="1:3" ht="19.2">
      <c r="A15558" s="2"/>
      <c r="B15558" s="2"/>
      <c r="C15558" s="2"/>
    </row>
    <row r="15559" spans="1:3" ht="19.2">
      <c r="A15559" s="2"/>
      <c r="B15559" s="2"/>
      <c r="C15559" s="2"/>
    </row>
    <row r="15560" spans="1:3" ht="19.2">
      <c r="A15560" s="2"/>
      <c r="B15560" s="2"/>
      <c r="C15560" s="2"/>
    </row>
    <row r="15561" spans="1:3" ht="19.2">
      <c r="A15561" s="2"/>
      <c r="B15561" s="2"/>
      <c r="C15561" s="2"/>
    </row>
    <row r="15562" spans="1:3" ht="19.2">
      <c r="A15562" s="2"/>
      <c r="B15562" s="2"/>
      <c r="C15562" s="2"/>
    </row>
    <row r="15563" spans="1:3" ht="19.2">
      <c r="A15563" s="2"/>
      <c r="B15563" s="2"/>
      <c r="C15563" s="2"/>
    </row>
    <row r="15564" spans="1:3" ht="19.2">
      <c r="A15564" s="2"/>
      <c r="B15564" s="2"/>
      <c r="C15564" s="2"/>
    </row>
    <row r="15565" spans="1:3" ht="19.2">
      <c r="A15565" s="2"/>
      <c r="B15565" s="2"/>
      <c r="C15565" s="2"/>
    </row>
    <row r="15566" spans="1:3" ht="19.2">
      <c r="A15566" s="2"/>
      <c r="B15566" s="2"/>
      <c r="C15566" s="2"/>
    </row>
    <row r="15567" spans="1:3" ht="19.2">
      <c r="A15567" s="2"/>
      <c r="B15567" s="2"/>
      <c r="C15567" s="2"/>
    </row>
    <row r="15568" spans="1:3" ht="19.2">
      <c r="A15568" s="2"/>
      <c r="B15568" s="2"/>
      <c r="C15568" s="2"/>
    </row>
    <row r="15569" spans="1:3" ht="19.2">
      <c r="A15569" s="2"/>
      <c r="B15569" s="2"/>
      <c r="C15569" s="2"/>
    </row>
    <row r="15570" spans="1:3" ht="19.2">
      <c r="A15570" s="2"/>
      <c r="B15570" s="2"/>
      <c r="C15570" s="2"/>
    </row>
    <row r="15571" spans="1:3" ht="19.2">
      <c r="A15571" s="2"/>
      <c r="B15571" s="2"/>
      <c r="C15571" s="2"/>
    </row>
    <row r="15572" spans="1:3" ht="19.2">
      <c r="A15572" s="2"/>
      <c r="B15572" s="2"/>
      <c r="C15572" s="2"/>
    </row>
    <row r="15573" spans="1:3" ht="19.2">
      <c r="A15573" s="2"/>
      <c r="B15573" s="2"/>
      <c r="C15573" s="2"/>
    </row>
    <row r="15574" spans="1:3" ht="19.2">
      <c r="A15574" s="2"/>
      <c r="B15574" s="2"/>
      <c r="C15574" s="2"/>
    </row>
    <row r="15575" spans="1:3" ht="19.2">
      <c r="A15575" s="2"/>
      <c r="B15575" s="2"/>
      <c r="C15575" s="2"/>
    </row>
    <row r="15576" spans="1:3" ht="19.2">
      <c r="A15576" s="2"/>
      <c r="B15576" s="2"/>
      <c r="C15576" s="2"/>
    </row>
    <row r="15577" spans="1:3" ht="19.2">
      <c r="A15577" s="2"/>
      <c r="B15577" s="2"/>
      <c r="C15577" s="2"/>
    </row>
    <row r="15578" spans="1:3" ht="19.2">
      <c r="A15578" s="2"/>
      <c r="B15578" s="2"/>
      <c r="C15578" s="2"/>
    </row>
    <row r="15579" spans="1:3" ht="19.2">
      <c r="A15579" s="2"/>
      <c r="B15579" s="2"/>
      <c r="C15579" s="2"/>
    </row>
    <row r="15580" spans="1:3" ht="19.2">
      <c r="A15580" s="2"/>
      <c r="B15580" s="2"/>
      <c r="C15580" s="2"/>
    </row>
    <row r="15581" spans="1:3" ht="19.2">
      <c r="A15581" s="2"/>
      <c r="B15581" s="2"/>
      <c r="C15581" s="2"/>
    </row>
    <row r="15582" spans="1:3" ht="19.2">
      <c r="A15582" s="2"/>
      <c r="B15582" s="2"/>
      <c r="C15582" s="2"/>
    </row>
    <row r="15583" spans="1:3" ht="19.2">
      <c r="A15583" s="2"/>
      <c r="B15583" s="2"/>
      <c r="C15583" s="2"/>
    </row>
    <row r="15584" spans="1:3" ht="19.2">
      <c r="A15584" s="2"/>
      <c r="B15584" s="2"/>
      <c r="C15584" s="2"/>
    </row>
    <row r="15585" spans="1:3" ht="19.2">
      <c r="A15585" s="2"/>
      <c r="B15585" s="2"/>
      <c r="C15585" s="2"/>
    </row>
    <row r="15586" spans="1:3" ht="19.2">
      <c r="A15586" s="2"/>
      <c r="B15586" s="2"/>
      <c r="C15586" s="2"/>
    </row>
    <row r="15587" spans="1:3" ht="19.2">
      <c r="A15587" s="2"/>
      <c r="B15587" s="2"/>
      <c r="C15587" s="2"/>
    </row>
    <row r="15588" spans="1:3" ht="19.2">
      <c r="A15588" s="2"/>
      <c r="B15588" s="2"/>
      <c r="C15588" s="2"/>
    </row>
    <row r="15589" spans="1:3" ht="19.2">
      <c r="A15589" s="2"/>
      <c r="B15589" s="2"/>
      <c r="C15589" s="2"/>
    </row>
    <row r="15590" spans="1:3" ht="19.2">
      <c r="A15590" s="2"/>
      <c r="B15590" s="2"/>
      <c r="C15590" s="2"/>
    </row>
    <row r="15591" spans="1:3" ht="19.2">
      <c r="A15591" s="2"/>
      <c r="B15591" s="2"/>
      <c r="C15591" s="2"/>
    </row>
    <row r="15592" spans="1:3" ht="19.2">
      <c r="A15592" s="2"/>
      <c r="B15592" s="2"/>
      <c r="C15592" s="2"/>
    </row>
    <row r="15593" spans="1:3" ht="19.2">
      <c r="A15593" s="2"/>
      <c r="B15593" s="2"/>
      <c r="C15593" s="2"/>
    </row>
    <row r="15594" spans="1:3" ht="19.2">
      <c r="A15594" s="2"/>
      <c r="B15594" s="2"/>
      <c r="C15594" s="2"/>
    </row>
    <row r="15595" spans="1:3" ht="19.2">
      <c r="A15595" s="2"/>
      <c r="B15595" s="2"/>
      <c r="C15595" s="2"/>
    </row>
    <row r="15596" spans="1:3" ht="19.2">
      <c r="A15596" s="2"/>
      <c r="B15596" s="2"/>
      <c r="C15596" s="2"/>
    </row>
    <row r="15597" spans="1:3" ht="19.2">
      <c r="A15597" s="2"/>
      <c r="B15597" s="2"/>
      <c r="C15597" s="2"/>
    </row>
    <row r="15598" spans="1:3" ht="19.2">
      <c r="A15598" s="2"/>
      <c r="B15598" s="2"/>
      <c r="C15598" s="2"/>
    </row>
    <row r="15599" spans="1:3" ht="19.2">
      <c r="A15599" s="2"/>
      <c r="B15599" s="2"/>
      <c r="C15599" s="2"/>
    </row>
    <row r="15600" spans="1:3" ht="19.2">
      <c r="A15600" s="2"/>
      <c r="B15600" s="2"/>
      <c r="C15600" s="2"/>
    </row>
    <row r="15601" spans="1:3" ht="19.2">
      <c r="A15601" s="2"/>
      <c r="B15601" s="2"/>
      <c r="C15601" s="2"/>
    </row>
    <row r="15602" spans="1:3" ht="19.2">
      <c r="A15602" s="2"/>
      <c r="B15602" s="2"/>
      <c r="C15602" s="2"/>
    </row>
    <row r="15603" spans="1:3" ht="19.2">
      <c r="A15603" s="2"/>
      <c r="B15603" s="2"/>
      <c r="C15603" s="2"/>
    </row>
    <row r="15604" spans="1:3" ht="19.2">
      <c r="A15604" s="2"/>
      <c r="B15604" s="2"/>
      <c r="C15604" s="2"/>
    </row>
    <row r="15605" spans="1:3" ht="19.2">
      <c r="A15605" s="2"/>
      <c r="B15605" s="2"/>
      <c r="C15605" s="2"/>
    </row>
    <row r="15606" spans="1:3" ht="19.2">
      <c r="A15606" s="2"/>
      <c r="B15606" s="2"/>
      <c r="C15606" s="2"/>
    </row>
    <row r="15607" spans="1:3" ht="19.2">
      <c r="A15607" s="2"/>
      <c r="B15607" s="2"/>
      <c r="C15607" s="2"/>
    </row>
    <row r="15608" spans="1:3" ht="19.2">
      <c r="A15608" s="2"/>
      <c r="B15608" s="2"/>
      <c r="C15608" s="2"/>
    </row>
    <row r="15609" spans="1:3" ht="19.2">
      <c r="A15609" s="2"/>
      <c r="B15609" s="2"/>
      <c r="C15609" s="2"/>
    </row>
    <row r="15610" spans="1:3" ht="19.2">
      <c r="A15610" s="2"/>
      <c r="B15610" s="2"/>
      <c r="C15610" s="2"/>
    </row>
    <row r="15611" spans="1:3" ht="19.2">
      <c r="A15611" s="2"/>
      <c r="B15611" s="2"/>
      <c r="C15611" s="2"/>
    </row>
    <row r="15612" spans="1:3" ht="19.2">
      <c r="A15612" s="2"/>
      <c r="B15612" s="2"/>
      <c r="C15612" s="2"/>
    </row>
    <row r="15613" spans="1:3" ht="19.2">
      <c r="A15613" s="2"/>
      <c r="B15613" s="2"/>
      <c r="C15613" s="2"/>
    </row>
    <row r="15614" spans="1:3" ht="19.2">
      <c r="A15614" s="2"/>
      <c r="B15614" s="2"/>
      <c r="C15614" s="2"/>
    </row>
    <row r="15615" spans="1:3" ht="19.2">
      <c r="A15615" s="2"/>
      <c r="B15615" s="2"/>
      <c r="C15615" s="2"/>
    </row>
    <row r="15616" spans="1:3" ht="19.2">
      <c r="A15616" s="2"/>
      <c r="B15616" s="2"/>
      <c r="C15616" s="2"/>
    </row>
    <row r="15617" spans="1:3" ht="19.2">
      <c r="A15617" s="2"/>
      <c r="B15617" s="2"/>
      <c r="C15617" s="2"/>
    </row>
    <row r="15618" spans="1:3" ht="19.2">
      <c r="A15618" s="2"/>
      <c r="B15618" s="2"/>
      <c r="C15618" s="2"/>
    </row>
    <row r="15619" spans="1:3" ht="19.2">
      <c r="A15619" s="2"/>
      <c r="B15619" s="2"/>
      <c r="C15619" s="2"/>
    </row>
    <row r="15620" spans="1:3" ht="19.2">
      <c r="A15620" s="2"/>
      <c r="B15620" s="2"/>
      <c r="C15620" s="2"/>
    </row>
    <row r="15621" spans="1:3" ht="19.2">
      <c r="A15621" s="2"/>
      <c r="B15621" s="2"/>
      <c r="C15621" s="2"/>
    </row>
    <row r="15622" spans="1:3" ht="19.2">
      <c r="A15622" s="2"/>
      <c r="B15622" s="2"/>
      <c r="C15622" s="2"/>
    </row>
    <row r="15623" spans="1:3" ht="19.2">
      <c r="A15623" s="2"/>
      <c r="B15623" s="2"/>
      <c r="C15623" s="2"/>
    </row>
    <row r="15624" spans="1:3" ht="19.2">
      <c r="A15624" s="2"/>
      <c r="B15624" s="2"/>
      <c r="C15624" s="2"/>
    </row>
    <row r="15625" spans="1:3" ht="19.2">
      <c r="A15625" s="2"/>
      <c r="B15625" s="2"/>
      <c r="C15625" s="2"/>
    </row>
    <row r="15626" spans="1:3" ht="19.2">
      <c r="A15626" s="2"/>
      <c r="B15626" s="2"/>
      <c r="C15626" s="2"/>
    </row>
    <row r="15627" spans="1:3" ht="19.2">
      <c r="A15627" s="2"/>
      <c r="B15627" s="2"/>
      <c r="C15627" s="2"/>
    </row>
    <row r="15628" spans="1:3" ht="19.2">
      <c r="A15628" s="2"/>
      <c r="B15628" s="2"/>
      <c r="C15628" s="2"/>
    </row>
    <row r="15629" spans="1:3" ht="19.2">
      <c r="A15629" s="2"/>
      <c r="B15629" s="2"/>
      <c r="C15629" s="2"/>
    </row>
    <row r="15630" spans="1:3" ht="19.2">
      <c r="A15630" s="2"/>
      <c r="B15630" s="2"/>
      <c r="C15630" s="2"/>
    </row>
    <row r="15631" spans="1:3" ht="19.2">
      <c r="A15631" s="2"/>
      <c r="B15631" s="2"/>
      <c r="C15631" s="2"/>
    </row>
    <row r="15632" spans="1:3" ht="19.2">
      <c r="A15632" s="2"/>
      <c r="B15632" s="2"/>
      <c r="C15632" s="2"/>
    </row>
    <row r="15633" spans="1:3" ht="19.2">
      <c r="A15633" s="2"/>
      <c r="B15633" s="2"/>
      <c r="C15633" s="2"/>
    </row>
    <row r="15634" spans="1:3" ht="19.2">
      <c r="A15634" s="2"/>
      <c r="B15634" s="2"/>
      <c r="C15634" s="2"/>
    </row>
    <row r="15635" spans="1:3" ht="19.2">
      <c r="A15635" s="2"/>
      <c r="B15635" s="2"/>
      <c r="C15635" s="2"/>
    </row>
    <row r="15636" spans="1:3" ht="19.2">
      <c r="A15636" s="2"/>
      <c r="B15636" s="2"/>
      <c r="C15636" s="2"/>
    </row>
    <row r="15637" spans="1:3" ht="19.2">
      <c r="A15637" s="2"/>
      <c r="B15637" s="2"/>
      <c r="C15637" s="2"/>
    </row>
    <row r="15638" spans="1:3" ht="19.2">
      <c r="A15638" s="2"/>
      <c r="B15638" s="2"/>
      <c r="C15638" s="2"/>
    </row>
    <row r="15639" spans="1:3" ht="19.2">
      <c r="A15639" s="2"/>
      <c r="B15639" s="2"/>
      <c r="C15639" s="2"/>
    </row>
    <row r="15640" spans="1:3" ht="19.2">
      <c r="A15640" s="2"/>
      <c r="B15640" s="2"/>
      <c r="C15640" s="2"/>
    </row>
    <row r="15641" spans="1:3" ht="19.2">
      <c r="A15641" s="2"/>
      <c r="B15641" s="2"/>
      <c r="C15641" s="2"/>
    </row>
    <row r="15642" spans="1:3" ht="19.2">
      <c r="A15642" s="2"/>
      <c r="B15642" s="2"/>
      <c r="C15642" s="2"/>
    </row>
    <row r="15643" spans="1:3" ht="19.2">
      <c r="A15643" s="2"/>
      <c r="B15643" s="2"/>
      <c r="C15643" s="2"/>
    </row>
    <row r="15644" spans="1:3" ht="19.2">
      <c r="A15644" s="2"/>
      <c r="B15644" s="2"/>
      <c r="C15644" s="2"/>
    </row>
    <row r="15645" spans="1:3" ht="19.2">
      <c r="A15645" s="2"/>
      <c r="B15645" s="2"/>
      <c r="C15645" s="2"/>
    </row>
    <row r="15646" spans="1:3" ht="19.2">
      <c r="A15646" s="2"/>
      <c r="B15646" s="2"/>
      <c r="C15646" s="2"/>
    </row>
    <row r="15647" spans="1:3" ht="19.2">
      <c r="A15647" s="2"/>
      <c r="B15647" s="2"/>
      <c r="C15647" s="2"/>
    </row>
    <row r="15648" spans="1:3" ht="19.2">
      <c r="A15648" s="2"/>
      <c r="B15648" s="2"/>
      <c r="C15648" s="2"/>
    </row>
    <row r="15649" spans="1:3" ht="19.2">
      <c r="A15649" s="2"/>
      <c r="B15649" s="2"/>
      <c r="C15649" s="2"/>
    </row>
    <row r="15650" spans="1:3" ht="19.2">
      <c r="A15650" s="2"/>
      <c r="B15650" s="2"/>
      <c r="C15650" s="2"/>
    </row>
    <row r="15651" spans="1:3" ht="19.2">
      <c r="A15651" s="2"/>
      <c r="B15651" s="2"/>
      <c r="C15651" s="2"/>
    </row>
    <row r="15652" spans="1:3" ht="19.2">
      <c r="A15652" s="2"/>
      <c r="B15652" s="2"/>
      <c r="C15652" s="2"/>
    </row>
    <row r="15653" spans="1:3" ht="19.2">
      <c r="A15653" s="2"/>
      <c r="B15653" s="2"/>
      <c r="C15653" s="2"/>
    </row>
    <row r="15654" spans="1:3" ht="19.2">
      <c r="A15654" s="2"/>
      <c r="B15654" s="2"/>
      <c r="C15654" s="2"/>
    </row>
    <row r="15655" spans="1:3" ht="19.2">
      <c r="A15655" s="2"/>
      <c r="B15655" s="2"/>
      <c r="C15655" s="2"/>
    </row>
    <row r="15656" spans="1:3" ht="19.2">
      <c r="A15656" s="2"/>
      <c r="B15656" s="2"/>
      <c r="C15656" s="2"/>
    </row>
    <row r="15657" spans="1:3" ht="19.2">
      <c r="A15657" s="2"/>
      <c r="B15657" s="2"/>
      <c r="C15657" s="2"/>
    </row>
    <row r="15658" spans="1:3" ht="19.2">
      <c r="A15658" s="2"/>
      <c r="B15658" s="2"/>
      <c r="C15658" s="2"/>
    </row>
    <row r="15659" spans="1:3" ht="19.2">
      <c r="A15659" s="2"/>
      <c r="B15659" s="2"/>
      <c r="C15659" s="2"/>
    </row>
    <row r="15660" spans="1:3" ht="19.2">
      <c r="A15660" s="2"/>
      <c r="B15660" s="2"/>
      <c r="C15660" s="2"/>
    </row>
    <row r="15661" spans="1:3" ht="19.2">
      <c r="A15661" s="2"/>
      <c r="B15661" s="2"/>
      <c r="C15661" s="2"/>
    </row>
    <row r="15662" spans="1:3" ht="19.2">
      <c r="A15662" s="2"/>
      <c r="B15662" s="2"/>
      <c r="C15662" s="2"/>
    </row>
    <row r="15663" spans="1:3" ht="19.2">
      <c r="A15663" s="2"/>
      <c r="B15663" s="2"/>
      <c r="C15663" s="2"/>
    </row>
    <row r="15664" spans="1:3" ht="19.2">
      <c r="A15664" s="2"/>
      <c r="B15664" s="2"/>
      <c r="C15664" s="2"/>
    </row>
    <row r="15665" spans="1:3" ht="19.2">
      <c r="A15665" s="2"/>
      <c r="B15665" s="2"/>
      <c r="C15665" s="2"/>
    </row>
    <row r="15666" spans="1:3" ht="19.2">
      <c r="A15666" s="2"/>
      <c r="B15666" s="2"/>
      <c r="C15666" s="2"/>
    </row>
    <row r="15667" spans="1:3" ht="19.2">
      <c r="A15667" s="2"/>
      <c r="B15667" s="2"/>
      <c r="C15667" s="2"/>
    </row>
    <row r="15668" spans="1:3" ht="19.2">
      <c r="A15668" s="2"/>
      <c r="B15668" s="2"/>
      <c r="C15668" s="2"/>
    </row>
    <row r="15669" spans="1:3" ht="19.2">
      <c r="A15669" s="2"/>
      <c r="B15669" s="2"/>
      <c r="C15669" s="2"/>
    </row>
    <row r="15670" spans="1:3" ht="19.2">
      <c r="A15670" s="2"/>
      <c r="B15670" s="2"/>
      <c r="C15670" s="2"/>
    </row>
    <row r="15671" spans="1:3" ht="19.2">
      <c r="A15671" s="2"/>
      <c r="B15671" s="2"/>
      <c r="C15671" s="2"/>
    </row>
    <row r="15672" spans="1:3" ht="19.2">
      <c r="A15672" s="2"/>
      <c r="B15672" s="2"/>
      <c r="C15672" s="2"/>
    </row>
    <row r="15673" spans="1:3" ht="19.2">
      <c r="A15673" s="2"/>
      <c r="B15673" s="2"/>
      <c r="C15673" s="2"/>
    </row>
    <row r="15674" spans="1:3" ht="19.2">
      <c r="A15674" s="2"/>
      <c r="B15674" s="2"/>
      <c r="C15674" s="2"/>
    </row>
    <row r="15675" spans="1:3" ht="19.2">
      <c r="A15675" s="2"/>
      <c r="B15675" s="2"/>
      <c r="C15675" s="2"/>
    </row>
    <row r="15676" spans="1:3" ht="19.2">
      <c r="A15676" s="2"/>
      <c r="B15676" s="2"/>
      <c r="C15676" s="2"/>
    </row>
    <row r="15677" spans="1:3" ht="19.2">
      <c r="A15677" s="2"/>
      <c r="B15677" s="2"/>
      <c r="C15677" s="2"/>
    </row>
    <row r="15678" spans="1:3" ht="19.2">
      <c r="A15678" s="2"/>
      <c r="B15678" s="2"/>
      <c r="C15678" s="2"/>
    </row>
    <row r="15679" spans="1:3" ht="19.2">
      <c r="A15679" s="2"/>
      <c r="B15679" s="2"/>
      <c r="C15679" s="2"/>
    </row>
    <row r="15680" spans="1:3" ht="19.2">
      <c r="A15680" s="2"/>
      <c r="B15680" s="2"/>
      <c r="C15680" s="2"/>
    </row>
    <row r="15681" spans="1:3" ht="19.2">
      <c r="A15681" s="2"/>
      <c r="B15681" s="2"/>
      <c r="C15681" s="2"/>
    </row>
    <row r="15682" spans="1:3" ht="19.2">
      <c r="A15682" s="2"/>
      <c r="B15682" s="2"/>
      <c r="C15682" s="2"/>
    </row>
    <row r="15683" spans="1:3" ht="19.2">
      <c r="A15683" s="2"/>
      <c r="B15683" s="2"/>
      <c r="C15683" s="2"/>
    </row>
    <row r="15684" spans="1:3" ht="19.2">
      <c r="A15684" s="2"/>
      <c r="B15684" s="2"/>
      <c r="C15684" s="2"/>
    </row>
    <row r="15685" spans="1:3" ht="19.2">
      <c r="A15685" s="2"/>
      <c r="B15685" s="2"/>
      <c r="C15685" s="2"/>
    </row>
    <row r="15686" spans="1:3" ht="19.2">
      <c r="A15686" s="2"/>
      <c r="B15686" s="2"/>
      <c r="C15686" s="2"/>
    </row>
    <row r="15687" spans="1:3" ht="19.2">
      <c r="A15687" s="2"/>
      <c r="B15687" s="2"/>
      <c r="C15687" s="2"/>
    </row>
    <row r="15688" spans="1:3" ht="19.2">
      <c r="A15688" s="2"/>
      <c r="B15688" s="2"/>
      <c r="C15688" s="2"/>
    </row>
    <row r="15689" spans="1:3" ht="19.2">
      <c r="A15689" s="2"/>
      <c r="B15689" s="2"/>
      <c r="C15689" s="2"/>
    </row>
    <row r="15690" spans="1:3" ht="19.2">
      <c r="A15690" s="2"/>
      <c r="B15690" s="2"/>
      <c r="C15690" s="2"/>
    </row>
    <row r="15691" spans="1:3" ht="19.2">
      <c r="A15691" s="2"/>
      <c r="B15691" s="2"/>
      <c r="C15691" s="2"/>
    </row>
    <row r="15692" spans="1:3" ht="19.2">
      <c r="A15692" s="2"/>
      <c r="B15692" s="2"/>
      <c r="C15692" s="2"/>
    </row>
    <row r="15693" spans="1:3" ht="19.2">
      <c r="A15693" s="2"/>
      <c r="B15693" s="2"/>
      <c r="C15693" s="2"/>
    </row>
    <row r="15694" spans="1:3" ht="19.2">
      <c r="A15694" s="2"/>
      <c r="B15694" s="2"/>
      <c r="C15694" s="2"/>
    </row>
    <row r="15695" spans="1:3" ht="19.2">
      <c r="A15695" s="2"/>
      <c r="B15695" s="2"/>
      <c r="C15695" s="2"/>
    </row>
    <row r="15696" spans="1:3" ht="19.2">
      <c r="A15696" s="2"/>
      <c r="B15696" s="2"/>
      <c r="C15696" s="2"/>
    </row>
    <row r="15697" spans="1:3" ht="19.2">
      <c r="A15697" s="2"/>
      <c r="B15697" s="2"/>
      <c r="C15697" s="2"/>
    </row>
    <row r="15698" spans="1:3" ht="19.2">
      <c r="A15698" s="2"/>
      <c r="B15698" s="2"/>
      <c r="C15698" s="2"/>
    </row>
    <row r="15699" spans="1:3" ht="19.2">
      <c r="A15699" s="2"/>
      <c r="B15699" s="2"/>
      <c r="C15699" s="2"/>
    </row>
    <row r="15700" spans="1:3" ht="19.2">
      <c r="A15700" s="2"/>
      <c r="B15700" s="2"/>
      <c r="C15700" s="2"/>
    </row>
    <row r="15701" spans="1:3" ht="19.2">
      <c r="A15701" s="2"/>
      <c r="B15701" s="2"/>
      <c r="C15701" s="2"/>
    </row>
    <row r="15702" spans="1:3" ht="19.2">
      <c r="A15702" s="2"/>
      <c r="B15702" s="2"/>
      <c r="C15702" s="2"/>
    </row>
    <row r="15703" spans="1:3" ht="19.2">
      <c r="A15703" s="2"/>
      <c r="B15703" s="2"/>
      <c r="C15703" s="2"/>
    </row>
    <row r="15704" spans="1:3" ht="19.2">
      <c r="A15704" s="2"/>
      <c r="B15704" s="2"/>
      <c r="C15704" s="2"/>
    </row>
    <row r="15705" spans="1:3" ht="19.2">
      <c r="A15705" s="2"/>
      <c r="B15705" s="2"/>
      <c r="C15705" s="2"/>
    </row>
    <row r="15706" spans="1:3" ht="19.2">
      <c r="A15706" s="2"/>
      <c r="B15706" s="2"/>
      <c r="C15706" s="2"/>
    </row>
    <row r="15707" spans="1:3" ht="19.2">
      <c r="A15707" s="2"/>
      <c r="B15707" s="2"/>
      <c r="C15707" s="2"/>
    </row>
    <row r="15708" spans="1:3" ht="19.2">
      <c r="A15708" s="2"/>
      <c r="B15708" s="2"/>
      <c r="C15708" s="2"/>
    </row>
    <row r="15709" spans="1:3" ht="19.2">
      <c r="A15709" s="2"/>
      <c r="B15709" s="2"/>
      <c r="C15709" s="2"/>
    </row>
    <row r="15710" spans="1:3" ht="19.2">
      <c r="A15710" s="2"/>
      <c r="B15710" s="2"/>
      <c r="C15710" s="2"/>
    </row>
    <row r="15711" spans="1:3" ht="19.2">
      <c r="A15711" s="2"/>
      <c r="B15711" s="2"/>
      <c r="C15711" s="2"/>
    </row>
    <row r="15712" spans="1:3" ht="19.2">
      <c r="A15712" s="2"/>
      <c r="B15712" s="2"/>
      <c r="C15712" s="2"/>
    </row>
    <row r="15713" spans="1:3" ht="19.2">
      <c r="A15713" s="2"/>
      <c r="B15713" s="2"/>
      <c r="C15713" s="2"/>
    </row>
    <row r="15714" spans="1:3" ht="19.2">
      <c r="A15714" s="2"/>
      <c r="B15714" s="2"/>
      <c r="C15714" s="2"/>
    </row>
    <row r="15715" spans="1:3" ht="19.2">
      <c r="A15715" s="2"/>
      <c r="B15715" s="2"/>
      <c r="C15715" s="2"/>
    </row>
    <row r="15716" spans="1:3" ht="19.2">
      <c r="A15716" s="2"/>
      <c r="B15716" s="2"/>
      <c r="C15716" s="2"/>
    </row>
    <row r="15717" spans="1:3" ht="19.2">
      <c r="A15717" s="2"/>
      <c r="B15717" s="2"/>
      <c r="C15717" s="2"/>
    </row>
    <row r="15718" spans="1:3" ht="19.2">
      <c r="A15718" s="2"/>
      <c r="B15718" s="2"/>
      <c r="C15718" s="2"/>
    </row>
    <row r="15719" spans="1:3" ht="19.2">
      <c r="A15719" s="2"/>
      <c r="B15719" s="2"/>
      <c r="C15719" s="2"/>
    </row>
    <row r="15720" spans="1:3" ht="19.2">
      <c r="A15720" s="2"/>
      <c r="B15720" s="2"/>
      <c r="C15720" s="2"/>
    </row>
    <row r="15721" spans="1:3" ht="19.2">
      <c r="A15721" s="2"/>
      <c r="B15721" s="2"/>
      <c r="C15721" s="2"/>
    </row>
    <row r="15722" spans="1:3" ht="19.2">
      <c r="A15722" s="2"/>
      <c r="B15722" s="2"/>
      <c r="C15722" s="2"/>
    </row>
    <row r="15723" spans="1:3" ht="19.2">
      <c r="A15723" s="2"/>
      <c r="B15723" s="2"/>
      <c r="C15723" s="2"/>
    </row>
    <row r="15724" spans="1:3" ht="19.2">
      <c r="A15724" s="2"/>
      <c r="B15724" s="2"/>
      <c r="C15724" s="2"/>
    </row>
    <row r="15725" spans="1:3" ht="19.2">
      <c r="A15725" s="2"/>
      <c r="B15725" s="2"/>
      <c r="C15725" s="2"/>
    </row>
    <row r="15726" spans="1:3" ht="19.2">
      <c r="A15726" s="2"/>
      <c r="B15726" s="2"/>
      <c r="C15726" s="2"/>
    </row>
    <row r="15727" spans="1:3" ht="19.2">
      <c r="A15727" s="2"/>
      <c r="B15727" s="2"/>
      <c r="C15727" s="2"/>
    </row>
    <row r="15728" spans="1:3" ht="19.2">
      <c r="A15728" s="2"/>
      <c r="B15728" s="2"/>
      <c r="C15728" s="2"/>
    </row>
    <row r="15729" spans="1:3" ht="19.2">
      <c r="A15729" s="2"/>
      <c r="B15729" s="2"/>
      <c r="C15729" s="2"/>
    </row>
    <row r="15730" spans="1:3" ht="19.2">
      <c r="A15730" s="2"/>
      <c r="B15730" s="2"/>
      <c r="C15730" s="2"/>
    </row>
    <row r="15731" spans="1:3" ht="19.2">
      <c r="A15731" s="2"/>
      <c r="B15731" s="2"/>
      <c r="C15731" s="2"/>
    </row>
    <row r="15732" spans="1:3" ht="19.2">
      <c r="A15732" s="2"/>
      <c r="B15732" s="2"/>
      <c r="C15732" s="2"/>
    </row>
    <row r="15733" spans="1:3" ht="19.2">
      <c r="A15733" s="2"/>
      <c r="B15733" s="2"/>
      <c r="C15733" s="2"/>
    </row>
    <row r="15734" spans="1:3" ht="19.2">
      <c r="A15734" s="2"/>
      <c r="B15734" s="2"/>
      <c r="C15734" s="2"/>
    </row>
    <row r="15735" spans="1:3" ht="19.2">
      <c r="A15735" s="2"/>
      <c r="B15735" s="2"/>
      <c r="C15735" s="2"/>
    </row>
    <row r="15736" spans="1:3" ht="19.2">
      <c r="A15736" s="2"/>
      <c r="B15736" s="2"/>
      <c r="C15736" s="2"/>
    </row>
    <row r="15737" spans="1:3" ht="19.2">
      <c r="A15737" s="2"/>
      <c r="B15737" s="2"/>
      <c r="C15737" s="2"/>
    </row>
    <row r="15738" spans="1:3" ht="19.2">
      <c r="A15738" s="2"/>
      <c r="B15738" s="2"/>
      <c r="C15738" s="2"/>
    </row>
    <row r="15739" spans="1:3" ht="19.2">
      <c r="A15739" s="2"/>
      <c r="B15739" s="2"/>
      <c r="C15739" s="2"/>
    </row>
    <row r="15740" spans="1:3" ht="19.2">
      <c r="A15740" s="2"/>
      <c r="B15740" s="2"/>
      <c r="C15740" s="2"/>
    </row>
    <row r="15741" spans="1:3" ht="19.2">
      <c r="A15741" s="2"/>
      <c r="B15741" s="2"/>
      <c r="C15741" s="2"/>
    </row>
    <row r="15742" spans="1:3" ht="19.2">
      <c r="A15742" s="2"/>
      <c r="B15742" s="2"/>
      <c r="C15742" s="2"/>
    </row>
    <row r="15743" spans="1:3" ht="19.2">
      <c r="A15743" s="2"/>
      <c r="B15743" s="2"/>
      <c r="C15743" s="2"/>
    </row>
    <row r="15744" spans="1:3" ht="19.2">
      <c r="A15744" s="2"/>
      <c r="B15744" s="2"/>
      <c r="C15744" s="2"/>
    </row>
    <row r="15745" spans="1:3" ht="19.2">
      <c r="A15745" s="2"/>
      <c r="B15745" s="2"/>
      <c r="C15745" s="2"/>
    </row>
    <row r="15746" spans="1:3" ht="19.2">
      <c r="A15746" s="2"/>
      <c r="B15746" s="2"/>
      <c r="C15746" s="2"/>
    </row>
    <row r="15747" spans="1:3" ht="19.2">
      <c r="A15747" s="2"/>
      <c r="B15747" s="2"/>
      <c r="C15747" s="2"/>
    </row>
    <row r="15748" spans="1:3" ht="19.2">
      <c r="A15748" s="2"/>
      <c r="B15748" s="2"/>
      <c r="C15748" s="2"/>
    </row>
    <row r="15749" spans="1:3" ht="19.2">
      <c r="A15749" s="2"/>
      <c r="B15749" s="2"/>
      <c r="C15749" s="2"/>
    </row>
    <row r="15750" spans="1:3" ht="19.2">
      <c r="A15750" s="2"/>
      <c r="B15750" s="2"/>
      <c r="C15750" s="2"/>
    </row>
    <row r="15751" spans="1:3" ht="19.2">
      <c r="A15751" s="2"/>
      <c r="B15751" s="2"/>
      <c r="C15751" s="2"/>
    </row>
    <row r="15752" spans="1:3" ht="19.2">
      <c r="A15752" s="2"/>
      <c r="B15752" s="2"/>
      <c r="C15752" s="2"/>
    </row>
    <row r="15753" spans="1:3" ht="19.2">
      <c r="A15753" s="2"/>
      <c r="B15753" s="2"/>
      <c r="C15753" s="2"/>
    </row>
    <row r="15754" spans="1:3" ht="19.2">
      <c r="A15754" s="2"/>
      <c r="B15754" s="2"/>
      <c r="C15754" s="2"/>
    </row>
    <row r="15755" spans="1:3" ht="19.2">
      <c r="A15755" s="2"/>
      <c r="B15755" s="2"/>
      <c r="C15755" s="2"/>
    </row>
    <row r="15756" spans="1:3" ht="19.2">
      <c r="A15756" s="2"/>
      <c r="B15756" s="2"/>
      <c r="C15756" s="2"/>
    </row>
    <row r="15757" spans="1:3" ht="19.2">
      <c r="A15757" s="2"/>
      <c r="B15757" s="2"/>
      <c r="C15757" s="2"/>
    </row>
    <row r="15758" spans="1:3" ht="19.2">
      <c r="A15758" s="2"/>
      <c r="B15758" s="2"/>
      <c r="C15758" s="2"/>
    </row>
    <row r="15759" spans="1:3" ht="19.2">
      <c r="A15759" s="2"/>
      <c r="B15759" s="2"/>
      <c r="C15759" s="2"/>
    </row>
    <row r="15760" spans="1:3" ht="19.2">
      <c r="A15760" s="2"/>
      <c r="B15760" s="2"/>
      <c r="C15760" s="2"/>
    </row>
    <row r="15761" spans="1:3" ht="19.2">
      <c r="A15761" s="2"/>
      <c r="B15761" s="2"/>
      <c r="C15761" s="2"/>
    </row>
    <row r="15762" spans="1:3" ht="19.2">
      <c r="A15762" s="2"/>
      <c r="B15762" s="2"/>
      <c r="C15762" s="2"/>
    </row>
    <row r="15763" spans="1:3" ht="19.2">
      <c r="A15763" s="2"/>
      <c r="B15763" s="2"/>
      <c r="C15763" s="2"/>
    </row>
    <row r="15764" spans="1:3" ht="19.2">
      <c r="A15764" s="2"/>
      <c r="B15764" s="2"/>
      <c r="C15764" s="2"/>
    </row>
    <row r="15765" spans="1:3" ht="19.2">
      <c r="A15765" s="2"/>
      <c r="B15765" s="2"/>
      <c r="C15765" s="2"/>
    </row>
    <row r="15766" spans="1:3" ht="19.2">
      <c r="A15766" s="2"/>
      <c r="B15766" s="2"/>
      <c r="C15766" s="2"/>
    </row>
    <row r="15767" spans="1:3" ht="19.2">
      <c r="A15767" s="2"/>
      <c r="B15767" s="2"/>
      <c r="C15767" s="2"/>
    </row>
    <row r="15768" spans="1:3" ht="19.2">
      <c r="A15768" s="2"/>
      <c r="B15768" s="2"/>
      <c r="C15768" s="2"/>
    </row>
    <row r="15769" spans="1:3" ht="19.2">
      <c r="A15769" s="2"/>
      <c r="B15769" s="2"/>
      <c r="C15769" s="2"/>
    </row>
    <row r="15770" spans="1:3" ht="19.2">
      <c r="A15770" s="2"/>
      <c r="B15770" s="2"/>
      <c r="C15770" s="2"/>
    </row>
    <row r="15771" spans="1:3" ht="19.2">
      <c r="A15771" s="2"/>
      <c r="B15771" s="2"/>
      <c r="C15771" s="2"/>
    </row>
    <row r="15772" spans="1:3" ht="19.2">
      <c r="A15772" s="2"/>
      <c r="B15772" s="2"/>
      <c r="C15772" s="2"/>
    </row>
    <row r="15773" spans="1:3" ht="19.2">
      <c r="A15773" s="2"/>
      <c r="B15773" s="2"/>
      <c r="C15773" s="2"/>
    </row>
    <row r="15774" spans="1:3" ht="19.2">
      <c r="A15774" s="2"/>
      <c r="B15774" s="2"/>
      <c r="C15774" s="2"/>
    </row>
    <row r="15775" spans="1:3" ht="19.2">
      <c r="A15775" s="2"/>
      <c r="B15775" s="2"/>
      <c r="C15775" s="2"/>
    </row>
    <row r="15776" spans="1:3" ht="19.2">
      <c r="A15776" s="2"/>
      <c r="B15776" s="2"/>
      <c r="C15776" s="2"/>
    </row>
    <row r="15777" spans="1:3" ht="19.2">
      <c r="A15777" s="2"/>
      <c r="B15777" s="2"/>
      <c r="C15777" s="2"/>
    </row>
    <row r="15778" spans="1:3" ht="19.2">
      <c r="A15778" s="2"/>
      <c r="B15778" s="2"/>
      <c r="C15778" s="2"/>
    </row>
    <row r="15779" spans="1:3" ht="19.2">
      <c r="A15779" s="2"/>
      <c r="B15779" s="2"/>
      <c r="C15779" s="2"/>
    </row>
    <row r="15780" spans="1:3" ht="19.2">
      <c r="A15780" s="2"/>
      <c r="B15780" s="2"/>
      <c r="C15780" s="2"/>
    </row>
    <row r="15781" spans="1:3" ht="19.2">
      <c r="A15781" s="2"/>
      <c r="B15781" s="2"/>
      <c r="C15781" s="2"/>
    </row>
    <row r="15782" spans="1:3" ht="19.2">
      <c r="A15782" s="2"/>
      <c r="B15782" s="2"/>
      <c r="C15782" s="2"/>
    </row>
    <row r="15783" spans="1:3" ht="19.2">
      <c r="A15783" s="2"/>
      <c r="B15783" s="2"/>
      <c r="C15783" s="2"/>
    </row>
    <row r="15784" spans="1:3" ht="19.2">
      <c r="A15784" s="2"/>
      <c r="B15784" s="2"/>
      <c r="C15784" s="2"/>
    </row>
    <row r="15785" spans="1:3" ht="19.2">
      <c r="A15785" s="2"/>
      <c r="B15785" s="2"/>
      <c r="C15785" s="2"/>
    </row>
    <row r="15786" spans="1:3" ht="19.2">
      <c r="A15786" s="2"/>
      <c r="B15786" s="2"/>
      <c r="C15786" s="2"/>
    </row>
    <row r="15787" spans="1:3" ht="19.2">
      <c r="A15787" s="2"/>
      <c r="B15787" s="2"/>
      <c r="C15787" s="2"/>
    </row>
    <row r="15788" spans="1:3" ht="19.2">
      <c r="A15788" s="2"/>
      <c r="B15788" s="2"/>
      <c r="C15788" s="2"/>
    </row>
    <row r="15789" spans="1:3" ht="19.2">
      <c r="A15789" s="2"/>
      <c r="B15789" s="2"/>
      <c r="C15789" s="2"/>
    </row>
    <row r="15790" spans="1:3" ht="19.2">
      <c r="A15790" s="2"/>
      <c r="B15790" s="2"/>
      <c r="C15790" s="2"/>
    </row>
    <row r="15791" spans="1:3" ht="19.2">
      <c r="A15791" s="2"/>
      <c r="B15791" s="2"/>
      <c r="C15791" s="2"/>
    </row>
    <row r="15792" spans="1:3" ht="19.2">
      <c r="A15792" s="2"/>
      <c r="B15792" s="2"/>
      <c r="C15792" s="2"/>
    </row>
    <row r="15793" spans="1:3" ht="19.2">
      <c r="A15793" s="2"/>
      <c r="B15793" s="2"/>
      <c r="C15793" s="2"/>
    </row>
    <row r="15794" spans="1:3" ht="19.2">
      <c r="A15794" s="2"/>
      <c r="B15794" s="2"/>
      <c r="C15794" s="2"/>
    </row>
    <row r="15795" spans="1:3" ht="19.2">
      <c r="A15795" s="2"/>
      <c r="B15795" s="2"/>
      <c r="C15795" s="2"/>
    </row>
    <row r="15796" spans="1:3" ht="19.2">
      <c r="A15796" s="2"/>
      <c r="B15796" s="2"/>
      <c r="C15796" s="2"/>
    </row>
    <row r="15797" spans="1:3" ht="19.2">
      <c r="A15797" s="2"/>
      <c r="B15797" s="2"/>
      <c r="C15797" s="2"/>
    </row>
    <row r="15798" spans="1:3" ht="19.2">
      <c r="A15798" s="2"/>
      <c r="B15798" s="2"/>
      <c r="C15798" s="2"/>
    </row>
    <row r="15799" spans="1:3" ht="19.2">
      <c r="A15799" s="2"/>
      <c r="B15799" s="2"/>
      <c r="C15799" s="2"/>
    </row>
    <row r="15800" spans="1:3" ht="19.2">
      <c r="A15800" s="2"/>
      <c r="B15800" s="2"/>
      <c r="C15800" s="2"/>
    </row>
    <row r="15801" spans="1:3" ht="19.2">
      <c r="A15801" s="2"/>
      <c r="B15801" s="2"/>
      <c r="C15801" s="2"/>
    </row>
    <row r="15802" spans="1:3" ht="19.2">
      <c r="A15802" s="2"/>
      <c r="B15802" s="2"/>
      <c r="C15802" s="2"/>
    </row>
    <row r="15803" spans="1:3" ht="19.2">
      <c r="A15803" s="2"/>
      <c r="B15803" s="2"/>
      <c r="C15803" s="2"/>
    </row>
    <row r="15804" spans="1:3" ht="19.2">
      <c r="A15804" s="2"/>
      <c r="B15804" s="2"/>
      <c r="C15804" s="2"/>
    </row>
    <row r="15805" spans="1:3" ht="19.2">
      <c r="A15805" s="2"/>
      <c r="B15805" s="2"/>
      <c r="C15805" s="2"/>
    </row>
    <row r="15806" spans="1:3" ht="19.2">
      <c r="A15806" s="2"/>
      <c r="B15806" s="2"/>
      <c r="C15806" s="2"/>
    </row>
    <row r="15807" spans="1:3" ht="19.2">
      <c r="A15807" s="2"/>
      <c r="B15807" s="2"/>
      <c r="C15807" s="2"/>
    </row>
    <row r="15808" spans="1:3" ht="19.2">
      <c r="A15808" s="2"/>
      <c r="B15808" s="2"/>
      <c r="C15808" s="2"/>
    </row>
    <row r="15809" spans="1:3" ht="19.2">
      <c r="A15809" s="2"/>
      <c r="B15809" s="2"/>
      <c r="C15809" s="2"/>
    </row>
    <row r="15810" spans="1:3" ht="19.2">
      <c r="A15810" s="2"/>
      <c r="B15810" s="2"/>
      <c r="C15810" s="2"/>
    </row>
    <row r="15811" spans="1:3" ht="19.2">
      <c r="A15811" s="2"/>
      <c r="B15811" s="2"/>
      <c r="C15811" s="2"/>
    </row>
    <row r="15812" spans="1:3" ht="19.2">
      <c r="A15812" s="2"/>
      <c r="B15812" s="2"/>
      <c r="C15812" s="2"/>
    </row>
    <row r="15813" spans="1:3" ht="19.2">
      <c r="A15813" s="2"/>
      <c r="B15813" s="2"/>
      <c r="C15813" s="2"/>
    </row>
    <row r="15814" spans="1:3" ht="19.2">
      <c r="A15814" s="2"/>
      <c r="B15814" s="2"/>
      <c r="C15814" s="2"/>
    </row>
    <row r="15815" spans="1:3" ht="19.2">
      <c r="A15815" s="2"/>
      <c r="B15815" s="2"/>
      <c r="C15815" s="2"/>
    </row>
    <row r="15816" spans="1:3" ht="19.2">
      <c r="A15816" s="2"/>
      <c r="B15816" s="2"/>
      <c r="C15816" s="2"/>
    </row>
    <row r="15817" spans="1:3" ht="19.2">
      <c r="A15817" s="2"/>
      <c r="B15817" s="2"/>
      <c r="C15817" s="2"/>
    </row>
    <row r="15818" spans="1:3" ht="19.2">
      <c r="A15818" s="2"/>
      <c r="B15818" s="2"/>
      <c r="C15818" s="2"/>
    </row>
    <row r="15819" spans="1:3" ht="19.2">
      <c r="A15819" s="2"/>
      <c r="B15819" s="2"/>
      <c r="C15819" s="2"/>
    </row>
    <row r="15820" spans="1:3" ht="19.2">
      <c r="A15820" s="2"/>
      <c r="B15820" s="2"/>
      <c r="C15820" s="2"/>
    </row>
    <row r="15821" spans="1:3" ht="19.2">
      <c r="A15821" s="2"/>
      <c r="B15821" s="2"/>
      <c r="C15821" s="2"/>
    </row>
    <row r="15822" spans="1:3" ht="19.2">
      <c r="A15822" s="2"/>
      <c r="B15822" s="2"/>
      <c r="C15822" s="2"/>
    </row>
    <row r="15823" spans="1:3" ht="19.2">
      <c r="A15823" s="2"/>
      <c r="B15823" s="2"/>
      <c r="C15823" s="2"/>
    </row>
    <row r="15824" spans="1:3" ht="19.2">
      <c r="A15824" s="2"/>
      <c r="B15824" s="2"/>
      <c r="C15824" s="2"/>
    </row>
    <row r="15825" spans="1:3" ht="19.2">
      <c r="A15825" s="2"/>
      <c r="B15825" s="2"/>
      <c r="C15825" s="2"/>
    </row>
    <row r="15826" spans="1:3" ht="19.2">
      <c r="A15826" s="2"/>
      <c r="B15826" s="2"/>
      <c r="C15826" s="2"/>
    </row>
    <row r="15827" spans="1:3" ht="19.2">
      <c r="A15827" s="2"/>
      <c r="B15827" s="2"/>
      <c r="C15827" s="2"/>
    </row>
    <row r="15828" spans="1:3" ht="19.2">
      <c r="A15828" s="2"/>
      <c r="B15828" s="2"/>
      <c r="C15828" s="2"/>
    </row>
    <row r="15829" spans="1:3" ht="19.2">
      <c r="A15829" s="2"/>
      <c r="B15829" s="2"/>
      <c r="C15829" s="2"/>
    </row>
    <row r="15830" spans="1:3" ht="19.2">
      <c r="A15830" s="2"/>
      <c r="B15830" s="2"/>
      <c r="C15830" s="2"/>
    </row>
    <row r="15831" spans="1:3" ht="19.2">
      <c r="A15831" s="2"/>
      <c r="B15831" s="2"/>
      <c r="C15831" s="2"/>
    </row>
    <row r="15832" spans="1:3" ht="19.2">
      <c r="A15832" s="2"/>
      <c r="B15832" s="2"/>
      <c r="C15832" s="2"/>
    </row>
    <row r="15833" spans="1:3" ht="19.2">
      <c r="A15833" s="2"/>
      <c r="B15833" s="2"/>
      <c r="C15833" s="2"/>
    </row>
    <row r="15834" spans="1:3" ht="19.2">
      <c r="A15834" s="2"/>
      <c r="B15834" s="2"/>
      <c r="C15834" s="2"/>
    </row>
    <row r="15835" spans="1:3" ht="19.2">
      <c r="A15835" s="2"/>
      <c r="B15835" s="2"/>
      <c r="C15835" s="2"/>
    </row>
    <row r="15836" spans="1:3" ht="19.2">
      <c r="A15836" s="2"/>
      <c r="B15836" s="2"/>
      <c r="C15836" s="2"/>
    </row>
    <row r="15837" spans="1:3" ht="19.2">
      <c r="A15837" s="2"/>
      <c r="B15837" s="2"/>
      <c r="C15837" s="2"/>
    </row>
    <row r="15838" spans="1:3" ht="19.2">
      <c r="A15838" s="2"/>
      <c r="B15838" s="2"/>
      <c r="C15838" s="2"/>
    </row>
    <row r="15839" spans="1:3" ht="19.2">
      <c r="A15839" s="2"/>
      <c r="B15839" s="2"/>
      <c r="C15839" s="2"/>
    </row>
    <row r="15840" spans="1:3" ht="19.2">
      <c r="A15840" s="2"/>
      <c r="B15840" s="2"/>
      <c r="C15840" s="2"/>
    </row>
    <row r="15841" spans="1:3" ht="19.2">
      <c r="A15841" s="2"/>
      <c r="B15841" s="2"/>
      <c r="C15841" s="2"/>
    </row>
    <row r="15842" spans="1:3" ht="19.2">
      <c r="A15842" s="2"/>
      <c r="B15842" s="2"/>
      <c r="C15842" s="2"/>
    </row>
    <row r="15843" spans="1:3" ht="19.2">
      <c r="A15843" s="2"/>
      <c r="B15843" s="2"/>
      <c r="C15843" s="2"/>
    </row>
    <row r="15844" spans="1:3" ht="19.2">
      <c r="A15844" s="2"/>
      <c r="B15844" s="2"/>
      <c r="C15844" s="2"/>
    </row>
    <row r="15845" spans="1:3" ht="19.2">
      <c r="A15845" s="2"/>
      <c r="B15845" s="2"/>
      <c r="C15845" s="2"/>
    </row>
    <row r="15846" spans="1:3" ht="19.2">
      <c r="A15846" s="2"/>
      <c r="B15846" s="2"/>
      <c r="C15846" s="2"/>
    </row>
    <row r="15847" spans="1:3" ht="19.2">
      <c r="A15847" s="2"/>
      <c r="B15847" s="2"/>
      <c r="C15847" s="2"/>
    </row>
    <row r="15848" spans="1:3" ht="19.2">
      <c r="A15848" s="2"/>
      <c r="B15848" s="2"/>
      <c r="C15848" s="2"/>
    </row>
    <row r="15849" spans="1:3" ht="19.2">
      <c r="A15849" s="2"/>
      <c r="B15849" s="2"/>
      <c r="C15849" s="2"/>
    </row>
    <row r="15850" spans="1:3" ht="19.2">
      <c r="A15850" s="2"/>
      <c r="B15850" s="2"/>
      <c r="C15850" s="2"/>
    </row>
    <row r="15851" spans="1:3" ht="19.2">
      <c r="A15851" s="2"/>
      <c r="B15851" s="2"/>
      <c r="C15851" s="2"/>
    </row>
    <row r="15852" spans="1:3" ht="19.2">
      <c r="A15852" s="2"/>
      <c r="B15852" s="2"/>
      <c r="C15852" s="2"/>
    </row>
    <row r="15853" spans="1:3" ht="19.2">
      <c r="A15853" s="2"/>
      <c r="B15853" s="2"/>
      <c r="C15853" s="2"/>
    </row>
    <row r="15854" spans="1:3" ht="19.2">
      <c r="A15854" s="2"/>
      <c r="B15854" s="2"/>
      <c r="C15854" s="2"/>
    </row>
    <row r="15855" spans="1:3" ht="19.2">
      <c r="A15855" s="2"/>
      <c r="B15855" s="2"/>
      <c r="C15855" s="2"/>
    </row>
    <row r="15856" spans="1:3" ht="19.2">
      <c r="A15856" s="2"/>
      <c r="B15856" s="2"/>
      <c r="C15856" s="2"/>
    </row>
    <row r="15857" spans="1:3" ht="19.2">
      <c r="A15857" s="2"/>
      <c r="B15857" s="2"/>
      <c r="C15857" s="2"/>
    </row>
    <row r="15858" spans="1:3" ht="19.2">
      <c r="A15858" s="2"/>
      <c r="B15858" s="2"/>
      <c r="C15858" s="2"/>
    </row>
    <row r="15859" spans="1:3" ht="19.2">
      <c r="A15859" s="2"/>
      <c r="B15859" s="2"/>
      <c r="C15859" s="2"/>
    </row>
    <row r="15860" spans="1:3" ht="19.2">
      <c r="A15860" s="2"/>
      <c r="B15860" s="2"/>
      <c r="C15860" s="2"/>
    </row>
    <row r="15861" spans="1:3" ht="19.2">
      <c r="A15861" s="2"/>
      <c r="B15861" s="2"/>
      <c r="C15861" s="2"/>
    </row>
    <row r="15862" spans="1:3" ht="19.2">
      <c r="A15862" s="2"/>
      <c r="B15862" s="2"/>
      <c r="C15862" s="2"/>
    </row>
    <row r="15863" spans="1:3" ht="19.2">
      <c r="A15863" s="2"/>
      <c r="B15863" s="2"/>
      <c r="C15863" s="2"/>
    </row>
    <row r="15864" spans="1:3" ht="19.2">
      <c r="A15864" s="2"/>
      <c r="B15864" s="2"/>
      <c r="C15864" s="2"/>
    </row>
    <row r="15865" spans="1:3" ht="19.2">
      <c r="A15865" s="2"/>
      <c r="B15865" s="2"/>
      <c r="C15865" s="2"/>
    </row>
    <row r="15866" spans="1:3" ht="19.2">
      <c r="A15866" s="2"/>
      <c r="B15866" s="2"/>
      <c r="C15866" s="2"/>
    </row>
    <row r="15867" spans="1:3" ht="19.2">
      <c r="A15867" s="2"/>
      <c r="B15867" s="2"/>
      <c r="C15867" s="2"/>
    </row>
    <row r="15868" spans="1:3" ht="19.2">
      <c r="A15868" s="2"/>
      <c r="B15868" s="2"/>
      <c r="C15868" s="2"/>
    </row>
    <row r="15869" spans="1:3" ht="19.2">
      <c r="A15869" s="2"/>
      <c r="B15869" s="2"/>
      <c r="C15869" s="2"/>
    </row>
    <row r="15870" spans="1:3" ht="19.2">
      <c r="A15870" s="2"/>
      <c r="B15870" s="2"/>
      <c r="C15870" s="2"/>
    </row>
    <row r="15871" spans="1:3" ht="19.2">
      <c r="A15871" s="2"/>
      <c r="B15871" s="2"/>
      <c r="C15871" s="2"/>
    </row>
    <row r="15872" spans="1:3" ht="19.2">
      <c r="A15872" s="2"/>
      <c r="B15872" s="2"/>
      <c r="C15872" s="2"/>
    </row>
    <row r="15873" spans="1:3" ht="19.2">
      <c r="A15873" s="2"/>
      <c r="B15873" s="2"/>
      <c r="C15873" s="2"/>
    </row>
    <row r="15874" spans="1:3" ht="19.2">
      <c r="A15874" s="2"/>
      <c r="B15874" s="2"/>
      <c r="C15874" s="2"/>
    </row>
    <row r="15875" spans="1:3" ht="19.2">
      <c r="A15875" s="2"/>
      <c r="B15875" s="2"/>
      <c r="C15875" s="2"/>
    </row>
    <row r="15876" spans="1:3" ht="19.2">
      <c r="A15876" s="2"/>
      <c r="B15876" s="2"/>
      <c r="C15876" s="2"/>
    </row>
    <row r="15877" spans="1:3" ht="19.2">
      <c r="A15877" s="2"/>
      <c r="B15877" s="2"/>
      <c r="C15877" s="2"/>
    </row>
    <row r="15878" spans="1:3" ht="19.2">
      <c r="A15878" s="2"/>
      <c r="B15878" s="2"/>
      <c r="C15878" s="2"/>
    </row>
    <row r="15879" spans="1:3" ht="19.2">
      <c r="A15879" s="2"/>
      <c r="B15879" s="2"/>
      <c r="C15879" s="2"/>
    </row>
    <row r="15880" spans="1:3" ht="19.2">
      <c r="A15880" s="2"/>
      <c r="B15880" s="2"/>
      <c r="C15880" s="2"/>
    </row>
    <row r="15881" spans="1:3" ht="19.2">
      <c r="A15881" s="2"/>
      <c r="B15881" s="2"/>
      <c r="C15881" s="2"/>
    </row>
    <row r="15882" spans="1:3" ht="19.2">
      <c r="A15882" s="2"/>
      <c r="B15882" s="2"/>
      <c r="C15882" s="2"/>
    </row>
    <row r="15883" spans="1:3" ht="19.2">
      <c r="A15883" s="2"/>
      <c r="B15883" s="2"/>
      <c r="C15883" s="2"/>
    </row>
    <row r="15884" spans="1:3" ht="19.2">
      <c r="A15884" s="2"/>
      <c r="B15884" s="2"/>
      <c r="C15884" s="2"/>
    </row>
    <row r="15885" spans="1:3" ht="19.2">
      <c r="A15885" s="2"/>
      <c r="B15885" s="2"/>
      <c r="C15885" s="2"/>
    </row>
    <row r="15886" spans="1:3" ht="19.2">
      <c r="A15886" s="2"/>
      <c r="B15886" s="2"/>
      <c r="C15886" s="2"/>
    </row>
    <row r="15887" spans="1:3" ht="19.2">
      <c r="A15887" s="2"/>
      <c r="B15887" s="2"/>
      <c r="C15887" s="2"/>
    </row>
    <row r="15888" spans="1:3" ht="19.2">
      <c r="A15888" s="2"/>
      <c r="B15888" s="2"/>
      <c r="C15888" s="2"/>
    </row>
    <row r="15889" spans="1:3" ht="19.2">
      <c r="A15889" s="2"/>
      <c r="B15889" s="2"/>
      <c r="C15889" s="2"/>
    </row>
    <row r="15890" spans="1:3" ht="19.2">
      <c r="A15890" s="2"/>
      <c r="B15890" s="2"/>
      <c r="C15890" s="2"/>
    </row>
    <row r="15891" spans="1:3" ht="19.2">
      <c r="A15891" s="2"/>
      <c r="B15891" s="2"/>
      <c r="C15891" s="2"/>
    </row>
    <row r="15892" spans="1:3" ht="19.2">
      <c r="A15892" s="2"/>
      <c r="B15892" s="2"/>
      <c r="C15892" s="2"/>
    </row>
    <row r="15893" spans="1:3" ht="19.2">
      <c r="A15893" s="2"/>
      <c r="B15893" s="2"/>
      <c r="C15893" s="2"/>
    </row>
    <row r="15894" spans="1:3" ht="19.2">
      <c r="A15894" s="2"/>
      <c r="B15894" s="2"/>
      <c r="C15894" s="2"/>
    </row>
    <row r="15895" spans="1:3" ht="19.2">
      <c r="A15895" s="2"/>
      <c r="B15895" s="2"/>
      <c r="C15895" s="2"/>
    </row>
    <row r="15896" spans="1:3" ht="19.2">
      <c r="A15896" s="2"/>
      <c r="B15896" s="2"/>
      <c r="C15896" s="2"/>
    </row>
    <row r="15897" spans="1:3" ht="19.2">
      <c r="A15897" s="2"/>
      <c r="B15897" s="2"/>
      <c r="C15897" s="2"/>
    </row>
    <row r="15898" spans="1:3" ht="19.2">
      <c r="A15898" s="2"/>
      <c r="B15898" s="2"/>
      <c r="C15898" s="2"/>
    </row>
    <row r="15899" spans="1:3" ht="19.2">
      <c r="A15899" s="2"/>
      <c r="B15899" s="2"/>
      <c r="C15899" s="2"/>
    </row>
    <row r="15900" spans="1:3" ht="19.2">
      <c r="A15900" s="2"/>
      <c r="B15900" s="2"/>
      <c r="C15900" s="2"/>
    </row>
    <row r="15901" spans="1:3" ht="19.2">
      <c r="A15901" s="2"/>
      <c r="B15901" s="2"/>
      <c r="C15901" s="2"/>
    </row>
    <row r="15902" spans="1:3" ht="19.2">
      <c r="A15902" s="2"/>
      <c r="B15902" s="2"/>
      <c r="C15902" s="2"/>
    </row>
    <row r="15903" spans="1:3" ht="19.2">
      <c r="A15903" s="2"/>
      <c r="B15903" s="2"/>
      <c r="C15903" s="2"/>
    </row>
    <row r="15904" spans="1:3" ht="19.2">
      <c r="A15904" s="2"/>
      <c r="B15904" s="2"/>
      <c r="C15904" s="2"/>
    </row>
    <row r="15905" spans="1:3" ht="19.2">
      <c r="A15905" s="2"/>
      <c r="B15905" s="2"/>
      <c r="C15905" s="2"/>
    </row>
    <row r="15906" spans="1:3" ht="19.2">
      <c r="A15906" s="2"/>
      <c r="B15906" s="2"/>
      <c r="C15906" s="2"/>
    </row>
    <row r="15907" spans="1:3" ht="19.2">
      <c r="A15907" s="2"/>
      <c r="B15907" s="2"/>
      <c r="C15907" s="2"/>
    </row>
    <row r="15908" spans="1:3" ht="19.2">
      <c r="A15908" s="2"/>
      <c r="B15908" s="2"/>
      <c r="C15908" s="2"/>
    </row>
    <row r="15909" spans="1:3" ht="19.2">
      <c r="A15909" s="2"/>
      <c r="B15909" s="2"/>
      <c r="C15909" s="2"/>
    </row>
    <row r="15910" spans="1:3" ht="19.2">
      <c r="A15910" s="2"/>
      <c r="B15910" s="2"/>
      <c r="C15910" s="2"/>
    </row>
    <row r="15911" spans="1:3" ht="19.2">
      <c r="A15911" s="2"/>
      <c r="B15911" s="2"/>
      <c r="C15911" s="2"/>
    </row>
    <row r="15912" spans="1:3" ht="19.2">
      <c r="A15912" s="2"/>
      <c r="B15912" s="2"/>
      <c r="C15912" s="2"/>
    </row>
    <row r="15913" spans="1:3" ht="19.2">
      <c r="A15913" s="2"/>
      <c r="B15913" s="2"/>
      <c r="C15913" s="2"/>
    </row>
    <row r="15914" spans="1:3" ht="19.2">
      <c r="A15914" s="2"/>
      <c r="B15914" s="2"/>
      <c r="C15914" s="2"/>
    </row>
    <row r="15915" spans="1:3" ht="19.2">
      <c r="A15915" s="2"/>
      <c r="B15915" s="2"/>
      <c r="C15915" s="2"/>
    </row>
    <row r="15916" spans="1:3" ht="19.2">
      <c r="A15916" s="2"/>
      <c r="B15916" s="2"/>
      <c r="C15916" s="2"/>
    </row>
    <row r="15917" spans="1:3" ht="19.2">
      <c r="A15917" s="2"/>
      <c r="B15917" s="2"/>
      <c r="C15917" s="2"/>
    </row>
    <row r="15918" spans="1:3" ht="19.2">
      <c r="A15918" s="2"/>
      <c r="B15918" s="2"/>
      <c r="C15918" s="2"/>
    </row>
    <row r="15919" spans="1:3" ht="19.2">
      <c r="A15919" s="2"/>
      <c r="B15919" s="2"/>
      <c r="C15919" s="2"/>
    </row>
    <row r="15920" spans="1:3" ht="19.2">
      <c r="A15920" s="2"/>
      <c r="B15920" s="2"/>
      <c r="C15920" s="2"/>
    </row>
    <row r="15921" spans="1:3" ht="19.2">
      <c r="A15921" s="2"/>
      <c r="B15921" s="2"/>
      <c r="C15921" s="2"/>
    </row>
    <row r="15922" spans="1:3" ht="19.2">
      <c r="A15922" s="2"/>
      <c r="B15922" s="2"/>
      <c r="C15922" s="2"/>
    </row>
    <row r="15923" spans="1:3" ht="19.2">
      <c r="A15923" s="2"/>
      <c r="B15923" s="2"/>
      <c r="C15923" s="2"/>
    </row>
    <row r="15924" spans="1:3" ht="19.2">
      <c r="A15924" s="2"/>
      <c r="B15924" s="2"/>
      <c r="C15924" s="2"/>
    </row>
    <row r="15925" spans="1:3" ht="19.2">
      <c r="A15925" s="2"/>
      <c r="B15925" s="2"/>
      <c r="C15925" s="2"/>
    </row>
    <row r="15926" spans="1:3" ht="19.2">
      <c r="A15926" s="2"/>
      <c r="B15926" s="2"/>
      <c r="C15926" s="2"/>
    </row>
    <row r="15927" spans="1:3" ht="19.2">
      <c r="A15927" s="2"/>
      <c r="B15927" s="2"/>
      <c r="C15927" s="2"/>
    </row>
    <row r="15928" spans="1:3" ht="19.2">
      <c r="A15928" s="2"/>
      <c r="B15928" s="2"/>
      <c r="C15928" s="2"/>
    </row>
    <row r="15929" spans="1:3" ht="19.2">
      <c r="A15929" s="2"/>
      <c r="B15929" s="2"/>
      <c r="C15929" s="2"/>
    </row>
    <row r="15930" spans="1:3" ht="19.2">
      <c r="A15930" s="2"/>
      <c r="B15930" s="2"/>
      <c r="C15930" s="2"/>
    </row>
    <row r="15931" spans="1:3" ht="19.2">
      <c r="A15931" s="2"/>
      <c r="B15931" s="2"/>
      <c r="C15931" s="2"/>
    </row>
    <row r="15932" spans="1:3" ht="19.2">
      <c r="A15932" s="2"/>
      <c r="B15932" s="2"/>
      <c r="C15932" s="2"/>
    </row>
    <row r="15933" spans="1:3" ht="19.2">
      <c r="A15933" s="2"/>
      <c r="B15933" s="2"/>
      <c r="C15933" s="2"/>
    </row>
    <row r="15934" spans="1:3" ht="19.2">
      <c r="A15934" s="2"/>
      <c r="B15934" s="2"/>
      <c r="C15934" s="2"/>
    </row>
    <row r="15935" spans="1:3" ht="19.2">
      <c r="A15935" s="2"/>
      <c r="B15935" s="2"/>
      <c r="C15935" s="2"/>
    </row>
    <row r="15936" spans="1:3" ht="19.2">
      <c r="A15936" s="2"/>
      <c r="B15936" s="2"/>
      <c r="C15936" s="2"/>
    </row>
    <row r="15937" spans="1:3" ht="19.2">
      <c r="A15937" s="2"/>
      <c r="B15937" s="2"/>
      <c r="C15937" s="2"/>
    </row>
    <row r="15938" spans="1:3" ht="19.2">
      <c r="A15938" s="2"/>
      <c r="B15938" s="2"/>
      <c r="C15938" s="2"/>
    </row>
    <row r="15939" spans="1:3" ht="19.2">
      <c r="A15939" s="2"/>
      <c r="B15939" s="2"/>
      <c r="C15939" s="2"/>
    </row>
    <row r="15940" spans="1:3" ht="19.2">
      <c r="A15940" s="2"/>
      <c r="B15940" s="2"/>
      <c r="C15940" s="2"/>
    </row>
    <row r="15941" spans="1:3" ht="19.2">
      <c r="A15941" s="2"/>
      <c r="B15941" s="2"/>
      <c r="C15941" s="2"/>
    </row>
    <row r="15942" spans="1:3" ht="19.2">
      <c r="A15942" s="2"/>
      <c r="B15942" s="2"/>
      <c r="C15942" s="2"/>
    </row>
    <row r="15943" spans="1:3" ht="19.2">
      <c r="A15943" s="2"/>
      <c r="B15943" s="2"/>
      <c r="C15943" s="2"/>
    </row>
    <row r="15944" spans="1:3" ht="19.2">
      <c r="A15944" s="2"/>
      <c r="B15944" s="2"/>
      <c r="C15944" s="2"/>
    </row>
    <row r="15945" spans="1:3" ht="19.2">
      <c r="A15945" s="2"/>
      <c r="B15945" s="2"/>
      <c r="C15945" s="2"/>
    </row>
    <row r="15946" spans="1:3" ht="19.2">
      <c r="A15946" s="2"/>
      <c r="B15946" s="2"/>
      <c r="C15946" s="2"/>
    </row>
    <row r="15947" spans="1:3" ht="19.2">
      <c r="A15947" s="2"/>
      <c r="B15947" s="2"/>
      <c r="C15947" s="2"/>
    </row>
    <row r="15948" spans="1:3" ht="19.2">
      <c r="A15948" s="2"/>
      <c r="B15948" s="2"/>
      <c r="C15948" s="2"/>
    </row>
    <row r="15949" spans="1:3" ht="19.2">
      <c r="A15949" s="2"/>
      <c r="B15949" s="2"/>
      <c r="C15949" s="2"/>
    </row>
    <row r="15950" spans="1:3" ht="19.2">
      <c r="A15950" s="2"/>
      <c r="B15950" s="2"/>
      <c r="C15950" s="2"/>
    </row>
    <row r="15951" spans="1:3" ht="19.2">
      <c r="A15951" s="2"/>
      <c r="B15951" s="2"/>
      <c r="C15951" s="2"/>
    </row>
    <row r="15952" spans="1:3" ht="19.2">
      <c r="A15952" s="2"/>
      <c r="B15952" s="2"/>
      <c r="C15952" s="2"/>
    </row>
    <row r="15953" spans="1:3" ht="19.2">
      <c r="A15953" s="2"/>
      <c r="B15953" s="2"/>
      <c r="C15953" s="2"/>
    </row>
    <row r="15954" spans="1:3" ht="19.2">
      <c r="A15954" s="2"/>
      <c r="B15954" s="2"/>
      <c r="C15954" s="2"/>
    </row>
    <row r="15955" spans="1:3" ht="19.2">
      <c r="A15955" s="2"/>
      <c r="B15955" s="2"/>
      <c r="C15955" s="2"/>
    </row>
    <row r="15956" spans="1:3" ht="19.2">
      <c r="A15956" s="2"/>
      <c r="B15956" s="2"/>
      <c r="C15956" s="2"/>
    </row>
    <row r="15957" spans="1:3" ht="19.2">
      <c r="A15957" s="2"/>
      <c r="B15957" s="2"/>
      <c r="C15957" s="2"/>
    </row>
    <row r="15958" spans="1:3" ht="19.2">
      <c r="A15958" s="2"/>
      <c r="B15958" s="2"/>
      <c r="C15958" s="2"/>
    </row>
    <row r="15959" spans="1:3" ht="19.2">
      <c r="A15959" s="2"/>
      <c r="B15959" s="2"/>
      <c r="C15959" s="2"/>
    </row>
    <row r="15960" spans="1:3" ht="19.2">
      <c r="A15960" s="2"/>
      <c r="B15960" s="2"/>
      <c r="C15960" s="2"/>
    </row>
    <row r="15961" spans="1:3" ht="19.2">
      <c r="A15961" s="2"/>
      <c r="B15961" s="2"/>
      <c r="C15961" s="2"/>
    </row>
    <row r="15962" spans="1:3" ht="19.2">
      <c r="A15962" s="2"/>
      <c r="B15962" s="2"/>
      <c r="C15962" s="2"/>
    </row>
    <row r="15963" spans="1:3" ht="19.2">
      <c r="A15963" s="2"/>
      <c r="B15963" s="2"/>
      <c r="C15963" s="2"/>
    </row>
    <row r="15964" spans="1:3" ht="19.2">
      <c r="A15964" s="2"/>
      <c r="B15964" s="2"/>
      <c r="C15964" s="2"/>
    </row>
    <row r="15965" spans="1:3" ht="19.2">
      <c r="A15965" s="2"/>
      <c r="B15965" s="2"/>
      <c r="C15965" s="2"/>
    </row>
    <row r="15966" spans="1:3" ht="19.2">
      <c r="A15966" s="2"/>
      <c r="B15966" s="2"/>
      <c r="C15966" s="2"/>
    </row>
    <row r="15967" spans="1:3" ht="19.2">
      <c r="A15967" s="2"/>
      <c r="B15967" s="2"/>
      <c r="C15967" s="2"/>
    </row>
    <row r="15968" spans="1:3" ht="19.2">
      <c r="A15968" s="2"/>
      <c r="B15968" s="2"/>
      <c r="C15968" s="2"/>
    </row>
    <row r="15969" spans="1:3" ht="19.2">
      <c r="A15969" s="2"/>
      <c r="B15969" s="2"/>
      <c r="C15969" s="2"/>
    </row>
    <row r="15970" spans="1:3" ht="19.2">
      <c r="A15970" s="2"/>
      <c r="B15970" s="2"/>
      <c r="C15970" s="2"/>
    </row>
    <row r="15971" spans="1:3" ht="19.2">
      <c r="A15971" s="2"/>
      <c r="B15971" s="2"/>
      <c r="C15971" s="2"/>
    </row>
    <row r="15972" spans="1:3" ht="19.2">
      <c r="A15972" s="2"/>
      <c r="B15972" s="2"/>
      <c r="C15972" s="2"/>
    </row>
    <row r="15973" spans="1:3" ht="19.2">
      <c r="A15973" s="2"/>
      <c r="B15973" s="2"/>
      <c r="C15973" s="2"/>
    </row>
    <row r="15974" spans="1:3" ht="19.2">
      <c r="A15974" s="2"/>
      <c r="B15974" s="2"/>
      <c r="C15974" s="2"/>
    </row>
    <row r="15975" spans="1:3" ht="19.2">
      <c r="A15975" s="2"/>
      <c r="B15975" s="2"/>
      <c r="C15975" s="2"/>
    </row>
    <row r="15976" spans="1:3" ht="19.2">
      <c r="A15976" s="2"/>
      <c r="B15976" s="2"/>
      <c r="C15976" s="2"/>
    </row>
    <row r="15977" spans="1:3" ht="19.2">
      <c r="A15977" s="2"/>
      <c r="B15977" s="2"/>
      <c r="C15977" s="2"/>
    </row>
    <row r="15978" spans="1:3" ht="19.2">
      <c r="A15978" s="2"/>
      <c r="B15978" s="2"/>
      <c r="C15978" s="2"/>
    </row>
    <row r="15979" spans="1:3" ht="19.2">
      <c r="A15979" s="2"/>
      <c r="B15979" s="2"/>
      <c r="C15979" s="2"/>
    </row>
    <row r="15980" spans="1:3" ht="19.2">
      <c r="A15980" s="2"/>
      <c r="B15980" s="2"/>
      <c r="C15980" s="2"/>
    </row>
    <row r="15981" spans="1:3" ht="19.2">
      <c r="A15981" s="2"/>
      <c r="B15981" s="2"/>
      <c r="C15981" s="2"/>
    </row>
    <row r="15982" spans="1:3" ht="19.2">
      <c r="A15982" s="2"/>
      <c r="B15982" s="2"/>
      <c r="C15982" s="2"/>
    </row>
    <row r="15983" spans="1:3" ht="19.2">
      <c r="A15983" s="2"/>
      <c r="B15983" s="2"/>
      <c r="C15983" s="2"/>
    </row>
    <row r="15984" spans="1:3" ht="19.2">
      <c r="A15984" s="2"/>
      <c r="B15984" s="2"/>
      <c r="C15984" s="2"/>
    </row>
    <row r="15985" spans="1:3" ht="19.2">
      <c r="A15985" s="2"/>
      <c r="B15985" s="2"/>
      <c r="C15985" s="2"/>
    </row>
    <row r="15986" spans="1:3" ht="19.2">
      <c r="A15986" s="2"/>
      <c r="B15986" s="2"/>
      <c r="C15986" s="2"/>
    </row>
    <row r="15987" spans="1:3" ht="19.2">
      <c r="A15987" s="2"/>
      <c r="B15987" s="2"/>
      <c r="C15987" s="2"/>
    </row>
    <row r="15988" spans="1:3" ht="19.2">
      <c r="A15988" s="2"/>
      <c r="B15988" s="2"/>
      <c r="C15988" s="2"/>
    </row>
    <row r="15989" spans="1:3" ht="19.2">
      <c r="A15989" s="2"/>
      <c r="B15989" s="2"/>
      <c r="C15989" s="2"/>
    </row>
    <row r="15990" spans="1:3" ht="19.2">
      <c r="A15990" s="2"/>
      <c r="B15990" s="2"/>
      <c r="C15990" s="2"/>
    </row>
    <row r="15991" spans="1:3" ht="19.2">
      <c r="A15991" s="2"/>
      <c r="B15991" s="2"/>
      <c r="C15991" s="2"/>
    </row>
    <row r="15992" spans="1:3" ht="19.2">
      <c r="A15992" s="2"/>
      <c r="B15992" s="2"/>
      <c r="C15992" s="2"/>
    </row>
    <row r="15993" spans="1:3" ht="19.2">
      <c r="A15993" s="2"/>
      <c r="B15993" s="2"/>
      <c r="C15993" s="2"/>
    </row>
    <row r="15994" spans="1:3" ht="19.2">
      <c r="A15994" s="2"/>
      <c r="B15994" s="2"/>
      <c r="C15994" s="2"/>
    </row>
    <row r="15995" spans="1:3" ht="19.2">
      <c r="A15995" s="2"/>
      <c r="B15995" s="2"/>
      <c r="C15995" s="2"/>
    </row>
    <row r="15996" spans="1:3" ht="19.2">
      <c r="A15996" s="2"/>
      <c r="B15996" s="2"/>
      <c r="C15996" s="2"/>
    </row>
    <row r="15997" spans="1:3" ht="19.2">
      <c r="A15997" s="2"/>
      <c r="B15997" s="2"/>
      <c r="C15997" s="2"/>
    </row>
    <row r="15998" spans="1:3" ht="19.2">
      <c r="A15998" s="2"/>
      <c r="B15998" s="2"/>
      <c r="C15998" s="2"/>
    </row>
    <row r="15999" spans="1:3" ht="19.2">
      <c r="A15999" s="2"/>
      <c r="B15999" s="2"/>
      <c r="C15999" s="2"/>
    </row>
    <row r="16000" spans="1:3" ht="19.2">
      <c r="A16000" s="2"/>
      <c r="B16000" s="2"/>
      <c r="C16000" s="2"/>
    </row>
    <row r="16001" spans="1:3" ht="19.2">
      <c r="A16001" s="2"/>
      <c r="B16001" s="2"/>
      <c r="C16001" s="2"/>
    </row>
    <row r="16002" spans="1:3" ht="19.2">
      <c r="A16002" s="2"/>
      <c r="B16002" s="2"/>
      <c r="C16002" s="2"/>
    </row>
    <row r="16003" spans="1:3" ht="19.2">
      <c r="A16003" s="2"/>
      <c r="B16003" s="2"/>
      <c r="C16003" s="2"/>
    </row>
    <row r="16004" spans="1:3" ht="19.2">
      <c r="A16004" s="2"/>
      <c r="B16004" s="2"/>
      <c r="C16004" s="2"/>
    </row>
    <row r="16005" spans="1:3" ht="19.2">
      <c r="A16005" s="2"/>
      <c r="B16005" s="2"/>
      <c r="C16005" s="2"/>
    </row>
    <row r="16006" spans="1:3" ht="19.2">
      <c r="A16006" s="2"/>
      <c r="B16006" s="2"/>
      <c r="C16006" s="2"/>
    </row>
    <row r="16007" spans="1:3" ht="19.2">
      <c r="A16007" s="2"/>
      <c r="B16007" s="2"/>
      <c r="C16007" s="2"/>
    </row>
    <row r="16008" spans="1:3" ht="19.2">
      <c r="A16008" s="2"/>
      <c r="B16008" s="2"/>
      <c r="C16008" s="2"/>
    </row>
    <row r="16009" spans="1:3" ht="19.2">
      <c r="A16009" s="2"/>
      <c r="B16009" s="2"/>
      <c r="C16009" s="2"/>
    </row>
    <row r="16010" spans="1:3" ht="19.2">
      <c r="A16010" s="2"/>
      <c r="B16010" s="2"/>
      <c r="C16010" s="2"/>
    </row>
    <row r="16011" spans="1:3" ht="19.2">
      <c r="A16011" s="2"/>
      <c r="B16011" s="2"/>
      <c r="C16011" s="2"/>
    </row>
    <row r="16012" spans="1:3" ht="19.2">
      <c r="A16012" s="2"/>
      <c r="B16012" s="2"/>
      <c r="C16012" s="2"/>
    </row>
    <row r="16013" spans="1:3" ht="19.2">
      <c r="A16013" s="2"/>
      <c r="B16013" s="2"/>
      <c r="C16013" s="2"/>
    </row>
    <row r="16014" spans="1:3" ht="19.2">
      <c r="A16014" s="2"/>
      <c r="B16014" s="2"/>
      <c r="C16014" s="2"/>
    </row>
    <row r="16015" spans="1:3" ht="19.2">
      <c r="A16015" s="2"/>
      <c r="B16015" s="2"/>
      <c r="C16015" s="2"/>
    </row>
    <row r="16016" spans="1:3" ht="19.2">
      <c r="A16016" s="2"/>
      <c r="B16016" s="2"/>
      <c r="C16016" s="2"/>
    </row>
    <row r="16017" spans="1:3" ht="19.2">
      <c r="A16017" s="2"/>
      <c r="B16017" s="2"/>
      <c r="C16017" s="2"/>
    </row>
    <row r="16018" spans="1:3" ht="19.2">
      <c r="A16018" s="2"/>
      <c r="B16018" s="2"/>
      <c r="C16018" s="2"/>
    </row>
    <row r="16019" spans="1:3" ht="19.2">
      <c r="A16019" s="2"/>
      <c r="B16019" s="2"/>
      <c r="C16019" s="2"/>
    </row>
    <row r="16020" spans="1:3" ht="19.2">
      <c r="A16020" s="2"/>
      <c r="B16020" s="2"/>
      <c r="C16020" s="2"/>
    </row>
    <row r="16021" spans="1:3" ht="19.2">
      <c r="A16021" s="2"/>
      <c r="B16021" s="2"/>
      <c r="C16021" s="2"/>
    </row>
    <row r="16022" spans="1:3" ht="19.2">
      <c r="A16022" s="2"/>
      <c r="B16022" s="2"/>
      <c r="C16022" s="2"/>
    </row>
    <row r="16023" spans="1:3" ht="19.2">
      <c r="A16023" s="2"/>
      <c r="B16023" s="2"/>
      <c r="C16023" s="2"/>
    </row>
    <row r="16024" spans="1:3" ht="19.2">
      <c r="A16024" s="2"/>
      <c r="B16024" s="2"/>
      <c r="C16024" s="2"/>
    </row>
    <row r="16025" spans="1:3" ht="19.2">
      <c r="A16025" s="2"/>
      <c r="B16025" s="2"/>
      <c r="C16025" s="2"/>
    </row>
    <row r="16026" spans="1:3" ht="19.2">
      <c r="A16026" s="2"/>
      <c r="B16026" s="2"/>
      <c r="C16026" s="2"/>
    </row>
    <row r="16027" spans="1:3" ht="19.2">
      <c r="A16027" s="2"/>
      <c r="B16027" s="2"/>
      <c r="C16027" s="2"/>
    </row>
    <row r="16028" spans="1:3" ht="19.2">
      <c r="A16028" s="2"/>
      <c r="B16028" s="2"/>
      <c r="C16028" s="2"/>
    </row>
    <row r="16029" spans="1:3" ht="19.2">
      <c r="A16029" s="2"/>
      <c r="B16029" s="2"/>
      <c r="C16029" s="2"/>
    </row>
    <row r="16030" spans="1:3" ht="19.2">
      <c r="A16030" s="2"/>
      <c r="B16030" s="2"/>
      <c r="C16030" s="2"/>
    </row>
    <row r="16031" spans="1:3" ht="19.2">
      <c r="A16031" s="2"/>
      <c r="B16031" s="2"/>
      <c r="C16031" s="2"/>
    </row>
    <row r="16032" spans="1:3" ht="19.2">
      <c r="A16032" s="2"/>
      <c r="B16032" s="2"/>
      <c r="C16032" s="2"/>
    </row>
    <row r="16033" spans="1:3" ht="19.2">
      <c r="A16033" s="2"/>
      <c r="B16033" s="2"/>
      <c r="C16033" s="2"/>
    </row>
    <row r="16034" spans="1:3" ht="19.2">
      <c r="A16034" s="2"/>
      <c r="B16034" s="2"/>
      <c r="C16034" s="2"/>
    </row>
    <row r="16035" spans="1:3" ht="19.2">
      <c r="A16035" s="2"/>
      <c r="B16035" s="2"/>
      <c r="C16035" s="2"/>
    </row>
    <row r="16036" spans="1:3" ht="19.2">
      <c r="A16036" s="2"/>
      <c r="B16036" s="2"/>
      <c r="C16036" s="2"/>
    </row>
    <row r="16037" spans="1:3" ht="19.2">
      <c r="A16037" s="2"/>
      <c r="B16037" s="2"/>
      <c r="C16037" s="2"/>
    </row>
    <row r="16038" spans="1:3" ht="19.2">
      <c r="A16038" s="2"/>
      <c r="B16038" s="2"/>
      <c r="C16038" s="2"/>
    </row>
    <row r="16039" spans="1:3" ht="19.2">
      <c r="A16039" s="2"/>
      <c r="B16039" s="2"/>
      <c r="C16039" s="2"/>
    </row>
    <row r="16040" spans="1:3" ht="19.2">
      <c r="A16040" s="2"/>
      <c r="B16040" s="2"/>
      <c r="C16040" s="2"/>
    </row>
    <row r="16041" spans="1:3" ht="19.2">
      <c r="A16041" s="2"/>
      <c r="B16041" s="2"/>
      <c r="C16041" s="2"/>
    </row>
    <row r="16042" spans="1:3" ht="19.2">
      <c r="A16042" s="2"/>
      <c r="B16042" s="2"/>
      <c r="C16042" s="2"/>
    </row>
    <row r="16043" spans="1:3" ht="19.2">
      <c r="A16043" s="2"/>
      <c r="B16043" s="2"/>
      <c r="C16043" s="2"/>
    </row>
    <row r="16044" spans="1:3" ht="19.2">
      <c r="A16044" s="2"/>
      <c r="B16044" s="2"/>
      <c r="C16044" s="2"/>
    </row>
    <row r="16045" spans="1:3" ht="19.2">
      <c r="A16045" s="2"/>
      <c r="B16045" s="2"/>
      <c r="C16045" s="2"/>
    </row>
    <row r="16046" spans="1:3" ht="19.2">
      <c r="A16046" s="2"/>
      <c r="B16046" s="2"/>
      <c r="C16046" s="2"/>
    </row>
    <row r="16047" spans="1:3" ht="19.2">
      <c r="A16047" s="2"/>
      <c r="B16047" s="2"/>
      <c r="C16047" s="2"/>
    </row>
    <row r="16048" spans="1:3" ht="19.2">
      <c r="A16048" s="2"/>
      <c r="B16048" s="2"/>
      <c r="C16048" s="2"/>
    </row>
    <row r="16049" spans="1:3" ht="19.2">
      <c r="A16049" s="2"/>
      <c r="B16049" s="2"/>
      <c r="C16049" s="2"/>
    </row>
    <row r="16050" spans="1:3" ht="19.2">
      <c r="A16050" s="2"/>
      <c r="B16050" s="2"/>
      <c r="C16050" s="2"/>
    </row>
    <row r="16051" spans="1:3" ht="19.2">
      <c r="A16051" s="2"/>
      <c r="B16051" s="2"/>
      <c r="C16051" s="2"/>
    </row>
    <row r="16052" spans="1:3" ht="19.2">
      <c r="A16052" s="2"/>
      <c r="B16052" s="2"/>
      <c r="C16052" s="2"/>
    </row>
    <row r="16053" spans="1:3" ht="19.2">
      <c r="A16053" s="2"/>
      <c r="B16053" s="2"/>
      <c r="C16053" s="2"/>
    </row>
    <row r="16054" spans="1:3" ht="19.2">
      <c r="A16054" s="2"/>
      <c r="B16054" s="2"/>
      <c r="C16054" s="2"/>
    </row>
    <row r="16055" spans="1:3" ht="19.2">
      <c r="A16055" s="2"/>
      <c r="B16055" s="2"/>
      <c r="C16055" s="2"/>
    </row>
    <row r="16056" spans="1:3" ht="19.2">
      <c r="A16056" s="2"/>
      <c r="B16056" s="2"/>
      <c r="C16056" s="2"/>
    </row>
    <row r="16057" spans="1:3" ht="19.2">
      <c r="A16057" s="2"/>
      <c r="B16057" s="2"/>
      <c r="C16057" s="2"/>
    </row>
    <row r="16058" spans="1:3" ht="19.2">
      <c r="A16058" s="2"/>
      <c r="B16058" s="2"/>
      <c r="C16058" s="2"/>
    </row>
    <row r="16059" spans="1:3" ht="19.2">
      <c r="A16059" s="2"/>
      <c r="B16059" s="2"/>
      <c r="C16059" s="2"/>
    </row>
    <row r="16060" spans="1:3" ht="19.2">
      <c r="A16060" s="2"/>
      <c r="B16060" s="2"/>
      <c r="C16060" s="2"/>
    </row>
    <row r="16061" spans="1:3" ht="19.2">
      <c r="A16061" s="2"/>
      <c r="B16061" s="2"/>
      <c r="C16061" s="2"/>
    </row>
    <row r="16062" spans="1:3" ht="19.2">
      <c r="A16062" s="2"/>
      <c r="B16062" s="2"/>
      <c r="C16062" s="2"/>
    </row>
    <row r="16063" spans="1:3" ht="19.2">
      <c r="A16063" s="2"/>
      <c r="B16063" s="2"/>
      <c r="C16063" s="2"/>
    </row>
    <row r="16064" spans="1:3" ht="19.2">
      <c r="A16064" s="2"/>
      <c r="B16064" s="2"/>
      <c r="C16064" s="2"/>
    </row>
    <row r="16065" spans="1:3" ht="19.2">
      <c r="A16065" s="2"/>
      <c r="B16065" s="2"/>
      <c r="C16065" s="2"/>
    </row>
    <row r="16066" spans="1:3" ht="19.2">
      <c r="A16066" s="2"/>
      <c r="B16066" s="2"/>
      <c r="C16066" s="2"/>
    </row>
    <row r="16067" spans="1:3" ht="19.2">
      <c r="A16067" s="2"/>
      <c r="B16067" s="2"/>
      <c r="C16067" s="2"/>
    </row>
    <row r="16068" spans="1:3" ht="19.2">
      <c r="A16068" s="2"/>
      <c r="B16068" s="2"/>
      <c r="C16068" s="2"/>
    </row>
    <row r="16069" spans="1:3" ht="19.2">
      <c r="A16069" s="2"/>
      <c r="B16069" s="2"/>
      <c r="C16069" s="2"/>
    </row>
    <row r="16070" spans="1:3" ht="19.2">
      <c r="A16070" s="2"/>
      <c r="B16070" s="2"/>
      <c r="C16070" s="2"/>
    </row>
    <row r="16071" spans="1:3" ht="19.2">
      <c r="A16071" s="2"/>
      <c r="B16071" s="2"/>
      <c r="C16071" s="2"/>
    </row>
    <row r="16072" spans="1:3" ht="19.2">
      <c r="A16072" s="2"/>
      <c r="B16072" s="2"/>
      <c r="C16072" s="2"/>
    </row>
    <row r="16073" spans="1:3" ht="19.2">
      <c r="A16073" s="2"/>
      <c r="B16073" s="2"/>
      <c r="C16073" s="2"/>
    </row>
    <row r="16074" spans="1:3" ht="19.2">
      <c r="A16074" s="2"/>
      <c r="B16074" s="2"/>
      <c r="C16074" s="2"/>
    </row>
    <row r="16075" spans="1:3" ht="19.2">
      <c r="A16075" s="2"/>
      <c r="B16075" s="2"/>
      <c r="C16075" s="2"/>
    </row>
    <row r="16076" spans="1:3" ht="19.2">
      <c r="A16076" s="2"/>
      <c r="B16076" s="2"/>
      <c r="C16076" s="2"/>
    </row>
    <row r="16077" spans="1:3" ht="19.2">
      <c r="A16077" s="2"/>
      <c r="B16077" s="2"/>
      <c r="C16077" s="2"/>
    </row>
    <row r="16078" spans="1:3" ht="19.2">
      <c r="A16078" s="2"/>
      <c r="B16078" s="2"/>
      <c r="C16078" s="2"/>
    </row>
    <row r="16079" spans="1:3" ht="19.2">
      <c r="A16079" s="2"/>
      <c r="B16079" s="2"/>
      <c r="C16079" s="2"/>
    </row>
    <row r="16080" spans="1:3" ht="19.2">
      <c r="A16080" s="2"/>
      <c r="B16080" s="2"/>
      <c r="C16080" s="2"/>
    </row>
    <row r="16081" spans="1:3" ht="19.2">
      <c r="A16081" s="2"/>
      <c r="B16081" s="2"/>
      <c r="C16081" s="2"/>
    </row>
    <row r="16082" spans="1:3" ht="19.2">
      <c r="A16082" s="2"/>
      <c r="B16082" s="2"/>
      <c r="C16082" s="2"/>
    </row>
    <row r="16083" spans="1:3" ht="19.2">
      <c r="A16083" s="2"/>
      <c r="B16083" s="2"/>
      <c r="C16083" s="2"/>
    </row>
    <row r="16084" spans="1:3" ht="19.2">
      <c r="A16084" s="2"/>
      <c r="B16084" s="2"/>
      <c r="C16084" s="2"/>
    </row>
    <row r="16085" spans="1:3" ht="19.2">
      <c r="A16085" s="2"/>
      <c r="B16085" s="2"/>
      <c r="C16085" s="2"/>
    </row>
    <row r="16086" spans="1:3" ht="19.2">
      <c r="A16086" s="2"/>
      <c r="B16086" s="2"/>
      <c r="C16086" s="2"/>
    </row>
    <row r="16087" spans="1:3" ht="19.2">
      <c r="A16087" s="2"/>
      <c r="B16087" s="2"/>
      <c r="C16087" s="2"/>
    </row>
    <row r="16088" spans="1:3" ht="19.2">
      <c r="A16088" s="2"/>
      <c r="B16088" s="2"/>
      <c r="C16088" s="2"/>
    </row>
    <row r="16089" spans="1:3" ht="19.2">
      <c r="A16089" s="2"/>
      <c r="B16089" s="2"/>
      <c r="C16089" s="2"/>
    </row>
    <row r="16090" spans="1:3" ht="19.2">
      <c r="A16090" s="2"/>
      <c r="B16090" s="2"/>
      <c r="C16090" s="2"/>
    </row>
    <row r="16091" spans="1:3" ht="19.2">
      <c r="A16091" s="2"/>
      <c r="B16091" s="2"/>
      <c r="C16091" s="2"/>
    </row>
    <row r="16092" spans="1:3" ht="19.2">
      <c r="A16092" s="2"/>
      <c r="B16092" s="2"/>
      <c r="C16092" s="2"/>
    </row>
    <row r="16093" spans="1:3" ht="19.2">
      <c r="A16093" s="2"/>
      <c r="B16093" s="2"/>
      <c r="C16093" s="2"/>
    </row>
    <row r="16094" spans="1:3" ht="19.2">
      <c r="A16094" s="2"/>
      <c r="B16094" s="2"/>
      <c r="C16094" s="2"/>
    </row>
    <row r="16095" spans="1:3" ht="19.2">
      <c r="A16095" s="2"/>
      <c r="B16095" s="2"/>
      <c r="C16095" s="2"/>
    </row>
    <row r="16096" spans="1:3" ht="19.2">
      <c r="A16096" s="2"/>
      <c r="B16096" s="2"/>
      <c r="C16096" s="2"/>
    </row>
    <row r="16097" spans="1:3" ht="19.2">
      <c r="A16097" s="2"/>
      <c r="B16097" s="2"/>
      <c r="C16097" s="2"/>
    </row>
    <row r="16098" spans="1:3" ht="19.2">
      <c r="A16098" s="2"/>
      <c r="B16098" s="2"/>
      <c r="C16098" s="2"/>
    </row>
    <row r="16099" spans="1:3" ht="19.2">
      <c r="A16099" s="2"/>
      <c r="B16099" s="2"/>
      <c r="C16099" s="2"/>
    </row>
    <row r="16100" spans="1:3" ht="19.2">
      <c r="A16100" s="2"/>
      <c r="B16100" s="2"/>
      <c r="C16100" s="2"/>
    </row>
    <row r="16101" spans="1:3" ht="19.2">
      <c r="A16101" s="2"/>
      <c r="B16101" s="2"/>
      <c r="C16101" s="2"/>
    </row>
    <row r="16102" spans="1:3" ht="19.2">
      <c r="A16102" s="2"/>
      <c r="B16102" s="2"/>
      <c r="C16102" s="2"/>
    </row>
    <row r="16103" spans="1:3" ht="19.2">
      <c r="A16103" s="2"/>
      <c r="B16103" s="2"/>
      <c r="C16103" s="2"/>
    </row>
    <row r="16104" spans="1:3" ht="19.2">
      <c r="A16104" s="2"/>
      <c r="B16104" s="2"/>
      <c r="C16104" s="2"/>
    </row>
    <row r="16105" spans="1:3" ht="19.2">
      <c r="A16105" s="2"/>
      <c r="B16105" s="2"/>
      <c r="C16105" s="2"/>
    </row>
    <row r="16106" spans="1:3" ht="19.2">
      <c r="A16106" s="2"/>
      <c r="B16106" s="2"/>
      <c r="C16106" s="2"/>
    </row>
    <row r="16107" spans="1:3" ht="19.2">
      <c r="A16107" s="2"/>
      <c r="B16107" s="2"/>
      <c r="C16107" s="2"/>
    </row>
    <row r="16108" spans="1:3" ht="19.2">
      <c r="A16108" s="2"/>
      <c r="B16108" s="2"/>
      <c r="C16108" s="2"/>
    </row>
    <row r="16109" spans="1:3" ht="19.2">
      <c r="A16109" s="2"/>
      <c r="B16109" s="2"/>
      <c r="C16109" s="2"/>
    </row>
    <row r="16110" spans="1:3" ht="19.2">
      <c r="A16110" s="2"/>
      <c r="B16110" s="2"/>
      <c r="C16110" s="2"/>
    </row>
    <row r="16111" spans="1:3" ht="19.2">
      <c r="A16111" s="2"/>
      <c r="B16111" s="2"/>
      <c r="C16111" s="2"/>
    </row>
    <row r="16112" spans="1:3" ht="19.2">
      <c r="A16112" s="2"/>
      <c r="B16112" s="2"/>
      <c r="C16112" s="2"/>
    </row>
    <row r="16113" spans="1:3" ht="19.2">
      <c r="A16113" s="2"/>
      <c r="B16113" s="2"/>
      <c r="C16113" s="2"/>
    </row>
    <row r="16114" spans="1:3" ht="19.2">
      <c r="A16114" s="2"/>
      <c r="B16114" s="2"/>
      <c r="C16114" s="2"/>
    </row>
    <row r="16115" spans="1:3" ht="19.2">
      <c r="A16115" s="2"/>
      <c r="B16115" s="2"/>
      <c r="C16115" s="2"/>
    </row>
    <row r="16116" spans="1:3" ht="19.2">
      <c r="A16116" s="2"/>
      <c r="B16116" s="2"/>
      <c r="C16116" s="2"/>
    </row>
    <row r="16117" spans="1:3" ht="19.2">
      <c r="A16117" s="2"/>
      <c r="B16117" s="2"/>
      <c r="C16117" s="2"/>
    </row>
    <row r="16118" spans="1:3" ht="19.2">
      <c r="A16118" s="2"/>
      <c r="B16118" s="2"/>
      <c r="C16118" s="2"/>
    </row>
    <row r="16119" spans="1:3" ht="19.2">
      <c r="A16119" s="2"/>
      <c r="B16119" s="2"/>
      <c r="C16119" s="2"/>
    </row>
    <row r="16120" spans="1:3" ht="19.2">
      <c r="A16120" s="2"/>
      <c r="B16120" s="2"/>
      <c r="C16120" s="2"/>
    </row>
    <row r="16121" spans="1:3" ht="19.2">
      <c r="A16121" s="2"/>
      <c r="B16121" s="2"/>
      <c r="C16121" s="2"/>
    </row>
    <row r="16122" spans="1:3" ht="19.2">
      <c r="A16122" s="2"/>
      <c r="B16122" s="2"/>
      <c r="C16122" s="2"/>
    </row>
    <row r="16123" spans="1:3" ht="19.2">
      <c r="A16123" s="2"/>
      <c r="B16123" s="2"/>
      <c r="C16123" s="2"/>
    </row>
    <row r="16124" spans="1:3" ht="19.2">
      <c r="A16124" s="2"/>
      <c r="B16124" s="2"/>
      <c r="C16124" s="2"/>
    </row>
    <row r="16125" spans="1:3" ht="19.2">
      <c r="A16125" s="2"/>
      <c r="B16125" s="2"/>
      <c r="C16125" s="2"/>
    </row>
    <row r="16126" spans="1:3" ht="19.2">
      <c r="A16126" s="2"/>
      <c r="B16126" s="2"/>
      <c r="C16126" s="2"/>
    </row>
    <row r="16127" spans="1:3" ht="19.2">
      <c r="A16127" s="2"/>
      <c r="B16127" s="2"/>
      <c r="C16127" s="2"/>
    </row>
    <row r="16128" spans="1:3" ht="19.2">
      <c r="A16128" s="2"/>
      <c r="B16128" s="2"/>
      <c r="C16128" s="2"/>
    </row>
    <row r="16129" spans="1:3" ht="19.2">
      <c r="A16129" s="2"/>
      <c r="B16129" s="2"/>
      <c r="C16129" s="2"/>
    </row>
    <row r="16130" spans="1:3" ht="19.2">
      <c r="A16130" s="2"/>
      <c r="B16130" s="2"/>
      <c r="C16130" s="2"/>
    </row>
    <row r="16131" spans="1:3" ht="19.2">
      <c r="A16131" s="2"/>
      <c r="B16131" s="2"/>
      <c r="C16131" s="2"/>
    </row>
    <row r="16132" spans="1:3" ht="19.2">
      <c r="A16132" s="2"/>
      <c r="B16132" s="2"/>
      <c r="C16132" s="2"/>
    </row>
    <row r="16133" spans="1:3" ht="19.2">
      <c r="A16133" s="2"/>
      <c r="B16133" s="2"/>
      <c r="C16133" s="2"/>
    </row>
    <row r="16134" spans="1:3" ht="19.2">
      <c r="A16134" s="2"/>
      <c r="B16134" s="2"/>
      <c r="C16134" s="2"/>
    </row>
    <row r="16135" spans="1:3" ht="19.2">
      <c r="A16135" s="2"/>
      <c r="B16135" s="2"/>
      <c r="C16135" s="2"/>
    </row>
    <row r="16136" spans="1:3" ht="19.2">
      <c r="A16136" s="2"/>
      <c r="B16136" s="2"/>
      <c r="C16136" s="2"/>
    </row>
    <row r="16137" spans="1:3" ht="19.2">
      <c r="A16137" s="2"/>
      <c r="B16137" s="2"/>
      <c r="C16137" s="2"/>
    </row>
    <row r="16138" spans="1:3" ht="19.2">
      <c r="A16138" s="2"/>
      <c r="B16138" s="2"/>
      <c r="C16138" s="2"/>
    </row>
    <row r="16139" spans="1:3" ht="19.2">
      <c r="A16139" s="2"/>
      <c r="B16139" s="2"/>
      <c r="C16139" s="2"/>
    </row>
    <row r="16140" spans="1:3" ht="19.2">
      <c r="A16140" s="2"/>
      <c r="B16140" s="2"/>
      <c r="C16140" s="2"/>
    </row>
    <row r="16141" spans="1:3" ht="19.2">
      <c r="A16141" s="2"/>
      <c r="B16141" s="2"/>
      <c r="C16141" s="2"/>
    </row>
    <row r="16142" spans="1:3" ht="19.2">
      <c r="A16142" s="2"/>
      <c r="B16142" s="2"/>
      <c r="C16142" s="2"/>
    </row>
    <row r="16143" spans="1:3" ht="19.2">
      <c r="A16143" s="2"/>
      <c r="B16143" s="2"/>
      <c r="C16143" s="2"/>
    </row>
    <row r="16144" spans="1:3" ht="19.2">
      <c r="A16144" s="2"/>
      <c r="B16144" s="2"/>
      <c r="C16144" s="2"/>
    </row>
    <row r="16145" spans="1:3" ht="19.2">
      <c r="A16145" s="2"/>
      <c r="B16145" s="2"/>
      <c r="C16145" s="2"/>
    </row>
    <row r="16146" spans="1:3" ht="19.2">
      <c r="A16146" s="2"/>
      <c r="B16146" s="2"/>
      <c r="C16146" s="2"/>
    </row>
    <row r="16147" spans="1:3" ht="19.2">
      <c r="A16147" s="2"/>
      <c r="B16147" s="2"/>
      <c r="C16147" s="2"/>
    </row>
    <row r="16148" spans="1:3" ht="19.2">
      <c r="A16148" s="2"/>
      <c r="B16148" s="2"/>
      <c r="C16148" s="2"/>
    </row>
    <row r="16149" spans="1:3" ht="19.2">
      <c r="A16149" s="2"/>
      <c r="B16149" s="2"/>
      <c r="C16149" s="2"/>
    </row>
    <row r="16150" spans="1:3" ht="19.2">
      <c r="A16150" s="2"/>
      <c r="B16150" s="2"/>
      <c r="C16150" s="2"/>
    </row>
    <row r="16151" spans="1:3" ht="19.2">
      <c r="A16151" s="2"/>
      <c r="B16151" s="2"/>
      <c r="C16151" s="2"/>
    </row>
    <row r="16152" spans="1:3" ht="19.2">
      <c r="A16152" s="2"/>
      <c r="B16152" s="2"/>
      <c r="C16152" s="2"/>
    </row>
    <row r="16153" spans="1:3" ht="19.2">
      <c r="A16153" s="2"/>
      <c r="B16153" s="2"/>
      <c r="C16153" s="2"/>
    </row>
    <row r="16154" spans="1:3" ht="19.2">
      <c r="A16154" s="2"/>
      <c r="B16154" s="2"/>
      <c r="C16154" s="2"/>
    </row>
    <row r="16155" spans="1:3" ht="19.2">
      <c r="A16155" s="2"/>
      <c r="B16155" s="2"/>
      <c r="C16155" s="2"/>
    </row>
    <row r="16156" spans="1:3" ht="19.2">
      <c r="A16156" s="2"/>
      <c r="B16156" s="2"/>
      <c r="C16156" s="2"/>
    </row>
    <row r="16157" spans="1:3" ht="19.2">
      <c r="A16157" s="2"/>
      <c r="B16157" s="2"/>
      <c r="C16157" s="2"/>
    </row>
    <row r="16158" spans="1:3" ht="19.2">
      <c r="A16158" s="2"/>
      <c r="B16158" s="2"/>
      <c r="C16158" s="2"/>
    </row>
    <row r="16159" spans="1:3" ht="19.2">
      <c r="A16159" s="2"/>
      <c r="B16159" s="2"/>
      <c r="C16159" s="2"/>
    </row>
    <row r="16160" spans="1:3" ht="19.2">
      <c r="A16160" s="2"/>
      <c r="B16160" s="2"/>
      <c r="C16160" s="2"/>
    </row>
    <row r="16161" spans="1:3" ht="19.2">
      <c r="A16161" s="2"/>
      <c r="B16161" s="2"/>
      <c r="C16161" s="2"/>
    </row>
    <row r="16162" spans="1:3" ht="19.2">
      <c r="A16162" s="2"/>
      <c r="B16162" s="2"/>
      <c r="C16162" s="2"/>
    </row>
    <row r="16163" spans="1:3" ht="19.2">
      <c r="A16163" s="2"/>
      <c r="B16163" s="2"/>
      <c r="C16163" s="2"/>
    </row>
    <row r="16164" spans="1:3" ht="19.2">
      <c r="A16164" s="2"/>
      <c r="B16164" s="2"/>
      <c r="C16164" s="2"/>
    </row>
    <row r="16165" spans="1:3" ht="19.2">
      <c r="A16165" s="2"/>
      <c r="B16165" s="2"/>
      <c r="C16165" s="2"/>
    </row>
    <row r="16166" spans="1:3" ht="19.2">
      <c r="A16166" s="2"/>
      <c r="B16166" s="2"/>
      <c r="C16166" s="2"/>
    </row>
    <row r="16167" spans="1:3" ht="19.2">
      <c r="A16167" s="2"/>
      <c r="B16167" s="2"/>
      <c r="C16167" s="2"/>
    </row>
    <row r="16168" spans="1:3" ht="19.2">
      <c r="A16168" s="2"/>
      <c r="B16168" s="2"/>
      <c r="C16168" s="2"/>
    </row>
    <row r="16169" spans="1:3" ht="19.2">
      <c r="A16169" s="2"/>
      <c r="B16169" s="2"/>
      <c r="C16169" s="2"/>
    </row>
    <row r="16170" spans="1:3" ht="19.2">
      <c r="A16170" s="2"/>
      <c r="B16170" s="2"/>
      <c r="C16170" s="2"/>
    </row>
    <row r="16171" spans="1:3" ht="19.2">
      <c r="A16171" s="2"/>
      <c r="B16171" s="2"/>
      <c r="C16171" s="2"/>
    </row>
    <row r="16172" spans="1:3" ht="19.2">
      <c r="A16172" s="2"/>
      <c r="B16172" s="2"/>
      <c r="C16172" s="2"/>
    </row>
    <row r="16173" spans="1:3" ht="19.2">
      <c r="A16173" s="2"/>
      <c r="B16173" s="2"/>
      <c r="C16173" s="2"/>
    </row>
    <row r="16174" spans="1:3" ht="19.2">
      <c r="A16174" s="2"/>
      <c r="B16174" s="2"/>
      <c r="C16174" s="2"/>
    </row>
    <row r="16175" spans="1:3" ht="19.2">
      <c r="A16175" s="2"/>
      <c r="B16175" s="2"/>
      <c r="C16175" s="2"/>
    </row>
    <row r="16176" spans="1:3" ht="19.2">
      <c r="A16176" s="2"/>
      <c r="B16176" s="2"/>
      <c r="C16176" s="2"/>
    </row>
    <row r="16177" spans="1:3" ht="19.2">
      <c r="A16177" s="2"/>
      <c r="B16177" s="2"/>
      <c r="C16177" s="2"/>
    </row>
    <row r="16178" spans="1:3" ht="19.2">
      <c r="A16178" s="2"/>
      <c r="B16178" s="2"/>
      <c r="C16178" s="2"/>
    </row>
    <row r="16179" spans="1:3" ht="19.2">
      <c r="A16179" s="2"/>
      <c r="B16179" s="2"/>
      <c r="C16179" s="2"/>
    </row>
    <row r="16180" spans="1:3" ht="19.2">
      <c r="A16180" s="2"/>
      <c r="B16180" s="2"/>
      <c r="C16180" s="2"/>
    </row>
    <row r="16181" spans="1:3" ht="19.2">
      <c r="A16181" s="2"/>
      <c r="B16181" s="2"/>
      <c r="C16181" s="2"/>
    </row>
    <row r="16182" spans="1:3" ht="19.2">
      <c r="A16182" s="2"/>
      <c r="B16182" s="2"/>
      <c r="C16182" s="2"/>
    </row>
    <row r="16183" spans="1:3" ht="19.2">
      <c r="A16183" s="2"/>
      <c r="B16183" s="2"/>
      <c r="C16183" s="2"/>
    </row>
    <row r="16184" spans="1:3" ht="19.2">
      <c r="A16184" s="2"/>
      <c r="B16184" s="2"/>
      <c r="C16184" s="2"/>
    </row>
    <row r="16185" spans="1:3" ht="19.2">
      <c r="A16185" s="2"/>
      <c r="B16185" s="2"/>
      <c r="C16185" s="2"/>
    </row>
    <row r="16186" spans="1:3" ht="19.2">
      <c r="A16186" s="2"/>
      <c r="B16186" s="2"/>
      <c r="C16186" s="2"/>
    </row>
    <row r="16187" spans="1:3" ht="19.2">
      <c r="A16187" s="2"/>
      <c r="B16187" s="2"/>
      <c r="C16187" s="2"/>
    </row>
    <row r="16188" spans="1:3" ht="19.2">
      <c r="A16188" s="2"/>
      <c r="B16188" s="2"/>
      <c r="C16188" s="2"/>
    </row>
    <row r="16189" spans="1:3" ht="19.2">
      <c r="A16189" s="2"/>
      <c r="B16189" s="2"/>
      <c r="C16189" s="2"/>
    </row>
    <row r="16190" spans="1:3" ht="19.2">
      <c r="A16190" s="2"/>
      <c r="B16190" s="2"/>
      <c r="C16190" s="2"/>
    </row>
    <row r="16191" spans="1:3" ht="19.2">
      <c r="A16191" s="2"/>
      <c r="B16191" s="2"/>
      <c r="C16191" s="2"/>
    </row>
    <row r="16192" spans="1:3" ht="19.2">
      <c r="A16192" s="2"/>
      <c r="B16192" s="2"/>
      <c r="C16192" s="2"/>
    </row>
    <row r="16193" spans="1:3" ht="19.2">
      <c r="A16193" s="2"/>
      <c r="B16193" s="2"/>
      <c r="C16193" s="2"/>
    </row>
    <row r="16194" spans="1:3" ht="19.2">
      <c r="A16194" s="2"/>
      <c r="B16194" s="2"/>
      <c r="C16194" s="2"/>
    </row>
    <row r="16195" spans="1:3" ht="19.2">
      <c r="A16195" s="2"/>
      <c r="B16195" s="2"/>
      <c r="C16195" s="2"/>
    </row>
    <row r="16196" spans="1:3" ht="19.2">
      <c r="A16196" s="2"/>
      <c r="B16196" s="2"/>
      <c r="C16196" s="2"/>
    </row>
    <row r="16197" spans="1:3" ht="19.2">
      <c r="A16197" s="2"/>
      <c r="B16197" s="2"/>
      <c r="C16197" s="2"/>
    </row>
    <row r="16198" spans="1:3" ht="19.2">
      <c r="A16198" s="2"/>
      <c r="B16198" s="2"/>
      <c r="C16198" s="2"/>
    </row>
    <row r="16199" spans="1:3" ht="19.2">
      <c r="A16199" s="2"/>
      <c r="B16199" s="2"/>
      <c r="C16199" s="2"/>
    </row>
    <row r="16200" spans="1:3" ht="19.2">
      <c r="A16200" s="2"/>
      <c r="B16200" s="2"/>
      <c r="C16200" s="2"/>
    </row>
    <row r="16201" spans="1:3" ht="19.2">
      <c r="A16201" s="2"/>
      <c r="B16201" s="2"/>
      <c r="C16201" s="2"/>
    </row>
    <row r="16202" spans="1:3" ht="19.2">
      <c r="A16202" s="2"/>
      <c r="B16202" s="2"/>
      <c r="C16202" s="2"/>
    </row>
    <row r="16203" spans="1:3" ht="19.2">
      <c r="A16203" s="2"/>
      <c r="B16203" s="2"/>
      <c r="C16203" s="2"/>
    </row>
    <row r="16204" spans="1:3" ht="19.2">
      <c r="A16204" s="2"/>
      <c r="B16204" s="2"/>
      <c r="C16204" s="2"/>
    </row>
    <row r="16205" spans="1:3" ht="19.2">
      <c r="A16205" s="2"/>
      <c r="B16205" s="2"/>
      <c r="C16205" s="2"/>
    </row>
    <row r="16206" spans="1:3" ht="19.2">
      <c r="A16206" s="2"/>
      <c r="B16206" s="2"/>
      <c r="C16206" s="2"/>
    </row>
    <row r="16207" spans="1:3" ht="19.2">
      <c r="A16207" s="2"/>
      <c r="B16207" s="2"/>
      <c r="C16207" s="2"/>
    </row>
    <row r="16208" spans="1:3" ht="19.2">
      <c r="A16208" s="2"/>
      <c r="B16208" s="2"/>
      <c r="C16208" s="2"/>
    </row>
    <row r="16209" spans="1:3" ht="19.2">
      <c r="A16209" s="2"/>
      <c r="B16209" s="2"/>
      <c r="C16209" s="2"/>
    </row>
    <row r="16210" spans="1:3" ht="19.2">
      <c r="A16210" s="2"/>
      <c r="B16210" s="2"/>
      <c r="C16210" s="2"/>
    </row>
    <row r="16211" spans="1:3" ht="19.2">
      <c r="A16211" s="2"/>
      <c r="B16211" s="2"/>
      <c r="C16211" s="2"/>
    </row>
    <row r="16212" spans="1:3" ht="19.2">
      <c r="A16212" s="2"/>
      <c r="B16212" s="2"/>
      <c r="C16212" s="2"/>
    </row>
    <row r="16213" spans="1:3" ht="19.2">
      <c r="A16213" s="2"/>
      <c r="B16213" s="2"/>
      <c r="C16213" s="2"/>
    </row>
    <row r="16214" spans="1:3" ht="19.2">
      <c r="A16214" s="2"/>
      <c r="B16214" s="2"/>
      <c r="C16214" s="2"/>
    </row>
    <row r="16215" spans="1:3" ht="19.2">
      <c r="A16215" s="2"/>
      <c r="B16215" s="2"/>
      <c r="C16215" s="2"/>
    </row>
    <row r="16216" spans="1:3" ht="19.2">
      <c r="A16216" s="2"/>
      <c r="B16216" s="2"/>
      <c r="C16216" s="2"/>
    </row>
    <row r="16217" spans="1:3" ht="19.2">
      <c r="A16217" s="2"/>
      <c r="B16217" s="2"/>
      <c r="C16217" s="2"/>
    </row>
    <row r="16218" spans="1:3" ht="19.2">
      <c r="A16218" s="2"/>
      <c r="B16218" s="2"/>
      <c r="C16218" s="2"/>
    </row>
    <row r="16219" spans="1:3" ht="19.2">
      <c r="A16219" s="2"/>
      <c r="B16219" s="2"/>
      <c r="C16219" s="2"/>
    </row>
    <row r="16220" spans="1:3" ht="19.2">
      <c r="A16220" s="2"/>
      <c r="B16220" s="2"/>
      <c r="C16220" s="2"/>
    </row>
    <row r="16221" spans="1:3" ht="19.2">
      <c r="A16221" s="2"/>
      <c r="B16221" s="2"/>
      <c r="C16221" s="2"/>
    </row>
    <row r="16222" spans="1:3" ht="19.2">
      <c r="A16222" s="2"/>
      <c r="B16222" s="2"/>
      <c r="C16222" s="2"/>
    </row>
    <row r="16223" spans="1:3" ht="19.2">
      <c r="A16223" s="2"/>
      <c r="B16223" s="2"/>
      <c r="C16223" s="2"/>
    </row>
    <row r="16224" spans="1:3" ht="19.2">
      <c r="A16224" s="2"/>
      <c r="B16224" s="2"/>
      <c r="C16224" s="2"/>
    </row>
    <row r="16225" spans="1:3" ht="19.2">
      <c r="A16225" s="2"/>
      <c r="B16225" s="2"/>
      <c r="C16225" s="2"/>
    </row>
    <row r="16226" spans="1:3" ht="19.2">
      <c r="A16226" s="2"/>
      <c r="B16226" s="2"/>
      <c r="C16226" s="2"/>
    </row>
    <row r="16227" spans="1:3" ht="19.2">
      <c r="A16227" s="2"/>
      <c r="B16227" s="2"/>
      <c r="C16227" s="2"/>
    </row>
    <row r="16228" spans="1:3" ht="19.2">
      <c r="A16228" s="2"/>
      <c r="B16228" s="2"/>
      <c r="C16228" s="2"/>
    </row>
    <row r="16229" spans="1:3" ht="19.2">
      <c r="A16229" s="2"/>
      <c r="B16229" s="2"/>
      <c r="C16229" s="2"/>
    </row>
    <row r="16230" spans="1:3" ht="19.2">
      <c r="A16230" s="2"/>
      <c r="B16230" s="2"/>
      <c r="C16230" s="2"/>
    </row>
    <row r="16231" spans="1:3" ht="19.2">
      <c r="A16231" s="2"/>
      <c r="B16231" s="2"/>
      <c r="C16231" s="2"/>
    </row>
    <row r="16232" spans="1:3" ht="19.2">
      <c r="A16232" s="2"/>
      <c r="B16232" s="2"/>
      <c r="C16232" s="2"/>
    </row>
    <row r="16233" spans="1:3" ht="19.2">
      <c r="A16233" s="2"/>
      <c r="B16233" s="2"/>
      <c r="C16233" s="2"/>
    </row>
    <row r="16234" spans="1:3" ht="19.2">
      <c r="A16234" s="2"/>
      <c r="B16234" s="2"/>
      <c r="C16234" s="2"/>
    </row>
    <row r="16235" spans="1:3" ht="19.2">
      <c r="A16235" s="2"/>
      <c r="B16235" s="2"/>
      <c r="C16235" s="2"/>
    </row>
    <row r="16236" spans="1:3" ht="19.2">
      <c r="A16236" s="2"/>
      <c r="B16236" s="2"/>
      <c r="C16236" s="2"/>
    </row>
    <row r="16237" spans="1:3" ht="19.2">
      <c r="A16237" s="2"/>
      <c r="B16237" s="2"/>
      <c r="C16237" s="2"/>
    </row>
    <row r="16238" spans="1:3" ht="19.2">
      <c r="A16238" s="2"/>
      <c r="B16238" s="2"/>
      <c r="C16238" s="2"/>
    </row>
    <row r="16239" spans="1:3" ht="19.2">
      <c r="A16239" s="2"/>
      <c r="B16239" s="2"/>
      <c r="C16239" s="2"/>
    </row>
    <row r="16240" spans="1:3" ht="19.2">
      <c r="A16240" s="2"/>
      <c r="B16240" s="2"/>
      <c r="C16240" s="2"/>
    </row>
    <row r="16241" spans="1:3" ht="19.2">
      <c r="A16241" s="2"/>
      <c r="B16241" s="2"/>
      <c r="C16241" s="2"/>
    </row>
    <row r="16242" spans="1:3" ht="19.2">
      <c r="A16242" s="2"/>
      <c r="B16242" s="2"/>
      <c r="C16242" s="2"/>
    </row>
    <row r="16243" spans="1:3" ht="19.2">
      <c r="A16243" s="2"/>
      <c r="B16243" s="2"/>
      <c r="C16243" s="2"/>
    </row>
    <row r="16244" spans="1:3" ht="19.2">
      <c r="A16244" s="2"/>
      <c r="B16244" s="2"/>
      <c r="C16244" s="2"/>
    </row>
    <row r="16245" spans="1:3" ht="19.2">
      <c r="A16245" s="2"/>
      <c r="B16245" s="2"/>
      <c r="C16245" s="2"/>
    </row>
    <row r="16246" spans="1:3" ht="19.2">
      <c r="A16246" s="2"/>
      <c r="B16246" s="2"/>
      <c r="C16246" s="2"/>
    </row>
    <row r="16247" spans="1:3" ht="19.2">
      <c r="A16247" s="2"/>
      <c r="B16247" s="2"/>
      <c r="C16247" s="2"/>
    </row>
    <row r="16248" spans="1:3" ht="19.2">
      <c r="A16248" s="2"/>
      <c r="B16248" s="2"/>
      <c r="C16248" s="2"/>
    </row>
    <row r="16249" spans="1:3" ht="19.2">
      <c r="A16249" s="2"/>
      <c r="B16249" s="2"/>
      <c r="C16249" s="2"/>
    </row>
    <row r="16250" spans="1:3" ht="19.2">
      <c r="A16250" s="2"/>
      <c r="B16250" s="2"/>
      <c r="C16250" s="2"/>
    </row>
    <row r="16251" spans="1:3" ht="19.2">
      <c r="A16251" s="2"/>
      <c r="B16251" s="2"/>
      <c r="C16251" s="2"/>
    </row>
    <row r="16252" spans="1:3" ht="19.2">
      <c r="A16252" s="2"/>
      <c r="B16252" s="2"/>
      <c r="C16252" s="2"/>
    </row>
    <row r="16253" spans="1:3" ht="19.2">
      <c r="A16253" s="2"/>
      <c r="B16253" s="2"/>
      <c r="C16253" s="2"/>
    </row>
    <row r="16254" spans="1:3" ht="19.2">
      <c r="A16254" s="2"/>
      <c r="B16254" s="2"/>
      <c r="C16254" s="2"/>
    </row>
    <row r="16255" spans="1:3" ht="19.2">
      <c r="A16255" s="2"/>
      <c r="B16255" s="2"/>
      <c r="C16255" s="2"/>
    </row>
    <row r="16256" spans="1:3" ht="19.2">
      <c r="A16256" s="2"/>
      <c r="B16256" s="2"/>
      <c r="C16256" s="2"/>
    </row>
    <row r="16257" spans="1:3" ht="19.2">
      <c r="A16257" s="2"/>
      <c r="B16257" s="2"/>
      <c r="C16257" s="2"/>
    </row>
    <row r="16258" spans="1:3" ht="19.2">
      <c r="A16258" s="2"/>
      <c r="B16258" s="2"/>
      <c r="C16258" s="2"/>
    </row>
    <row r="16259" spans="1:3" ht="19.2">
      <c r="A16259" s="2"/>
      <c r="B16259" s="2"/>
      <c r="C16259" s="2"/>
    </row>
    <row r="16260" spans="1:3" ht="19.2">
      <c r="A16260" s="2"/>
      <c r="B16260" s="2"/>
      <c r="C16260" s="2"/>
    </row>
    <row r="16261" spans="1:3" ht="19.2">
      <c r="A16261" s="2"/>
      <c r="B16261" s="2"/>
      <c r="C16261" s="2"/>
    </row>
    <row r="16262" spans="1:3" ht="19.2">
      <c r="A16262" s="2"/>
      <c r="B16262" s="2"/>
      <c r="C16262" s="2"/>
    </row>
    <row r="16263" spans="1:3" ht="19.2">
      <c r="A16263" s="2"/>
      <c r="B16263" s="2"/>
      <c r="C16263" s="2"/>
    </row>
    <row r="16264" spans="1:3" ht="19.2">
      <c r="A16264" s="2"/>
      <c r="B16264" s="2"/>
      <c r="C16264" s="2"/>
    </row>
    <row r="16265" spans="1:3" ht="19.2">
      <c r="A16265" s="2"/>
      <c r="B16265" s="2"/>
      <c r="C16265" s="2"/>
    </row>
    <row r="16266" spans="1:3" ht="19.2">
      <c r="A16266" s="2"/>
      <c r="B16266" s="2"/>
      <c r="C16266" s="2"/>
    </row>
    <row r="16267" spans="1:3" ht="19.2">
      <c r="A16267" s="2"/>
      <c r="B16267" s="2"/>
      <c r="C16267" s="2"/>
    </row>
    <row r="16268" spans="1:3" ht="19.2">
      <c r="A16268" s="2"/>
      <c r="B16268" s="2"/>
      <c r="C16268" s="2"/>
    </row>
    <row r="16269" spans="1:3" ht="19.2">
      <c r="A16269" s="2"/>
      <c r="B16269" s="2"/>
      <c r="C16269" s="2"/>
    </row>
    <row r="16270" spans="1:3" ht="19.2">
      <c r="A16270" s="2"/>
      <c r="B16270" s="2"/>
      <c r="C16270" s="2"/>
    </row>
    <row r="16271" spans="1:3" ht="19.2">
      <c r="A16271" s="2"/>
      <c r="B16271" s="2"/>
      <c r="C16271" s="2"/>
    </row>
    <row r="16272" spans="1:3" ht="19.2">
      <c r="A16272" s="2"/>
      <c r="B16272" s="2"/>
      <c r="C16272" s="2"/>
    </row>
    <row r="16273" spans="1:3" ht="19.2">
      <c r="A16273" s="2"/>
      <c r="B16273" s="2"/>
      <c r="C16273" s="2"/>
    </row>
    <row r="16274" spans="1:3" ht="19.2">
      <c r="A16274" s="2"/>
      <c r="B16274" s="2"/>
      <c r="C16274" s="2"/>
    </row>
    <row r="16275" spans="1:3" ht="19.2">
      <c r="A16275" s="2"/>
      <c r="B16275" s="2"/>
      <c r="C16275" s="2"/>
    </row>
    <row r="16276" spans="1:3" ht="19.2">
      <c r="A16276" s="2"/>
      <c r="B16276" s="2"/>
      <c r="C16276" s="2"/>
    </row>
    <row r="16277" spans="1:3" ht="19.2">
      <c r="A16277" s="2"/>
      <c r="B16277" s="2"/>
      <c r="C16277" s="2"/>
    </row>
    <row r="16278" spans="1:3" ht="19.2">
      <c r="A16278" s="2"/>
      <c r="B16278" s="2"/>
      <c r="C16278" s="2"/>
    </row>
    <row r="16279" spans="1:3" ht="19.2">
      <c r="A16279" s="2"/>
      <c r="B16279" s="2"/>
      <c r="C16279" s="2"/>
    </row>
    <row r="16280" spans="1:3" ht="19.2">
      <c r="A16280" s="2"/>
      <c r="B16280" s="2"/>
      <c r="C16280" s="2"/>
    </row>
    <row r="16281" spans="1:3" ht="19.2">
      <c r="A16281" s="2"/>
      <c r="B16281" s="2"/>
      <c r="C16281" s="2"/>
    </row>
    <row r="16282" spans="1:3" ht="19.2">
      <c r="A16282" s="2"/>
      <c r="B16282" s="2"/>
      <c r="C16282" s="2"/>
    </row>
    <row r="16283" spans="1:3" ht="19.2">
      <c r="A16283" s="2"/>
      <c r="B16283" s="2"/>
      <c r="C16283" s="2"/>
    </row>
    <row r="16284" spans="1:3" ht="19.2">
      <c r="A16284" s="2"/>
      <c r="B16284" s="2"/>
      <c r="C16284" s="2"/>
    </row>
    <row r="16285" spans="1:3" ht="19.2">
      <c r="A16285" s="2"/>
      <c r="B16285" s="2"/>
      <c r="C16285" s="2"/>
    </row>
    <row r="16286" spans="1:3" ht="19.2">
      <c r="A16286" s="2"/>
      <c r="B16286" s="2"/>
      <c r="C16286" s="2"/>
    </row>
    <row r="16287" spans="1:3" ht="19.2">
      <c r="A16287" s="2"/>
      <c r="B16287" s="2"/>
      <c r="C16287" s="2"/>
    </row>
    <row r="16288" spans="1:3" ht="19.2">
      <c r="A16288" s="2"/>
      <c r="B16288" s="2"/>
      <c r="C16288" s="2"/>
    </row>
    <row r="16289" spans="1:3" ht="19.2">
      <c r="A16289" s="2"/>
      <c r="B16289" s="2"/>
      <c r="C16289" s="2"/>
    </row>
    <row r="16290" spans="1:3" ht="19.2">
      <c r="A16290" s="2"/>
      <c r="B16290" s="2"/>
      <c r="C16290" s="2"/>
    </row>
    <row r="16291" spans="1:3" ht="19.2">
      <c r="A16291" s="2"/>
      <c r="B16291" s="2"/>
      <c r="C16291" s="2"/>
    </row>
    <row r="16292" spans="1:3" ht="19.2">
      <c r="A16292" s="2"/>
      <c r="B16292" s="2"/>
      <c r="C16292" s="2"/>
    </row>
    <row r="16293" spans="1:3" ht="19.2">
      <c r="A16293" s="2"/>
      <c r="B16293" s="2"/>
      <c r="C16293" s="2"/>
    </row>
    <row r="16294" spans="1:3" ht="19.2">
      <c r="A16294" s="2"/>
      <c r="B16294" s="2"/>
      <c r="C16294" s="2"/>
    </row>
    <row r="16295" spans="1:3" ht="19.2">
      <c r="A16295" s="2"/>
      <c r="B16295" s="2"/>
      <c r="C16295" s="2"/>
    </row>
    <row r="16296" spans="1:3" ht="19.2">
      <c r="A16296" s="2"/>
      <c r="B16296" s="2"/>
      <c r="C16296" s="2"/>
    </row>
    <row r="16297" spans="1:3" ht="19.2">
      <c r="A16297" s="2"/>
      <c r="B16297" s="2"/>
      <c r="C16297" s="2"/>
    </row>
    <row r="16298" spans="1:3" ht="19.2">
      <c r="A16298" s="2"/>
      <c r="B16298" s="2"/>
      <c r="C16298" s="2"/>
    </row>
    <row r="16299" spans="1:3" ht="19.2">
      <c r="A16299" s="2"/>
      <c r="B16299" s="2"/>
      <c r="C16299" s="2"/>
    </row>
    <row r="16300" spans="1:3" ht="19.2">
      <c r="A16300" s="2"/>
      <c r="B16300" s="2"/>
      <c r="C16300" s="2"/>
    </row>
    <row r="16301" spans="1:3" ht="19.2">
      <c r="A16301" s="2"/>
      <c r="B16301" s="2"/>
      <c r="C16301" s="2"/>
    </row>
    <row r="16302" spans="1:3" ht="19.2">
      <c r="A16302" s="2"/>
      <c r="B16302" s="2"/>
      <c r="C16302" s="2"/>
    </row>
    <row r="16303" spans="1:3" ht="19.2">
      <c r="A16303" s="2"/>
      <c r="B16303" s="2"/>
      <c r="C16303" s="2"/>
    </row>
    <row r="16304" spans="1:3" ht="19.2">
      <c r="A16304" s="2"/>
      <c r="B16304" s="2"/>
      <c r="C16304" s="2"/>
    </row>
    <row r="16305" spans="1:3" ht="19.2">
      <c r="A16305" s="2"/>
      <c r="B16305" s="2"/>
      <c r="C16305" s="2"/>
    </row>
    <row r="16306" spans="1:3" ht="19.2">
      <c r="A16306" s="2"/>
      <c r="B16306" s="2"/>
      <c r="C16306" s="2"/>
    </row>
    <row r="16307" spans="1:3" ht="19.2">
      <c r="A16307" s="2"/>
      <c r="B16307" s="2"/>
      <c r="C16307" s="2"/>
    </row>
    <row r="16308" spans="1:3" ht="19.2">
      <c r="A16308" s="2"/>
      <c r="B16308" s="2"/>
      <c r="C16308" s="2"/>
    </row>
    <row r="16309" spans="1:3" ht="19.2">
      <c r="A16309" s="2"/>
      <c r="B16309" s="2"/>
      <c r="C16309" s="2"/>
    </row>
    <row r="16310" spans="1:3" ht="19.2">
      <c r="A16310" s="2"/>
      <c r="B16310" s="2"/>
      <c r="C16310" s="2"/>
    </row>
    <row r="16311" spans="1:3" ht="19.2">
      <c r="A16311" s="2"/>
      <c r="B16311" s="2"/>
      <c r="C16311" s="2"/>
    </row>
    <row r="16312" spans="1:3" ht="19.2">
      <c r="A16312" s="2"/>
      <c r="B16312" s="2"/>
      <c r="C16312" s="2"/>
    </row>
    <row r="16313" spans="1:3" ht="19.2">
      <c r="A16313" s="2"/>
      <c r="B16313" s="2"/>
      <c r="C16313" s="2"/>
    </row>
    <row r="16314" spans="1:3" ht="19.2">
      <c r="A16314" s="2"/>
      <c r="B16314" s="2"/>
      <c r="C16314" s="2"/>
    </row>
    <row r="16315" spans="1:3" ht="19.2">
      <c r="A16315" s="2"/>
      <c r="B16315" s="2"/>
      <c r="C16315" s="2"/>
    </row>
    <row r="16316" spans="1:3" ht="19.2">
      <c r="A16316" s="2"/>
      <c r="B16316" s="2"/>
      <c r="C16316" s="2"/>
    </row>
    <row r="16317" spans="1:3" ht="19.2">
      <c r="A16317" s="2"/>
      <c r="B16317" s="2"/>
      <c r="C16317" s="2"/>
    </row>
    <row r="16318" spans="1:3" ht="19.2">
      <c r="A16318" s="2"/>
      <c r="B16318" s="2"/>
      <c r="C16318" s="2"/>
    </row>
    <row r="16319" spans="1:3" ht="19.2">
      <c r="A16319" s="2"/>
      <c r="B16319" s="2"/>
      <c r="C16319" s="2"/>
    </row>
    <row r="16320" spans="1:3" ht="19.2">
      <c r="A16320" s="2"/>
      <c r="B16320" s="2"/>
      <c r="C16320" s="2"/>
    </row>
    <row r="16321" spans="1:3" ht="19.2">
      <c r="A16321" s="2"/>
      <c r="B16321" s="2"/>
      <c r="C16321" s="2"/>
    </row>
    <row r="16322" spans="1:3" ht="19.2">
      <c r="A16322" s="2"/>
      <c r="B16322" s="2"/>
      <c r="C16322" s="2"/>
    </row>
    <row r="16323" spans="1:3" ht="19.2">
      <c r="A16323" s="2"/>
      <c r="B16323" s="2"/>
      <c r="C16323" s="2"/>
    </row>
    <row r="16324" spans="1:3" ht="19.2">
      <c r="A16324" s="2"/>
      <c r="B16324" s="2"/>
      <c r="C16324" s="2"/>
    </row>
    <row r="16325" spans="1:3" ht="19.2">
      <c r="A16325" s="2"/>
      <c r="B16325" s="2"/>
      <c r="C16325" s="2"/>
    </row>
    <row r="16326" spans="1:3" ht="19.2">
      <c r="A16326" s="2"/>
      <c r="B16326" s="2"/>
      <c r="C16326" s="2"/>
    </row>
    <row r="16327" spans="1:3" ht="19.2">
      <c r="A16327" s="2"/>
      <c r="B16327" s="2"/>
      <c r="C16327" s="2"/>
    </row>
    <row r="16328" spans="1:3" ht="19.2">
      <c r="A16328" s="2"/>
      <c r="B16328" s="2"/>
      <c r="C16328" s="2"/>
    </row>
    <row r="16329" spans="1:3" ht="19.2">
      <c r="A16329" s="2"/>
      <c r="B16329" s="2"/>
      <c r="C16329" s="2"/>
    </row>
    <row r="16330" spans="1:3" ht="19.2">
      <c r="A16330" s="2"/>
      <c r="B16330" s="2"/>
      <c r="C16330" s="2"/>
    </row>
    <row r="16331" spans="1:3" ht="19.2">
      <c r="A16331" s="2"/>
      <c r="B16331" s="2"/>
      <c r="C16331" s="2"/>
    </row>
    <row r="16332" spans="1:3" ht="19.2">
      <c r="A16332" s="2"/>
      <c r="B16332" s="2"/>
      <c r="C16332" s="2"/>
    </row>
    <row r="16333" spans="1:3" ht="19.2">
      <c r="A16333" s="2"/>
      <c r="B16333" s="2"/>
      <c r="C16333" s="2"/>
    </row>
    <row r="16334" spans="1:3" ht="19.2">
      <c r="A16334" s="2"/>
      <c r="B16334" s="2"/>
      <c r="C16334" s="2"/>
    </row>
    <row r="16335" spans="1:3" ht="19.2">
      <c r="A16335" s="2"/>
      <c r="B16335" s="2"/>
      <c r="C16335" s="2"/>
    </row>
    <row r="16336" spans="1:3" ht="19.2">
      <c r="A16336" s="2"/>
      <c r="B16336" s="2"/>
      <c r="C16336" s="2"/>
    </row>
    <row r="16337" spans="1:3" ht="19.2">
      <c r="A16337" s="2"/>
      <c r="B16337" s="2"/>
      <c r="C16337" s="2"/>
    </row>
    <row r="16338" spans="1:3" ht="19.2">
      <c r="A16338" s="2"/>
      <c r="B16338" s="2"/>
      <c r="C16338" s="2"/>
    </row>
    <row r="16339" spans="1:3" ht="19.2">
      <c r="A16339" s="2"/>
      <c r="B16339" s="2"/>
      <c r="C16339" s="2"/>
    </row>
    <row r="16340" spans="1:3" ht="19.2">
      <c r="A16340" s="2"/>
      <c r="B16340" s="2"/>
      <c r="C16340" s="2"/>
    </row>
    <row r="16341" spans="1:3" ht="19.2">
      <c r="A16341" s="2"/>
      <c r="B16341" s="2"/>
      <c r="C16341" s="2"/>
    </row>
    <row r="16342" spans="1:3" ht="19.2">
      <c r="A16342" s="2"/>
      <c r="B16342" s="2"/>
      <c r="C16342" s="2"/>
    </row>
    <row r="16343" spans="1:3" ht="19.2">
      <c r="A16343" s="2"/>
      <c r="B16343" s="2"/>
      <c r="C16343" s="2"/>
    </row>
    <row r="16344" spans="1:3" ht="19.2">
      <c r="A16344" s="2"/>
      <c r="B16344" s="2"/>
      <c r="C16344" s="2"/>
    </row>
    <row r="16345" spans="1:3" ht="19.2">
      <c r="A16345" s="2"/>
      <c r="B16345" s="2"/>
      <c r="C16345" s="2"/>
    </row>
    <row r="16346" spans="1:3" ht="19.2">
      <c r="A16346" s="2"/>
      <c r="B16346" s="2"/>
      <c r="C16346" s="2"/>
    </row>
    <row r="16347" spans="1:3" ht="19.2">
      <c r="A16347" s="2"/>
      <c r="B16347" s="2"/>
      <c r="C16347" s="2"/>
    </row>
    <row r="16348" spans="1:3" ht="19.2">
      <c r="A16348" s="2"/>
      <c r="B16348" s="2"/>
      <c r="C16348" s="2"/>
    </row>
    <row r="16349" spans="1:3" ht="19.2">
      <c r="A16349" s="2"/>
      <c r="B16349" s="2"/>
      <c r="C16349" s="2"/>
    </row>
    <row r="16350" spans="1:3" ht="19.2">
      <c r="A16350" s="2"/>
      <c r="B16350" s="2"/>
      <c r="C16350" s="2"/>
    </row>
    <row r="16351" spans="1:3" ht="19.2">
      <c r="A16351" s="2"/>
      <c r="B16351" s="2"/>
      <c r="C16351" s="2"/>
    </row>
    <row r="16352" spans="1:3" ht="19.2">
      <c r="A16352" s="2"/>
      <c r="B16352" s="2"/>
      <c r="C16352" s="2"/>
    </row>
    <row r="16353" spans="1:3" ht="19.2">
      <c r="A16353" s="2"/>
      <c r="B16353" s="2"/>
      <c r="C16353" s="2"/>
    </row>
    <row r="16354" spans="1:3" ht="19.2">
      <c r="A16354" s="2"/>
      <c r="B16354" s="2"/>
      <c r="C16354" s="2"/>
    </row>
    <row r="16355" spans="1:3" ht="19.2">
      <c r="A16355" s="2"/>
      <c r="B16355" s="2"/>
      <c r="C16355" s="2"/>
    </row>
    <row r="16356" spans="1:3" ht="19.2">
      <c r="A16356" s="2"/>
      <c r="B16356" s="2"/>
      <c r="C16356" s="2"/>
    </row>
    <row r="16357" spans="1:3" ht="19.2">
      <c r="A16357" s="2"/>
      <c r="B16357" s="2"/>
      <c r="C16357" s="2"/>
    </row>
    <row r="16358" spans="1:3" ht="19.2">
      <c r="A16358" s="2"/>
      <c r="B16358" s="2"/>
      <c r="C16358" s="2"/>
    </row>
    <row r="16359" spans="1:3" ht="19.2">
      <c r="A16359" s="2"/>
      <c r="B16359" s="2"/>
      <c r="C16359" s="2"/>
    </row>
    <row r="16360" spans="1:3" ht="19.2">
      <c r="A16360" s="2"/>
      <c r="B16360" s="2"/>
      <c r="C16360" s="2"/>
    </row>
    <row r="16361" spans="1:3" ht="19.2">
      <c r="A16361" s="2"/>
      <c r="B16361" s="2"/>
      <c r="C16361" s="2"/>
    </row>
    <row r="16362" spans="1:3" ht="19.2">
      <c r="A16362" s="2"/>
      <c r="B16362" s="2"/>
      <c r="C16362" s="2"/>
    </row>
    <row r="16363" spans="1:3" ht="19.2">
      <c r="A16363" s="2"/>
      <c r="B16363" s="2"/>
      <c r="C16363" s="2"/>
    </row>
    <row r="16364" spans="1:3" ht="19.2">
      <c r="A16364" s="2"/>
      <c r="B16364" s="2"/>
      <c r="C16364" s="2"/>
    </row>
    <row r="16365" spans="1:3" ht="19.2">
      <c r="A16365" s="2"/>
      <c r="B16365" s="2"/>
      <c r="C16365" s="2"/>
    </row>
    <row r="16366" spans="1:3" ht="19.2">
      <c r="A16366" s="2"/>
      <c r="B16366" s="2"/>
      <c r="C16366" s="2"/>
    </row>
    <row r="16367" spans="1:3" ht="19.2">
      <c r="A16367" s="2"/>
      <c r="B16367" s="2"/>
      <c r="C16367" s="2"/>
    </row>
    <row r="16368" spans="1:3" ht="19.2">
      <c r="A16368" s="2"/>
      <c r="B16368" s="2"/>
      <c r="C16368" s="2"/>
    </row>
    <row r="16369" spans="1:3" ht="19.2">
      <c r="A16369" s="2"/>
      <c r="B16369" s="2"/>
      <c r="C16369" s="2"/>
    </row>
    <row r="16370" spans="1:3" ht="19.2">
      <c r="A16370" s="2"/>
      <c r="B16370" s="2"/>
      <c r="C16370" s="2"/>
    </row>
    <row r="16371" spans="1:3" ht="19.2">
      <c r="A16371" s="2"/>
      <c r="B16371" s="2"/>
      <c r="C16371" s="2"/>
    </row>
    <row r="16372" spans="1:3" ht="19.2">
      <c r="A16372" s="2"/>
      <c r="B16372" s="2"/>
      <c r="C16372" s="2"/>
    </row>
    <row r="16373" spans="1:3" ht="19.2">
      <c r="A16373" s="2"/>
      <c r="B16373" s="2"/>
      <c r="C16373" s="2"/>
    </row>
    <row r="16374" spans="1:3" ht="19.2">
      <c r="A16374" s="2"/>
      <c r="B16374" s="2"/>
      <c r="C16374" s="2"/>
    </row>
    <row r="16375" spans="1:3" ht="19.2">
      <c r="A16375" s="2"/>
      <c r="B16375" s="2"/>
      <c r="C16375" s="2"/>
    </row>
    <row r="16376" spans="1:3" ht="19.2">
      <c r="A16376" s="2"/>
      <c r="B16376" s="2"/>
      <c r="C16376" s="2"/>
    </row>
    <row r="16377" spans="1:3" ht="19.2">
      <c r="A16377" s="2"/>
      <c r="B16377" s="2"/>
      <c r="C16377" s="2"/>
    </row>
    <row r="16378" spans="1:3" ht="19.2">
      <c r="A16378" s="2"/>
      <c r="B16378" s="2"/>
      <c r="C16378" s="2"/>
    </row>
    <row r="16379" spans="1:3" ht="19.2">
      <c r="A16379" s="2"/>
      <c r="B16379" s="2"/>
      <c r="C16379" s="2"/>
    </row>
    <row r="16380" spans="1:3" ht="19.2">
      <c r="A16380" s="2"/>
      <c r="B16380" s="2"/>
      <c r="C16380" s="2"/>
    </row>
    <row r="16381" spans="1:3" ht="19.2">
      <c r="A16381" s="2"/>
      <c r="B16381" s="2"/>
      <c r="C16381" s="2"/>
    </row>
    <row r="16382" spans="1:3" ht="19.2">
      <c r="A16382" s="2"/>
      <c r="B16382" s="2"/>
      <c r="C16382" s="2"/>
    </row>
    <row r="16383" spans="1:3" ht="19.2">
      <c r="A16383" s="2"/>
      <c r="B16383" s="2"/>
      <c r="C16383" s="2"/>
    </row>
    <row r="16384" spans="1:3" ht="19.2">
      <c r="A16384" s="2"/>
      <c r="B16384" s="2"/>
      <c r="C16384" s="2"/>
    </row>
    <row r="16385" spans="1:3" ht="19.2">
      <c r="A16385" s="2"/>
      <c r="B16385" s="2"/>
      <c r="C16385" s="2"/>
    </row>
    <row r="16386" spans="1:3" ht="19.2">
      <c r="A16386" s="2"/>
      <c r="B16386" s="2"/>
      <c r="C16386" s="2"/>
    </row>
    <row r="16387" spans="1:3" ht="19.2">
      <c r="A16387" s="2"/>
      <c r="B16387" s="2"/>
      <c r="C16387" s="2"/>
    </row>
    <row r="16388" spans="1:3" ht="19.2">
      <c r="A16388" s="2"/>
      <c r="B16388" s="2"/>
      <c r="C16388" s="2"/>
    </row>
    <row r="16389" spans="1:3" ht="19.2">
      <c r="A16389" s="2"/>
      <c r="B16389" s="2"/>
      <c r="C16389" s="2"/>
    </row>
    <row r="16390" spans="1:3" ht="19.2">
      <c r="A16390" s="2"/>
      <c r="B16390" s="2"/>
      <c r="C16390" s="2"/>
    </row>
    <row r="16391" spans="1:3" ht="19.2">
      <c r="A16391" s="2"/>
      <c r="B16391" s="2"/>
      <c r="C16391" s="2"/>
    </row>
    <row r="16392" spans="1:3" ht="19.2">
      <c r="A16392" s="2"/>
      <c r="B16392" s="2"/>
      <c r="C16392" s="2"/>
    </row>
    <row r="16393" spans="1:3" ht="19.2">
      <c r="A16393" s="2"/>
      <c r="B16393" s="2"/>
      <c r="C16393" s="2"/>
    </row>
    <row r="16394" spans="1:3" ht="19.2">
      <c r="A16394" s="2"/>
      <c r="B16394" s="2"/>
      <c r="C16394" s="2"/>
    </row>
    <row r="16395" spans="1:3" ht="19.2">
      <c r="A16395" s="2"/>
      <c r="B16395" s="2"/>
      <c r="C16395" s="2"/>
    </row>
    <row r="16396" spans="1:3" ht="19.2">
      <c r="A16396" s="2"/>
      <c r="B16396" s="2"/>
      <c r="C16396" s="2"/>
    </row>
    <row r="16397" spans="1:3" ht="19.2">
      <c r="A16397" s="2"/>
      <c r="B16397" s="2"/>
      <c r="C16397" s="2"/>
    </row>
    <row r="16398" spans="1:3" ht="19.2">
      <c r="A16398" s="2"/>
      <c r="B16398" s="2"/>
      <c r="C16398" s="2"/>
    </row>
    <row r="16399" spans="1:3" ht="19.2">
      <c r="A16399" s="2"/>
      <c r="B16399" s="2"/>
      <c r="C16399" s="2"/>
    </row>
    <row r="16400" spans="1:3" ht="19.2">
      <c r="A16400" s="2"/>
      <c r="B16400" s="2"/>
      <c r="C16400" s="2"/>
    </row>
    <row r="16401" spans="1:3" ht="19.2">
      <c r="A16401" s="2"/>
      <c r="B16401" s="2"/>
      <c r="C16401" s="2"/>
    </row>
    <row r="16402" spans="1:3" ht="19.2">
      <c r="A16402" s="2"/>
      <c r="B16402" s="2"/>
      <c r="C16402" s="2"/>
    </row>
    <row r="16403" spans="1:3" ht="19.2">
      <c r="A16403" s="2"/>
      <c r="B16403" s="2"/>
      <c r="C16403" s="2"/>
    </row>
    <row r="16404" spans="1:3" ht="19.2">
      <c r="A16404" s="2"/>
      <c r="B16404" s="2"/>
      <c r="C16404" s="2"/>
    </row>
    <row r="16405" spans="1:3" ht="19.2">
      <c r="A16405" s="2"/>
      <c r="B16405" s="2"/>
      <c r="C16405" s="2"/>
    </row>
    <row r="16406" spans="1:3" ht="19.2">
      <c r="A16406" s="2"/>
      <c r="B16406" s="2"/>
      <c r="C16406" s="2"/>
    </row>
    <row r="16407" spans="1:3" ht="19.2">
      <c r="A16407" s="2"/>
      <c r="B16407" s="2"/>
      <c r="C16407" s="2"/>
    </row>
    <row r="16408" spans="1:3" ht="19.2">
      <c r="A16408" s="2"/>
      <c r="B16408" s="2"/>
      <c r="C16408" s="2"/>
    </row>
    <row r="16409" spans="1:3" ht="19.2">
      <c r="A16409" s="2"/>
      <c r="B16409" s="2"/>
      <c r="C16409" s="2"/>
    </row>
    <row r="16410" spans="1:3" ht="19.2">
      <c r="A16410" s="2"/>
      <c r="B16410" s="2"/>
      <c r="C16410" s="2"/>
    </row>
    <row r="16411" spans="1:3" ht="19.2">
      <c r="A16411" s="2"/>
      <c r="B16411" s="2"/>
      <c r="C16411" s="2"/>
    </row>
    <row r="16412" spans="1:3" ht="19.2">
      <c r="A16412" s="2"/>
      <c r="B16412" s="2"/>
      <c r="C16412" s="2"/>
    </row>
    <row r="16413" spans="1:3" ht="19.2">
      <c r="A16413" s="2"/>
      <c r="B16413" s="2"/>
      <c r="C16413" s="2"/>
    </row>
    <row r="16414" spans="1:3" ht="19.2">
      <c r="A16414" s="2"/>
      <c r="B16414" s="2"/>
      <c r="C16414" s="2"/>
    </row>
    <row r="16415" spans="1:3" ht="19.2">
      <c r="A16415" s="2"/>
      <c r="B16415" s="2"/>
      <c r="C16415" s="2"/>
    </row>
    <row r="16416" spans="1:3" ht="19.2">
      <c r="A16416" s="2"/>
      <c r="B16416" s="2"/>
      <c r="C16416" s="2"/>
    </row>
    <row r="16417" spans="1:3" ht="19.2">
      <c r="A16417" s="2"/>
      <c r="B16417" s="2"/>
      <c r="C16417" s="2"/>
    </row>
    <row r="16418" spans="1:3" ht="19.2">
      <c r="A16418" s="2"/>
      <c r="B16418" s="2"/>
      <c r="C16418" s="2"/>
    </row>
    <row r="16419" spans="1:3" ht="19.2">
      <c r="A16419" s="2"/>
      <c r="B16419" s="2"/>
      <c r="C16419" s="2"/>
    </row>
    <row r="16420" spans="1:3" ht="19.2">
      <c r="A16420" s="2"/>
      <c r="B16420" s="2"/>
      <c r="C16420" s="2"/>
    </row>
    <row r="16421" spans="1:3" ht="19.2">
      <c r="A16421" s="2"/>
      <c r="B16421" s="2"/>
      <c r="C16421" s="2"/>
    </row>
    <row r="16422" spans="1:3" ht="19.2">
      <c r="A16422" s="2"/>
      <c r="B16422" s="2"/>
      <c r="C16422" s="2"/>
    </row>
    <row r="16423" spans="1:3" ht="19.2">
      <c r="A16423" s="2"/>
      <c r="B16423" s="2"/>
      <c r="C16423" s="2"/>
    </row>
    <row r="16424" spans="1:3" ht="19.2">
      <c r="A16424" s="2"/>
      <c r="B16424" s="2"/>
      <c r="C16424" s="2"/>
    </row>
    <row r="16425" spans="1:3" ht="19.2">
      <c r="A16425" s="2"/>
      <c r="B16425" s="2"/>
      <c r="C16425" s="2"/>
    </row>
    <row r="16426" spans="1:3" ht="19.2">
      <c r="A16426" s="2"/>
      <c r="B16426" s="2"/>
      <c r="C16426" s="2"/>
    </row>
    <row r="16427" spans="1:3" ht="19.2">
      <c r="A16427" s="2"/>
      <c r="B16427" s="2"/>
      <c r="C16427" s="2"/>
    </row>
    <row r="16428" spans="1:3" ht="19.2">
      <c r="A16428" s="2"/>
      <c r="B16428" s="2"/>
      <c r="C16428" s="2"/>
    </row>
    <row r="16429" spans="1:3" ht="19.2">
      <c r="A16429" s="2"/>
      <c r="B16429" s="2"/>
      <c r="C16429" s="2"/>
    </row>
    <row r="16430" spans="1:3" ht="19.2">
      <c r="A16430" s="2"/>
      <c r="B16430" s="2"/>
      <c r="C16430" s="2"/>
    </row>
    <row r="16431" spans="1:3" ht="19.2">
      <c r="A16431" s="2"/>
      <c r="B16431" s="2"/>
      <c r="C16431" s="2"/>
    </row>
    <row r="16432" spans="1:3" ht="19.2">
      <c r="A16432" s="2"/>
      <c r="B16432" s="2"/>
      <c r="C16432" s="2"/>
    </row>
    <row r="16433" spans="1:3" ht="19.2">
      <c r="A16433" s="2"/>
      <c r="B16433" s="2"/>
      <c r="C16433" s="2"/>
    </row>
    <row r="16434" spans="1:3" ht="19.2">
      <c r="A16434" s="2"/>
      <c r="B16434" s="2"/>
      <c r="C16434" s="2"/>
    </row>
    <row r="16435" spans="1:3" ht="19.2">
      <c r="A16435" s="2"/>
      <c r="B16435" s="2"/>
      <c r="C16435" s="2"/>
    </row>
    <row r="16436" spans="1:3" ht="19.2">
      <c r="A16436" s="2"/>
      <c r="B16436" s="2"/>
      <c r="C16436" s="2"/>
    </row>
    <row r="16437" spans="1:3" ht="19.2">
      <c r="A16437" s="2"/>
      <c r="B16437" s="2"/>
      <c r="C16437" s="2"/>
    </row>
    <row r="16438" spans="1:3" ht="19.2">
      <c r="A16438" s="2"/>
      <c r="B16438" s="2"/>
      <c r="C16438" s="2"/>
    </row>
    <row r="16439" spans="1:3" ht="19.2">
      <c r="A16439" s="2"/>
      <c r="B16439" s="2"/>
      <c r="C16439" s="2"/>
    </row>
    <row r="16440" spans="1:3" ht="19.2">
      <c r="A16440" s="2"/>
      <c r="B16440" s="2"/>
      <c r="C16440" s="2"/>
    </row>
    <row r="16441" spans="1:3" ht="19.2">
      <c r="A16441" s="2"/>
      <c r="B16441" s="2"/>
      <c r="C16441" s="2"/>
    </row>
    <row r="16442" spans="1:3" ht="19.2">
      <c r="A16442" s="2"/>
      <c r="B16442" s="2"/>
      <c r="C16442" s="2"/>
    </row>
    <row r="16443" spans="1:3" ht="19.2">
      <c r="A16443" s="2"/>
      <c r="B16443" s="2"/>
      <c r="C16443" s="2"/>
    </row>
    <row r="16444" spans="1:3" ht="19.2">
      <c r="A16444" s="2"/>
      <c r="B16444" s="2"/>
      <c r="C16444" s="2"/>
    </row>
    <row r="16445" spans="1:3" ht="19.2">
      <c r="A16445" s="2"/>
      <c r="B16445" s="2"/>
      <c r="C16445" s="2"/>
    </row>
    <row r="16446" spans="1:3" ht="19.2">
      <c r="A16446" s="2"/>
      <c r="B16446" s="2"/>
      <c r="C16446" s="2"/>
    </row>
    <row r="16447" spans="1:3" ht="19.2">
      <c r="A16447" s="2"/>
      <c r="B16447" s="2"/>
      <c r="C16447" s="2"/>
    </row>
    <row r="16448" spans="1:3" ht="19.2">
      <c r="A16448" s="2"/>
      <c r="B16448" s="2"/>
      <c r="C16448" s="2"/>
    </row>
    <row r="16449" spans="1:3" ht="19.2">
      <c r="A16449" s="2"/>
      <c r="B16449" s="2"/>
      <c r="C16449" s="2"/>
    </row>
    <row r="16450" spans="1:3" ht="19.2">
      <c r="A16450" s="2"/>
      <c r="B16450" s="2"/>
      <c r="C16450" s="2"/>
    </row>
    <row r="16451" spans="1:3" ht="19.2">
      <c r="A16451" s="2"/>
      <c r="B16451" s="2"/>
      <c r="C16451" s="2"/>
    </row>
    <row r="16452" spans="1:3" ht="19.2">
      <c r="A16452" s="2"/>
      <c r="B16452" s="2"/>
      <c r="C16452" s="2"/>
    </row>
    <row r="16453" spans="1:3" ht="19.2">
      <c r="A16453" s="2"/>
      <c r="B16453" s="2"/>
      <c r="C16453" s="2"/>
    </row>
    <row r="16454" spans="1:3" ht="19.2">
      <c r="A16454" s="2"/>
      <c r="B16454" s="2"/>
      <c r="C16454" s="2"/>
    </row>
    <row r="16455" spans="1:3" ht="19.2">
      <c r="A16455" s="2"/>
      <c r="B16455" s="2"/>
      <c r="C16455" s="2"/>
    </row>
    <row r="16456" spans="1:3" ht="19.2">
      <c r="A16456" s="2"/>
      <c r="B16456" s="2"/>
      <c r="C16456" s="2"/>
    </row>
    <row r="16457" spans="1:3" ht="19.2">
      <c r="A16457" s="2"/>
      <c r="B16457" s="2"/>
      <c r="C16457" s="2"/>
    </row>
    <row r="16458" spans="1:3" ht="19.2">
      <c r="A16458" s="2"/>
      <c r="B16458" s="2"/>
      <c r="C16458" s="2"/>
    </row>
    <row r="16459" spans="1:3" ht="19.2">
      <c r="A16459" s="2"/>
      <c r="B16459" s="2"/>
      <c r="C16459" s="2"/>
    </row>
    <row r="16460" spans="1:3" ht="19.2">
      <c r="A16460" s="2"/>
      <c r="B16460" s="2"/>
      <c r="C16460" s="2"/>
    </row>
    <row r="16461" spans="1:3" ht="19.2">
      <c r="A16461" s="2"/>
      <c r="B16461" s="2"/>
      <c r="C16461" s="2"/>
    </row>
    <row r="16462" spans="1:3" ht="19.2">
      <c r="A16462" s="2"/>
      <c r="B16462" s="2"/>
      <c r="C16462" s="2"/>
    </row>
    <row r="16463" spans="1:3" ht="19.2">
      <c r="A16463" s="2"/>
      <c r="B16463" s="2"/>
      <c r="C16463" s="2"/>
    </row>
    <row r="16464" spans="1:3" ht="19.2">
      <c r="A16464" s="2"/>
      <c r="B16464" s="2"/>
      <c r="C16464" s="2"/>
    </row>
    <row r="16465" spans="1:3" ht="19.2">
      <c r="A16465" s="2"/>
      <c r="B16465" s="2"/>
      <c r="C16465" s="2"/>
    </row>
    <row r="16466" spans="1:3" ht="19.2">
      <c r="A16466" s="2"/>
      <c r="B16466" s="2"/>
      <c r="C16466" s="2"/>
    </row>
    <row r="16467" spans="1:3" ht="19.2">
      <c r="A16467" s="2"/>
      <c r="B16467" s="2"/>
      <c r="C16467" s="2"/>
    </row>
    <row r="16468" spans="1:3" ht="19.2">
      <c r="A16468" s="2"/>
      <c r="B16468" s="2"/>
      <c r="C16468" s="2"/>
    </row>
    <row r="16469" spans="1:3" ht="19.2">
      <c r="A16469" s="2"/>
      <c r="B16469" s="2"/>
      <c r="C16469" s="2"/>
    </row>
    <row r="16470" spans="1:3" ht="19.2">
      <c r="A16470" s="2"/>
      <c r="B16470" s="2"/>
      <c r="C16470" s="2"/>
    </row>
    <row r="16471" spans="1:3" ht="19.2">
      <c r="A16471" s="2"/>
      <c r="B16471" s="2"/>
      <c r="C16471" s="2"/>
    </row>
    <row r="16472" spans="1:3" ht="19.2">
      <c r="A16472" s="2"/>
      <c r="B16472" s="2"/>
      <c r="C16472" s="2"/>
    </row>
    <row r="16473" spans="1:3" ht="19.2">
      <c r="A16473" s="2"/>
      <c r="B16473" s="2"/>
      <c r="C16473" s="2"/>
    </row>
    <row r="16474" spans="1:3" ht="19.2">
      <c r="A16474" s="2"/>
      <c r="B16474" s="2"/>
      <c r="C16474" s="2"/>
    </row>
    <row r="16475" spans="1:3" ht="19.2">
      <c r="A16475" s="2"/>
      <c r="B16475" s="2"/>
      <c r="C16475" s="2"/>
    </row>
    <row r="16476" spans="1:3" ht="19.2">
      <c r="A16476" s="2"/>
      <c r="B16476" s="2"/>
      <c r="C16476" s="2"/>
    </row>
    <row r="16477" spans="1:3" ht="19.2">
      <c r="A16477" s="2"/>
      <c r="B16477" s="2"/>
      <c r="C16477" s="2"/>
    </row>
    <row r="16478" spans="1:3" ht="19.2">
      <c r="A16478" s="2"/>
      <c r="B16478" s="2"/>
      <c r="C16478" s="2"/>
    </row>
    <row r="16479" spans="1:3" ht="19.2">
      <c r="A16479" s="2"/>
      <c r="B16479" s="2"/>
      <c r="C16479" s="2"/>
    </row>
    <row r="16480" spans="1:3" ht="19.2">
      <c r="A16480" s="2"/>
      <c r="B16480" s="2"/>
      <c r="C16480" s="2"/>
    </row>
    <row r="16481" spans="1:3" ht="19.2">
      <c r="A16481" s="2"/>
      <c r="B16481" s="2"/>
      <c r="C16481" s="2"/>
    </row>
    <row r="16482" spans="1:3" ht="19.2">
      <c r="A16482" s="2"/>
      <c r="B16482" s="2"/>
      <c r="C16482" s="2"/>
    </row>
    <row r="16483" spans="1:3" ht="19.2">
      <c r="A16483" s="2"/>
      <c r="B16483" s="2"/>
      <c r="C16483" s="2"/>
    </row>
    <row r="16484" spans="1:3" ht="19.2">
      <c r="A16484" s="2"/>
      <c r="B16484" s="2"/>
      <c r="C16484" s="2"/>
    </row>
    <row r="16485" spans="1:3" ht="19.2">
      <c r="A16485" s="2"/>
      <c r="B16485" s="2"/>
      <c r="C16485" s="2"/>
    </row>
    <row r="16486" spans="1:3" ht="19.2">
      <c r="A16486" s="2"/>
      <c r="B16486" s="2"/>
      <c r="C16486" s="2"/>
    </row>
    <row r="16487" spans="1:3" ht="19.2">
      <c r="A16487" s="2"/>
      <c r="B16487" s="2"/>
      <c r="C16487" s="2"/>
    </row>
    <row r="16488" spans="1:3" ht="19.2">
      <c r="A16488" s="2"/>
      <c r="B16488" s="2"/>
      <c r="C16488" s="2"/>
    </row>
    <row r="16489" spans="1:3" ht="19.2">
      <c r="A16489" s="2"/>
      <c r="B16489" s="2"/>
      <c r="C16489" s="2"/>
    </row>
    <row r="16490" spans="1:3" ht="19.2">
      <c r="A16490" s="2"/>
      <c r="B16490" s="2"/>
      <c r="C16490" s="2"/>
    </row>
    <row r="16491" spans="1:3" ht="19.2">
      <c r="A16491" s="2"/>
      <c r="B16491" s="2"/>
      <c r="C16491" s="2"/>
    </row>
    <row r="16492" spans="1:3" ht="19.2">
      <c r="A16492" s="2"/>
      <c r="B16492" s="2"/>
      <c r="C16492" s="2"/>
    </row>
    <row r="16493" spans="1:3" ht="19.2">
      <c r="A16493" s="2"/>
      <c r="B16493" s="2"/>
      <c r="C16493" s="2"/>
    </row>
    <row r="16494" spans="1:3" ht="19.2">
      <c r="A16494" s="2"/>
      <c r="B16494" s="2"/>
      <c r="C16494" s="2"/>
    </row>
    <row r="16495" spans="1:3" ht="19.2">
      <c r="A16495" s="2"/>
      <c r="B16495" s="2"/>
      <c r="C16495" s="2"/>
    </row>
    <row r="16496" spans="1:3" ht="19.2">
      <c r="A16496" s="2"/>
      <c r="B16496" s="2"/>
      <c r="C16496" s="2"/>
    </row>
    <row r="16497" spans="1:3" ht="19.2">
      <c r="A16497" s="2"/>
      <c r="B16497" s="2"/>
      <c r="C16497" s="2"/>
    </row>
    <row r="16498" spans="1:3" ht="19.2">
      <c r="A16498" s="2"/>
      <c r="B16498" s="2"/>
      <c r="C16498" s="2"/>
    </row>
    <row r="16499" spans="1:3" ht="19.2">
      <c r="A16499" s="2"/>
      <c r="B16499" s="2"/>
      <c r="C16499" s="2"/>
    </row>
    <row r="16500" spans="1:3" ht="19.2">
      <c r="A16500" s="2"/>
      <c r="B16500" s="2"/>
      <c r="C16500" s="2"/>
    </row>
    <row r="16501" spans="1:3" ht="19.2">
      <c r="A16501" s="2"/>
      <c r="B16501" s="2"/>
      <c r="C16501" s="2"/>
    </row>
    <row r="16502" spans="1:3" ht="19.2">
      <c r="A16502" s="2"/>
      <c r="B16502" s="2"/>
      <c r="C16502" s="2"/>
    </row>
    <row r="16503" spans="1:3" ht="19.2">
      <c r="A16503" s="2"/>
      <c r="B16503" s="2"/>
      <c r="C16503" s="2"/>
    </row>
    <row r="16504" spans="1:3" ht="19.2">
      <c r="A16504" s="2"/>
      <c r="B16504" s="2"/>
      <c r="C16504" s="2"/>
    </row>
    <row r="16505" spans="1:3" ht="19.2">
      <c r="A16505" s="2"/>
      <c r="B16505" s="2"/>
      <c r="C16505" s="2"/>
    </row>
    <row r="16506" spans="1:3" ht="19.2">
      <c r="A16506" s="2"/>
      <c r="B16506" s="2"/>
      <c r="C16506" s="2"/>
    </row>
    <row r="16507" spans="1:3" ht="19.2">
      <c r="A16507" s="2"/>
      <c r="B16507" s="2"/>
      <c r="C16507" s="2"/>
    </row>
    <row r="16508" spans="1:3" ht="19.2">
      <c r="A16508" s="2"/>
      <c r="B16508" s="2"/>
      <c r="C16508" s="2"/>
    </row>
    <row r="16509" spans="1:3" ht="19.2">
      <c r="A16509" s="2"/>
      <c r="B16509" s="2"/>
      <c r="C16509" s="2"/>
    </row>
    <row r="16510" spans="1:3" ht="19.2">
      <c r="A16510" s="2"/>
      <c r="B16510" s="2"/>
      <c r="C16510" s="2"/>
    </row>
    <row r="16511" spans="1:3" ht="19.2">
      <c r="A16511" s="2"/>
      <c r="B16511" s="2"/>
      <c r="C16511" s="2"/>
    </row>
    <row r="16512" spans="1:3" ht="19.2">
      <c r="A16512" s="2"/>
      <c r="B16512" s="2"/>
      <c r="C16512" s="2"/>
    </row>
    <row r="16513" spans="1:3" ht="19.2">
      <c r="A16513" s="2"/>
      <c r="B16513" s="2"/>
      <c r="C16513" s="2"/>
    </row>
    <row r="16514" spans="1:3" ht="19.2">
      <c r="A16514" s="2"/>
      <c r="B16514" s="2"/>
      <c r="C16514" s="2"/>
    </row>
    <row r="16515" spans="1:3" ht="19.2">
      <c r="A16515" s="2"/>
      <c r="B16515" s="2"/>
      <c r="C16515" s="2"/>
    </row>
    <row r="16516" spans="1:3" ht="19.2">
      <c r="A16516" s="2"/>
      <c r="B16516" s="2"/>
      <c r="C16516" s="2"/>
    </row>
    <row r="16517" spans="1:3" ht="19.2">
      <c r="A16517" s="2"/>
      <c r="B16517" s="2"/>
      <c r="C16517" s="2"/>
    </row>
    <row r="16518" spans="1:3" ht="19.2">
      <c r="A16518" s="2"/>
      <c r="B16518" s="2"/>
      <c r="C16518" s="2"/>
    </row>
    <row r="16519" spans="1:3" ht="19.2">
      <c r="A16519" s="2"/>
      <c r="B16519" s="2"/>
      <c r="C16519" s="2"/>
    </row>
    <row r="16520" spans="1:3" ht="19.2">
      <c r="A16520" s="2"/>
      <c r="B16520" s="2"/>
      <c r="C16520" s="2"/>
    </row>
    <row r="16521" spans="1:3" ht="19.2">
      <c r="A16521" s="2"/>
      <c r="B16521" s="2"/>
      <c r="C16521" s="2"/>
    </row>
    <row r="16522" spans="1:3" ht="19.2">
      <c r="A16522" s="2"/>
      <c r="B16522" s="2"/>
      <c r="C16522" s="2"/>
    </row>
    <row r="16523" spans="1:3" ht="19.2">
      <c r="A16523" s="2"/>
      <c r="B16523" s="2"/>
      <c r="C16523" s="2"/>
    </row>
    <row r="16524" spans="1:3" ht="19.2">
      <c r="A16524" s="2"/>
      <c r="B16524" s="2"/>
      <c r="C16524" s="2"/>
    </row>
    <row r="16525" spans="1:3" ht="19.2">
      <c r="A16525" s="2"/>
      <c r="B16525" s="2"/>
      <c r="C16525" s="2"/>
    </row>
    <row r="16526" spans="1:3" ht="19.2">
      <c r="A16526" s="2"/>
      <c r="B16526" s="2"/>
      <c r="C16526" s="2"/>
    </row>
    <row r="16527" spans="1:3" ht="19.2">
      <c r="A16527" s="2"/>
      <c r="B16527" s="2"/>
      <c r="C16527" s="2"/>
    </row>
    <row r="16528" spans="1:3" ht="19.2">
      <c r="A16528" s="2"/>
      <c r="B16528" s="2"/>
      <c r="C16528" s="2"/>
    </row>
    <row r="16529" spans="1:3" ht="19.2">
      <c r="A16529" s="2"/>
      <c r="B16529" s="2"/>
      <c r="C16529" s="2"/>
    </row>
    <row r="16530" spans="1:3" ht="19.2">
      <c r="A16530" s="2"/>
      <c r="B16530" s="2"/>
      <c r="C16530" s="2"/>
    </row>
    <row r="16531" spans="1:3" ht="19.2">
      <c r="A16531" s="2"/>
      <c r="B16531" s="2"/>
      <c r="C16531" s="2"/>
    </row>
    <row r="16532" spans="1:3" ht="19.2">
      <c r="A16532" s="2"/>
      <c r="B16532" s="2"/>
      <c r="C16532" s="2"/>
    </row>
    <row r="16533" spans="1:3" ht="19.2">
      <c r="A16533" s="2"/>
      <c r="B16533" s="2"/>
      <c r="C16533" s="2"/>
    </row>
    <row r="16534" spans="1:3" ht="19.2">
      <c r="A16534" s="2"/>
      <c r="B16534" s="2"/>
      <c r="C16534" s="2"/>
    </row>
    <row r="16535" spans="1:3" ht="19.2">
      <c r="A16535" s="2"/>
      <c r="B16535" s="2"/>
      <c r="C16535" s="2"/>
    </row>
    <row r="16536" spans="1:3" ht="19.2">
      <c r="A16536" s="2"/>
      <c r="B16536" s="2"/>
      <c r="C16536" s="2"/>
    </row>
    <row r="16537" spans="1:3" ht="19.2">
      <c r="A16537" s="2"/>
      <c r="B16537" s="2"/>
      <c r="C16537" s="2"/>
    </row>
    <row r="16538" spans="1:3" ht="19.2">
      <c r="A16538" s="2"/>
      <c r="B16538" s="2"/>
      <c r="C16538" s="2"/>
    </row>
    <row r="16539" spans="1:3" ht="19.2">
      <c r="A16539" s="2"/>
      <c r="B16539" s="2"/>
      <c r="C16539" s="2"/>
    </row>
    <row r="16540" spans="1:3" ht="19.2">
      <c r="A16540" s="2"/>
      <c r="B16540" s="2"/>
      <c r="C16540" s="2"/>
    </row>
    <row r="16541" spans="1:3" ht="19.2">
      <c r="A16541" s="2"/>
      <c r="B16541" s="2"/>
      <c r="C16541" s="2"/>
    </row>
    <row r="16542" spans="1:3" ht="19.2">
      <c r="A16542" s="2"/>
      <c r="B16542" s="2"/>
      <c r="C16542" s="2"/>
    </row>
    <row r="16543" spans="1:3" ht="19.2">
      <c r="A16543" s="2"/>
      <c r="B16543" s="2"/>
      <c r="C16543" s="2"/>
    </row>
    <row r="16544" spans="1:3" ht="19.2">
      <c r="A16544" s="2"/>
      <c r="B16544" s="2"/>
      <c r="C16544" s="2"/>
    </row>
    <row r="16545" spans="1:3" ht="19.2">
      <c r="A16545" s="2"/>
      <c r="B16545" s="2"/>
      <c r="C16545" s="2"/>
    </row>
    <row r="16546" spans="1:3" ht="19.2">
      <c r="A16546" s="2"/>
      <c r="B16546" s="2"/>
      <c r="C16546" s="2"/>
    </row>
    <row r="16547" spans="1:3" ht="19.2">
      <c r="A16547" s="2"/>
      <c r="B16547" s="2"/>
      <c r="C16547" s="2"/>
    </row>
    <row r="16548" spans="1:3" ht="19.2">
      <c r="A16548" s="2"/>
      <c r="B16548" s="2"/>
      <c r="C16548" s="2"/>
    </row>
    <row r="16549" spans="1:3" ht="19.2">
      <c r="A16549" s="2"/>
      <c r="B16549" s="2"/>
      <c r="C16549" s="2"/>
    </row>
    <row r="16550" spans="1:3" ht="19.2">
      <c r="A16550" s="2"/>
      <c r="B16550" s="2"/>
      <c r="C16550" s="2"/>
    </row>
    <row r="16551" spans="1:3" ht="19.2">
      <c r="A16551" s="2"/>
      <c r="B16551" s="2"/>
      <c r="C16551" s="2"/>
    </row>
    <row r="16552" spans="1:3" ht="19.2">
      <c r="A16552" s="2"/>
      <c r="B16552" s="2"/>
      <c r="C16552" s="2"/>
    </row>
    <row r="16553" spans="1:3" ht="19.2">
      <c r="A16553" s="2"/>
      <c r="B16553" s="2"/>
      <c r="C16553" s="2"/>
    </row>
    <row r="16554" spans="1:3" ht="19.2">
      <c r="A16554" s="2"/>
      <c r="B16554" s="2"/>
      <c r="C16554" s="2"/>
    </row>
    <row r="16555" spans="1:3" ht="19.2">
      <c r="A16555" s="2"/>
      <c r="B16555" s="2"/>
      <c r="C16555" s="2"/>
    </row>
    <row r="16556" spans="1:3" ht="19.2">
      <c r="A16556" s="2"/>
      <c r="B16556" s="2"/>
      <c r="C16556" s="2"/>
    </row>
    <row r="16557" spans="1:3" ht="19.2">
      <c r="A16557" s="2"/>
      <c r="B16557" s="2"/>
      <c r="C16557" s="2"/>
    </row>
    <row r="16558" spans="1:3" ht="19.2">
      <c r="A16558" s="2"/>
      <c r="B16558" s="2"/>
      <c r="C16558" s="2"/>
    </row>
    <row r="16559" spans="1:3" ht="19.2">
      <c r="A16559" s="2"/>
      <c r="B16559" s="2"/>
      <c r="C16559" s="2"/>
    </row>
    <row r="16560" spans="1:3" ht="19.2">
      <c r="A16560" s="2"/>
      <c r="B16560" s="2"/>
      <c r="C16560" s="2"/>
    </row>
    <row r="16561" spans="1:3" ht="19.2">
      <c r="A16561" s="2"/>
      <c r="B16561" s="2"/>
      <c r="C16561" s="2"/>
    </row>
    <row r="16562" spans="1:3" ht="19.2">
      <c r="A16562" s="2"/>
      <c r="B16562" s="2"/>
      <c r="C16562" s="2"/>
    </row>
    <row r="16563" spans="1:3" ht="19.2">
      <c r="A16563" s="2"/>
      <c r="B16563" s="2"/>
      <c r="C16563" s="2"/>
    </row>
    <row r="16564" spans="1:3" ht="19.2">
      <c r="A16564" s="2"/>
      <c r="B16564" s="2"/>
      <c r="C16564" s="2"/>
    </row>
    <row r="16565" spans="1:3" ht="19.2">
      <c r="A16565" s="2"/>
      <c r="B16565" s="2"/>
      <c r="C16565" s="2"/>
    </row>
    <row r="16566" spans="1:3" ht="19.2">
      <c r="A16566" s="2"/>
      <c r="B16566" s="2"/>
      <c r="C16566" s="2"/>
    </row>
    <row r="16567" spans="1:3" ht="19.2">
      <c r="A16567" s="2"/>
      <c r="B16567" s="2"/>
      <c r="C16567" s="2"/>
    </row>
    <row r="16568" spans="1:3" ht="19.2">
      <c r="A16568" s="2"/>
      <c r="B16568" s="2"/>
      <c r="C16568" s="2"/>
    </row>
    <row r="16569" spans="1:3" ht="19.2">
      <c r="A16569" s="2"/>
      <c r="B16569" s="2"/>
      <c r="C16569" s="2"/>
    </row>
    <row r="16570" spans="1:3" ht="19.2">
      <c r="A16570" s="2"/>
      <c r="B16570" s="2"/>
      <c r="C16570" s="2"/>
    </row>
    <row r="16571" spans="1:3" ht="19.2">
      <c r="A16571" s="2"/>
      <c r="B16571" s="2"/>
      <c r="C16571" s="2"/>
    </row>
    <row r="16572" spans="1:3" ht="19.2">
      <c r="A16572" s="2"/>
      <c r="B16572" s="2"/>
      <c r="C16572" s="2"/>
    </row>
    <row r="16573" spans="1:3" ht="19.2">
      <c r="A16573" s="2"/>
      <c r="B16573" s="2"/>
      <c r="C16573" s="2"/>
    </row>
    <row r="16574" spans="1:3" ht="19.2">
      <c r="A16574" s="2"/>
      <c r="B16574" s="2"/>
      <c r="C16574" s="2"/>
    </row>
    <row r="16575" spans="1:3" ht="19.2">
      <c r="A16575" s="2"/>
      <c r="B16575" s="2"/>
      <c r="C16575" s="2"/>
    </row>
    <row r="16576" spans="1:3" ht="19.2">
      <c r="A16576" s="2"/>
      <c r="B16576" s="2"/>
      <c r="C16576" s="2"/>
    </row>
    <row r="16577" spans="1:3" ht="19.2">
      <c r="A16577" s="2"/>
      <c r="B16577" s="2"/>
      <c r="C16577" s="2"/>
    </row>
    <row r="16578" spans="1:3" ht="19.2">
      <c r="A16578" s="2"/>
      <c r="B16578" s="2"/>
      <c r="C16578" s="2"/>
    </row>
    <row r="16579" spans="1:3" ht="19.2">
      <c r="A16579" s="2"/>
      <c r="B16579" s="2"/>
      <c r="C16579" s="2"/>
    </row>
    <row r="16580" spans="1:3" ht="19.2">
      <c r="A16580" s="2"/>
      <c r="B16580" s="2"/>
      <c r="C16580" s="2"/>
    </row>
    <row r="16581" spans="1:3" ht="19.2">
      <c r="A16581" s="2"/>
      <c r="B16581" s="2"/>
      <c r="C16581" s="2"/>
    </row>
    <row r="16582" spans="1:3" ht="19.2">
      <c r="A16582" s="2"/>
      <c r="B16582" s="2"/>
      <c r="C16582" s="2"/>
    </row>
    <row r="16583" spans="1:3" ht="19.2">
      <c r="A16583" s="2"/>
      <c r="B16583" s="2"/>
      <c r="C16583" s="2"/>
    </row>
    <row r="16584" spans="1:3" ht="19.2">
      <c r="A16584" s="2"/>
      <c r="B16584" s="2"/>
      <c r="C16584" s="2"/>
    </row>
    <row r="16585" spans="1:3" ht="19.2">
      <c r="A16585" s="2"/>
      <c r="B16585" s="2"/>
      <c r="C16585" s="2"/>
    </row>
    <row r="16586" spans="1:3" ht="19.2">
      <c r="A16586" s="2"/>
      <c r="B16586" s="2"/>
      <c r="C16586" s="2"/>
    </row>
    <row r="16587" spans="1:3" ht="19.2">
      <c r="A16587" s="2"/>
      <c r="B16587" s="2"/>
      <c r="C16587" s="2"/>
    </row>
    <row r="16588" spans="1:3" ht="19.2">
      <c r="A16588" s="2"/>
      <c r="B16588" s="2"/>
      <c r="C16588" s="2"/>
    </row>
    <row r="16589" spans="1:3" ht="19.2">
      <c r="A16589" s="2"/>
      <c r="B16589" s="2"/>
      <c r="C16589" s="2"/>
    </row>
    <row r="16590" spans="1:3" ht="19.2">
      <c r="A16590" s="2"/>
      <c r="B16590" s="2"/>
      <c r="C16590" s="2"/>
    </row>
    <row r="16591" spans="1:3" ht="19.2">
      <c r="A16591" s="2"/>
      <c r="B16591" s="2"/>
      <c r="C16591" s="2"/>
    </row>
    <row r="16592" spans="1:3" ht="19.2">
      <c r="A16592" s="2"/>
      <c r="B16592" s="2"/>
      <c r="C16592" s="2"/>
    </row>
    <row r="16593" spans="1:3" ht="19.2">
      <c r="A16593" s="2"/>
      <c r="B16593" s="2"/>
      <c r="C16593" s="2"/>
    </row>
    <row r="16594" spans="1:3" ht="19.2">
      <c r="A16594" s="2"/>
      <c r="B16594" s="2"/>
      <c r="C16594" s="2"/>
    </row>
    <row r="16595" spans="1:3" ht="19.2">
      <c r="A16595" s="2"/>
      <c r="B16595" s="2"/>
      <c r="C16595" s="2"/>
    </row>
    <row r="16596" spans="1:3" ht="19.2">
      <c r="A16596" s="2"/>
      <c r="B16596" s="2"/>
      <c r="C16596" s="2"/>
    </row>
    <row r="16597" spans="1:3" ht="19.2">
      <c r="A16597" s="2"/>
      <c r="B16597" s="2"/>
      <c r="C16597" s="2"/>
    </row>
    <row r="16598" spans="1:3" ht="19.2">
      <c r="A16598" s="2"/>
      <c r="B16598" s="2"/>
      <c r="C16598" s="2"/>
    </row>
    <row r="16599" spans="1:3" ht="19.2">
      <c r="A16599" s="2"/>
      <c r="B16599" s="2"/>
      <c r="C16599" s="2"/>
    </row>
    <row r="16600" spans="1:3" ht="19.2">
      <c r="A16600" s="2"/>
      <c r="B16600" s="2"/>
      <c r="C16600" s="2"/>
    </row>
    <row r="16601" spans="1:3" ht="19.2">
      <c r="A16601" s="2"/>
      <c r="B16601" s="2"/>
      <c r="C16601" s="2"/>
    </row>
    <row r="16602" spans="1:3" ht="19.2">
      <c r="A16602" s="2"/>
      <c r="B16602" s="2"/>
      <c r="C16602" s="2"/>
    </row>
    <row r="16603" spans="1:3" ht="19.2">
      <c r="A16603" s="2"/>
      <c r="B16603" s="2"/>
      <c r="C16603" s="2"/>
    </row>
    <row r="16604" spans="1:3" ht="19.2">
      <c r="A16604" s="2"/>
      <c r="B16604" s="2"/>
      <c r="C16604" s="2"/>
    </row>
    <row r="16605" spans="1:3" ht="19.2">
      <c r="A16605" s="2"/>
      <c r="B16605" s="2"/>
      <c r="C16605" s="2"/>
    </row>
    <row r="16606" spans="1:3" ht="19.2">
      <c r="A16606" s="2"/>
      <c r="B16606" s="2"/>
      <c r="C16606" s="2"/>
    </row>
    <row r="16607" spans="1:3" ht="19.2">
      <c r="A16607" s="2"/>
      <c r="B16607" s="2"/>
      <c r="C16607" s="2"/>
    </row>
    <row r="16608" spans="1:3" ht="19.2">
      <c r="A16608" s="2"/>
      <c r="B16608" s="2"/>
      <c r="C16608" s="2"/>
    </row>
    <row r="16609" spans="1:3" ht="19.2">
      <c r="A16609" s="2"/>
      <c r="B16609" s="2"/>
      <c r="C16609" s="2"/>
    </row>
    <row r="16610" spans="1:3" ht="19.2">
      <c r="A16610" s="2"/>
      <c r="B16610" s="2"/>
      <c r="C16610" s="2"/>
    </row>
    <row r="16611" spans="1:3" ht="19.2">
      <c r="A16611" s="2"/>
      <c r="B16611" s="2"/>
      <c r="C16611" s="2"/>
    </row>
    <row r="16612" spans="1:3" ht="19.2">
      <c r="A16612" s="2"/>
      <c r="B16612" s="2"/>
      <c r="C16612" s="2"/>
    </row>
    <row r="16613" spans="1:3" ht="19.2">
      <c r="A16613" s="2"/>
      <c r="B16613" s="2"/>
      <c r="C16613" s="2"/>
    </row>
    <row r="16614" spans="1:3" ht="19.2">
      <c r="A16614" s="2"/>
      <c r="B16614" s="2"/>
      <c r="C16614" s="2"/>
    </row>
    <row r="16615" spans="1:3" ht="19.2">
      <c r="A16615" s="2"/>
      <c r="B16615" s="2"/>
      <c r="C16615" s="2"/>
    </row>
    <row r="16616" spans="1:3" ht="19.2">
      <c r="A16616" s="2"/>
      <c r="B16616" s="2"/>
      <c r="C16616" s="2"/>
    </row>
    <row r="16617" spans="1:3" ht="19.2">
      <c r="A16617" s="2"/>
      <c r="B16617" s="2"/>
      <c r="C16617" s="2"/>
    </row>
    <row r="16618" spans="1:3" ht="19.2">
      <c r="A16618" s="2"/>
      <c r="B16618" s="2"/>
      <c r="C16618" s="2"/>
    </row>
    <row r="16619" spans="1:3" ht="19.2">
      <c r="A16619" s="2"/>
      <c r="B16619" s="2"/>
      <c r="C16619" s="2"/>
    </row>
    <row r="16620" spans="1:3" ht="19.2">
      <c r="A16620" s="2"/>
      <c r="B16620" s="2"/>
      <c r="C16620" s="2"/>
    </row>
    <row r="16621" spans="1:3" ht="19.2">
      <c r="A16621" s="2"/>
      <c r="B16621" s="2"/>
      <c r="C16621" s="2"/>
    </row>
    <row r="16622" spans="1:3" ht="19.2">
      <c r="A16622" s="2"/>
      <c r="B16622" s="2"/>
      <c r="C16622" s="2"/>
    </row>
    <row r="16623" spans="1:3" ht="19.2">
      <c r="A16623" s="2"/>
      <c r="B16623" s="2"/>
      <c r="C16623" s="2"/>
    </row>
    <row r="16624" spans="1:3" ht="19.2">
      <c r="A16624" s="2"/>
      <c r="B16624" s="2"/>
      <c r="C16624" s="2"/>
    </row>
    <row r="16625" spans="1:3" ht="19.2">
      <c r="A16625" s="2"/>
      <c r="B16625" s="2"/>
      <c r="C16625" s="2"/>
    </row>
    <row r="16626" spans="1:3" ht="19.2">
      <c r="A16626" s="2"/>
      <c r="B16626" s="2"/>
      <c r="C16626" s="2"/>
    </row>
    <row r="16627" spans="1:3" ht="19.2">
      <c r="A16627" s="2"/>
      <c r="B16627" s="2"/>
      <c r="C16627" s="2"/>
    </row>
    <row r="16628" spans="1:3" ht="19.2">
      <c r="A16628" s="2"/>
      <c r="B16628" s="2"/>
      <c r="C16628" s="2"/>
    </row>
    <row r="16629" spans="1:3" ht="19.2">
      <c r="A16629" s="2"/>
      <c r="B16629" s="2"/>
      <c r="C16629" s="2"/>
    </row>
    <row r="16630" spans="1:3" ht="19.2">
      <c r="A16630" s="2"/>
      <c r="B16630" s="2"/>
      <c r="C16630" s="2"/>
    </row>
    <row r="16631" spans="1:3" ht="19.2">
      <c r="A16631" s="2"/>
      <c r="B16631" s="2"/>
      <c r="C16631" s="2"/>
    </row>
    <row r="16632" spans="1:3" ht="19.2">
      <c r="A16632" s="2"/>
      <c r="B16632" s="2"/>
      <c r="C16632" s="2"/>
    </row>
    <row r="16633" spans="1:3" ht="19.2">
      <c r="A16633" s="2"/>
      <c r="B16633" s="2"/>
      <c r="C16633" s="2"/>
    </row>
    <row r="16634" spans="1:3" ht="19.2">
      <c r="A16634" s="2"/>
      <c r="B16634" s="2"/>
      <c r="C16634" s="2"/>
    </row>
    <row r="16635" spans="1:3" ht="19.2">
      <c r="A16635" s="2"/>
      <c r="B16635" s="2"/>
      <c r="C16635" s="2"/>
    </row>
    <row r="16636" spans="1:3" ht="19.2">
      <c r="A16636" s="2"/>
      <c r="B16636" s="2"/>
      <c r="C16636" s="2"/>
    </row>
    <row r="16637" spans="1:3" ht="19.2">
      <c r="A16637" s="2"/>
      <c r="B16637" s="2"/>
      <c r="C16637" s="2"/>
    </row>
    <row r="16638" spans="1:3" ht="19.2">
      <c r="A16638" s="2"/>
      <c r="B16638" s="2"/>
      <c r="C16638" s="2"/>
    </row>
    <row r="16639" spans="1:3" ht="19.2">
      <c r="A16639" s="2"/>
      <c r="B16639" s="2"/>
      <c r="C16639" s="2"/>
    </row>
    <row r="16640" spans="1:3" ht="19.2">
      <c r="A16640" s="2"/>
      <c r="B16640" s="2"/>
      <c r="C16640" s="2"/>
    </row>
    <row r="16641" spans="1:3" ht="19.2">
      <c r="A16641" s="2"/>
      <c r="B16641" s="2"/>
      <c r="C16641" s="2"/>
    </row>
    <row r="16642" spans="1:3" ht="19.2">
      <c r="A16642" s="2"/>
      <c r="B16642" s="2"/>
      <c r="C16642" s="2"/>
    </row>
    <row r="16643" spans="1:3" ht="19.2">
      <c r="A16643" s="2"/>
      <c r="B16643" s="2"/>
      <c r="C16643" s="2"/>
    </row>
    <row r="16644" spans="1:3" ht="19.2">
      <c r="A16644" s="2"/>
      <c r="B16644" s="2"/>
      <c r="C16644" s="2"/>
    </row>
    <row r="16645" spans="1:3" ht="19.2">
      <c r="A16645" s="2"/>
      <c r="B16645" s="2"/>
      <c r="C16645" s="2"/>
    </row>
    <row r="16646" spans="1:3" ht="19.2">
      <c r="A16646" s="2"/>
      <c r="B16646" s="2"/>
      <c r="C16646" s="2"/>
    </row>
    <row r="16647" spans="1:3" ht="19.2">
      <c r="A16647" s="2"/>
      <c r="B16647" s="2"/>
      <c r="C16647" s="2"/>
    </row>
    <row r="16648" spans="1:3" ht="19.2">
      <c r="A16648" s="2"/>
      <c r="B16648" s="2"/>
      <c r="C16648" s="2"/>
    </row>
    <row r="16649" spans="1:3" ht="19.2">
      <c r="A16649" s="2"/>
      <c r="B16649" s="2"/>
      <c r="C16649" s="2"/>
    </row>
    <row r="16650" spans="1:3" ht="19.2">
      <c r="A16650" s="2"/>
      <c r="B16650" s="2"/>
      <c r="C16650" s="2"/>
    </row>
    <row r="16651" spans="1:3" ht="19.2">
      <c r="A16651" s="2"/>
      <c r="B16651" s="2"/>
      <c r="C16651" s="2"/>
    </row>
    <row r="16652" spans="1:3" ht="19.2">
      <c r="A16652" s="2"/>
      <c r="B16652" s="2"/>
      <c r="C16652" s="2"/>
    </row>
    <row r="16653" spans="1:3" ht="19.2">
      <c r="A16653" s="2"/>
      <c r="B16653" s="2"/>
      <c r="C16653" s="2"/>
    </row>
    <row r="16654" spans="1:3" ht="19.2">
      <c r="A16654" s="2"/>
      <c r="B16654" s="2"/>
      <c r="C16654" s="2"/>
    </row>
    <row r="16655" spans="1:3" ht="19.2">
      <c r="A16655" s="2"/>
      <c r="B16655" s="2"/>
      <c r="C16655" s="2"/>
    </row>
    <row r="16656" spans="1:3" ht="19.2">
      <c r="A16656" s="2"/>
      <c r="B16656" s="2"/>
      <c r="C16656" s="2"/>
    </row>
    <row r="16657" spans="1:3" ht="19.2">
      <c r="A16657" s="2"/>
      <c r="B16657" s="2"/>
      <c r="C16657" s="2"/>
    </row>
    <row r="16658" spans="1:3" ht="19.2">
      <c r="A16658" s="2"/>
      <c r="B16658" s="2"/>
      <c r="C16658" s="2"/>
    </row>
    <row r="16659" spans="1:3" ht="19.2">
      <c r="A16659" s="2"/>
      <c r="B16659" s="2"/>
      <c r="C16659" s="2"/>
    </row>
    <row r="16660" spans="1:3" ht="19.2">
      <c r="A16660" s="2"/>
      <c r="B16660" s="2"/>
      <c r="C16660" s="2"/>
    </row>
    <row r="16661" spans="1:3" ht="19.2">
      <c r="A16661" s="2"/>
      <c r="B16661" s="2"/>
      <c r="C16661" s="2"/>
    </row>
    <row r="16662" spans="1:3" ht="19.2">
      <c r="A16662" s="2"/>
      <c r="B16662" s="2"/>
      <c r="C16662" s="2"/>
    </row>
    <row r="16663" spans="1:3" ht="19.2">
      <c r="A16663" s="2"/>
      <c r="B16663" s="2"/>
      <c r="C16663" s="2"/>
    </row>
    <row r="16664" spans="1:3" ht="19.2">
      <c r="A16664" s="2"/>
      <c r="B16664" s="2"/>
      <c r="C16664" s="2"/>
    </row>
    <row r="16665" spans="1:3" ht="19.2">
      <c r="A16665" s="2"/>
      <c r="B16665" s="2"/>
      <c r="C16665" s="2"/>
    </row>
    <row r="16666" spans="1:3" ht="19.2">
      <c r="A16666" s="2"/>
      <c r="B16666" s="2"/>
      <c r="C16666" s="2"/>
    </row>
    <row r="16667" spans="1:3" ht="19.2">
      <c r="A16667" s="2"/>
      <c r="B16667" s="2"/>
      <c r="C16667" s="2"/>
    </row>
    <row r="16668" spans="1:3" ht="19.2">
      <c r="A16668" s="2"/>
      <c r="B16668" s="2"/>
      <c r="C16668" s="2"/>
    </row>
    <row r="16669" spans="1:3" ht="19.2">
      <c r="A16669" s="2"/>
      <c r="B16669" s="2"/>
      <c r="C16669" s="2"/>
    </row>
    <row r="16670" spans="1:3" ht="19.2">
      <c r="A16670" s="2"/>
      <c r="B16670" s="2"/>
      <c r="C16670" s="2"/>
    </row>
    <row r="16671" spans="1:3" ht="19.2">
      <c r="A16671" s="2"/>
      <c r="B16671" s="2"/>
      <c r="C16671" s="2"/>
    </row>
    <row r="16672" spans="1:3" ht="19.2">
      <c r="A16672" s="2"/>
      <c r="B16672" s="2"/>
      <c r="C16672" s="2"/>
    </row>
    <row r="16673" spans="1:3" ht="19.2">
      <c r="A16673" s="2"/>
      <c r="B16673" s="2"/>
      <c r="C16673" s="2"/>
    </row>
    <row r="16674" spans="1:3" ht="19.2">
      <c r="A16674" s="2"/>
      <c r="B16674" s="2"/>
      <c r="C16674" s="2"/>
    </row>
    <row r="16675" spans="1:3" ht="19.2">
      <c r="A16675" s="2"/>
      <c r="B16675" s="2"/>
      <c r="C16675" s="2"/>
    </row>
    <row r="16676" spans="1:3" ht="19.2">
      <c r="A16676" s="2"/>
      <c r="B16676" s="2"/>
      <c r="C16676" s="2"/>
    </row>
    <row r="16677" spans="1:3" ht="19.2">
      <c r="A16677" s="2"/>
      <c r="B16677" s="2"/>
      <c r="C16677" s="2"/>
    </row>
    <row r="16678" spans="1:3" ht="19.2">
      <c r="A16678" s="2"/>
      <c r="B16678" s="2"/>
      <c r="C16678" s="2"/>
    </row>
    <row r="16679" spans="1:3" ht="19.2">
      <c r="A16679" s="2"/>
      <c r="B16679" s="2"/>
      <c r="C16679" s="2"/>
    </row>
    <row r="16680" spans="1:3" ht="19.2">
      <c r="A16680" s="2"/>
      <c r="B16680" s="2"/>
      <c r="C16680" s="2"/>
    </row>
    <row r="16681" spans="1:3" ht="19.2">
      <c r="A16681" s="2"/>
      <c r="B16681" s="2"/>
      <c r="C16681" s="2"/>
    </row>
    <row r="16682" spans="1:3" ht="19.2">
      <c r="A16682" s="2"/>
      <c r="B16682" s="2"/>
      <c r="C16682" s="2"/>
    </row>
    <row r="16683" spans="1:3" ht="19.2">
      <c r="A16683" s="2"/>
      <c r="B16683" s="2"/>
      <c r="C16683" s="2"/>
    </row>
    <row r="16684" spans="1:3" ht="19.2">
      <c r="A16684" s="2"/>
      <c r="B16684" s="2"/>
      <c r="C16684" s="2"/>
    </row>
    <row r="16685" spans="1:3" ht="19.2">
      <c r="A16685" s="2"/>
      <c r="B16685" s="2"/>
      <c r="C16685" s="2"/>
    </row>
    <row r="16686" spans="1:3" ht="19.2">
      <c r="A16686" s="2"/>
      <c r="B16686" s="2"/>
      <c r="C16686" s="2"/>
    </row>
    <row r="16687" spans="1:3" ht="19.2">
      <c r="A16687" s="2"/>
      <c r="B16687" s="2"/>
      <c r="C16687" s="2"/>
    </row>
    <row r="16688" spans="1:3" ht="19.2">
      <c r="A16688" s="2"/>
      <c r="B16688" s="2"/>
      <c r="C16688" s="2"/>
    </row>
    <row r="16689" spans="1:3" ht="19.2">
      <c r="A16689" s="2"/>
      <c r="B16689" s="2"/>
      <c r="C16689" s="2"/>
    </row>
    <row r="16690" spans="1:3" ht="19.2">
      <c r="A16690" s="2"/>
      <c r="B16690" s="2"/>
      <c r="C16690" s="2"/>
    </row>
    <row r="16691" spans="1:3" ht="19.2">
      <c r="A16691" s="2"/>
      <c r="B16691" s="2"/>
      <c r="C16691" s="2"/>
    </row>
    <row r="16692" spans="1:3" ht="19.2">
      <c r="A16692" s="2"/>
      <c r="B16692" s="2"/>
      <c r="C16692" s="2"/>
    </row>
    <row r="16693" spans="1:3" ht="19.2">
      <c r="A16693" s="2"/>
      <c r="B16693" s="2"/>
      <c r="C16693" s="2"/>
    </row>
    <row r="16694" spans="1:3" ht="19.2">
      <c r="A16694" s="2"/>
      <c r="B16694" s="2"/>
      <c r="C16694" s="2"/>
    </row>
    <row r="16695" spans="1:3" ht="19.2">
      <c r="A16695" s="2"/>
      <c r="B16695" s="2"/>
      <c r="C16695" s="2"/>
    </row>
    <row r="16696" spans="1:3" ht="19.2">
      <c r="A16696" s="2"/>
      <c r="B16696" s="2"/>
      <c r="C16696" s="2"/>
    </row>
    <row r="16697" spans="1:3" ht="19.2">
      <c r="A16697" s="2"/>
      <c r="B16697" s="2"/>
      <c r="C16697" s="2"/>
    </row>
    <row r="16698" spans="1:3" ht="19.2">
      <c r="A16698" s="2"/>
      <c r="B16698" s="2"/>
      <c r="C16698" s="2"/>
    </row>
    <row r="16699" spans="1:3" ht="19.2">
      <c r="A16699" s="2"/>
      <c r="B16699" s="2"/>
      <c r="C16699" s="2"/>
    </row>
    <row r="16700" spans="1:3" ht="19.2">
      <c r="A16700" s="2"/>
      <c r="B16700" s="2"/>
      <c r="C16700" s="2"/>
    </row>
    <row r="16701" spans="1:3" ht="19.2">
      <c r="A16701" s="2"/>
      <c r="B16701" s="2"/>
      <c r="C16701" s="2"/>
    </row>
    <row r="16702" spans="1:3" ht="19.2">
      <c r="A16702" s="2"/>
      <c r="B16702" s="2"/>
      <c r="C16702" s="2"/>
    </row>
    <row r="16703" spans="1:3" ht="19.2">
      <c r="A16703" s="2"/>
      <c r="B16703" s="2"/>
      <c r="C16703" s="2"/>
    </row>
    <row r="16704" spans="1:3" ht="19.2">
      <c r="A16704" s="2"/>
      <c r="B16704" s="2"/>
      <c r="C16704" s="2"/>
    </row>
    <row r="16705" spans="1:3" ht="19.2">
      <c r="A16705" s="2"/>
      <c r="B16705" s="2"/>
      <c r="C16705" s="2"/>
    </row>
    <row r="16706" spans="1:3" ht="19.2">
      <c r="A16706" s="2"/>
      <c r="B16706" s="2"/>
      <c r="C16706" s="2"/>
    </row>
    <row r="16707" spans="1:3" ht="19.2">
      <c r="A16707" s="2"/>
      <c r="B16707" s="2"/>
      <c r="C16707" s="2"/>
    </row>
    <row r="16708" spans="1:3" ht="19.2">
      <c r="A16708" s="2"/>
      <c r="B16708" s="2"/>
      <c r="C16708" s="2"/>
    </row>
    <row r="16709" spans="1:3" ht="19.2">
      <c r="A16709" s="2"/>
      <c r="B16709" s="2"/>
      <c r="C16709" s="2"/>
    </row>
    <row r="16710" spans="1:3" ht="19.2">
      <c r="A16710" s="2"/>
      <c r="B16710" s="2"/>
      <c r="C16710" s="2"/>
    </row>
    <row r="16711" spans="1:3" ht="19.2">
      <c r="A16711" s="2"/>
      <c r="B16711" s="2"/>
      <c r="C16711" s="2"/>
    </row>
    <row r="16712" spans="1:3" ht="19.2">
      <c r="A16712" s="2"/>
      <c r="B16712" s="2"/>
      <c r="C16712" s="2"/>
    </row>
    <row r="16713" spans="1:3" ht="19.2">
      <c r="A16713" s="2"/>
      <c r="B16713" s="2"/>
      <c r="C16713" s="2"/>
    </row>
    <row r="16714" spans="1:3" ht="19.2">
      <c r="A16714" s="2"/>
      <c r="B16714" s="2"/>
      <c r="C16714" s="2"/>
    </row>
    <row r="16715" spans="1:3" ht="19.2">
      <c r="A16715" s="2"/>
      <c r="B16715" s="2"/>
      <c r="C16715" s="2"/>
    </row>
    <row r="16716" spans="1:3" ht="19.2">
      <c r="A16716" s="2"/>
      <c r="B16716" s="2"/>
      <c r="C16716" s="2"/>
    </row>
    <row r="16717" spans="1:3" ht="19.2">
      <c r="A16717" s="2"/>
      <c r="B16717" s="2"/>
      <c r="C16717" s="2"/>
    </row>
    <row r="16718" spans="1:3" ht="19.2">
      <c r="A16718" s="2"/>
      <c r="B16718" s="2"/>
      <c r="C16718" s="2"/>
    </row>
    <row r="16719" spans="1:3" ht="19.2">
      <c r="A16719" s="2"/>
      <c r="B16719" s="2"/>
      <c r="C16719" s="2"/>
    </row>
    <row r="16720" spans="1:3" ht="19.2">
      <c r="A16720" s="2"/>
      <c r="B16720" s="2"/>
      <c r="C16720" s="2"/>
    </row>
    <row r="16721" spans="1:3" ht="19.2">
      <c r="A16721" s="2"/>
      <c r="B16721" s="2"/>
      <c r="C16721" s="2"/>
    </row>
    <row r="16722" spans="1:3" ht="19.2">
      <c r="A16722" s="2"/>
      <c r="B16722" s="2"/>
      <c r="C16722" s="2"/>
    </row>
    <row r="16723" spans="1:3" ht="19.2">
      <c r="A16723" s="2"/>
      <c r="B16723" s="2"/>
      <c r="C16723" s="2"/>
    </row>
    <row r="16724" spans="1:3" ht="19.2">
      <c r="A16724" s="2"/>
      <c r="B16724" s="2"/>
      <c r="C16724" s="2"/>
    </row>
    <row r="16725" spans="1:3" ht="19.2">
      <c r="A16725" s="2"/>
      <c r="B16725" s="2"/>
      <c r="C16725" s="2"/>
    </row>
    <row r="16726" spans="1:3" ht="19.2">
      <c r="A16726" s="2"/>
      <c r="B16726" s="2"/>
      <c r="C16726" s="2"/>
    </row>
    <row r="16727" spans="1:3" ht="19.2">
      <c r="A16727" s="2"/>
      <c r="B16727" s="2"/>
      <c r="C16727" s="2"/>
    </row>
    <row r="16728" spans="1:3" ht="19.2">
      <c r="A16728" s="2"/>
      <c r="B16728" s="2"/>
      <c r="C16728" s="2"/>
    </row>
    <row r="16729" spans="1:3" ht="19.2">
      <c r="A16729" s="2"/>
      <c r="B16729" s="2"/>
      <c r="C16729" s="2"/>
    </row>
    <row r="16730" spans="1:3" ht="19.2">
      <c r="A16730" s="2"/>
      <c r="B16730" s="2"/>
      <c r="C16730" s="2"/>
    </row>
    <row r="16731" spans="1:3" ht="19.2">
      <c r="A16731" s="2"/>
      <c r="B16731" s="2"/>
      <c r="C16731" s="2"/>
    </row>
    <row r="16732" spans="1:3" ht="19.2">
      <c r="A16732" s="2"/>
      <c r="B16732" s="2"/>
      <c r="C16732" s="2"/>
    </row>
    <row r="16733" spans="1:3" ht="19.2">
      <c r="A16733" s="2"/>
      <c r="B16733" s="2"/>
      <c r="C16733" s="2"/>
    </row>
    <row r="16734" spans="1:3" ht="19.2">
      <c r="A16734" s="2"/>
      <c r="B16734" s="2"/>
      <c r="C16734" s="2"/>
    </row>
    <row r="16735" spans="1:3" ht="19.2">
      <c r="A16735" s="2"/>
      <c r="B16735" s="2"/>
      <c r="C16735" s="2"/>
    </row>
    <row r="16736" spans="1:3" ht="19.2">
      <c r="A16736" s="2"/>
      <c r="B16736" s="2"/>
      <c r="C16736" s="2"/>
    </row>
    <row r="16737" spans="1:3" ht="19.2">
      <c r="A16737" s="2"/>
      <c r="B16737" s="2"/>
      <c r="C16737" s="2"/>
    </row>
    <row r="16738" spans="1:3" ht="19.2">
      <c r="A16738" s="2"/>
      <c r="B16738" s="2"/>
      <c r="C16738" s="2"/>
    </row>
    <row r="16739" spans="1:3" ht="19.2">
      <c r="A16739" s="2"/>
      <c r="B16739" s="2"/>
      <c r="C16739" s="2"/>
    </row>
    <row r="16740" spans="1:3" ht="19.2">
      <c r="A16740" s="2"/>
      <c r="B16740" s="2"/>
      <c r="C16740" s="2"/>
    </row>
    <row r="16741" spans="1:3" ht="19.2">
      <c r="A16741" s="2"/>
      <c r="B16741" s="2"/>
      <c r="C16741" s="2"/>
    </row>
    <row r="16742" spans="1:3" ht="19.2">
      <c r="A16742" s="2"/>
      <c r="B16742" s="2"/>
      <c r="C16742" s="2"/>
    </row>
    <row r="16743" spans="1:3" ht="19.2">
      <c r="A16743" s="2"/>
      <c r="B16743" s="2"/>
      <c r="C16743" s="2"/>
    </row>
    <row r="16744" spans="1:3" ht="19.2">
      <c r="A16744" s="2"/>
      <c r="B16744" s="2"/>
      <c r="C16744" s="2"/>
    </row>
    <row r="16745" spans="1:3" ht="19.2">
      <c r="A16745" s="2"/>
      <c r="B16745" s="2"/>
      <c r="C16745" s="2"/>
    </row>
    <row r="16746" spans="1:3" ht="19.2">
      <c r="A16746" s="2"/>
      <c r="B16746" s="2"/>
      <c r="C16746" s="2"/>
    </row>
    <row r="16747" spans="1:3" ht="19.2">
      <c r="A16747" s="2"/>
      <c r="B16747" s="2"/>
      <c r="C16747" s="2"/>
    </row>
    <row r="16748" spans="1:3" ht="19.2">
      <c r="A16748" s="2"/>
      <c r="B16748" s="2"/>
      <c r="C16748" s="2"/>
    </row>
    <row r="16749" spans="1:3" ht="19.2">
      <c r="A16749" s="2"/>
      <c r="B16749" s="2"/>
      <c r="C16749" s="2"/>
    </row>
    <row r="16750" spans="1:3" ht="19.2">
      <c r="A16750" s="2"/>
      <c r="B16750" s="2"/>
      <c r="C16750" s="2"/>
    </row>
    <row r="16751" spans="1:3" ht="19.2">
      <c r="A16751" s="2"/>
      <c r="B16751" s="2"/>
      <c r="C16751" s="2"/>
    </row>
    <row r="16752" spans="1:3" ht="19.2">
      <c r="A16752" s="2"/>
      <c r="B16752" s="2"/>
      <c r="C16752" s="2"/>
    </row>
    <row r="16753" spans="1:3" ht="19.2">
      <c r="A16753" s="2"/>
      <c r="B16753" s="2"/>
      <c r="C16753" s="2"/>
    </row>
    <row r="16754" spans="1:3" ht="19.2">
      <c r="A16754" s="2"/>
      <c r="B16754" s="2"/>
      <c r="C16754" s="2"/>
    </row>
    <row r="16755" spans="1:3" ht="19.2">
      <c r="A16755" s="2"/>
      <c r="B16755" s="2"/>
      <c r="C16755" s="2"/>
    </row>
    <row r="16756" spans="1:3" ht="19.2">
      <c r="A16756" s="2"/>
      <c r="B16756" s="2"/>
      <c r="C16756" s="2"/>
    </row>
    <row r="16757" spans="1:3" ht="19.2">
      <c r="A16757" s="2"/>
      <c r="B16757" s="2"/>
      <c r="C16757" s="2"/>
    </row>
    <row r="16758" spans="1:3" ht="19.2">
      <c r="A16758" s="2"/>
      <c r="B16758" s="2"/>
      <c r="C16758" s="2"/>
    </row>
    <row r="16759" spans="1:3" ht="19.2">
      <c r="A16759" s="2"/>
      <c r="B16759" s="2"/>
      <c r="C16759" s="2"/>
    </row>
    <row r="16760" spans="1:3" ht="19.2">
      <c r="A16760" s="2"/>
      <c r="B16760" s="2"/>
      <c r="C16760" s="2"/>
    </row>
    <row r="16761" spans="1:3" ht="19.2">
      <c r="A16761" s="2"/>
      <c r="B16761" s="2"/>
      <c r="C16761" s="2"/>
    </row>
    <row r="16762" spans="1:3" ht="19.2">
      <c r="A16762" s="2"/>
      <c r="B16762" s="2"/>
      <c r="C16762" s="2"/>
    </row>
    <row r="16763" spans="1:3" ht="19.2">
      <c r="A16763" s="2"/>
      <c r="B16763" s="2"/>
      <c r="C16763" s="2"/>
    </row>
    <row r="16764" spans="1:3" ht="19.2">
      <c r="A16764" s="2"/>
      <c r="B16764" s="2"/>
      <c r="C16764" s="2"/>
    </row>
    <row r="16765" spans="1:3" ht="19.2">
      <c r="A16765" s="2"/>
      <c r="B16765" s="2"/>
      <c r="C16765" s="2"/>
    </row>
    <row r="16766" spans="1:3" ht="19.2">
      <c r="A16766" s="2"/>
      <c r="B16766" s="2"/>
      <c r="C16766" s="2"/>
    </row>
    <row r="16767" spans="1:3" ht="19.2">
      <c r="A16767" s="2"/>
      <c r="B16767" s="2"/>
      <c r="C16767" s="2"/>
    </row>
    <row r="16768" spans="1:3" ht="19.2">
      <c r="A16768" s="2"/>
      <c r="B16768" s="2"/>
      <c r="C16768" s="2"/>
    </row>
    <row r="16769" spans="1:3" ht="19.2">
      <c r="A16769" s="2"/>
      <c r="B16769" s="2"/>
      <c r="C16769" s="2"/>
    </row>
    <row r="16770" spans="1:3" ht="19.2">
      <c r="A16770" s="2"/>
      <c r="B16770" s="2"/>
      <c r="C16770" s="2"/>
    </row>
    <row r="16771" spans="1:3" ht="19.2">
      <c r="A16771" s="2"/>
      <c r="B16771" s="2"/>
      <c r="C16771" s="2"/>
    </row>
    <row r="16772" spans="1:3" ht="19.2">
      <c r="A16772" s="2"/>
      <c r="B16772" s="2"/>
      <c r="C16772" s="2"/>
    </row>
    <row r="16773" spans="1:3" ht="19.2">
      <c r="A16773" s="2"/>
      <c r="B16773" s="2"/>
      <c r="C16773" s="2"/>
    </row>
    <row r="16774" spans="1:3" ht="19.2">
      <c r="A16774" s="2"/>
      <c r="B16774" s="2"/>
      <c r="C16774" s="2"/>
    </row>
    <row r="16775" spans="1:3" ht="19.2">
      <c r="A16775" s="2"/>
      <c r="B16775" s="2"/>
      <c r="C16775" s="2"/>
    </row>
    <row r="16776" spans="1:3" ht="19.2">
      <c r="A16776" s="2"/>
      <c r="B16776" s="2"/>
      <c r="C16776" s="2"/>
    </row>
    <row r="16777" spans="1:3" ht="19.2">
      <c r="A16777" s="2"/>
      <c r="B16777" s="2"/>
      <c r="C16777" s="2"/>
    </row>
    <row r="16778" spans="1:3" ht="19.2">
      <c r="A16778" s="2"/>
      <c r="B16778" s="2"/>
      <c r="C16778" s="2"/>
    </row>
    <row r="16779" spans="1:3" ht="19.2">
      <c r="A16779" s="2"/>
      <c r="B16779" s="2"/>
      <c r="C16779" s="2"/>
    </row>
    <row r="16780" spans="1:3" ht="19.2">
      <c r="A16780" s="2"/>
      <c r="B16780" s="2"/>
      <c r="C16780" s="2"/>
    </row>
    <row r="16781" spans="1:3" ht="19.2">
      <c r="A16781" s="2"/>
      <c r="B16781" s="2"/>
      <c r="C16781" s="2"/>
    </row>
    <row r="16782" spans="1:3" ht="19.2">
      <c r="A16782" s="2"/>
      <c r="B16782" s="2"/>
      <c r="C16782" s="2"/>
    </row>
    <row r="16783" spans="1:3" ht="19.2">
      <c r="A16783" s="2"/>
      <c r="B16783" s="2"/>
      <c r="C16783" s="2"/>
    </row>
    <row r="16784" spans="1:3" ht="19.2">
      <c r="A16784" s="2"/>
      <c r="B16784" s="2"/>
      <c r="C16784" s="2"/>
    </row>
    <row r="16785" spans="1:3" ht="19.2">
      <c r="A16785" s="2"/>
      <c r="B16785" s="2"/>
      <c r="C16785" s="2"/>
    </row>
    <row r="16786" spans="1:3" ht="19.2">
      <c r="A16786" s="2"/>
      <c r="B16786" s="2"/>
      <c r="C16786" s="2"/>
    </row>
    <row r="16787" spans="1:3" ht="19.2">
      <c r="A16787" s="2"/>
      <c r="B16787" s="2"/>
      <c r="C16787" s="2"/>
    </row>
    <row r="16788" spans="1:3" ht="19.2">
      <c r="A16788" s="2"/>
      <c r="B16788" s="2"/>
      <c r="C16788" s="2"/>
    </row>
    <row r="16789" spans="1:3" ht="19.2">
      <c r="A16789" s="2"/>
      <c r="B16789" s="2"/>
      <c r="C16789" s="2"/>
    </row>
    <row r="16790" spans="1:3" ht="19.2">
      <c r="A16790" s="2"/>
      <c r="B16790" s="2"/>
      <c r="C16790" s="2"/>
    </row>
    <row r="16791" spans="1:3" ht="19.2">
      <c r="A16791" s="2"/>
      <c r="B16791" s="2"/>
      <c r="C16791" s="2"/>
    </row>
    <row r="16792" spans="1:3" ht="19.2">
      <c r="A16792" s="2"/>
      <c r="B16792" s="2"/>
      <c r="C16792" s="2"/>
    </row>
    <row r="16793" spans="1:3" ht="19.2">
      <c r="A16793" s="2"/>
      <c r="B16793" s="2"/>
      <c r="C16793" s="2"/>
    </row>
    <row r="16794" spans="1:3" ht="19.2">
      <c r="A16794" s="2"/>
      <c r="B16794" s="2"/>
      <c r="C16794" s="2"/>
    </row>
    <row r="16795" spans="1:3" ht="19.2">
      <c r="A16795" s="2"/>
      <c r="B16795" s="2"/>
      <c r="C16795" s="2"/>
    </row>
    <row r="16796" spans="1:3" ht="19.2">
      <c r="A16796" s="2"/>
      <c r="B16796" s="2"/>
      <c r="C16796" s="2"/>
    </row>
    <row r="16797" spans="1:3" ht="19.2">
      <c r="A16797" s="2"/>
      <c r="B16797" s="2"/>
      <c r="C16797" s="2"/>
    </row>
    <row r="16798" spans="1:3" ht="19.2">
      <c r="A16798" s="2"/>
      <c r="B16798" s="2"/>
      <c r="C16798" s="2"/>
    </row>
    <row r="16799" spans="1:3" ht="19.2">
      <c r="A16799" s="2"/>
      <c r="B16799" s="2"/>
      <c r="C16799" s="2"/>
    </row>
    <row r="16800" spans="1:3" ht="19.2">
      <c r="A16800" s="2"/>
      <c r="B16800" s="2"/>
      <c r="C16800" s="2"/>
    </row>
    <row r="16801" spans="1:3" ht="19.2">
      <c r="A16801" s="2"/>
      <c r="B16801" s="2"/>
      <c r="C16801" s="2"/>
    </row>
    <row r="16802" spans="1:3" ht="19.2">
      <c r="A16802" s="2"/>
      <c r="B16802" s="2"/>
      <c r="C16802" s="2"/>
    </row>
    <row r="16803" spans="1:3" ht="19.2">
      <c r="A16803" s="2"/>
      <c r="B16803" s="2"/>
      <c r="C16803" s="2"/>
    </row>
    <row r="16804" spans="1:3" ht="19.2">
      <c r="A16804" s="2"/>
      <c r="B16804" s="2"/>
      <c r="C16804" s="2"/>
    </row>
    <row r="16805" spans="1:3" ht="19.2">
      <c r="A16805" s="2"/>
      <c r="B16805" s="2"/>
      <c r="C16805" s="2"/>
    </row>
    <row r="16806" spans="1:3" ht="19.2">
      <c r="A16806" s="2"/>
      <c r="B16806" s="2"/>
      <c r="C16806" s="2"/>
    </row>
    <row r="16807" spans="1:3" ht="19.2">
      <c r="A16807" s="2"/>
      <c r="B16807" s="2"/>
      <c r="C16807" s="2"/>
    </row>
    <row r="16808" spans="1:3" ht="19.2">
      <c r="A16808" s="2"/>
      <c r="B16808" s="2"/>
      <c r="C16808" s="2"/>
    </row>
    <row r="16809" spans="1:3" ht="19.2">
      <c r="A16809" s="2"/>
      <c r="B16809" s="2"/>
      <c r="C16809" s="2"/>
    </row>
    <row r="16810" spans="1:3" ht="19.2">
      <c r="A16810" s="2"/>
      <c r="B16810" s="2"/>
      <c r="C16810" s="2"/>
    </row>
    <row r="16811" spans="1:3" ht="19.2">
      <c r="A16811" s="2"/>
      <c r="B16811" s="2"/>
      <c r="C16811" s="2"/>
    </row>
    <row r="16812" spans="1:3" ht="19.2">
      <c r="A16812" s="2"/>
      <c r="B16812" s="2"/>
      <c r="C16812" s="2"/>
    </row>
    <row r="16813" spans="1:3" ht="19.2">
      <c r="A16813" s="2"/>
      <c r="B16813" s="2"/>
      <c r="C16813" s="2"/>
    </row>
    <row r="16814" spans="1:3" ht="19.2">
      <c r="A16814" s="2"/>
      <c r="B16814" s="2"/>
      <c r="C16814" s="2"/>
    </row>
    <row r="16815" spans="1:3" ht="19.2">
      <c r="A16815" s="2"/>
      <c r="B16815" s="2"/>
      <c r="C16815" s="2"/>
    </row>
    <row r="16816" spans="1:3" ht="19.2">
      <c r="A16816" s="2"/>
      <c r="B16816" s="2"/>
      <c r="C16816" s="2"/>
    </row>
    <row r="16817" spans="1:3" ht="19.2">
      <c r="A16817" s="2"/>
      <c r="B16817" s="2"/>
      <c r="C16817" s="2"/>
    </row>
    <row r="16818" spans="1:3" ht="19.2">
      <c r="A16818" s="2"/>
      <c r="B16818" s="2"/>
      <c r="C16818" s="2"/>
    </row>
    <row r="16819" spans="1:3" ht="19.2">
      <c r="A16819" s="2"/>
      <c r="B16819" s="2"/>
      <c r="C16819" s="2"/>
    </row>
    <row r="16820" spans="1:3" ht="19.2">
      <c r="A16820" s="2"/>
      <c r="B16820" s="2"/>
      <c r="C16820" s="2"/>
    </row>
    <row r="16821" spans="1:3" ht="19.2">
      <c r="A16821" s="2"/>
      <c r="B16821" s="2"/>
      <c r="C16821" s="2"/>
    </row>
    <row r="16822" spans="1:3" ht="19.2">
      <c r="A16822" s="2"/>
      <c r="B16822" s="2"/>
      <c r="C16822" s="2"/>
    </row>
    <row r="16823" spans="1:3" ht="19.2">
      <c r="A16823" s="2"/>
      <c r="B16823" s="2"/>
      <c r="C16823" s="2"/>
    </row>
    <row r="16824" spans="1:3" ht="19.2">
      <c r="A16824" s="2"/>
      <c r="B16824" s="2"/>
      <c r="C16824" s="2"/>
    </row>
    <row r="16825" spans="1:3" ht="19.2">
      <c r="A16825" s="2"/>
      <c r="B16825" s="2"/>
      <c r="C16825" s="2"/>
    </row>
    <row r="16826" spans="1:3" ht="19.2">
      <c r="A16826" s="2"/>
      <c r="B16826" s="2"/>
      <c r="C16826" s="2"/>
    </row>
    <row r="16827" spans="1:3" ht="19.2">
      <c r="A16827" s="2"/>
      <c r="B16827" s="2"/>
      <c r="C16827" s="2"/>
    </row>
    <row r="16828" spans="1:3" ht="19.2">
      <c r="A16828" s="2"/>
      <c r="B16828" s="2"/>
      <c r="C16828" s="2"/>
    </row>
    <row r="16829" spans="1:3" ht="19.2">
      <c r="A16829" s="2"/>
      <c r="B16829" s="2"/>
      <c r="C16829" s="2"/>
    </row>
    <row r="16830" spans="1:3" ht="19.2">
      <c r="A16830" s="2"/>
      <c r="B16830" s="2"/>
      <c r="C16830" s="2"/>
    </row>
    <row r="16831" spans="1:3" ht="19.2">
      <c r="A16831" s="2"/>
      <c r="B16831" s="2"/>
      <c r="C16831" s="2"/>
    </row>
    <row r="16832" spans="1:3" ht="19.2">
      <c r="A16832" s="2"/>
      <c r="B16832" s="2"/>
      <c r="C16832" s="2"/>
    </row>
    <row r="16833" spans="1:3" ht="19.2">
      <c r="A16833" s="2"/>
      <c r="B16833" s="2"/>
      <c r="C16833" s="2"/>
    </row>
    <row r="16834" spans="1:3" ht="19.2">
      <c r="A16834" s="2"/>
      <c r="B16834" s="2"/>
      <c r="C16834" s="2"/>
    </row>
    <row r="16835" spans="1:3" ht="19.2">
      <c r="A16835" s="2"/>
      <c r="B16835" s="2"/>
      <c r="C16835" s="2"/>
    </row>
    <row r="16836" spans="1:3" ht="19.2">
      <c r="A16836" s="2"/>
      <c r="B16836" s="2"/>
      <c r="C16836" s="2"/>
    </row>
    <row r="16837" spans="1:3" ht="19.2">
      <c r="A16837" s="2"/>
      <c r="B16837" s="2"/>
      <c r="C16837" s="2"/>
    </row>
    <row r="16838" spans="1:3" ht="19.2">
      <c r="A16838" s="2"/>
      <c r="B16838" s="2"/>
      <c r="C16838" s="2"/>
    </row>
    <row r="16839" spans="1:3" ht="19.2">
      <c r="A16839" s="2"/>
      <c r="B16839" s="2"/>
      <c r="C16839" s="2"/>
    </row>
    <row r="16840" spans="1:3" ht="19.2">
      <c r="A16840" s="2"/>
      <c r="B16840" s="2"/>
      <c r="C16840" s="2"/>
    </row>
    <row r="16841" spans="1:3" ht="19.2">
      <c r="A16841" s="2"/>
      <c r="B16841" s="2"/>
      <c r="C16841" s="2"/>
    </row>
    <row r="16842" spans="1:3" ht="19.2">
      <c r="A16842" s="2"/>
      <c r="B16842" s="2"/>
      <c r="C16842" s="2"/>
    </row>
    <row r="16843" spans="1:3" ht="19.2">
      <c r="A16843" s="2"/>
      <c r="B16843" s="2"/>
      <c r="C16843" s="2"/>
    </row>
    <row r="16844" spans="1:3" ht="19.2">
      <c r="A16844" s="2"/>
      <c r="B16844" s="2"/>
      <c r="C16844" s="2"/>
    </row>
    <row r="16845" spans="1:3" ht="19.2">
      <c r="A16845" s="2"/>
      <c r="B16845" s="2"/>
      <c r="C16845" s="2"/>
    </row>
    <row r="16846" spans="1:3" ht="19.2">
      <c r="A16846" s="2"/>
      <c r="B16846" s="2"/>
      <c r="C16846" s="2"/>
    </row>
    <row r="16847" spans="1:3" ht="19.2">
      <c r="A16847" s="2"/>
      <c r="B16847" s="2"/>
      <c r="C16847" s="2"/>
    </row>
    <row r="16848" spans="1:3" ht="19.2">
      <c r="A16848" s="2"/>
      <c r="B16848" s="2"/>
      <c r="C16848" s="2"/>
    </row>
    <row r="16849" spans="1:3" ht="19.2">
      <c r="A16849" s="2"/>
      <c r="B16849" s="2"/>
      <c r="C16849" s="2"/>
    </row>
    <row r="16850" spans="1:3" ht="19.2">
      <c r="A16850" s="2"/>
      <c r="B16850" s="2"/>
      <c r="C16850" s="2"/>
    </row>
    <row r="16851" spans="1:3" ht="19.2">
      <c r="A16851" s="2"/>
      <c r="B16851" s="2"/>
      <c r="C16851" s="2"/>
    </row>
    <row r="16852" spans="1:3" ht="19.2">
      <c r="A16852" s="2"/>
      <c r="B16852" s="2"/>
      <c r="C16852" s="2"/>
    </row>
    <row r="16853" spans="1:3" ht="19.2">
      <c r="A16853" s="2"/>
      <c r="B16853" s="2"/>
      <c r="C16853" s="2"/>
    </row>
    <row r="16854" spans="1:3" ht="19.2">
      <c r="A16854" s="2"/>
      <c r="B16854" s="2"/>
      <c r="C16854" s="2"/>
    </row>
    <row r="16855" spans="1:3" ht="19.2">
      <c r="A16855" s="2"/>
      <c r="B16855" s="2"/>
      <c r="C16855" s="2"/>
    </row>
    <row r="16856" spans="1:3" ht="19.2">
      <c r="A16856" s="2"/>
      <c r="B16856" s="2"/>
      <c r="C16856" s="2"/>
    </row>
    <row r="16857" spans="1:3" ht="19.2">
      <c r="A16857" s="2"/>
      <c r="B16857" s="2"/>
      <c r="C16857" s="2"/>
    </row>
    <row r="16858" spans="1:3" ht="19.2">
      <c r="A16858" s="2"/>
      <c r="B16858" s="2"/>
      <c r="C16858" s="2"/>
    </row>
    <row r="16859" spans="1:3" ht="19.2">
      <c r="A16859" s="2"/>
      <c r="B16859" s="2"/>
      <c r="C16859" s="2"/>
    </row>
    <row r="16860" spans="1:3" ht="19.2">
      <c r="A16860" s="2"/>
      <c r="B16860" s="2"/>
      <c r="C16860" s="2"/>
    </row>
    <row r="16861" spans="1:3" ht="19.2">
      <c r="A16861" s="2"/>
      <c r="B16861" s="2"/>
      <c r="C16861" s="2"/>
    </row>
    <row r="16862" spans="1:3" ht="19.2">
      <c r="A16862" s="2"/>
      <c r="B16862" s="2"/>
      <c r="C16862" s="2"/>
    </row>
    <row r="16863" spans="1:3" ht="19.2">
      <c r="A16863" s="2"/>
      <c r="B16863" s="2"/>
      <c r="C16863" s="2"/>
    </row>
    <row r="16864" spans="1:3" ht="19.2">
      <c r="A16864" s="2"/>
      <c r="B16864" s="2"/>
      <c r="C16864" s="2"/>
    </row>
    <row r="16865" spans="1:3" ht="19.2">
      <c r="A16865" s="2"/>
      <c r="B16865" s="2"/>
      <c r="C16865" s="2"/>
    </row>
    <row r="16866" spans="1:3" ht="19.2">
      <c r="A16866" s="2"/>
      <c r="B16866" s="2"/>
      <c r="C16866" s="2"/>
    </row>
    <row r="16867" spans="1:3" ht="19.2">
      <c r="A16867" s="2"/>
      <c r="B16867" s="2"/>
      <c r="C16867" s="2"/>
    </row>
    <row r="16868" spans="1:3" ht="19.2">
      <c r="A16868" s="2"/>
      <c r="B16868" s="2"/>
      <c r="C16868" s="2"/>
    </row>
    <row r="16869" spans="1:3" ht="19.2">
      <c r="A16869" s="2"/>
      <c r="B16869" s="2"/>
      <c r="C16869" s="2"/>
    </row>
    <row r="16870" spans="1:3" ht="19.2">
      <c r="A16870" s="2"/>
      <c r="B16870" s="2"/>
      <c r="C16870" s="2"/>
    </row>
    <row r="16871" spans="1:3" ht="19.2">
      <c r="A16871" s="2"/>
      <c r="B16871" s="2"/>
      <c r="C16871" s="2"/>
    </row>
    <row r="16872" spans="1:3" ht="19.2">
      <c r="A16872" s="2"/>
      <c r="B16872" s="2"/>
      <c r="C16872" s="2"/>
    </row>
    <row r="16873" spans="1:3" ht="19.2">
      <c r="A16873" s="2"/>
      <c r="B16873" s="2"/>
      <c r="C16873" s="2"/>
    </row>
    <row r="16874" spans="1:3" ht="19.2">
      <c r="A16874" s="2"/>
      <c r="B16874" s="2"/>
      <c r="C16874" s="2"/>
    </row>
    <row r="16875" spans="1:3" ht="19.2">
      <c r="A16875" s="2"/>
      <c r="B16875" s="2"/>
      <c r="C16875" s="2"/>
    </row>
    <row r="16876" spans="1:3" ht="19.2">
      <c r="A16876" s="2"/>
      <c r="B16876" s="2"/>
      <c r="C16876" s="2"/>
    </row>
    <row r="16877" spans="1:3" ht="19.2">
      <c r="A16877" s="2"/>
      <c r="B16877" s="2"/>
      <c r="C16877" s="2"/>
    </row>
    <row r="16878" spans="1:3" ht="19.2">
      <c r="A16878" s="2"/>
      <c r="B16878" s="2"/>
      <c r="C16878" s="2"/>
    </row>
    <row r="16879" spans="1:3" ht="19.2">
      <c r="A16879" s="2"/>
      <c r="B16879" s="2"/>
      <c r="C16879" s="2"/>
    </row>
    <row r="16880" spans="1:3" ht="19.2">
      <c r="A16880" s="2"/>
      <c r="B16880" s="2"/>
      <c r="C16880" s="2"/>
    </row>
    <row r="16881" spans="1:3" ht="19.2">
      <c r="A16881" s="2"/>
      <c r="B16881" s="2"/>
      <c r="C16881" s="2"/>
    </row>
    <row r="16882" spans="1:3" ht="19.2">
      <c r="A16882" s="2"/>
      <c r="B16882" s="2"/>
      <c r="C16882" s="2"/>
    </row>
    <row r="16883" spans="1:3" ht="19.2">
      <c r="A16883" s="2"/>
      <c r="B16883" s="2"/>
      <c r="C16883" s="2"/>
    </row>
    <row r="16884" spans="1:3" ht="19.2">
      <c r="A16884" s="2"/>
      <c r="B16884" s="2"/>
      <c r="C16884" s="2"/>
    </row>
    <row r="16885" spans="1:3" ht="19.2">
      <c r="A16885" s="2"/>
      <c r="B16885" s="2"/>
      <c r="C16885" s="2"/>
    </row>
    <row r="16886" spans="1:3" ht="19.2">
      <c r="A16886" s="2"/>
      <c r="B16886" s="2"/>
      <c r="C16886" s="2"/>
    </row>
    <row r="16887" spans="1:3" ht="19.2">
      <c r="A16887" s="2"/>
      <c r="B16887" s="2"/>
      <c r="C16887" s="2"/>
    </row>
    <row r="16888" spans="1:3" ht="19.2">
      <c r="A16888" s="2"/>
      <c r="B16888" s="2"/>
      <c r="C16888" s="2"/>
    </row>
    <row r="16889" spans="1:3" ht="19.2">
      <c r="A16889" s="2"/>
      <c r="B16889" s="2"/>
      <c r="C16889" s="2"/>
    </row>
    <row r="16890" spans="1:3" ht="19.2">
      <c r="A16890" s="2"/>
      <c r="B16890" s="2"/>
      <c r="C16890" s="2"/>
    </row>
    <row r="16891" spans="1:3" ht="19.2">
      <c r="A16891" s="2"/>
      <c r="B16891" s="2"/>
      <c r="C16891" s="2"/>
    </row>
    <row r="16892" spans="1:3" ht="19.2">
      <c r="A16892" s="2"/>
      <c r="B16892" s="2"/>
      <c r="C16892" s="2"/>
    </row>
    <row r="16893" spans="1:3" ht="19.2">
      <c r="A16893" s="2"/>
      <c r="B16893" s="2"/>
      <c r="C16893" s="2"/>
    </row>
    <row r="16894" spans="1:3" ht="19.2">
      <c r="A16894" s="2"/>
      <c r="B16894" s="2"/>
      <c r="C16894" s="2"/>
    </row>
    <row r="16895" spans="1:3" ht="19.2">
      <c r="A16895" s="2"/>
      <c r="B16895" s="2"/>
      <c r="C16895" s="2"/>
    </row>
    <row r="16896" spans="1:3" ht="19.2">
      <c r="A16896" s="2"/>
      <c r="B16896" s="2"/>
      <c r="C16896" s="2"/>
    </row>
    <row r="16897" spans="1:3" ht="19.2">
      <c r="A16897" s="2"/>
      <c r="B16897" s="2"/>
      <c r="C16897" s="2"/>
    </row>
    <row r="16898" spans="1:3" ht="19.2">
      <c r="A16898" s="2"/>
      <c r="B16898" s="2"/>
      <c r="C16898" s="2"/>
    </row>
    <row r="16899" spans="1:3" ht="19.2">
      <c r="A16899" s="2"/>
      <c r="B16899" s="2"/>
      <c r="C16899" s="2"/>
    </row>
    <row r="16900" spans="1:3" ht="19.2">
      <c r="A16900" s="2"/>
      <c r="B16900" s="2"/>
      <c r="C16900" s="2"/>
    </row>
    <row r="16901" spans="1:3" ht="19.2">
      <c r="A16901" s="2"/>
      <c r="B16901" s="2"/>
      <c r="C16901" s="2"/>
    </row>
    <row r="16902" spans="1:3" ht="19.2">
      <c r="A16902" s="2"/>
      <c r="B16902" s="2"/>
      <c r="C16902" s="2"/>
    </row>
    <row r="16903" spans="1:3" ht="19.2">
      <c r="A16903" s="2"/>
      <c r="B16903" s="2"/>
      <c r="C16903" s="2"/>
    </row>
    <row r="16904" spans="1:3" ht="19.2">
      <c r="A16904" s="2"/>
      <c r="B16904" s="2"/>
      <c r="C16904" s="2"/>
    </row>
    <row r="16905" spans="1:3" ht="19.2">
      <c r="A16905" s="2"/>
      <c r="B16905" s="2"/>
      <c r="C16905" s="2"/>
    </row>
    <row r="16906" spans="1:3" ht="19.2">
      <c r="A16906" s="2"/>
      <c r="B16906" s="2"/>
      <c r="C16906" s="2"/>
    </row>
    <row r="16907" spans="1:3" ht="19.2">
      <c r="A16907" s="2"/>
      <c r="B16907" s="2"/>
      <c r="C16907" s="2"/>
    </row>
    <row r="16908" spans="1:3" ht="19.2">
      <c r="A16908" s="2"/>
      <c r="B16908" s="2"/>
      <c r="C16908" s="2"/>
    </row>
    <row r="16909" spans="1:3" ht="19.2">
      <c r="A16909" s="2"/>
      <c r="B16909" s="2"/>
      <c r="C16909" s="2"/>
    </row>
    <row r="16910" spans="1:3" ht="19.2">
      <c r="A16910" s="2"/>
      <c r="B16910" s="2"/>
      <c r="C16910" s="2"/>
    </row>
    <row r="16911" spans="1:3" ht="19.2">
      <c r="A16911" s="2"/>
      <c r="B16911" s="2"/>
      <c r="C16911" s="2"/>
    </row>
    <row r="16912" spans="1:3" ht="19.2">
      <c r="A16912" s="2"/>
      <c r="B16912" s="2"/>
      <c r="C16912" s="2"/>
    </row>
    <row r="16913" spans="1:3" ht="19.2">
      <c r="A16913" s="2"/>
      <c r="B16913" s="2"/>
      <c r="C16913" s="2"/>
    </row>
    <row r="16914" spans="1:3" ht="19.2">
      <c r="A16914" s="2"/>
      <c r="B16914" s="2"/>
      <c r="C16914" s="2"/>
    </row>
    <row r="16915" spans="1:3" ht="19.2">
      <c r="A16915" s="2"/>
      <c r="B16915" s="2"/>
      <c r="C16915" s="2"/>
    </row>
    <row r="16916" spans="1:3" ht="19.2">
      <c r="A16916" s="2"/>
      <c r="B16916" s="2"/>
      <c r="C16916" s="2"/>
    </row>
    <row r="16917" spans="1:3" ht="19.2">
      <c r="A16917" s="2"/>
      <c r="B16917" s="2"/>
      <c r="C16917" s="2"/>
    </row>
    <row r="16918" spans="1:3" ht="19.2">
      <c r="A16918" s="2"/>
      <c r="B16918" s="2"/>
      <c r="C16918" s="2"/>
    </row>
    <row r="16919" spans="1:3" ht="19.2">
      <c r="A16919" s="2"/>
      <c r="B16919" s="2"/>
      <c r="C16919" s="2"/>
    </row>
    <row r="16920" spans="1:3" ht="19.2">
      <c r="A16920" s="2"/>
      <c r="B16920" s="2"/>
      <c r="C16920" s="2"/>
    </row>
    <row r="16921" spans="1:3" ht="19.2">
      <c r="A16921" s="2"/>
      <c r="B16921" s="2"/>
      <c r="C16921" s="2"/>
    </row>
    <row r="16922" spans="1:3" ht="19.2">
      <c r="A16922" s="2"/>
      <c r="B16922" s="2"/>
      <c r="C16922" s="2"/>
    </row>
    <row r="16923" spans="1:3" ht="19.2">
      <c r="A16923" s="2"/>
      <c r="B16923" s="2"/>
      <c r="C16923" s="2"/>
    </row>
    <row r="16924" spans="1:3" ht="19.2">
      <c r="A16924" s="2"/>
      <c r="B16924" s="2"/>
      <c r="C16924" s="2"/>
    </row>
    <row r="16925" spans="1:3" ht="19.2">
      <c r="A16925" s="2"/>
      <c r="B16925" s="2"/>
      <c r="C16925" s="2"/>
    </row>
    <row r="16926" spans="1:3" ht="19.2">
      <c r="A16926" s="2"/>
      <c r="B16926" s="2"/>
      <c r="C16926" s="2"/>
    </row>
    <row r="16927" spans="1:3" ht="19.2">
      <c r="A16927" s="2"/>
      <c r="B16927" s="2"/>
      <c r="C16927" s="2"/>
    </row>
    <row r="16928" spans="1:3" ht="19.2">
      <c r="A16928" s="2"/>
      <c r="B16928" s="2"/>
      <c r="C16928" s="2"/>
    </row>
    <row r="16929" spans="1:3" ht="19.2">
      <c r="A16929" s="2"/>
      <c r="B16929" s="2"/>
      <c r="C16929" s="2"/>
    </row>
    <row r="16930" spans="1:3" ht="19.2">
      <c r="A16930" s="2"/>
      <c r="B16930" s="2"/>
      <c r="C16930" s="2"/>
    </row>
    <row r="16931" spans="1:3" ht="19.2">
      <c r="A16931" s="2"/>
      <c r="B16931" s="2"/>
      <c r="C16931" s="2"/>
    </row>
    <row r="16932" spans="1:3" ht="19.2">
      <c r="A16932" s="2"/>
      <c r="B16932" s="2"/>
      <c r="C16932" s="2"/>
    </row>
    <row r="16933" spans="1:3" ht="19.2">
      <c r="A16933" s="2"/>
      <c r="B16933" s="2"/>
      <c r="C16933" s="2"/>
    </row>
    <row r="16934" spans="1:3" ht="19.2">
      <c r="A16934" s="2"/>
      <c r="B16934" s="2"/>
      <c r="C16934" s="2"/>
    </row>
    <row r="16935" spans="1:3" ht="19.2">
      <c r="A16935" s="2"/>
      <c r="B16935" s="2"/>
      <c r="C16935" s="2"/>
    </row>
    <row r="16936" spans="1:3" ht="19.2">
      <c r="A16936" s="2"/>
      <c r="B16936" s="2"/>
      <c r="C16936" s="2"/>
    </row>
    <row r="16937" spans="1:3" ht="19.2">
      <c r="A16937" s="2"/>
      <c r="B16937" s="2"/>
      <c r="C16937" s="2"/>
    </row>
    <row r="16938" spans="1:3" ht="19.2">
      <c r="A16938" s="2"/>
      <c r="B16938" s="2"/>
      <c r="C16938" s="2"/>
    </row>
    <row r="16939" spans="1:3" ht="19.2">
      <c r="A16939" s="2"/>
      <c r="B16939" s="2"/>
      <c r="C16939" s="2"/>
    </row>
    <row r="16940" spans="1:3" ht="19.2">
      <c r="A16940" s="2"/>
      <c r="B16940" s="2"/>
      <c r="C16940" s="2"/>
    </row>
    <row r="16941" spans="1:3" ht="19.2">
      <c r="A16941" s="2"/>
      <c r="B16941" s="2"/>
      <c r="C16941" s="2"/>
    </row>
    <row r="16942" spans="1:3" ht="19.2">
      <c r="A16942" s="2"/>
      <c r="B16942" s="2"/>
      <c r="C16942" s="2"/>
    </row>
    <row r="16943" spans="1:3" ht="19.2">
      <c r="A16943" s="2"/>
      <c r="B16943" s="2"/>
      <c r="C16943" s="2"/>
    </row>
    <row r="16944" spans="1:3" ht="19.2">
      <c r="A16944" s="2"/>
      <c r="B16944" s="2"/>
      <c r="C16944" s="2"/>
    </row>
    <row r="16945" spans="1:3" ht="19.2">
      <c r="A16945" s="2"/>
      <c r="B16945" s="2"/>
      <c r="C16945" s="2"/>
    </row>
    <row r="16946" spans="1:3" ht="19.2">
      <c r="A16946" s="2"/>
      <c r="B16946" s="2"/>
      <c r="C16946" s="2"/>
    </row>
    <row r="16947" spans="1:3" ht="19.2">
      <c r="A16947" s="2"/>
      <c r="B16947" s="2"/>
      <c r="C16947" s="2"/>
    </row>
    <row r="16948" spans="1:3" ht="19.2">
      <c r="A16948" s="2"/>
      <c r="B16948" s="2"/>
      <c r="C16948" s="2"/>
    </row>
    <row r="16949" spans="1:3" ht="19.2">
      <c r="A16949" s="2"/>
      <c r="B16949" s="2"/>
      <c r="C16949" s="2"/>
    </row>
    <row r="16950" spans="1:3" ht="19.2">
      <c r="A16950" s="2"/>
      <c r="B16950" s="2"/>
      <c r="C16950" s="2"/>
    </row>
    <row r="16951" spans="1:3" ht="19.2">
      <c r="A16951" s="2"/>
      <c r="B16951" s="2"/>
      <c r="C16951" s="2"/>
    </row>
    <row r="16952" spans="1:3" ht="19.2">
      <c r="A16952" s="2"/>
      <c r="B16952" s="2"/>
      <c r="C16952" s="2"/>
    </row>
    <row r="16953" spans="1:3" ht="19.2">
      <c r="A16953" s="2"/>
      <c r="B16953" s="2"/>
      <c r="C16953" s="2"/>
    </row>
    <row r="16954" spans="1:3" ht="19.2">
      <c r="A16954" s="2"/>
      <c r="B16954" s="2"/>
      <c r="C16954" s="2"/>
    </row>
    <row r="16955" spans="1:3" ht="19.2">
      <c r="A16955" s="2"/>
      <c r="B16955" s="2"/>
      <c r="C16955" s="2"/>
    </row>
    <row r="16956" spans="1:3" ht="19.2">
      <c r="A16956" s="2"/>
      <c r="B16956" s="2"/>
      <c r="C16956" s="2"/>
    </row>
    <row r="16957" spans="1:3" ht="19.2">
      <c r="A16957" s="2"/>
      <c r="B16957" s="2"/>
      <c r="C16957" s="2"/>
    </row>
    <row r="16958" spans="1:3" ht="19.2">
      <c r="A16958" s="2"/>
      <c r="B16958" s="2"/>
      <c r="C16958" s="2"/>
    </row>
    <row r="16959" spans="1:3" ht="19.2">
      <c r="A16959" s="2"/>
      <c r="B16959" s="2"/>
      <c r="C16959" s="2"/>
    </row>
    <row r="16960" spans="1:3" ht="19.2">
      <c r="A16960" s="2"/>
      <c r="B16960" s="2"/>
      <c r="C16960" s="2"/>
    </row>
    <row r="16961" spans="1:3" ht="19.2">
      <c r="A16961" s="2"/>
      <c r="B16961" s="2"/>
      <c r="C16961" s="2"/>
    </row>
    <row r="16962" spans="1:3" ht="19.2">
      <c r="A16962" s="2"/>
      <c r="B16962" s="2"/>
      <c r="C16962" s="2"/>
    </row>
    <row r="16963" spans="1:3" ht="19.2">
      <c r="A16963" s="2"/>
      <c r="B16963" s="2"/>
      <c r="C16963" s="2"/>
    </row>
    <row r="16964" spans="1:3" ht="19.2">
      <c r="A16964" s="2"/>
      <c r="B16964" s="2"/>
      <c r="C16964" s="2"/>
    </row>
    <row r="16965" spans="1:3" ht="19.2">
      <c r="A16965" s="2"/>
      <c r="B16965" s="2"/>
      <c r="C16965" s="2"/>
    </row>
    <row r="16966" spans="1:3" ht="19.2">
      <c r="A16966" s="2"/>
      <c r="B16966" s="2"/>
      <c r="C16966" s="2"/>
    </row>
    <row r="16967" spans="1:3" ht="19.2">
      <c r="A16967" s="2"/>
      <c r="B16967" s="2"/>
      <c r="C16967" s="2"/>
    </row>
    <row r="16968" spans="1:3" ht="19.2">
      <c r="A16968" s="2"/>
      <c r="B16968" s="2"/>
      <c r="C16968" s="2"/>
    </row>
    <row r="16969" spans="1:3" ht="19.2">
      <c r="A16969" s="2"/>
      <c r="B16969" s="2"/>
      <c r="C16969" s="2"/>
    </row>
    <row r="16970" spans="1:3" ht="19.2">
      <c r="A16970" s="2"/>
      <c r="B16970" s="2"/>
      <c r="C16970" s="2"/>
    </row>
    <row r="16971" spans="1:3" ht="19.2">
      <c r="A16971" s="2"/>
      <c r="B16971" s="2"/>
      <c r="C16971" s="2"/>
    </row>
    <row r="16972" spans="1:3" ht="19.2">
      <c r="A16972" s="2"/>
      <c r="B16972" s="2"/>
      <c r="C16972" s="2"/>
    </row>
    <row r="16973" spans="1:3" ht="19.2">
      <c r="A16973" s="2"/>
      <c r="B16973" s="2"/>
      <c r="C16973" s="2"/>
    </row>
    <row r="16974" spans="1:3" ht="19.2">
      <c r="A16974" s="2"/>
      <c r="B16974" s="2"/>
      <c r="C16974" s="2"/>
    </row>
    <row r="16975" spans="1:3" ht="19.2">
      <c r="A16975" s="2"/>
      <c r="B16975" s="2"/>
      <c r="C16975" s="2"/>
    </row>
    <row r="16976" spans="1:3" ht="19.2">
      <c r="A16976" s="2"/>
      <c r="B16976" s="2"/>
      <c r="C16976" s="2"/>
    </row>
    <row r="16977" spans="1:3" ht="19.2">
      <c r="A16977" s="2"/>
      <c r="B16977" s="2"/>
      <c r="C16977" s="2"/>
    </row>
    <row r="16978" spans="1:3" ht="19.2">
      <c r="A16978" s="2"/>
      <c r="B16978" s="2"/>
      <c r="C16978" s="2"/>
    </row>
    <row r="16979" spans="1:3" ht="19.2">
      <c r="A16979" s="2"/>
      <c r="B16979" s="2"/>
      <c r="C16979" s="2"/>
    </row>
    <row r="16980" spans="1:3" ht="19.2">
      <c r="A16980" s="2"/>
      <c r="B16980" s="2"/>
      <c r="C16980" s="2"/>
    </row>
    <row r="16981" spans="1:3" ht="19.2">
      <c r="A16981" s="2"/>
      <c r="B16981" s="2"/>
      <c r="C16981" s="2"/>
    </row>
    <row r="16982" spans="1:3" ht="19.2">
      <c r="A16982" s="2"/>
      <c r="B16982" s="2"/>
      <c r="C16982" s="2"/>
    </row>
    <row r="16983" spans="1:3" ht="19.2">
      <c r="A16983" s="2"/>
      <c r="B16983" s="2"/>
      <c r="C16983" s="2"/>
    </row>
    <row r="16984" spans="1:3" ht="19.2">
      <c r="A16984" s="2"/>
      <c r="B16984" s="2"/>
      <c r="C16984" s="2"/>
    </row>
    <row r="16985" spans="1:3" ht="19.2">
      <c r="A16985" s="2"/>
      <c r="B16985" s="2"/>
      <c r="C16985" s="2"/>
    </row>
    <row r="16986" spans="1:3" ht="19.2">
      <c r="A16986" s="2"/>
      <c r="B16986" s="2"/>
      <c r="C16986" s="2"/>
    </row>
    <row r="16987" spans="1:3" ht="19.2">
      <c r="A16987" s="2"/>
      <c r="B16987" s="2"/>
      <c r="C16987" s="2"/>
    </row>
    <row r="16988" spans="1:3" ht="19.2">
      <c r="A16988" s="2"/>
      <c r="B16988" s="2"/>
      <c r="C16988" s="2"/>
    </row>
    <row r="16989" spans="1:3" ht="19.2">
      <c r="A16989" s="2"/>
      <c r="B16989" s="2"/>
      <c r="C16989" s="2"/>
    </row>
    <row r="16990" spans="1:3" ht="19.2">
      <c r="A16990" s="2"/>
      <c r="B16990" s="2"/>
      <c r="C16990" s="2"/>
    </row>
    <row r="16991" spans="1:3" ht="19.2">
      <c r="A16991" s="2"/>
      <c r="B16991" s="2"/>
      <c r="C16991" s="2"/>
    </row>
    <row r="16992" spans="1:3" ht="19.2">
      <c r="A16992" s="2"/>
      <c r="B16992" s="2"/>
      <c r="C16992" s="2"/>
    </row>
    <row r="16993" spans="1:3" ht="19.2">
      <c r="A16993" s="2"/>
      <c r="B16993" s="2"/>
      <c r="C16993" s="2"/>
    </row>
    <row r="16994" spans="1:3" ht="19.2">
      <c r="A16994" s="2"/>
      <c r="B16994" s="2"/>
      <c r="C16994" s="2"/>
    </row>
    <row r="16995" spans="1:3" ht="19.2">
      <c r="A16995" s="2"/>
      <c r="B16995" s="2"/>
      <c r="C16995" s="2"/>
    </row>
    <row r="16996" spans="1:3" ht="19.2">
      <c r="A16996" s="2"/>
      <c r="B16996" s="2"/>
      <c r="C16996" s="2"/>
    </row>
    <row r="16997" spans="1:3" ht="19.2">
      <c r="A16997" s="2"/>
      <c r="B16997" s="2"/>
      <c r="C16997" s="2"/>
    </row>
    <row r="16998" spans="1:3" ht="19.2">
      <c r="A16998" s="2"/>
      <c r="B16998" s="2"/>
      <c r="C16998" s="2"/>
    </row>
    <row r="16999" spans="1:3" ht="19.2">
      <c r="A16999" s="2"/>
      <c r="B16999" s="2"/>
      <c r="C16999" s="2"/>
    </row>
    <row r="17000" spans="1:3" ht="19.2">
      <c r="A17000" s="2"/>
      <c r="B17000" s="2"/>
      <c r="C17000" s="2"/>
    </row>
    <row r="17001" spans="1:3" ht="19.2">
      <c r="A17001" s="2"/>
      <c r="B17001" s="2"/>
      <c r="C17001" s="2"/>
    </row>
    <row r="17002" spans="1:3" ht="19.2">
      <c r="A17002" s="2"/>
      <c r="B17002" s="2"/>
      <c r="C17002" s="2"/>
    </row>
    <row r="17003" spans="1:3" ht="19.2">
      <c r="A17003" s="2"/>
      <c r="B17003" s="2"/>
      <c r="C17003" s="2"/>
    </row>
    <row r="17004" spans="1:3" ht="19.2">
      <c r="A17004" s="2"/>
      <c r="B17004" s="2"/>
      <c r="C17004" s="2"/>
    </row>
    <row r="17005" spans="1:3" ht="19.2">
      <c r="A17005" s="2"/>
      <c r="B17005" s="2"/>
      <c r="C17005" s="2"/>
    </row>
    <row r="17006" spans="1:3" ht="19.2">
      <c r="A17006" s="2"/>
      <c r="B17006" s="2"/>
      <c r="C17006" s="2"/>
    </row>
    <row r="17007" spans="1:3" ht="19.2">
      <c r="A17007" s="2"/>
      <c r="B17007" s="2"/>
      <c r="C17007" s="2"/>
    </row>
    <row r="17008" spans="1:3" ht="19.2">
      <c r="A17008" s="2"/>
      <c r="B17008" s="2"/>
      <c r="C17008" s="2"/>
    </row>
    <row r="17009" spans="1:3" ht="19.2">
      <c r="A17009" s="2"/>
      <c r="B17009" s="2"/>
      <c r="C17009" s="2"/>
    </row>
    <row r="17010" spans="1:3" ht="19.2">
      <c r="A17010" s="2"/>
      <c r="B17010" s="2"/>
      <c r="C17010" s="2"/>
    </row>
    <row r="17011" spans="1:3" ht="19.2">
      <c r="A17011" s="2"/>
      <c r="B17011" s="2"/>
      <c r="C17011" s="2"/>
    </row>
    <row r="17012" spans="1:3" ht="19.2">
      <c r="A17012" s="2"/>
      <c r="B17012" s="2"/>
      <c r="C17012" s="2"/>
    </row>
    <row r="17013" spans="1:3" ht="19.2">
      <c r="A17013" s="2"/>
      <c r="B17013" s="2"/>
      <c r="C17013" s="2"/>
    </row>
    <row r="17014" spans="1:3" ht="19.2">
      <c r="A17014" s="2"/>
      <c r="B17014" s="2"/>
      <c r="C17014" s="2"/>
    </row>
    <row r="17015" spans="1:3" ht="19.2">
      <c r="A17015" s="2"/>
      <c r="B17015" s="2"/>
      <c r="C17015" s="2"/>
    </row>
    <row r="17016" spans="1:3" ht="19.2">
      <c r="A17016" s="2"/>
      <c r="B17016" s="2"/>
      <c r="C17016" s="2"/>
    </row>
    <row r="17017" spans="1:3" ht="19.2">
      <c r="A17017" s="2"/>
      <c r="B17017" s="2"/>
      <c r="C17017" s="2"/>
    </row>
    <row r="17018" spans="1:3" ht="19.2">
      <c r="A17018" s="2"/>
      <c r="B17018" s="2"/>
      <c r="C17018" s="2"/>
    </row>
    <row r="17019" spans="1:3" ht="19.2">
      <c r="A17019" s="2"/>
      <c r="B17019" s="2"/>
      <c r="C17019" s="2"/>
    </row>
    <row r="17020" spans="1:3" ht="19.2">
      <c r="A17020" s="2"/>
      <c r="B17020" s="2"/>
      <c r="C17020" s="2"/>
    </row>
    <row r="17021" spans="1:3" ht="19.2">
      <c r="A17021" s="2"/>
      <c r="B17021" s="2"/>
      <c r="C17021" s="2"/>
    </row>
    <row r="17022" spans="1:3" ht="19.2">
      <c r="A17022" s="2"/>
      <c r="B17022" s="2"/>
      <c r="C17022" s="2"/>
    </row>
    <row r="17023" spans="1:3" ht="19.2">
      <c r="A17023" s="2"/>
      <c r="B17023" s="2"/>
      <c r="C17023" s="2"/>
    </row>
    <row r="17024" spans="1:3" ht="19.2">
      <c r="A17024" s="2"/>
      <c r="B17024" s="2"/>
      <c r="C17024" s="2"/>
    </row>
    <row r="17025" spans="1:3" ht="19.2">
      <c r="A17025" s="2"/>
      <c r="B17025" s="2"/>
      <c r="C17025" s="2"/>
    </row>
    <row r="17026" spans="1:3" ht="19.2">
      <c r="A17026" s="2"/>
      <c r="B17026" s="2"/>
      <c r="C17026" s="2"/>
    </row>
    <row r="17027" spans="1:3" ht="19.2">
      <c r="A17027" s="2"/>
      <c r="B17027" s="2"/>
      <c r="C17027" s="2"/>
    </row>
    <row r="17028" spans="1:3" ht="19.2">
      <c r="A17028" s="2"/>
      <c r="B17028" s="2"/>
      <c r="C17028" s="2"/>
    </row>
    <row r="17029" spans="1:3" ht="19.2">
      <c r="A17029" s="2"/>
      <c r="B17029" s="2"/>
      <c r="C17029" s="2"/>
    </row>
    <row r="17030" spans="1:3" ht="19.2">
      <c r="A17030" s="2"/>
      <c r="B17030" s="2"/>
      <c r="C17030" s="2"/>
    </row>
    <row r="17031" spans="1:3" ht="19.2">
      <c r="A17031" s="2"/>
      <c r="B17031" s="2"/>
      <c r="C17031" s="2"/>
    </row>
    <row r="17032" spans="1:3" ht="19.2">
      <c r="A17032" s="2"/>
      <c r="B17032" s="2"/>
      <c r="C17032" s="2"/>
    </row>
    <row r="17033" spans="1:3" ht="19.2">
      <c r="A17033" s="2"/>
      <c r="B17033" s="2"/>
      <c r="C17033" s="2"/>
    </row>
    <row r="17034" spans="1:3" ht="19.2">
      <c r="A17034" s="2"/>
      <c r="B17034" s="2"/>
      <c r="C17034" s="2"/>
    </row>
    <row r="17035" spans="1:3" ht="19.2">
      <c r="A17035" s="2"/>
      <c r="B17035" s="2"/>
      <c r="C17035" s="2"/>
    </row>
    <row r="17036" spans="1:3" ht="19.2">
      <c r="A17036" s="2"/>
      <c r="B17036" s="2"/>
      <c r="C17036" s="2"/>
    </row>
    <row r="17037" spans="1:3" ht="19.2">
      <c r="A17037" s="2"/>
      <c r="B17037" s="2"/>
      <c r="C17037" s="2"/>
    </row>
    <row r="17038" spans="1:3" ht="19.2">
      <c r="A17038" s="2"/>
      <c r="B17038" s="2"/>
      <c r="C17038" s="2"/>
    </row>
    <row r="17039" spans="1:3" ht="19.2">
      <c r="A17039" s="2"/>
      <c r="B17039" s="2"/>
      <c r="C17039" s="2"/>
    </row>
    <row r="17040" spans="1:3" ht="19.2">
      <c r="A17040" s="2"/>
      <c r="B17040" s="2"/>
      <c r="C17040" s="2"/>
    </row>
    <row r="17041" spans="1:3" ht="19.2">
      <c r="A17041" s="2"/>
      <c r="B17041" s="2"/>
      <c r="C17041" s="2"/>
    </row>
    <row r="17042" spans="1:3" ht="19.2">
      <c r="A17042" s="2"/>
      <c r="B17042" s="2"/>
      <c r="C17042" s="2"/>
    </row>
    <row r="17043" spans="1:3" ht="19.2">
      <c r="A17043" s="2"/>
      <c r="B17043" s="2"/>
      <c r="C17043" s="2"/>
    </row>
    <row r="17044" spans="1:3" ht="19.2">
      <c r="A17044" s="2"/>
      <c r="B17044" s="2"/>
      <c r="C17044" s="2"/>
    </row>
    <row r="17045" spans="1:3" ht="19.2">
      <c r="A17045" s="2"/>
      <c r="B17045" s="2"/>
      <c r="C17045" s="2"/>
    </row>
    <row r="17046" spans="1:3" ht="19.2">
      <c r="A17046" s="2"/>
      <c r="B17046" s="2"/>
      <c r="C17046" s="2"/>
    </row>
    <row r="17047" spans="1:3" ht="19.2">
      <c r="A17047" s="2"/>
      <c r="B17047" s="2"/>
      <c r="C17047" s="2"/>
    </row>
    <row r="17048" spans="1:3" ht="19.2">
      <c r="A17048" s="2"/>
      <c r="B17048" s="2"/>
      <c r="C17048" s="2"/>
    </row>
    <row r="17049" spans="1:3" ht="19.2">
      <c r="A17049" s="2"/>
      <c r="B17049" s="2"/>
      <c r="C17049" s="2"/>
    </row>
    <row r="17050" spans="1:3" ht="19.2">
      <c r="A17050" s="2"/>
      <c r="B17050" s="2"/>
      <c r="C17050" s="2"/>
    </row>
    <row r="17051" spans="1:3" ht="19.2">
      <c r="A17051" s="2"/>
      <c r="B17051" s="2"/>
      <c r="C17051" s="2"/>
    </row>
    <row r="17052" spans="1:3" ht="19.2">
      <c r="A17052" s="2"/>
      <c r="B17052" s="2"/>
      <c r="C17052" s="2"/>
    </row>
    <row r="17053" spans="1:3" ht="19.2">
      <c r="A17053" s="2"/>
      <c r="B17053" s="2"/>
      <c r="C17053" s="2"/>
    </row>
    <row r="17054" spans="1:3" ht="19.2">
      <c r="A17054" s="2"/>
      <c r="B17054" s="2"/>
      <c r="C17054" s="2"/>
    </row>
    <row r="17055" spans="1:3" ht="19.2">
      <c r="A17055" s="2"/>
      <c r="B17055" s="2"/>
      <c r="C17055" s="2"/>
    </row>
    <row r="17056" spans="1:3" ht="19.2">
      <c r="A17056" s="2"/>
      <c r="B17056" s="2"/>
      <c r="C17056" s="2"/>
    </row>
    <row r="17057" spans="1:3" ht="19.2">
      <c r="A17057" s="2"/>
      <c r="B17057" s="2"/>
      <c r="C17057" s="2"/>
    </row>
    <row r="17058" spans="1:3" ht="19.2">
      <c r="A17058" s="2"/>
      <c r="B17058" s="2"/>
      <c r="C17058" s="2"/>
    </row>
    <row r="17059" spans="1:3" ht="19.2">
      <c r="A17059" s="2"/>
      <c r="B17059" s="2"/>
      <c r="C17059" s="2"/>
    </row>
    <row r="17060" spans="1:3" ht="19.2">
      <c r="A17060" s="2"/>
      <c r="B17060" s="2"/>
      <c r="C17060" s="2"/>
    </row>
    <row r="17061" spans="1:3" ht="19.2">
      <c r="A17061" s="2"/>
      <c r="B17061" s="2"/>
      <c r="C17061" s="2"/>
    </row>
    <row r="17062" spans="1:3" ht="19.2">
      <c r="A17062" s="2"/>
      <c r="B17062" s="2"/>
      <c r="C17062" s="2"/>
    </row>
    <row r="17063" spans="1:3" ht="19.2">
      <c r="A17063" s="2"/>
      <c r="B17063" s="2"/>
      <c r="C17063" s="2"/>
    </row>
    <row r="17064" spans="1:3" ht="19.2">
      <c r="A17064" s="2"/>
      <c r="B17064" s="2"/>
      <c r="C17064" s="2"/>
    </row>
    <row r="17065" spans="1:3" ht="19.2">
      <c r="A17065" s="2"/>
      <c r="B17065" s="2"/>
      <c r="C17065" s="2"/>
    </row>
    <row r="17066" spans="1:3" ht="19.2">
      <c r="A17066" s="2"/>
      <c r="B17066" s="2"/>
      <c r="C17066" s="2"/>
    </row>
    <row r="17067" spans="1:3" ht="19.2">
      <c r="A17067" s="2"/>
      <c r="B17067" s="2"/>
      <c r="C17067" s="2"/>
    </row>
    <row r="17068" spans="1:3" ht="19.2">
      <c r="A17068" s="2"/>
      <c r="B17068" s="2"/>
      <c r="C17068" s="2"/>
    </row>
    <row r="17069" spans="1:3" ht="19.2">
      <c r="A17069" s="2"/>
      <c r="B17069" s="2"/>
      <c r="C17069" s="2"/>
    </row>
    <row r="17070" spans="1:3" ht="19.2">
      <c r="A17070" s="2"/>
      <c r="B17070" s="2"/>
      <c r="C17070" s="2"/>
    </row>
    <row r="17071" spans="1:3" ht="19.2">
      <c r="A17071" s="2"/>
      <c r="B17071" s="2"/>
      <c r="C17071" s="2"/>
    </row>
    <row r="17072" spans="1:3" ht="19.2">
      <c r="A17072" s="2"/>
      <c r="B17072" s="2"/>
      <c r="C17072" s="2"/>
    </row>
    <row r="17073" spans="1:3" ht="19.2">
      <c r="A17073" s="2"/>
      <c r="B17073" s="2"/>
      <c r="C17073" s="2"/>
    </row>
    <row r="17074" spans="1:3" ht="19.2">
      <c r="A17074" s="2"/>
      <c r="B17074" s="2"/>
      <c r="C17074" s="2"/>
    </row>
    <row r="17075" spans="1:3" ht="19.2">
      <c r="A17075" s="2"/>
      <c r="B17075" s="2"/>
      <c r="C17075" s="2"/>
    </row>
    <row r="17076" spans="1:3" ht="19.2">
      <c r="A17076" s="2"/>
      <c r="B17076" s="2"/>
      <c r="C17076" s="2"/>
    </row>
    <row r="17077" spans="1:3" ht="19.2">
      <c r="A17077" s="2"/>
      <c r="B17077" s="2"/>
      <c r="C17077" s="2"/>
    </row>
    <row r="17078" spans="1:3" ht="19.2">
      <c r="A17078" s="2"/>
      <c r="B17078" s="2"/>
      <c r="C17078" s="2"/>
    </row>
    <row r="17079" spans="1:3" ht="19.2">
      <c r="A17079" s="2"/>
      <c r="B17079" s="2"/>
      <c r="C17079" s="2"/>
    </row>
    <row r="17080" spans="1:3" ht="19.2">
      <c r="A17080" s="2"/>
      <c r="B17080" s="2"/>
      <c r="C17080" s="2"/>
    </row>
    <row r="17081" spans="1:3" ht="19.2">
      <c r="A17081" s="2"/>
      <c r="B17081" s="2"/>
      <c r="C17081" s="2"/>
    </row>
    <row r="17082" spans="1:3" ht="19.2">
      <c r="A17082" s="2"/>
      <c r="B17082" s="2"/>
      <c r="C17082" s="2"/>
    </row>
    <row r="17083" spans="1:3" ht="19.2">
      <c r="A17083" s="2"/>
      <c r="B17083" s="2"/>
      <c r="C17083" s="2"/>
    </row>
    <row r="17084" spans="1:3" ht="19.2">
      <c r="A17084" s="2"/>
      <c r="B17084" s="2"/>
      <c r="C17084" s="2"/>
    </row>
    <row r="17085" spans="1:3" ht="19.2">
      <c r="A17085" s="2"/>
      <c r="B17085" s="2"/>
      <c r="C17085" s="2"/>
    </row>
    <row r="17086" spans="1:3" ht="19.2">
      <c r="A17086" s="2"/>
      <c r="B17086" s="2"/>
      <c r="C17086" s="2"/>
    </row>
    <row r="17087" spans="1:3" ht="19.2">
      <c r="A17087" s="2"/>
      <c r="B17087" s="2"/>
      <c r="C17087" s="2"/>
    </row>
    <row r="17088" spans="1:3" ht="19.2">
      <c r="A17088" s="2"/>
      <c r="B17088" s="2"/>
      <c r="C17088" s="2"/>
    </row>
    <row r="17089" spans="1:3" ht="19.2">
      <c r="A17089" s="2"/>
      <c r="B17089" s="2"/>
      <c r="C17089" s="2"/>
    </row>
    <row r="17090" spans="1:3" ht="19.2">
      <c r="A17090" s="2"/>
      <c r="B17090" s="2"/>
      <c r="C17090" s="2"/>
    </row>
    <row r="17091" spans="1:3" ht="19.2">
      <c r="A17091" s="2"/>
      <c r="B17091" s="2"/>
      <c r="C17091" s="2"/>
    </row>
    <row r="17092" spans="1:3" ht="19.2">
      <c r="A17092" s="2"/>
      <c r="B17092" s="2"/>
      <c r="C17092" s="2"/>
    </row>
    <row r="17093" spans="1:3" ht="19.2">
      <c r="A17093" s="2"/>
      <c r="B17093" s="2"/>
      <c r="C17093" s="2"/>
    </row>
    <row r="17094" spans="1:3" ht="19.2">
      <c r="A17094" s="2"/>
      <c r="B17094" s="2"/>
      <c r="C17094" s="2"/>
    </row>
    <row r="17095" spans="1:3" ht="19.2">
      <c r="A17095" s="2"/>
      <c r="B17095" s="2"/>
      <c r="C17095" s="2"/>
    </row>
    <row r="17096" spans="1:3" ht="19.2">
      <c r="A17096" s="2"/>
      <c r="B17096" s="2"/>
      <c r="C17096" s="2"/>
    </row>
    <row r="17097" spans="1:3" ht="19.2">
      <c r="A17097" s="2"/>
      <c r="B17097" s="2"/>
      <c r="C17097" s="2"/>
    </row>
    <row r="17098" spans="1:3" ht="19.2">
      <c r="A17098" s="2"/>
      <c r="B17098" s="2"/>
      <c r="C17098" s="2"/>
    </row>
    <row r="17099" spans="1:3" ht="19.2">
      <c r="A17099" s="2"/>
      <c r="B17099" s="2"/>
      <c r="C17099" s="2"/>
    </row>
    <row r="17100" spans="1:3" ht="19.2">
      <c r="A17100" s="2"/>
      <c r="B17100" s="2"/>
      <c r="C17100" s="2"/>
    </row>
    <row r="17101" spans="1:3" ht="19.2">
      <c r="A17101" s="2"/>
      <c r="B17101" s="2"/>
      <c r="C17101" s="2"/>
    </row>
    <row r="17102" spans="1:3" ht="19.2">
      <c r="A17102" s="2"/>
      <c r="B17102" s="2"/>
      <c r="C17102" s="2"/>
    </row>
    <row r="17103" spans="1:3" ht="19.2">
      <c r="A17103" s="2"/>
      <c r="B17103" s="2"/>
      <c r="C17103" s="2"/>
    </row>
    <row r="17104" spans="1:3" ht="19.2">
      <c r="A17104" s="2"/>
      <c r="B17104" s="2"/>
      <c r="C17104" s="2"/>
    </row>
    <row r="17105" spans="1:3" ht="19.2">
      <c r="A17105" s="2"/>
      <c r="B17105" s="2"/>
      <c r="C17105" s="2"/>
    </row>
    <row r="17106" spans="1:3" ht="19.2">
      <c r="A17106" s="2"/>
      <c r="B17106" s="2"/>
      <c r="C17106" s="2"/>
    </row>
    <row r="17107" spans="1:3" ht="19.2">
      <c r="A17107" s="2"/>
      <c r="B17107" s="2"/>
      <c r="C17107" s="2"/>
    </row>
    <row r="17108" spans="1:3" ht="19.2">
      <c r="A17108" s="2"/>
      <c r="B17108" s="2"/>
      <c r="C17108" s="2"/>
    </row>
    <row r="17109" spans="1:3" ht="19.2">
      <c r="A17109" s="2"/>
      <c r="B17109" s="2"/>
      <c r="C17109" s="2"/>
    </row>
    <row r="17110" spans="1:3" ht="19.2">
      <c r="A17110" s="2"/>
      <c r="B17110" s="2"/>
      <c r="C17110" s="2"/>
    </row>
    <row r="17111" spans="1:3" ht="19.2">
      <c r="A17111" s="2"/>
      <c r="B17111" s="2"/>
      <c r="C17111" s="2"/>
    </row>
    <row r="17112" spans="1:3" ht="19.2">
      <c r="A17112" s="2"/>
      <c r="B17112" s="2"/>
      <c r="C17112" s="2"/>
    </row>
    <row r="17113" spans="1:3" ht="19.2">
      <c r="A17113" s="2"/>
      <c r="B17113" s="2"/>
      <c r="C17113" s="2"/>
    </row>
    <row r="17114" spans="1:3" ht="19.2">
      <c r="A17114" s="2"/>
      <c r="B17114" s="2"/>
      <c r="C17114" s="2"/>
    </row>
    <row r="17115" spans="1:3" ht="19.2">
      <c r="A17115" s="2"/>
      <c r="B17115" s="2"/>
      <c r="C17115" s="2"/>
    </row>
    <row r="17116" spans="1:3" ht="19.2">
      <c r="A17116" s="2"/>
      <c r="B17116" s="2"/>
      <c r="C17116" s="2"/>
    </row>
    <row r="17117" spans="1:3" ht="19.2">
      <c r="A17117" s="2"/>
      <c r="B17117" s="2"/>
      <c r="C17117" s="2"/>
    </row>
    <row r="17118" spans="1:3" ht="19.2">
      <c r="A17118" s="2"/>
      <c r="B17118" s="2"/>
      <c r="C17118" s="2"/>
    </row>
    <row r="17119" spans="1:3" ht="19.2">
      <c r="A17119" s="2"/>
      <c r="B17119" s="2"/>
      <c r="C17119" s="2"/>
    </row>
    <row r="17120" spans="1:3" ht="19.2">
      <c r="A17120" s="2"/>
      <c r="B17120" s="2"/>
      <c r="C17120" s="2"/>
    </row>
    <row r="17121" spans="1:3" ht="19.2">
      <c r="A17121" s="2"/>
      <c r="B17121" s="2"/>
      <c r="C17121" s="2"/>
    </row>
    <row r="17122" spans="1:3" ht="19.2">
      <c r="A17122" s="2"/>
      <c r="B17122" s="2"/>
      <c r="C17122" s="2"/>
    </row>
    <row r="17123" spans="1:3" ht="19.2">
      <c r="A17123" s="2"/>
      <c r="B17123" s="2"/>
      <c r="C17123" s="2"/>
    </row>
    <row r="17124" spans="1:3" ht="19.2">
      <c r="A17124" s="2"/>
      <c r="B17124" s="2"/>
      <c r="C17124" s="2"/>
    </row>
    <row r="17125" spans="1:3" ht="19.2">
      <c r="A17125" s="2"/>
      <c r="B17125" s="2"/>
      <c r="C17125" s="2"/>
    </row>
    <row r="17126" spans="1:3" ht="19.2">
      <c r="A17126" s="2"/>
      <c r="B17126" s="2"/>
      <c r="C17126" s="2"/>
    </row>
    <row r="17127" spans="1:3" ht="19.2">
      <c r="A17127" s="2"/>
      <c r="B17127" s="2"/>
      <c r="C17127" s="2"/>
    </row>
    <row r="17128" spans="1:3" ht="19.2">
      <c r="A17128" s="2"/>
      <c r="B17128" s="2"/>
      <c r="C17128" s="2"/>
    </row>
    <row r="17129" spans="1:3" ht="19.2">
      <c r="A17129" s="2"/>
      <c r="B17129" s="2"/>
      <c r="C17129" s="2"/>
    </row>
    <row r="17130" spans="1:3" ht="19.2">
      <c r="A17130" s="2"/>
      <c r="B17130" s="2"/>
      <c r="C17130" s="2"/>
    </row>
    <row r="17131" spans="1:3" ht="19.2">
      <c r="A17131" s="2"/>
      <c r="B17131" s="2"/>
      <c r="C17131" s="2"/>
    </row>
    <row r="17132" spans="1:3" ht="19.2">
      <c r="A17132" s="2"/>
      <c r="B17132" s="2"/>
      <c r="C17132" s="2"/>
    </row>
    <row r="17133" spans="1:3" ht="19.2">
      <c r="A17133" s="2"/>
      <c r="B17133" s="2"/>
      <c r="C17133" s="2"/>
    </row>
    <row r="17134" spans="1:3" ht="19.2">
      <c r="A17134" s="2"/>
      <c r="B17134" s="2"/>
      <c r="C17134" s="2"/>
    </row>
    <row r="17135" spans="1:3" ht="19.2">
      <c r="A17135" s="2"/>
      <c r="B17135" s="2"/>
      <c r="C17135" s="2"/>
    </row>
    <row r="17136" spans="1:3" ht="19.2">
      <c r="A17136" s="2"/>
      <c r="B17136" s="2"/>
      <c r="C17136" s="2"/>
    </row>
    <row r="17137" spans="1:3" ht="19.2">
      <c r="A17137" s="2"/>
      <c r="B17137" s="2"/>
      <c r="C17137" s="2"/>
    </row>
    <row r="17138" spans="1:3" ht="19.2">
      <c r="A17138" s="2"/>
      <c r="B17138" s="2"/>
      <c r="C17138" s="2"/>
    </row>
    <row r="17139" spans="1:3" ht="19.2">
      <c r="A17139" s="2"/>
      <c r="B17139" s="2"/>
      <c r="C17139" s="2"/>
    </row>
    <row r="17140" spans="1:3" ht="19.2">
      <c r="A17140" s="2"/>
      <c r="B17140" s="2"/>
      <c r="C17140" s="2"/>
    </row>
    <row r="17141" spans="1:3" ht="19.2">
      <c r="A17141" s="2"/>
      <c r="B17141" s="2"/>
      <c r="C17141" s="2"/>
    </row>
    <row r="17142" spans="1:3" ht="19.2">
      <c r="A17142" s="2"/>
      <c r="B17142" s="2"/>
      <c r="C17142" s="2"/>
    </row>
    <row r="17143" spans="1:3" ht="19.2">
      <c r="A17143" s="2"/>
      <c r="B17143" s="2"/>
      <c r="C17143" s="2"/>
    </row>
    <row r="17144" spans="1:3" ht="19.2">
      <c r="A17144" s="2"/>
      <c r="B17144" s="2"/>
      <c r="C17144" s="2"/>
    </row>
    <row r="17145" spans="1:3" ht="19.2">
      <c r="A17145" s="2"/>
      <c r="B17145" s="2"/>
      <c r="C17145" s="2"/>
    </row>
    <row r="17146" spans="1:3" ht="19.2">
      <c r="A17146" s="2"/>
      <c r="B17146" s="2"/>
      <c r="C17146" s="2"/>
    </row>
    <row r="17147" spans="1:3" ht="19.2">
      <c r="A17147" s="2"/>
      <c r="B17147" s="2"/>
      <c r="C17147" s="2"/>
    </row>
    <row r="17148" spans="1:3" ht="19.2">
      <c r="A17148" s="2"/>
      <c r="B17148" s="2"/>
      <c r="C17148" s="2"/>
    </row>
    <row r="17149" spans="1:3" ht="19.2">
      <c r="A17149" s="2"/>
      <c r="B17149" s="2"/>
      <c r="C17149" s="2"/>
    </row>
    <row r="17150" spans="1:3" ht="19.2">
      <c r="A17150" s="2"/>
      <c r="B17150" s="2"/>
      <c r="C17150" s="2"/>
    </row>
    <row r="17151" spans="1:3" ht="19.2">
      <c r="A17151" s="2"/>
      <c r="B17151" s="2"/>
      <c r="C17151" s="2"/>
    </row>
    <row r="17152" spans="1:3" ht="19.2">
      <c r="A17152" s="2"/>
      <c r="B17152" s="2"/>
      <c r="C17152" s="2"/>
    </row>
    <row r="17153" spans="1:3" ht="19.2">
      <c r="A17153" s="2"/>
      <c r="B17153" s="2"/>
      <c r="C17153" s="2"/>
    </row>
    <row r="17154" spans="1:3" ht="19.2">
      <c r="A17154" s="2"/>
      <c r="B17154" s="2"/>
      <c r="C17154" s="2"/>
    </row>
    <row r="17155" spans="1:3" ht="19.2">
      <c r="A17155" s="2"/>
      <c r="B17155" s="2"/>
      <c r="C17155" s="2"/>
    </row>
    <row r="17156" spans="1:3" ht="19.2">
      <c r="A17156" s="2"/>
      <c r="B17156" s="2"/>
      <c r="C17156" s="2"/>
    </row>
    <row r="17157" spans="1:3" ht="19.2">
      <c r="A17157" s="2"/>
      <c r="B17157" s="2"/>
      <c r="C17157" s="2"/>
    </row>
    <row r="17158" spans="1:3" ht="19.2">
      <c r="A17158" s="2"/>
      <c r="B17158" s="2"/>
      <c r="C17158" s="2"/>
    </row>
    <row r="17159" spans="1:3" ht="19.2">
      <c r="A17159" s="2"/>
      <c r="B17159" s="2"/>
      <c r="C17159" s="2"/>
    </row>
    <row r="17160" spans="1:3" ht="19.2">
      <c r="A17160" s="2"/>
      <c r="B17160" s="2"/>
      <c r="C17160" s="2"/>
    </row>
    <row r="17161" spans="1:3" ht="19.2">
      <c r="A17161" s="2"/>
      <c r="B17161" s="2"/>
      <c r="C17161" s="2"/>
    </row>
    <row r="17162" spans="1:3" ht="19.2">
      <c r="A17162" s="2"/>
      <c r="B17162" s="2"/>
      <c r="C17162" s="2"/>
    </row>
    <row r="17163" spans="1:3" ht="19.2">
      <c r="A17163" s="2"/>
      <c r="B17163" s="2"/>
      <c r="C17163" s="2"/>
    </row>
    <row r="17164" spans="1:3" ht="19.2">
      <c r="A17164" s="2"/>
      <c r="B17164" s="2"/>
      <c r="C17164" s="2"/>
    </row>
    <row r="17165" spans="1:3" ht="19.2">
      <c r="A17165" s="2"/>
      <c r="B17165" s="2"/>
      <c r="C17165" s="2"/>
    </row>
    <row r="17166" spans="1:3" ht="19.2">
      <c r="A17166" s="2"/>
      <c r="B17166" s="2"/>
      <c r="C17166" s="2"/>
    </row>
    <row r="17167" spans="1:3" ht="19.2">
      <c r="A17167" s="2"/>
      <c r="B17167" s="2"/>
      <c r="C17167" s="2"/>
    </row>
    <row r="17168" spans="1:3" ht="19.2">
      <c r="A17168" s="2"/>
      <c r="B17168" s="2"/>
      <c r="C17168" s="2"/>
    </row>
    <row r="17169" spans="1:3" ht="19.2">
      <c r="A17169" s="2"/>
      <c r="B17169" s="2"/>
      <c r="C17169" s="2"/>
    </row>
    <row r="17170" spans="1:3" ht="19.2">
      <c r="A17170" s="2"/>
      <c r="B17170" s="2"/>
      <c r="C17170" s="2"/>
    </row>
    <row r="17171" spans="1:3" ht="19.2">
      <c r="A17171" s="2"/>
      <c r="B17171" s="2"/>
      <c r="C17171" s="2"/>
    </row>
    <row r="17172" spans="1:3" ht="19.2">
      <c r="A17172" s="2"/>
      <c r="B17172" s="2"/>
      <c r="C17172" s="2"/>
    </row>
    <row r="17173" spans="1:3" ht="19.2">
      <c r="A17173" s="2"/>
      <c r="B17173" s="2"/>
      <c r="C17173" s="2"/>
    </row>
    <row r="17174" spans="1:3" ht="19.2">
      <c r="A17174" s="2"/>
      <c r="B17174" s="2"/>
      <c r="C17174" s="2"/>
    </row>
    <row r="17175" spans="1:3" ht="19.2">
      <c r="A17175" s="2"/>
      <c r="B17175" s="2"/>
      <c r="C17175" s="2"/>
    </row>
    <row r="17176" spans="1:3" ht="19.2">
      <c r="A17176" s="2"/>
      <c r="B17176" s="2"/>
      <c r="C17176" s="2"/>
    </row>
    <row r="17177" spans="1:3" ht="19.2">
      <c r="A17177" s="2"/>
      <c r="B17177" s="2"/>
      <c r="C17177" s="2"/>
    </row>
    <row r="17178" spans="1:3" ht="19.2">
      <c r="A17178" s="2"/>
      <c r="B17178" s="2"/>
      <c r="C17178" s="2"/>
    </row>
    <row r="17179" spans="1:3" ht="19.2">
      <c r="A17179" s="2"/>
      <c r="B17179" s="2"/>
      <c r="C17179" s="2"/>
    </row>
    <row r="17180" spans="1:3" ht="19.2">
      <c r="A17180" s="2"/>
      <c r="B17180" s="2"/>
      <c r="C17180" s="2"/>
    </row>
    <row r="17181" spans="1:3" ht="19.2">
      <c r="A17181" s="2"/>
      <c r="B17181" s="2"/>
      <c r="C17181" s="2"/>
    </row>
    <row r="17182" spans="1:3" ht="19.2">
      <c r="A17182" s="2"/>
      <c r="B17182" s="2"/>
      <c r="C17182" s="2"/>
    </row>
    <row r="17183" spans="1:3" ht="19.2">
      <c r="A17183" s="2"/>
      <c r="B17183" s="2"/>
      <c r="C17183" s="2"/>
    </row>
    <row r="17184" spans="1:3" ht="19.2">
      <c r="A17184" s="2"/>
      <c r="B17184" s="2"/>
      <c r="C17184" s="2"/>
    </row>
    <row r="17185" spans="1:3" ht="19.2">
      <c r="A17185" s="2"/>
      <c r="B17185" s="2"/>
      <c r="C17185" s="2"/>
    </row>
    <row r="17186" spans="1:3" ht="19.2">
      <c r="A17186" s="2"/>
      <c r="B17186" s="2"/>
      <c r="C17186" s="2"/>
    </row>
    <row r="17187" spans="1:3" ht="19.2">
      <c r="A17187" s="2"/>
      <c r="B17187" s="2"/>
      <c r="C17187" s="2"/>
    </row>
    <row r="17188" spans="1:3" ht="19.2">
      <c r="A17188" s="2"/>
      <c r="B17188" s="2"/>
      <c r="C17188" s="2"/>
    </row>
    <row r="17189" spans="1:3" ht="19.2">
      <c r="A17189" s="2"/>
      <c r="B17189" s="2"/>
      <c r="C17189" s="2"/>
    </row>
    <row r="17190" spans="1:3" ht="19.2">
      <c r="A17190" s="2"/>
      <c r="B17190" s="2"/>
      <c r="C17190" s="2"/>
    </row>
    <row r="17191" spans="1:3" ht="19.2">
      <c r="A17191" s="2"/>
      <c r="B17191" s="2"/>
      <c r="C17191" s="2"/>
    </row>
    <row r="17192" spans="1:3" ht="19.2">
      <c r="A17192" s="2"/>
      <c r="B17192" s="2"/>
      <c r="C17192" s="2"/>
    </row>
    <row r="17193" spans="1:3" ht="19.2">
      <c r="A17193" s="2"/>
      <c r="B17193" s="2"/>
      <c r="C17193" s="2"/>
    </row>
    <row r="17194" spans="1:3" ht="19.2">
      <c r="A17194" s="2"/>
      <c r="B17194" s="2"/>
      <c r="C17194" s="2"/>
    </row>
    <row r="17195" spans="1:3" ht="19.2">
      <c r="A17195" s="2"/>
      <c r="B17195" s="2"/>
      <c r="C17195" s="2"/>
    </row>
    <row r="17196" spans="1:3" ht="19.2">
      <c r="A17196" s="2"/>
      <c r="B17196" s="2"/>
      <c r="C17196" s="2"/>
    </row>
    <row r="17197" spans="1:3" ht="19.2">
      <c r="A17197" s="2"/>
      <c r="B17197" s="2"/>
      <c r="C17197" s="2"/>
    </row>
    <row r="17198" spans="1:3" ht="19.2">
      <c r="A17198" s="2"/>
      <c r="B17198" s="2"/>
      <c r="C17198" s="2"/>
    </row>
    <row r="17199" spans="1:3" ht="19.2">
      <c r="A17199" s="2"/>
      <c r="B17199" s="2"/>
      <c r="C17199" s="2"/>
    </row>
    <row r="17200" spans="1:3" ht="19.2">
      <c r="A17200" s="2"/>
      <c r="B17200" s="2"/>
      <c r="C17200" s="2"/>
    </row>
    <row r="17201" spans="1:3" ht="19.2">
      <c r="A17201" s="2"/>
      <c r="B17201" s="2"/>
      <c r="C17201" s="2"/>
    </row>
    <row r="17202" spans="1:3" ht="19.2">
      <c r="A17202" s="2"/>
      <c r="B17202" s="2"/>
      <c r="C17202" s="2"/>
    </row>
    <row r="17203" spans="1:3" ht="19.2">
      <c r="A17203" s="2"/>
      <c r="B17203" s="2"/>
      <c r="C17203" s="2"/>
    </row>
    <row r="17204" spans="1:3" ht="19.2">
      <c r="A17204" s="2"/>
      <c r="B17204" s="2"/>
      <c r="C17204" s="2"/>
    </row>
    <row r="17205" spans="1:3" ht="19.2">
      <c r="A17205" s="2"/>
      <c r="B17205" s="2"/>
      <c r="C17205" s="2"/>
    </row>
    <row r="17206" spans="1:3" ht="19.2">
      <c r="A17206" s="2"/>
      <c r="B17206" s="2"/>
      <c r="C17206" s="2"/>
    </row>
    <row r="17207" spans="1:3" ht="19.2">
      <c r="A17207" s="2"/>
      <c r="B17207" s="2"/>
      <c r="C17207" s="2"/>
    </row>
    <row r="17208" spans="1:3" ht="19.2">
      <c r="A17208" s="2"/>
      <c r="B17208" s="2"/>
      <c r="C17208" s="2"/>
    </row>
    <row r="17209" spans="1:3" ht="19.2">
      <c r="A17209" s="2"/>
      <c r="B17209" s="2"/>
      <c r="C17209" s="2"/>
    </row>
    <row r="17210" spans="1:3" ht="19.2">
      <c r="A17210" s="2"/>
      <c r="B17210" s="2"/>
      <c r="C17210" s="2"/>
    </row>
    <row r="17211" spans="1:3" ht="19.2">
      <c r="A17211" s="2"/>
      <c r="B17211" s="2"/>
      <c r="C17211" s="2"/>
    </row>
    <row r="17212" spans="1:3" ht="19.2">
      <c r="A17212" s="2"/>
      <c r="B17212" s="2"/>
      <c r="C17212" s="2"/>
    </row>
    <row r="17213" spans="1:3" ht="19.2">
      <c r="A17213" s="2"/>
      <c r="B17213" s="2"/>
      <c r="C17213" s="2"/>
    </row>
    <row r="17214" spans="1:3" ht="19.2">
      <c r="A17214" s="2"/>
      <c r="B17214" s="2"/>
      <c r="C17214" s="2"/>
    </row>
    <row r="17215" spans="1:3" ht="19.2">
      <c r="A17215" s="2"/>
      <c r="B17215" s="2"/>
      <c r="C17215" s="2"/>
    </row>
    <row r="17216" spans="1:3" ht="19.2">
      <c r="A17216" s="2"/>
      <c r="B17216" s="2"/>
      <c r="C17216" s="2"/>
    </row>
    <row r="17217" spans="1:3" ht="19.2">
      <c r="A17217" s="2"/>
      <c r="B17217" s="2"/>
      <c r="C17217" s="2"/>
    </row>
    <row r="17218" spans="1:3" ht="19.2">
      <c r="A17218" s="2"/>
      <c r="B17218" s="2"/>
      <c r="C17218" s="2"/>
    </row>
    <row r="17219" spans="1:3" ht="19.2">
      <c r="A17219" s="2"/>
      <c r="B17219" s="2"/>
      <c r="C17219" s="2"/>
    </row>
    <row r="17220" spans="1:3" ht="19.2">
      <c r="A17220" s="2"/>
      <c r="B17220" s="2"/>
      <c r="C17220" s="2"/>
    </row>
    <row r="17221" spans="1:3" ht="19.2">
      <c r="A17221" s="2"/>
      <c r="B17221" s="2"/>
      <c r="C17221" s="2"/>
    </row>
    <row r="17222" spans="1:3" ht="19.2">
      <c r="A17222" s="2"/>
      <c r="B17222" s="2"/>
      <c r="C17222" s="2"/>
    </row>
    <row r="17223" spans="1:3" ht="19.2">
      <c r="A17223" s="2"/>
      <c r="B17223" s="2"/>
      <c r="C17223" s="2"/>
    </row>
    <row r="17224" spans="1:3" ht="19.2">
      <c r="A17224" s="2"/>
      <c r="B17224" s="2"/>
      <c r="C17224" s="2"/>
    </row>
    <row r="17225" spans="1:3" ht="19.2">
      <c r="A17225" s="2"/>
      <c r="B17225" s="2"/>
      <c r="C17225" s="2"/>
    </row>
    <row r="17226" spans="1:3" ht="19.2">
      <c r="A17226" s="2"/>
      <c r="B17226" s="2"/>
      <c r="C17226" s="2"/>
    </row>
    <row r="17227" spans="1:3" ht="19.2">
      <c r="A17227" s="2"/>
      <c r="B17227" s="2"/>
      <c r="C17227" s="2"/>
    </row>
    <row r="17228" spans="1:3" ht="19.2">
      <c r="A17228" s="2"/>
      <c r="B17228" s="2"/>
      <c r="C17228" s="2"/>
    </row>
    <row r="17229" spans="1:3" ht="19.2">
      <c r="A17229" s="2"/>
      <c r="B17229" s="2"/>
      <c r="C17229" s="2"/>
    </row>
    <row r="17230" spans="1:3" ht="19.2">
      <c r="A17230" s="2"/>
      <c r="B17230" s="2"/>
      <c r="C17230" s="2"/>
    </row>
    <row r="17231" spans="1:3" ht="19.2">
      <c r="A17231" s="2"/>
      <c r="B17231" s="2"/>
      <c r="C17231" s="2"/>
    </row>
    <row r="17232" spans="1:3" ht="19.2">
      <c r="A17232" s="2"/>
      <c r="B17232" s="2"/>
      <c r="C17232" s="2"/>
    </row>
    <row r="17233" spans="1:3" ht="19.2">
      <c r="A17233" s="2"/>
      <c r="B17233" s="2"/>
      <c r="C17233" s="2"/>
    </row>
    <row r="17234" spans="1:3" ht="19.2">
      <c r="A17234" s="2"/>
      <c r="B17234" s="2"/>
      <c r="C17234" s="2"/>
    </row>
    <row r="17235" spans="1:3" ht="19.2">
      <c r="A17235" s="2"/>
      <c r="B17235" s="2"/>
      <c r="C17235" s="2"/>
    </row>
    <row r="17236" spans="1:3" ht="19.2">
      <c r="A17236" s="2"/>
      <c r="B17236" s="2"/>
      <c r="C17236" s="2"/>
    </row>
    <row r="17237" spans="1:3" ht="19.2">
      <c r="A17237" s="2"/>
      <c r="B17237" s="2"/>
      <c r="C17237" s="2"/>
    </row>
    <row r="17238" spans="1:3" ht="19.2">
      <c r="A17238" s="2"/>
      <c r="B17238" s="2"/>
      <c r="C17238" s="2"/>
    </row>
    <row r="17239" spans="1:3" ht="19.2">
      <c r="A17239" s="2"/>
      <c r="B17239" s="2"/>
      <c r="C17239" s="2"/>
    </row>
    <row r="17240" spans="1:3" ht="19.2">
      <c r="A17240" s="2"/>
      <c r="B17240" s="2"/>
      <c r="C17240" s="2"/>
    </row>
    <row r="17241" spans="1:3" ht="19.2">
      <c r="A17241" s="2"/>
      <c r="B17241" s="2"/>
      <c r="C17241" s="2"/>
    </row>
    <row r="17242" spans="1:3" ht="19.2">
      <c r="A17242" s="2"/>
      <c r="B17242" s="2"/>
      <c r="C17242" s="2"/>
    </row>
    <row r="17243" spans="1:3" ht="19.2">
      <c r="A17243" s="2"/>
      <c r="B17243" s="2"/>
      <c r="C17243" s="2"/>
    </row>
    <row r="17244" spans="1:3" ht="19.2">
      <c r="A17244" s="2"/>
      <c r="B17244" s="2"/>
      <c r="C17244" s="2"/>
    </row>
    <row r="17245" spans="1:3" ht="19.2">
      <c r="A17245" s="2"/>
      <c r="B17245" s="2"/>
      <c r="C17245" s="2"/>
    </row>
    <row r="17246" spans="1:3" ht="19.2">
      <c r="A17246" s="2"/>
      <c r="B17246" s="2"/>
      <c r="C17246" s="2"/>
    </row>
    <row r="17247" spans="1:3" ht="19.2">
      <c r="A17247" s="2"/>
      <c r="B17247" s="2"/>
      <c r="C17247" s="2"/>
    </row>
    <row r="17248" spans="1:3" ht="19.2">
      <c r="A17248" s="2"/>
      <c r="B17248" s="2"/>
      <c r="C17248" s="2"/>
    </row>
    <row r="17249" spans="1:3" ht="19.2">
      <c r="A17249" s="2"/>
      <c r="B17249" s="2"/>
      <c r="C17249" s="2"/>
    </row>
    <row r="17250" spans="1:3" ht="19.2">
      <c r="A17250" s="2"/>
      <c r="B17250" s="2"/>
      <c r="C17250" s="2"/>
    </row>
    <row r="17251" spans="1:3" ht="19.2">
      <c r="A17251" s="2"/>
      <c r="B17251" s="2"/>
      <c r="C17251" s="2"/>
    </row>
    <row r="17252" spans="1:3" ht="19.2">
      <c r="A17252" s="2"/>
      <c r="B17252" s="2"/>
      <c r="C17252" s="2"/>
    </row>
    <row r="17253" spans="1:3" ht="19.2">
      <c r="A17253" s="2"/>
      <c r="B17253" s="2"/>
      <c r="C17253" s="2"/>
    </row>
    <row r="17254" spans="1:3" ht="19.2">
      <c r="A17254" s="2"/>
      <c r="B17254" s="2"/>
      <c r="C17254" s="2"/>
    </row>
    <row r="17255" spans="1:3" ht="19.2">
      <c r="A17255" s="2"/>
      <c r="B17255" s="2"/>
      <c r="C17255" s="2"/>
    </row>
    <row r="17256" spans="1:3" ht="19.2">
      <c r="A17256" s="2"/>
      <c r="B17256" s="2"/>
      <c r="C17256" s="2"/>
    </row>
    <row r="17257" spans="1:3" ht="19.2">
      <c r="A17257" s="2"/>
      <c r="B17257" s="2"/>
      <c r="C17257" s="2"/>
    </row>
    <row r="17258" spans="1:3" ht="19.2">
      <c r="A17258" s="2"/>
      <c r="B17258" s="2"/>
      <c r="C17258" s="2"/>
    </row>
    <row r="17259" spans="1:3" ht="19.2">
      <c r="A17259" s="2"/>
      <c r="B17259" s="2"/>
      <c r="C17259" s="2"/>
    </row>
    <row r="17260" spans="1:3" ht="19.2">
      <c r="A17260" s="2"/>
      <c r="B17260" s="2"/>
      <c r="C17260" s="2"/>
    </row>
    <row r="17261" spans="1:3" ht="19.2">
      <c r="A17261" s="2"/>
      <c r="B17261" s="2"/>
      <c r="C17261" s="2"/>
    </row>
    <row r="17262" spans="1:3" ht="19.2">
      <c r="A17262" s="2"/>
      <c r="B17262" s="2"/>
      <c r="C17262" s="2"/>
    </row>
    <row r="17263" spans="1:3" ht="19.2">
      <c r="A17263" s="2"/>
      <c r="B17263" s="2"/>
      <c r="C17263" s="2"/>
    </row>
    <row r="17264" spans="1:3" ht="19.2">
      <c r="A17264" s="2"/>
      <c r="B17264" s="2"/>
      <c r="C17264" s="2"/>
    </row>
    <row r="17265" spans="1:3" ht="19.2">
      <c r="A17265" s="2"/>
      <c r="B17265" s="2"/>
      <c r="C17265" s="2"/>
    </row>
    <row r="17266" spans="1:3" ht="19.2">
      <c r="A17266" s="2"/>
      <c r="B17266" s="2"/>
      <c r="C17266" s="2"/>
    </row>
    <row r="17267" spans="1:3" ht="19.2">
      <c r="A17267" s="2"/>
      <c r="B17267" s="2"/>
      <c r="C17267" s="2"/>
    </row>
    <row r="17268" spans="1:3" ht="19.2">
      <c r="A17268" s="2"/>
      <c r="B17268" s="2"/>
      <c r="C17268" s="2"/>
    </row>
    <row r="17269" spans="1:3" ht="19.2">
      <c r="A17269" s="2"/>
      <c r="B17269" s="2"/>
      <c r="C17269" s="2"/>
    </row>
    <row r="17270" spans="1:3" ht="19.2">
      <c r="A17270" s="2"/>
      <c r="B17270" s="2"/>
      <c r="C17270" s="2"/>
    </row>
    <row r="17271" spans="1:3" ht="19.2">
      <c r="A17271" s="2"/>
      <c r="B17271" s="2"/>
      <c r="C17271" s="2"/>
    </row>
    <row r="17272" spans="1:3" ht="19.2">
      <c r="A17272" s="2"/>
      <c r="B17272" s="2"/>
      <c r="C17272" s="2"/>
    </row>
    <row r="17273" spans="1:3" ht="19.2">
      <c r="A17273" s="2"/>
      <c r="B17273" s="2"/>
      <c r="C17273" s="2"/>
    </row>
    <row r="17274" spans="1:3" ht="19.2">
      <c r="A17274" s="2"/>
      <c r="B17274" s="2"/>
      <c r="C17274" s="2"/>
    </row>
    <row r="17275" spans="1:3" ht="19.2">
      <c r="A17275" s="2"/>
      <c r="B17275" s="2"/>
      <c r="C17275" s="2"/>
    </row>
    <row r="17276" spans="1:3" ht="19.2">
      <c r="A17276" s="2"/>
      <c r="B17276" s="2"/>
      <c r="C17276" s="2"/>
    </row>
    <row r="17277" spans="1:3" ht="19.2">
      <c r="A17277" s="2"/>
      <c r="B17277" s="2"/>
      <c r="C17277" s="2"/>
    </row>
    <row r="17278" spans="1:3" ht="19.2">
      <c r="A17278" s="2"/>
      <c r="B17278" s="2"/>
      <c r="C17278" s="2"/>
    </row>
    <row r="17279" spans="1:3" ht="19.2">
      <c r="A17279" s="2"/>
      <c r="B17279" s="2"/>
      <c r="C17279" s="2"/>
    </row>
    <row r="17280" spans="1:3" ht="19.2">
      <c r="A17280" s="2"/>
      <c r="B17280" s="2"/>
      <c r="C17280" s="2"/>
    </row>
    <row r="17281" spans="1:3" ht="19.2">
      <c r="A17281" s="2"/>
      <c r="B17281" s="2"/>
      <c r="C17281" s="2"/>
    </row>
    <row r="17282" spans="1:3" ht="19.2">
      <c r="A17282" s="2"/>
      <c r="B17282" s="2"/>
      <c r="C17282" s="2"/>
    </row>
    <row r="17283" spans="1:3" ht="19.2">
      <c r="A17283" s="2"/>
      <c r="B17283" s="2"/>
      <c r="C17283" s="2"/>
    </row>
    <row r="17284" spans="1:3" ht="19.2">
      <c r="A17284" s="2"/>
      <c r="B17284" s="2"/>
      <c r="C17284" s="2"/>
    </row>
    <row r="17285" spans="1:3" ht="19.2">
      <c r="A17285" s="2"/>
      <c r="B17285" s="2"/>
      <c r="C17285" s="2"/>
    </row>
    <row r="17286" spans="1:3" ht="19.2">
      <c r="A17286" s="2"/>
      <c r="B17286" s="2"/>
      <c r="C17286" s="2"/>
    </row>
    <row r="17287" spans="1:3" ht="19.2">
      <c r="A17287" s="2"/>
      <c r="B17287" s="2"/>
      <c r="C17287" s="2"/>
    </row>
    <row r="17288" spans="1:3" ht="19.2">
      <c r="A17288" s="2"/>
      <c r="B17288" s="2"/>
      <c r="C17288" s="2"/>
    </row>
    <row r="17289" spans="1:3" ht="19.2">
      <c r="A17289" s="2"/>
      <c r="B17289" s="2"/>
      <c r="C17289" s="2"/>
    </row>
    <row r="17290" spans="1:3" ht="19.2">
      <c r="A17290" s="2"/>
      <c r="B17290" s="2"/>
      <c r="C17290" s="2"/>
    </row>
    <row r="17291" spans="1:3" ht="19.2">
      <c r="A17291" s="2"/>
      <c r="B17291" s="2"/>
      <c r="C17291" s="2"/>
    </row>
    <row r="17292" spans="1:3" ht="19.2">
      <c r="A17292" s="2"/>
      <c r="B17292" s="2"/>
      <c r="C17292" s="2"/>
    </row>
    <row r="17293" spans="1:3" ht="19.2">
      <c r="A17293" s="2"/>
      <c r="B17293" s="2"/>
      <c r="C17293" s="2"/>
    </row>
    <row r="17294" spans="1:3" ht="19.2">
      <c r="A17294" s="2"/>
      <c r="B17294" s="2"/>
      <c r="C17294" s="2"/>
    </row>
    <row r="17295" spans="1:3" ht="19.2">
      <c r="A17295" s="2"/>
      <c r="B17295" s="2"/>
      <c r="C17295" s="2"/>
    </row>
    <row r="17296" spans="1:3" ht="19.2">
      <c r="A17296" s="2"/>
      <c r="B17296" s="2"/>
      <c r="C17296" s="2"/>
    </row>
    <row r="17297" spans="1:3" ht="19.2">
      <c r="A17297" s="2"/>
      <c r="B17297" s="2"/>
      <c r="C17297" s="2"/>
    </row>
    <row r="17298" spans="1:3" ht="19.2">
      <c r="A17298" s="2"/>
      <c r="B17298" s="2"/>
      <c r="C17298" s="2"/>
    </row>
    <row r="17299" spans="1:3" ht="19.2">
      <c r="A17299" s="2"/>
      <c r="B17299" s="2"/>
      <c r="C17299" s="2"/>
    </row>
    <row r="17300" spans="1:3" ht="19.2">
      <c r="A17300" s="2"/>
      <c r="B17300" s="2"/>
      <c r="C17300" s="2"/>
    </row>
    <row r="17301" spans="1:3" ht="19.2">
      <c r="A17301" s="2"/>
      <c r="B17301" s="2"/>
      <c r="C17301" s="2"/>
    </row>
    <row r="17302" spans="1:3" ht="19.2">
      <c r="A17302" s="2"/>
      <c r="B17302" s="2"/>
      <c r="C17302" s="2"/>
    </row>
    <row r="17303" spans="1:3" ht="19.2">
      <c r="A17303" s="2"/>
      <c r="B17303" s="2"/>
      <c r="C17303" s="2"/>
    </row>
    <row r="17304" spans="1:3" ht="19.2">
      <c r="A17304" s="2"/>
      <c r="B17304" s="2"/>
      <c r="C17304" s="2"/>
    </row>
    <row r="17305" spans="1:3" ht="19.2">
      <c r="A17305" s="2"/>
      <c r="B17305" s="2"/>
      <c r="C17305" s="2"/>
    </row>
    <row r="17306" spans="1:3" ht="19.2">
      <c r="A17306" s="2"/>
      <c r="B17306" s="2"/>
      <c r="C17306" s="2"/>
    </row>
    <row r="17307" spans="1:3" ht="19.2">
      <c r="A17307" s="2"/>
      <c r="B17307" s="2"/>
      <c r="C17307" s="2"/>
    </row>
    <row r="17308" spans="1:3" ht="19.2">
      <c r="A17308" s="2"/>
      <c r="B17308" s="2"/>
      <c r="C17308" s="2"/>
    </row>
    <row r="17309" spans="1:3" ht="19.2">
      <c r="A17309" s="2"/>
      <c r="B17309" s="2"/>
      <c r="C17309" s="2"/>
    </row>
    <row r="17310" spans="1:3" ht="19.2">
      <c r="A17310" s="2"/>
      <c r="B17310" s="2"/>
      <c r="C17310" s="2"/>
    </row>
    <row r="17311" spans="1:3" ht="19.2">
      <c r="A17311" s="2"/>
      <c r="B17311" s="2"/>
      <c r="C17311" s="2"/>
    </row>
    <row r="17312" spans="1:3" ht="19.2">
      <c r="A17312" s="2"/>
      <c r="B17312" s="2"/>
      <c r="C17312" s="2"/>
    </row>
    <row r="17313" spans="1:3" ht="19.2">
      <c r="A17313" s="2"/>
      <c r="B17313" s="2"/>
      <c r="C17313" s="2"/>
    </row>
    <row r="17314" spans="1:3" ht="19.2">
      <c r="A17314" s="2"/>
      <c r="B17314" s="2"/>
      <c r="C17314" s="2"/>
    </row>
    <row r="17315" spans="1:3" ht="19.2">
      <c r="A17315" s="2"/>
      <c r="B17315" s="2"/>
      <c r="C17315" s="2"/>
    </row>
    <row r="17316" spans="1:3" ht="19.2">
      <c r="A17316" s="2"/>
      <c r="B17316" s="2"/>
      <c r="C17316" s="2"/>
    </row>
    <row r="17317" spans="1:3" ht="19.2">
      <c r="A17317" s="2"/>
      <c r="B17317" s="2"/>
      <c r="C17317" s="2"/>
    </row>
    <row r="17318" spans="1:3" ht="19.2">
      <c r="A17318" s="2"/>
      <c r="B17318" s="2"/>
      <c r="C17318" s="2"/>
    </row>
    <row r="17319" spans="1:3" ht="19.2">
      <c r="A17319" s="2"/>
      <c r="B17319" s="2"/>
      <c r="C17319" s="2"/>
    </row>
    <row r="17320" spans="1:3" ht="19.2">
      <c r="A17320" s="2"/>
      <c r="B17320" s="2"/>
      <c r="C17320" s="2"/>
    </row>
    <row r="17321" spans="1:3" ht="19.2">
      <c r="A17321" s="2"/>
      <c r="B17321" s="2"/>
      <c r="C17321" s="2"/>
    </row>
    <row r="17322" spans="1:3" ht="19.2">
      <c r="A17322" s="2"/>
      <c r="B17322" s="2"/>
      <c r="C17322" s="2"/>
    </row>
    <row r="17323" spans="1:3" ht="19.2">
      <c r="A17323" s="2"/>
      <c r="B17323" s="2"/>
      <c r="C17323" s="2"/>
    </row>
    <row r="17324" spans="1:3" ht="19.2">
      <c r="A17324" s="2"/>
      <c r="B17324" s="2"/>
      <c r="C17324" s="2"/>
    </row>
    <row r="17325" spans="1:3" ht="19.2">
      <c r="A17325" s="2"/>
      <c r="B17325" s="2"/>
      <c r="C17325" s="2"/>
    </row>
    <row r="17326" spans="1:3" ht="19.2">
      <c r="A17326" s="2"/>
      <c r="B17326" s="2"/>
      <c r="C17326" s="2"/>
    </row>
    <row r="17327" spans="1:3" ht="19.2">
      <c r="A17327" s="2"/>
      <c r="B17327" s="2"/>
      <c r="C17327" s="2"/>
    </row>
    <row r="17328" spans="1:3" ht="19.2">
      <c r="A17328" s="2"/>
      <c r="B17328" s="2"/>
      <c r="C17328" s="2"/>
    </row>
    <row r="17329" spans="1:3" ht="19.2">
      <c r="A17329" s="2"/>
      <c r="B17329" s="2"/>
      <c r="C17329" s="2"/>
    </row>
    <row r="17330" spans="1:3" ht="19.2">
      <c r="A17330" s="2"/>
      <c r="B17330" s="2"/>
      <c r="C17330" s="2"/>
    </row>
    <row r="17331" spans="1:3" ht="19.2">
      <c r="A17331" s="2"/>
      <c r="B17331" s="2"/>
      <c r="C17331" s="2"/>
    </row>
    <row r="17332" spans="1:3" ht="19.2">
      <c r="A17332" s="2"/>
      <c r="B17332" s="2"/>
      <c r="C17332" s="2"/>
    </row>
    <row r="17333" spans="1:3" ht="19.2">
      <c r="A17333" s="2"/>
      <c r="B17333" s="2"/>
      <c r="C17333" s="2"/>
    </row>
    <row r="17334" spans="1:3" ht="19.2">
      <c r="A17334" s="2"/>
      <c r="B17334" s="2"/>
      <c r="C17334" s="2"/>
    </row>
    <row r="17335" spans="1:3" ht="19.2">
      <c r="A17335" s="2"/>
      <c r="B17335" s="2"/>
      <c r="C17335" s="2"/>
    </row>
    <row r="17336" spans="1:3" ht="19.2">
      <c r="A17336" s="2"/>
      <c r="B17336" s="2"/>
      <c r="C17336" s="2"/>
    </row>
    <row r="17337" spans="1:3" ht="19.2">
      <c r="A17337" s="2"/>
      <c r="B17337" s="2"/>
      <c r="C17337" s="2"/>
    </row>
    <row r="17338" spans="1:3" ht="19.2">
      <c r="A17338" s="2"/>
      <c r="B17338" s="2"/>
      <c r="C17338" s="2"/>
    </row>
    <row r="17339" spans="1:3" ht="19.2">
      <c r="A17339" s="2"/>
      <c r="B17339" s="2"/>
      <c r="C17339" s="2"/>
    </row>
    <row r="17340" spans="1:3" ht="19.2">
      <c r="A17340" s="2"/>
      <c r="B17340" s="2"/>
      <c r="C17340" s="2"/>
    </row>
    <row r="17341" spans="1:3" ht="19.2">
      <c r="A17341" s="2"/>
      <c r="B17341" s="2"/>
      <c r="C17341" s="2"/>
    </row>
    <row r="17342" spans="1:3" ht="19.2">
      <c r="A17342" s="2"/>
      <c r="B17342" s="2"/>
      <c r="C17342" s="2"/>
    </row>
    <row r="17343" spans="1:3" ht="19.2">
      <c r="A17343" s="2"/>
      <c r="B17343" s="2"/>
      <c r="C17343" s="2"/>
    </row>
    <row r="17344" spans="1:3" ht="19.2">
      <c r="A17344" s="2"/>
      <c r="B17344" s="2"/>
      <c r="C17344" s="2"/>
    </row>
    <row r="17345" spans="1:3" ht="19.2">
      <c r="A17345" s="2"/>
      <c r="B17345" s="2"/>
      <c r="C17345" s="2"/>
    </row>
    <row r="17346" spans="1:3" ht="19.2">
      <c r="A17346" s="2"/>
      <c r="B17346" s="2"/>
      <c r="C17346" s="2"/>
    </row>
    <row r="17347" spans="1:3" ht="19.2">
      <c r="A17347" s="2"/>
      <c r="B17347" s="2"/>
      <c r="C17347" s="2"/>
    </row>
    <row r="17348" spans="1:3" ht="19.2">
      <c r="A17348" s="2"/>
      <c r="B17348" s="2"/>
      <c r="C17348" s="2"/>
    </row>
    <row r="17349" spans="1:3" ht="19.2">
      <c r="A17349" s="2"/>
      <c r="B17349" s="2"/>
      <c r="C17349" s="2"/>
    </row>
    <row r="17350" spans="1:3" ht="19.2">
      <c r="A17350" s="2"/>
      <c r="B17350" s="2"/>
      <c r="C17350" s="2"/>
    </row>
    <row r="17351" spans="1:3" ht="19.2">
      <c r="A17351" s="2"/>
      <c r="B17351" s="2"/>
      <c r="C17351" s="2"/>
    </row>
    <row r="17352" spans="1:3" ht="19.2">
      <c r="A17352" s="2"/>
      <c r="B17352" s="2"/>
      <c r="C17352" s="2"/>
    </row>
    <row r="17353" spans="1:3" ht="19.2">
      <c r="A17353" s="2"/>
      <c r="B17353" s="2"/>
      <c r="C17353" s="2"/>
    </row>
    <row r="17354" spans="1:3" ht="19.2">
      <c r="A17354" s="2"/>
      <c r="B17354" s="2"/>
      <c r="C17354" s="2"/>
    </row>
    <row r="17355" spans="1:3" ht="19.2">
      <c r="A17355" s="2"/>
      <c r="B17355" s="2"/>
      <c r="C17355" s="2"/>
    </row>
    <row r="17356" spans="1:3" ht="19.2">
      <c r="A17356" s="2"/>
      <c r="B17356" s="2"/>
      <c r="C17356" s="2"/>
    </row>
    <row r="17357" spans="1:3" ht="19.2">
      <c r="A17357" s="2"/>
      <c r="B17357" s="2"/>
      <c r="C17357" s="2"/>
    </row>
    <row r="17358" spans="1:3" ht="19.2">
      <c r="A17358" s="2"/>
      <c r="B17358" s="2"/>
      <c r="C17358" s="2"/>
    </row>
    <row r="17359" spans="1:3" ht="19.2">
      <c r="A17359" s="2"/>
      <c r="B17359" s="2"/>
      <c r="C17359" s="2"/>
    </row>
    <row r="17360" spans="1:3" ht="19.2">
      <c r="A17360" s="2"/>
      <c r="B17360" s="2"/>
      <c r="C17360" s="2"/>
    </row>
    <row r="17361" spans="1:3" ht="19.2">
      <c r="A17361" s="2"/>
      <c r="B17361" s="2"/>
      <c r="C17361" s="2"/>
    </row>
    <row r="17362" spans="1:3" ht="19.2">
      <c r="A17362" s="2"/>
      <c r="B17362" s="2"/>
      <c r="C17362" s="2"/>
    </row>
    <row r="17363" spans="1:3" ht="19.2">
      <c r="A17363" s="2"/>
      <c r="B17363" s="2"/>
      <c r="C17363" s="2"/>
    </row>
    <row r="17364" spans="1:3" ht="19.2">
      <c r="A17364" s="2"/>
      <c r="B17364" s="2"/>
      <c r="C17364" s="2"/>
    </row>
    <row r="17365" spans="1:3" ht="19.2">
      <c r="A17365" s="2"/>
      <c r="B17365" s="2"/>
      <c r="C17365" s="2"/>
    </row>
    <row r="17366" spans="1:3" ht="19.2">
      <c r="A17366" s="2"/>
      <c r="B17366" s="2"/>
      <c r="C17366" s="2"/>
    </row>
    <row r="17367" spans="1:3" ht="19.2">
      <c r="A17367" s="2"/>
      <c r="B17367" s="2"/>
      <c r="C17367" s="2"/>
    </row>
    <row r="17368" spans="1:3" ht="19.2">
      <c r="A17368" s="2"/>
      <c r="B17368" s="2"/>
      <c r="C17368" s="2"/>
    </row>
    <row r="17369" spans="1:3" ht="19.2">
      <c r="A17369" s="2"/>
      <c r="B17369" s="2"/>
      <c r="C17369" s="2"/>
    </row>
    <row r="17370" spans="1:3" ht="19.2">
      <c r="A17370" s="2"/>
      <c r="B17370" s="2"/>
      <c r="C17370" s="2"/>
    </row>
    <row r="17371" spans="1:3" ht="19.2">
      <c r="A17371" s="2"/>
      <c r="B17371" s="2"/>
      <c r="C17371" s="2"/>
    </row>
    <row r="17372" spans="1:3" ht="19.2">
      <c r="A17372" s="2"/>
      <c r="B17372" s="2"/>
      <c r="C17372" s="2"/>
    </row>
    <row r="17373" spans="1:3" ht="19.2">
      <c r="A17373" s="2"/>
      <c r="B17373" s="2"/>
      <c r="C17373" s="2"/>
    </row>
    <row r="17374" spans="1:3" ht="19.2">
      <c r="A17374" s="2"/>
      <c r="B17374" s="2"/>
      <c r="C17374" s="2"/>
    </row>
    <row r="17375" spans="1:3" ht="19.2">
      <c r="A17375" s="2"/>
      <c r="B17375" s="2"/>
      <c r="C17375" s="2"/>
    </row>
    <row r="17376" spans="1:3" ht="19.2">
      <c r="A17376" s="2"/>
      <c r="B17376" s="2"/>
      <c r="C17376" s="2"/>
    </row>
    <row r="17377" spans="1:3" ht="19.2">
      <c r="A17377" s="2"/>
      <c r="B17377" s="2"/>
      <c r="C17377" s="2"/>
    </row>
    <row r="17378" spans="1:3" ht="19.2">
      <c r="A17378" s="2"/>
      <c r="B17378" s="2"/>
      <c r="C17378" s="2"/>
    </row>
    <row r="17379" spans="1:3" ht="19.2">
      <c r="A17379" s="2"/>
      <c r="B17379" s="2"/>
      <c r="C17379" s="2"/>
    </row>
    <row r="17380" spans="1:3" ht="19.2">
      <c r="A17380" s="2"/>
      <c r="B17380" s="2"/>
      <c r="C17380" s="2"/>
    </row>
    <row r="17381" spans="1:3" ht="19.2">
      <c r="A17381" s="2"/>
      <c r="B17381" s="2"/>
      <c r="C17381" s="2"/>
    </row>
    <row r="17382" spans="1:3" ht="19.2">
      <c r="A17382" s="2"/>
      <c r="B17382" s="2"/>
      <c r="C17382" s="2"/>
    </row>
    <row r="17383" spans="1:3" ht="19.2">
      <c r="A17383" s="2"/>
      <c r="B17383" s="2"/>
      <c r="C17383" s="2"/>
    </row>
    <row r="17384" spans="1:3" ht="19.2">
      <c r="A17384" s="2"/>
      <c r="B17384" s="2"/>
      <c r="C17384" s="2"/>
    </row>
    <row r="17385" spans="1:3" ht="19.2">
      <c r="A17385" s="2"/>
      <c r="B17385" s="2"/>
      <c r="C17385" s="2"/>
    </row>
    <row r="17386" spans="1:3" ht="19.2">
      <c r="A17386" s="2"/>
      <c r="B17386" s="2"/>
      <c r="C17386" s="2"/>
    </row>
    <row r="17387" spans="1:3" ht="19.2">
      <c r="A17387" s="2"/>
      <c r="B17387" s="2"/>
      <c r="C17387" s="2"/>
    </row>
    <row r="17388" spans="1:3" ht="19.2">
      <c r="A17388" s="2"/>
      <c r="B17388" s="2"/>
      <c r="C17388" s="2"/>
    </row>
    <row r="17389" spans="1:3" ht="19.2">
      <c r="A17389" s="2"/>
      <c r="B17389" s="2"/>
      <c r="C17389" s="2"/>
    </row>
    <row r="17390" spans="1:3" ht="19.2">
      <c r="A17390" s="2"/>
      <c r="B17390" s="2"/>
      <c r="C17390" s="2"/>
    </row>
    <row r="17391" spans="1:3" ht="19.2">
      <c r="A17391" s="2"/>
      <c r="B17391" s="2"/>
      <c r="C17391" s="2"/>
    </row>
    <row r="17392" spans="1:3" ht="19.2">
      <c r="A17392" s="2"/>
      <c r="B17392" s="2"/>
      <c r="C17392" s="2"/>
    </row>
    <row r="17393" spans="1:3" ht="19.2">
      <c r="A17393" s="2"/>
      <c r="B17393" s="2"/>
      <c r="C17393" s="2"/>
    </row>
    <row r="17394" spans="1:3" ht="19.2">
      <c r="A17394" s="2"/>
      <c r="B17394" s="2"/>
      <c r="C17394" s="2"/>
    </row>
    <row r="17395" spans="1:3" ht="19.2">
      <c r="A17395" s="2"/>
      <c r="B17395" s="2"/>
      <c r="C17395" s="2"/>
    </row>
    <row r="17396" spans="1:3" ht="19.2">
      <c r="A17396" s="2"/>
      <c r="B17396" s="2"/>
      <c r="C17396" s="2"/>
    </row>
    <row r="17397" spans="1:3" ht="19.2">
      <c r="A17397" s="2"/>
      <c r="B17397" s="2"/>
      <c r="C17397" s="2"/>
    </row>
    <row r="17398" spans="1:3" ht="19.2">
      <c r="A17398" s="2"/>
      <c r="B17398" s="2"/>
      <c r="C17398" s="2"/>
    </row>
    <row r="17399" spans="1:3" ht="19.2">
      <c r="A17399" s="2"/>
      <c r="B17399" s="2"/>
      <c r="C17399" s="2"/>
    </row>
    <row r="17400" spans="1:3" ht="19.2">
      <c r="A17400" s="2"/>
      <c r="B17400" s="2"/>
      <c r="C17400" s="2"/>
    </row>
    <row r="17401" spans="1:3" ht="19.2">
      <c r="A17401" s="2"/>
      <c r="B17401" s="2"/>
      <c r="C17401" s="2"/>
    </row>
    <row r="17402" spans="1:3" ht="19.2">
      <c r="A17402" s="2"/>
      <c r="B17402" s="2"/>
      <c r="C17402" s="2"/>
    </row>
    <row r="17403" spans="1:3" ht="19.2">
      <c r="A17403" s="2"/>
      <c r="B17403" s="2"/>
      <c r="C17403" s="2"/>
    </row>
    <row r="17404" spans="1:3" ht="19.2">
      <c r="A17404" s="2"/>
      <c r="B17404" s="2"/>
      <c r="C17404" s="2"/>
    </row>
    <row r="17405" spans="1:3" ht="19.2">
      <c r="A17405" s="2"/>
      <c r="B17405" s="2"/>
      <c r="C17405" s="2"/>
    </row>
    <row r="17406" spans="1:3" ht="19.2">
      <c r="A17406" s="2"/>
      <c r="B17406" s="2"/>
      <c r="C17406" s="2"/>
    </row>
    <row r="17407" spans="1:3" ht="19.2">
      <c r="A17407" s="2"/>
      <c r="B17407" s="2"/>
      <c r="C17407" s="2"/>
    </row>
    <row r="17408" spans="1:3" ht="19.2">
      <c r="A17408" s="2"/>
      <c r="B17408" s="2"/>
      <c r="C17408" s="2"/>
    </row>
    <row r="17409" spans="1:3" ht="19.2">
      <c r="A17409" s="2"/>
      <c r="B17409" s="2"/>
      <c r="C17409" s="2"/>
    </row>
    <row r="17410" spans="1:3" ht="19.2">
      <c r="A17410" s="2"/>
      <c r="B17410" s="2"/>
      <c r="C17410" s="2"/>
    </row>
    <row r="17411" spans="1:3" ht="19.2">
      <c r="A17411" s="2"/>
      <c r="B17411" s="2"/>
      <c r="C17411" s="2"/>
    </row>
    <row r="17412" spans="1:3" ht="19.2">
      <c r="A17412" s="2"/>
      <c r="B17412" s="2"/>
      <c r="C17412" s="2"/>
    </row>
    <row r="17413" spans="1:3" ht="19.2">
      <c r="A17413" s="2"/>
      <c r="B17413" s="2"/>
      <c r="C17413" s="2"/>
    </row>
    <row r="17414" spans="1:3" ht="19.2">
      <c r="A17414" s="2"/>
      <c r="B17414" s="2"/>
      <c r="C17414" s="2"/>
    </row>
    <row r="17415" spans="1:3" ht="19.2">
      <c r="A17415" s="2"/>
      <c r="B17415" s="2"/>
      <c r="C17415" s="2"/>
    </row>
    <row r="17416" spans="1:3" ht="19.2">
      <c r="A17416" s="2"/>
      <c r="B17416" s="2"/>
      <c r="C17416" s="2"/>
    </row>
    <row r="17417" spans="1:3" ht="19.2">
      <c r="A17417" s="2"/>
      <c r="B17417" s="2"/>
      <c r="C17417" s="2"/>
    </row>
    <row r="17418" spans="1:3" ht="19.2">
      <c r="A17418" s="2"/>
      <c r="B17418" s="2"/>
      <c r="C17418" s="2"/>
    </row>
    <row r="17419" spans="1:3" ht="19.2">
      <c r="A17419" s="2"/>
      <c r="B17419" s="2"/>
      <c r="C17419" s="2"/>
    </row>
    <row r="17420" spans="1:3" ht="19.2">
      <c r="A17420" s="2"/>
      <c r="B17420" s="2"/>
      <c r="C17420" s="2"/>
    </row>
    <row r="17421" spans="1:3" ht="19.2">
      <c r="A17421" s="2"/>
      <c r="B17421" s="2"/>
      <c r="C17421" s="2"/>
    </row>
    <row r="17422" spans="1:3" ht="19.2">
      <c r="A17422" s="2"/>
      <c r="B17422" s="2"/>
      <c r="C17422" s="2"/>
    </row>
    <row r="17423" spans="1:3" ht="19.2">
      <c r="A17423" s="2"/>
      <c r="B17423" s="2"/>
      <c r="C17423" s="2"/>
    </row>
    <row r="17424" spans="1:3" ht="19.2">
      <c r="A17424" s="2"/>
      <c r="B17424" s="2"/>
      <c r="C17424" s="2"/>
    </row>
    <row r="17425" spans="1:3" ht="19.2">
      <c r="A17425" s="2"/>
      <c r="B17425" s="2"/>
      <c r="C17425" s="2"/>
    </row>
    <row r="17426" spans="1:3" ht="19.2">
      <c r="A17426" s="2"/>
      <c r="B17426" s="2"/>
      <c r="C17426" s="2"/>
    </row>
    <row r="17427" spans="1:3" ht="19.2">
      <c r="A17427" s="2"/>
      <c r="B17427" s="2"/>
      <c r="C17427" s="2"/>
    </row>
    <row r="17428" spans="1:3" ht="19.2">
      <c r="A17428" s="2"/>
      <c r="B17428" s="2"/>
      <c r="C17428" s="2"/>
    </row>
    <row r="17429" spans="1:3" ht="19.2">
      <c r="A17429" s="2"/>
      <c r="B17429" s="2"/>
      <c r="C17429" s="2"/>
    </row>
    <row r="17430" spans="1:3" ht="19.2">
      <c r="A17430" s="2"/>
      <c r="B17430" s="2"/>
      <c r="C17430" s="2"/>
    </row>
    <row r="17431" spans="1:3" ht="19.2">
      <c r="A17431" s="2"/>
      <c r="B17431" s="2"/>
      <c r="C17431" s="2"/>
    </row>
    <row r="17432" spans="1:3" ht="19.2">
      <c r="A17432" s="2"/>
      <c r="B17432" s="2"/>
      <c r="C17432" s="2"/>
    </row>
    <row r="17433" spans="1:3" ht="19.2">
      <c r="A17433" s="2"/>
      <c r="B17433" s="2"/>
      <c r="C17433" s="2"/>
    </row>
    <row r="17434" spans="1:3" ht="19.2">
      <c r="A17434" s="2"/>
      <c r="B17434" s="2"/>
      <c r="C17434" s="2"/>
    </row>
    <row r="17435" spans="1:3" ht="19.2">
      <c r="A17435" s="2"/>
      <c r="B17435" s="2"/>
      <c r="C17435" s="2"/>
    </row>
    <row r="17436" spans="1:3" ht="19.2">
      <c r="A17436" s="2"/>
      <c r="B17436" s="2"/>
      <c r="C17436" s="2"/>
    </row>
    <row r="17437" spans="1:3" ht="19.2">
      <c r="A17437" s="2"/>
      <c r="B17437" s="2"/>
      <c r="C17437" s="2"/>
    </row>
    <row r="17438" spans="1:3" ht="19.2">
      <c r="A17438" s="2"/>
      <c r="B17438" s="2"/>
      <c r="C17438" s="2"/>
    </row>
    <row r="17439" spans="1:3" ht="19.2">
      <c r="A17439" s="2"/>
      <c r="B17439" s="2"/>
      <c r="C17439" s="2"/>
    </row>
    <row r="17440" spans="1:3" ht="19.2">
      <c r="A17440" s="2"/>
      <c r="B17440" s="2"/>
      <c r="C17440" s="2"/>
    </row>
    <row r="17441" spans="1:3" ht="19.2">
      <c r="A17441" s="2"/>
      <c r="B17441" s="2"/>
      <c r="C17441" s="2"/>
    </row>
    <row r="17442" spans="1:3" ht="19.2">
      <c r="A17442" s="2"/>
      <c r="B17442" s="2"/>
      <c r="C17442" s="2"/>
    </row>
    <row r="17443" spans="1:3" ht="19.2">
      <c r="A17443" s="2"/>
      <c r="B17443" s="2"/>
      <c r="C17443" s="2"/>
    </row>
    <row r="17444" spans="1:3" ht="19.2">
      <c r="A17444" s="2"/>
      <c r="B17444" s="2"/>
      <c r="C17444" s="2"/>
    </row>
    <row r="17445" spans="1:3" ht="19.2">
      <c r="A17445" s="2"/>
      <c r="B17445" s="2"/>
      <c r="C17445" s="2"/>
    </row>
    <row r="17446" spans="1:3" ht="19.2">
      <c r="A17446" s="2"/>
      <c r="B17446" s="2"/>
      <c r="C17446" s="2"/>
    </row>
    <row r="17447" spans="1:3" ht="19.2">
      <c r="A17447" s="2"/>
      <c r="B17447" s="2"/>
      <c r="C17447" s="2"/>
    </row>
    <row r="17448" spans="1:3" ht="19.2">
      <c r="A17448" s="2"/>
      <c r="B17448" s="2"/>
      <c r="C17448" s="2"/>
    </row>
    <row r="17449" spans="1:3" ht="19.2">
      <c r="A17449" s="2"/>
      <c r="B17449" s="2"/>
      <c r="C17449" s="2"/>
    </row>
    <row r="17450" spans="1:3" ht="19.2">
      <c r="A17450" s="2"/>
      <c r="B17450" s="2"/>
      <c r="C17450" s="2"/>
    </row>
    <row r="17451" spans="1:3" ht="19.2">
      <c r="A17451" s="2"/>
      <c r="B17451" s="2"/>
      <c r="C17451" s="2"/>
    </row>
    <row r="17452" spans="1:3" ht="19.2">
      <c r="A17452" s="2"/>
      <c r="B17452" s="2"/>
      <c r="C17452" s="2"/>
    </row>
    <row r="17453" spans="1:3" ht="19.2">
      <c r="A17453" s="2"/>
      <c r="B17453" s="2"/>
      <c r="C17453" s="2"/>
    </row>
    <row r="17454" spans="1:3" ht="19.2">
      <c r="A17454" s="2"/>
      <c r="B17454" s="2"/>
      <c r="C17454" s="2"/>
    </row>
    <row r="17455" spans="1:3" ht="19.2">
      <c r="A17455" s="2"/>
      <c r="B17455" s="2"/>
      <c r="C17455" s="2"/>
    </row>
    <row r="17456" spans="1:3" ht="19.2">
      <c r="A17456" s="2"/>
      <c r="B17456" s="2"/>
      <c r="C17456" s="2"/>
    </row>
    <row r="17457" spans="1:3" ht="19.2">
      <c r="A17457" s="2"/>
      <c r="B17457" s="2"/>
      <c r="C17457" s="2"/>
    </row>
    <row r="17458" spans="1:3" ht="19.2">
      <c r="A17458" s="2"/>
      <c r="B17458" s="2"/>
      <c r="C17458" s="2"/>
    </row>
    <row r="17459" spans="1:3" ht="19.2">
      <c r="A17459" s="2"/>
      <c r="B17459" s="2"/>
      <c r="C17459" s="2"/>
    </row>
    <row r="17460" spans="1:3" ht="19.2">
      <c r="A17460" s="2"/>
      <c r="B17460" s="2"/>
      <c r="C17460" s="2"/>
    </row>
    <row r="17461" spans="1:3" ht="19.2">
      <c r="A17461" s="2"/>
      <c r="B17461" s="2"/>
      <c r="C17461" s="2"/>
    </row>
    <row r="17462" spans="1:3" ht="19.2">
      <c r="A17462" s="2"/>
      <c r="B17462" s="2"/>
      <c r="C17462" s="2"/>
    </row>
    <row r="17463" spans="1:3" ht="19.2">
      <c r="A17463" s="2"/>
      <c r="B17463" s="2"/>
      <c r="C17463" s="2"/>
    </row>
    <row r="17464" spans="1:3" ht="19.2">
      <c r="A17464" s="2"/>
      <c r="B17464" s="2"/>
      <c r="C17464" s="2"/>
    </row>
    <row r="17465" spans="1:3" ht="19.2">
      <c r="A17465" s="2"/>
      <c r="B17465" s="2"/>
      <c r="C17465" s="2"/>
    </row>
    <row r="17466" spans="1:3" ht="19.2">
      <c r="A17466" s="2"/>
      <c r="B17466" s="2"/>
      <c r="C17466" s="2"/>
    </row>
    <row r="17467" spans="1:3" ht="19.2">
      <c r="A17467" s="2"/>
      <c r="B17467" s="2"/>
      <c r="C17467" s="2"/>
    </row>
    <row r="17468" spans="1:3" ht="19.2">
      <c r="A17468" s="2"/>
      <c r="B17468" s="2"/>
      <c r="C17468" s="2"/>
    </row>
    <row r="17469" spans="1:3" ht="19.2">
      <c r="A17469" s="2"/>
      <c r="B17469" s="2"/>
      <c r="C17469" s="2"/>
    </row>
    <row r="17470" spans="1:3" ht="19.2">
      <c r="A17470" s="2"/>
      <c r="B17470" s="2"/>
      <c r="C17470" s="2"/>
    </row>
    <row r="17471" spans="1:3" ht="19.2">
      <c r="A17471" s="2"/>
      <c r="B17471" s="2"/>
      <c r="C17471" s="2"/>
    </row>
    <row r="17472" spans="1:3" ht="19.2">
      <c r="A17472" s="2"/>
      <c r="B17472" s="2"/>
      <c r="C17472" s="2"/>
    </row>
    <row r="17473" spans="1:3" ht="19.2">
      <c r="A17473" s="2"/>
      <c r="B17473" s="2"/>
      <c r="C17473" s="2"/>
    </row>
    <row r="17474" spans="1:3" ht="19.2">
      <c r="A17474" s="2"/>
      <c r="B17474" s="2"/>
      <c r="C17474" s="2"/>
    </row>
    <row r="17475" spans="1:3" ht="19.2">
      <c r="A17475" s="2"/>
      <c r="B17475" s="2"/>
      <c r="C17475" s="2"/>
    </row>
    <row r="17476" spans="1:3" ht="19.2">
      <c r="A17476" s="2"/>
      <c r="B17476" s="2"/>
      <c r="C17476" s="2"/>
    </row>
    <row r="17477" spans="1:3" ht="19.2">
      <c r="A17477" s="2"/>
      <c r="B17477" s="2"/>
      <c r="C17477" s="2"/>
    </row>
    <row r="17478" spans="1:3" ht="19.2">
      <c r="A17478" s="2"/>
      <c r="B17478" s="2"/>
      <c r="C17478" s="2"/>
    </row>
    <row r="17479" spans="1:3" ht="19.2">
      <c r="A17479" s="2"/>
      <c r="B17479" s="2"/>
      <c r="C17479" s="2"/>
    </row>
    <row r="17480" spans="1:3" ht="19.2">
      <c r="A17480" s="2"/>
      <c r="B17480" s="2"/>
      <c r="C17480" s="2"/>
    </row>
    <row r="17481" spans="1:3" ht="19.2">
      <c r="A17481" s="2"/>
      <c r="B17481" s="2"/>
      <c r="C17481" s="2"/>
    </row>
    <row r="17482" spans="1:3" ht="19.2">
      <c r="A17482" s="2"/>
      <c r="B17482" s="2"/>
      <c r="C17482" s="2"/>
    </row>
    <row r="17483" spans="1:3" ht="19.2">
      <c r="A17483" s="2"/>
      <c r="B17483" s="2"/>
      <c r="C17483" s="2"/>
    </row>
    <row r="17484" spans="1:3" ht="19.2">
      <c r="A17484" s="2"/>
      <c r="B17484" s="2"/>
      <c r="C17484" s="2"/>
    </row>
    <row r="17485" spans="1:3" ht="19.2">
      <c r="A17485" s="2"/>
      <c r="B17485" s="2"/>
      <c r="C17485" s="2"/>
    </row>
    <row r="17486" spans="1:3" ht="19.2">
      <c r="A17486" s="2"/>
      <c r="B17486" s="2"/>
      <c r="C17486" s="2"/>
    </row>
    <row r="17487" spans="1:3" ht="19.2">
      <c r="A17487" s="2"/>
      <c r="B17487" s="2"/>
      <c r="C17487" s="2"/>
    </row>
    <row r="17488" spans="1:3" ht="19.2">
      <c r="A17488" s="2"/>
      <c r="B17488" s="2"/>
      <c r="C17488" s="2"/>
    </row>
    <row r="17489" spans="1:3" ht="19.2">
      <c r="A17489" s="2"/>
      <c r="B17489" s="2"/>
      <c r="C17489" s="2"/>
    </row>
    <row r="17490" spans="1:3" ht="19.2">
      <c r="A17490" s="2"/>
      <c r="B17490" s="2"/>
      <c r="C17490" s="2"/>
    </row>
    <row r="17491" spans="1:3" ht="19.2">
      <c r="A17491" s="2"/>
      <c r="B17491" s="2"/>
      <c r="C17491" s="2"/>
    </row>
    <row r="17492" spans="1:3" ht="19.2">
      <c r="A17492" s="2"/>
      <c r="B17492" s="2"/>
      <c r="C17492" s="2"/>
    </row>
    <row r="17493" spans="1:3" ht="19.2">
      <c r="A17493" s="2"/>
      <c r="B17493" s="2"/>
      <c r="C17493" s="2"/>
    </row>
    <row r="17494" spans="1:3" ht="19.2">
      <c r="A17494" s="2"/>
      <c r="B17494" s="2"/>
      <c r="C17494" s="2"/>
    </row>
    <row r="17495" spans="1:3" ht="19.2">
      <c r="A17495" s="2"/>
      <c r="B17495" s="2"/>
      <c r="C17495" s="2"/>
    </row>
    <row r="17496" spans="1:3" ht="19.2">
      <c r="A17496" s="2"/>
      <c r="B17496" s="2"/>
      <c r="C17496" s="2"/>
    </row>
    <row r="17497" spans="1:3" ht="19.2">
      <c r="A17497" s="2"/>
      <c r="B17497" s="2"/>
      <c r="C17497" s="2"/>
    </row>
    <row r="17498" spans="1:3" ht="19.2">
      <c r="A17498" s="2"/>
      <c r="B17498" s="2"/>
      <c r="C17498" s="2"/>
    </row>
    <row r="17499" spans="1:3" ht="19.2">
      <c r="A17499" s="2"/>
      <c r="B17499" s="2"/>
      <c r="C17499" s="2"/>
    </row>
    <row r="17500" spans="1:3" ht="19.2">
      <c r="A17500" s="2"/>
      <c r="B17500" s="2"/>
      <c r="C17500" s="2"/>
    </row>
    <row r="17501" spans="1:3" ht="19.2">
      <c r="A17501" s="2"/>
      <c r="B17501" s="2"/>
      <c r="C17501" s="2"/>
    </row>
    <row r="17502" spans="1:3" ht="19.2">
      <c r="A17502" s="2"/>
      <c r="B17502" s="2"/>
      <c r="C17502" s="2"/>
    </row>
    <row r="17503" spans="1:3" ht="19.2">
      <c r="A17503" s="2"/>
      <c r="B17503" s="2"/>
      <c r="C17503" s="2"/>
    </row>
    <row r="17504" spans="1:3" ht="19.2">
      <c r="A17504" s="2"/>
      <c r="B17504" s="2"/>
      <c r="C17504" s="2"/>
    </row>
    <row r="17505" spans="1:3" ht="19.2">
      <c r="A17505" s="2"/>
      <c r="B17505" s="2"/>
      <c r="C17505" s="2"/>
    </row>
    <row r="17506" spans="1:3" ht="19.2">
      <c r="A17506" s="2"/>
      <c r="B17506" s="2"/>
      <c r="C17506" s="2"/>
    </row>
    <row r="17507" spans="1:3" ht="19.2">
      <c r="A17507" s="2"/>
      <c r="B17507" s="2"/>
      <c r="C17507" s="2"/>
    </row>
    <row r="17508" spans="1:3" ht="19.2">
      <c r="A17508" s="2"/>
      <c r="B17508" s="2"/>
      <c r="C17508" s="2"/>
    </row>
    <row r="17509" spans="1:3" ht="19.2">
      <c r="A17509" s="2"/>
      <c r="B17509" s="2"/>
      <c r="C17509" s="2"/>
    </row>
    <row r="17510" spans="1:3" ht="19.2">
      <c r="A17510" s="2"/>
      <c r="B17510" s="2"/>
      <c r="C17510" s="2"/>
    </row>
    <row r="17511" spans="1:3" ht="19.2">
      <c r="A17511" s="2"/>
      <c r="B17511" s="2"/>
      <c r="C17511" s="2"/>
    </row>
    <row r="17512" spans="1:3" ht="19.2">
      <c r="A17512" s="2"/>
      <c r="B17512" s="2"/>
      <c r="C17512" s="2"/>
    </row>
    <row r="17513" spans="1:3" ht="19.2">
      <c r="A17513" s="2"/>
      <c r="B17513" s="2"/>
      <c r="C17513" s="2"/>
    </row>
    <row r="17514" spans="1:3" ht="19.2">
      <c r="A17514" s="2"/>
      <c r="B17514" s="2"/>
      <c r="C17514" s="2"/>
    </row>
    <row r="17515" spans="1:3" ht="19.2">
      <c r="A17515" s="2"/>
      <c r="B17515" s="2"/>
      <c r="C17515" s="2"/>
    </row>
    <row r="17516" spans="1:3" ht="19.2">
      <c r="A17516" s="2"/>
      <c r="B17516" s="2"/>
      <c r="C17516" s="2"/>
    </row>
    <row r="17517" spans="1:3" ht="19.2">
      <c r="A17517" s="2"/>
      <c r="B17517" s="2"/>
      <c r="C17517" s="2"/>
    </row>
    <row r="17518" spans="1:3" ht="19.2">
      <c r="A17518" s="2"/>
      <c r="B17518" s="2"/>
      <c r="C17518" s="2"/>
    </row>
    <row r="17519" spans="1:3" ht="19.2">
      <c r="A17519" s="2"/>
      <c r="B17519" s="2"/>
      <c r="C17519" s="2"/>
    </row>
    <row r="17520" spans="1:3" ht="19.2">
      <c r="A17520" s="2"/>
      <c r="B17520" s="2"/>
      <c r="C17520" s="2"/>
    </row>
    <row r="17521" spans="1:3" ht="19.2">
      <c r="A17521" s="2"/>
      <c r="B17521" s="2"/>
      <c r="C17521" s="2"/>
    </row>
    <row r="17522" spans="1:3" ht="19.2">
      <c r="A17522" s="2"/>
      <c r="B17522" s="2"/>
      <c r="C17522" s="2"/>
    </row>
    <row r="17523" spans="1:3" ht="19.2">
      <c r="A17523" s="2"/>
      <c r="B17523" s="2"/>
      <c r="C17523" s="2"/>
    </row>
    <row r="17524" spans="1:3" ht="19.2">
      <c r="A17524" s="2"/>
      <c r="B17524" s="2"/>
      <c r="C17524" s="2"/>
    </row>
    <row r="17525" spans="1:3" ht="19.2">
      <c r="A17525" s="2"/>
      <c r="B17525" s="2"/>
      <c r="C17525" s="2"/>
    </row>
    <row r="17526" spans="1:3" ht="19.2">
      <c r="A17526" s="2"/>
      <c r="B17526" s="2"/>
      <c r="C17526" s="2"/>
    </row>
    <row r="17527" spans="1:3" ht="19.2">
      <c r="A17527" s="2"/>
      <c r="B17527" s="2"/>
      <c r="C17527" s="2"/>
    </row>
    <row r="17528" spans="1:3" ht="19.2">
      <c r="A17528" s="2"/>
      <c r="B17528" s="2"/>
      <c r="C17528" s="2"/>
    </row>
    <row r="17529" spans="1:3" ht="19.2">
      <c r="A17529" s="2"/>
      <c r="B17529" s="2"/>
      <c r="C17529" s="2"/>
    </row>
    <row r="17530" spans="1:3" ht="19.2">
      <c r="A17530" s="2"/>
      <c r="B17530" s="2"/>
      <c r="C17530" s="2"/>
    </row>
    <row r="17531" spans="1:3" ht="19.2">
      <c r="A17531" s="2"/>
      <c r="B17531" s="2"/>
      <c r="C17531" s="2"/>
    </row>
    <row r="17532" spans="1:3" ht="19.2">
      <c r="A17532" s="2"/>
      <c r="B17532" s="2"/>
      <c r="C17532" s="2"/>
    </row>
    <row r="17533" spans="1:3" ht="19.2">
      <c r="A17533" s="2"/>
      <c r="B17533" s="2"/>
      <c r="C17533" s="2"/>
    </row>
    <row r="17534" spans="1:3" ht="19.2">
      <c r="A17534" s="2"/>
      <c r="B17534" s="2"/>
      <c r="C17534" s="2"/>
    </row>
    <row r="17535" spans="1:3" ht="19.2">
      <c r="A17535" s="2"/>
      <c r="B17535" s="2"/>
      <c r="C17535" s="2"/>
    </row>
    <row r="17536" spans="1:3" ht="19.2">
      <c r="A17536" s="2"/>
      <c r="B17536" s="2"/>
      <c r="C17536" s="2"/>
    </row>
    <row r="17537" spans="1:3" ht="19.2">
      <c r="A17537" s="2"/>
      <c r="B17537" s="2"/>
      <c r="C17537" s="2"/>
    </row>
    <row r="17538" spans="1:3" ht="19.2">
      <c r="A17538" s="2"/>
      <c r="B17538" s="2"/>
      <c r="C17538" s="2"/>
    </row>
    <row r="17539" spans="1:3" ht="19.2">
      <c r="A17539" s="2"/>
      <c r="B17539" s="2"/>
      <c r="C17539" s="2"/>
    </row>
    <row r="17540" spans="1:3" ht="19.2">
      <c r="A17540" s="2"/>
      <c r="B17540" s="2"/>
      <c r="C17540" s="2"/>
    </row>
    <row r="17541" spans="1:3" ht="19.2">
      <c r="A17541" s="2"/>
      <c r="B17541" s="2"/>
      <c r="C17541" s="2"/>
    </row>
    <row r="17542" spans="1:3" ht="19.2">
      <c r="A17542" s="2"/>
      <c r="B17542" s="2"/>
      <c r="C17542" s="2"/>
    </row>
    <row r="17543" spans="1:3" ht="19.2">
      <c r="A17543" s="2"/>
      <c r="B17543" s="2"/>
      <c r="C17543" s="2"/>
    </row>
    <row r="17544" spans="1:3" ht="19.2">
      <c r="A17544" s="2"/>
      <c r="B17544" s="2"/>
      <c r="C17544" s="2"/>
    </row>
    <row r="17545" spans="1:3" ht="19.2">
      <c r="A17545" s="2"/>
      <c r="B17545" s="2"/>
      <c r="C17545" s="2"/>
    </row>
    <row r="17546" spans="1:3" ht="19.2">
      <c r="A17546" s="2"/>
      <c r="B17546" s="2"/>
      <c r="C17546" s="2"/>
    </row>
    <row r="17547" spans="1:3" ht="19.2">
      <c r="A17547" s="2"/>
      <c r="B17547" s="2"/>
      <c r="C17547" s="2"/>
    </row>
    <row r="17548" spans="1:3" ht="19.2">
      <c r="A17548" s="2"/>
      <c r="B17548" s="2"/>
      <c r="C17548" s="2"/>
    </row>
    <row r="17549" spans="1:3" ht="19.2">
      <c r="A17549" s="2"/>
      <c r="B17549" s="2"/>
      <c r="C17549" s="2"/>
    </row>
    <row r="17550" spans="1:3" ht="19.2">
      <c r="A17550" s="2"/>
      <c r="B17550" s="2"/>
      <c r="C17550" s="2"/>
    </row>
    <row r="17551" spans="1:3" ht="19.2">
      <c r="A17551" s="2"/>
      <c r="B17551" s="2"/>
      <c r="C17551" s="2"/>
    </row>
    <row r="17552" spans="1:3" ht="19.2">
      <c r="A17552" s="2"/>
      <c r="B17552" s="2"/>
      <c r="C17552" s="2"/>
    </row>
    <row r="17553" spans="1:3" ht="19.2">
      <c r="A17553" s="2"/>
      <c r="B17553" s="2"/>
      <c r="C17553" s="2"/>
    </row>
    <row r="17554" spans="1:3" ht="19.2">
      <c r="A17554" s="2"/>
      <c r="B17554" s="2"/>
      <c r="C17554" s="2"/>
    </row>
    <row r="17555" spans="1:3" ht="19.2">
      <c r="A17555" s="2"/>
      <c r="B17555" s="2"/>
      <c r="C17555" s="2"/>
    </row>
    <row r="17556" spans="1:3" ht="19.2">
      <c r="A17556" s="2"/>
      <c r="B17556" s="2"/>
      <c r="C17556" s="2"/>
    </row>
    <row r="17557" spans="1:3" ht="19.2">
      <c r="A17557" s="2"/>
      <c r="B17557" s="2"/>
      <c r="C17557" s="2"/>
    </row>
    <row r="17558" spans="1:3" ht="19.2">
      <c r="A17558" s="2"/>
      <c r="B17558" s="2"/>
      <c r="C17558" s="2"/>
    </row>
    <row r="17559" spans="1:3" ht="19.2">
      <c r="A17559" s="2"/>
      <c r="B17559" s="2"/>
      <c r="C17559" s="2"/>
    </row>
    <row r="17560" spans="1:3" ht="19.2">
      <c r="A17560" s="2"/>
      <c r="B17560" s="2"/>
      <c r="C17560" s="2"/>
    </row>
    <row r="17561" spans="1:3" ht="19.2">
      <c r="A17561" s="2"/>
      <c r="B17561" s="2"/>
      <c r="C17561" s="2"/>
    </row>
    <row r="17562" spans="1:3" ht="19.2">
      <c r="A17562" s="2"/>
      <c r="B17562" s="2"/>
      <c r="C17562" s="2"/>
    </row>
    <row r="17563" spans="1:3" ht="19.2">
      <c r="A17563" s="2"/>
      <c r="B17563" s="2"/>
      <c r="C17563" s="2"/>
    </row>
    <row r="17564" spans="1:3" ht="19.2">
      <c r="A17564" s="2"/>
      <c r="B17564" s="2"/>
      <c r="C17564" s="2"/>
    </row>
    <row r="17565" spans="1:3" ht="19.2">
      <c r="A17565" s="2"/>
      <c r="B17565" s="2"/>
      <c r="C17565" s="2"/>
    </row>
    <row r="17566" spans="1:3" ht="19.2">
      <c r="A17566" s="2"/>
      <c r="B17566" s="2"/>
      <c r="C17566" s="2"/>
    </row>
    <row r="17567" spans="1:3" ht="19.2">
      <c r="A17567" s="2"/>
      <c r="B17567" s="2"/>
      <c r="C17567" s="2"/>
    </row>
    <row r="17568" spans="1:3" ht="19.2">
      <c r="A17568" s="2"/>
      <c r="B17568" s="2"/>
      <c r="C17568" s="2"/>
    </row>
    <row r="17569" spans="1:3" ht="19.2">
      <c r="A17569" s="2"/>
      <c r="B17569" s="2"/>
      <c r="C17569" s="2"/>
    </row>
    <row r="17570" spans="1:3" ht="19.2">
      <c r="A17570" s="2"/>
      <c r="B17570" s="2"/>
      <c r="C17570" s="2"/>
    </row>
    <row r="17571" spans="1:3" ht="19.2">
      <c r="A17571" s="2"/>
      <c r="B17571" s="2"/>
      <c r="C17571" s="2"/>
    </row>
    <row r="17572" spans="1:3" ht="19.2">
      <c r="A17572" s="2"/>
      <c r="B17572" s="2"/>
      <c r="C17572" s="2"/>
    </row>
    <row r="17573" spans="1:3" ht="19.2">
      <c r="A17573" s="2"/>
      <c r="B17573" s="2"/>
      <c r="C17573" s="2"/>
    </row>
    <row r="17574" spans="1:3" ht="19.2">
      <c r="A17574" s="2"/>
      <c r="B17574" s="2"/>
      <c r="C17574" s="2"/>
    </row>
    <row r="17575" spans="1:3" ht="19.2">
      <c r="A17575" s="2"/>
      <c r="B17575" s="2"/>
      <c r="C17575" s="2"/>
    </row>
    <row r="17576" spans="1:3" ht="19.2">
      <c r="A17576" s="2"/>
      <c r="B17576" s="2"/>
      <c r="C17576" s="2"/>
    </row>
    <row r="17577" spans="1:3" ht="19.2">
      <c r="A17577" s="2"/>
      <c r="B17577" s="2"/>
      <c r="C17577" s="2"/>
    </row>
    <row r="17578" spans="1:3" ht="19.2">
      <c r="A17578" s="2"/>
      <c r="B17578" s="2"/>
      <c r="C17578" s="2"/>
    </row>
    <row r="17579" spans="1:3" ht="19.2">
      <c r="A17579" s="2"/>
      <c r="B17579" s="2"/>
      <c r="C17579" s="2"/>
    </row>
    <row r="17580" spans="1:3" ht="19.2">
      <c r="A17580" s="2"/>
      <c r="B17580" s="2"/>
      <c r="C17580" s="2"/>
    </row>
    <row r="17581" spans="1:3" ht="19.2">
      <c r="A17581" s="2"/>
      <c r="B17581" s="2"/>
      <c r="C17581" s="2"/>
    </row>
    <row r="17582" spans="1:3" ht="19.2">
      <c r="A17582" s="2"/>
      <c r="B17582" s="2"/>
      <c r="C17582" s="2"/>
    </row>
    <row r="17583" spans="1:3" ht="19.2">
      <c r="A17583" s="2"/>
      <c r="B17583" s="2"/>
      <c r="C17583" s="2"/>
    </row>
    <row r="17584" spans="1:3" ht="19.2">
      <c r="A17584" s="2"/>
      <c r="B17584" s="2"/>
      <c r="C17584" s="2"/>
    </row>
    <row r="17585" spans="1:3" ht="19.2">
      <c r="A17585" s="2"/>
      <c r="B17585" s="2"/>
      <c r="C17585" s="2"/>
    </row>
    <row r="17586" spans="1:3" ht="19.2">
      <c r="A17586" s="2"/>
      <c r="B17586" s="2"/>
      <c r="C17586" s="2"/>
    </row>
    <row r="17587" spans="1:3" ht="19.2">
      <c r="A17587" s="2"/>
      <c r="B17587" s="2"/>
      <c r="C17587" s="2"/>
    </row>
    <row r="17588" spans="1:3" ht="19.2">
      <c r="A17588" s="2"/>
      <c r="B17588" s="2"/>
      <c r="C17588" s="2"/>
    </row>
    <row r="17589" spans="1:3" ht="19.2">
      <c r="A17589" s="2"/>
      <c r="B17589" s="2"/>
      <c r="C17589" s="2"/>
    </row>
    <row r="17590" spans="1:3" ht="19.2">
      <c r="A17590" s="2"/>
      <c r="B17590" s="2"/>
      <c r="C17590" s="2"/>
    </row>
    <row r="17591" spans="1:3" ht="19.2">
      <c r="A17591" s="2"/>
      <c r="B17591" s="2"/>
      <c r="C17591" s="2"/>
    </row>
    <row r="17592" spans="1:3" ht="19.2">
      <c r="A17592" s="2"/>
      <c r="B17592" s="2"/>
      <c r="C17592" s="2"/>
    </row>
    <row r="17593" spans="1:3" ht="19.2">
      <c r="A17593" s="2"/>
      <c r="B17593" s="2"/>
      <c r="C17593" s="2"/>
    </row>
    <row r="17594" spans="1:3" ht="19.2">
      <c r="A17594" s="2"/>
      <c r="B17594" s="2"/>
      <c r="C17594" s="2"/>
    </row>
    <row r="17595" spans="1:3" ht="19.2">
      <c r="A17595" s="2"/>
      <c r="B17595" s="2"/>
      <c r="C17595" s="2"/>
    </row>
    <row r="17596" spans="1:3" ht="19.2">
      <c r="A17596" s="2"/>
      <c r="B17596" s="2"/>
      <c r="C17596" s="2"/>
    </row>
    <row r="17597" spans="1:3" ht="19.2">
      <c r="A17597" s="2"/>
      <c r="B17597" s="2"/>
      <c r="C17597" s="2"/>
    </row>
    <row r="17598" spans="1:3" ht="19.2">
      <c r="A17598" s="2"/>
      <c r="B17598" s="2"/>
      <c r="C17598" s="2"/>
    </row>
    <row r="17599" spans="1:3" ht="19.2">
      <c r="A17599" s="2"/>
      <c r="B17599" s="2"/>
      <c r="C17599" s="2"/>
    </row>
    <row r="17600" spans="1:3" ht="19.2">
      <c r="A17600" s="2"/>
      <c r="B17600" s="2"/>
      <c r="C17600" s="2"/>
    </row>
    <row r="17601" spans="1:3" ht="19.2">
      <c r="A17601" s="2"/>
      <c r="B17601" s="2"/>
      <c r="C17601" s="2"/>
    </row>
    <row r="17602" spans="1:3" ht="19.2">
      <c r="A17602" s="2"/>
      <c r="B17602" s="2"/>
      <c r="C17602" s="2"/>
    </row>
    <row r="17603" spans="1:3" ht="19.2">
      <c r="A17603" s="2"/>
      <c r="B17603" s="2"/>
      <c r="C17603" s="2"/>
    </row>
    <row r="17604" spans="1:3" ht="19.2">
      <c r="A17604" s="2"/>
      <c r="B17604" s="2"/>
      <c r="C17604" s="2"/>
    </row>
    <row r="17605" spans="1:3" ht="19.2">
      <c r="A17605" s="2"/>
      <c r="B17605" s="2"/>
      <c r="C17605" s="2"/>
    </row>
    <row r="17606" spans="1:3" ht="19.2">
      <c r="A17606" s="2"/>
      <c r="B17606" s="2"/>
      <c r="C17606" s="2"/>
    </row>
    <row r="17607" spans="1:3" ht="19.2">
      <c r="A17607" s="2"/>
      <c r="B17607" s="2"/>
      <c r="C17607" s="2"/>
    </row>
    <row r="17608" spans="1:3" ht="19.2">
      <c r="A17608" s="2"/>
      <c r="B17608" s="2"/>
      <c r="C17608" s="2"/>
    </row>
    <row r="17609" spans="1:3" ht="19.2">
      <c r="A17609" s="2"/>
      <c r="B17609" s="2"/>
      <c r="C17609" s="2"/>
    </row>
    <row r="17610" spans="1:3" ht="19.2">
      <c r="A17610" s="2"/>
      <c r="B17610" s="2"/>
      <c r="C17610" s="2"/>
    </row>
    <row r="17611" spans="1:3" ht="19.2">
      <c r="A17611" s="2"/>
      <c r="B17611" s="2"/>
      <c r="C17611" s="2"/>
    </row>
    <row r="17612" spans="1:3" ht="19.2">
      <c r="A17612" s="2"/>
      <c r="B17612" s="2"/>
      <c r="C17612" s="2"/>
    </row>
    <row r="17613" spans="1:3" ht="19.2">
      <c r="A17613" s="2"/>
      <c r="B17613" s="2"/>
      <c r="C17613" s="2"/>
    </row>
    <row r="17614" spans="1:3" ht="19.2">
      <c r="A17614" s="2"/>
      <c r="B17614" s="2"/>
      <c r="C17614" s="2"/>
    </row>
    <row r="17615" spans="1:3" ht="19.2">
      <c r="A17615" s="2"/>
      <c r="B17615" s="2"/>
      <c r="C17615" s="2"/>
    </row>
    <row r="17616" spans="1:3" ht="19.2">
      <c r="A17616" s="2"/>
      <c r="B17616" s="2"/>
      <c r="C17616" s="2"/>
    </row>
    <row r="17617" spans="1:3" ht="19.2">
      <c r="A17617" s="2"/>
      <c r="B17617" s="2"/>
      <c r="C17617" s="2"/>
    </row>
    <row r="17618" spans="1:3" ht="19.2">
      <c r="A17618" s="2"/>
      <c r="B17618" s="2"/>
      <c r="C17618" s="2"/>
    </row>
    <row r="17619" spans="1:3" ht="19.2">
      <c r="A17619" s="2"/>
      <c r="B17619" s="2"/>
      <c r="C17619" s="2"/>
    </row>
    <row r="17620" spans="1:3" ht="19.2">
      <c r="A17620" s="2"/>
      <c r="B17620" s="2"/>
      <c r="C17620" s="2"/>
    </row>
    <row r="17621" spans="1:3" ht="19.2">
      <c r="A17621" s="2"/>
      <c r="B17621" s="2"/>
      <c r="C17621" s="2"/>
    </row>
    <row r="17622" spans="1:3" ht="19.2">
      <c r="A17622" s="2"/>
      <c r="B17622" s="2"/>
      <c r="C17622" s="2"/>
    </row>
    <row r="17623" spans="1:3" ht="19.2">
      <c r="A17623" s="2"/>
      <c r="B17623" s="2"/>
      <c r="C17623" s="2"/>
    </row>
    <row r="17624" spans="1:3" ht="19.2">
      <c r="A17624" s="2"/>
      <c r="B17624" s="2"/>
      <c r="C17624" s="2"/>
    </row>
    <row r="17625" spans="1:3" ht="19.2">
      <c r="A17625" s="2"/>
      <c r="B17625" s="2"/>
      <c r="C17625" s="2"/>
    </row>
    <row r="17626" spans="1:3" ht="19.2">
      <c r="A17626" s="2"/>
      <c r="B17626" s="2"/>
      <c r="C17626" s="2"/>
    </row>
    <row r="17627" spans="1:3" ht="19.2">
      <c r="A17627" s="2"/>
      <c r="B17627" s="2"/>
      <c r="C17627" s="2"/>
    </row>
    <row r="17628" spans="1:3" ht="19.2">
      <c r="A17628" s="2"/>
      <c r="B17628" s="2"/>
      <c r="C17628" s="2"/>
    </row>
    <row r="17629" spans="1:3" ht="19.2">
      <c r="A17629" s="2"/>
      <c r="B17629" s="2"/>
      <c r="C17629" s="2"/>
    </row>
    <row r="17630" spans="1:3" ht="19.2">
      <c r="A17630" s="2"/>
      <c r="B17630" s="2"/>
      <c r="C17630" s="2"/>
    </row>
    <row r="17631" spans="1:3" ht="19.2">
      <c r="A17631" s="2"/>
      <c r="B17631" s="2"/>
      <c r="C17631" s="2"/>
    </row>
    <row r="17632" spans="1:3" ht="19.2">
      <c r="A17632" s="2"/>
      <c r="B17632" s="2"/>
      <c r="C17632" s="2"/>
    </row>
    <row r="17633" spans="1:3" ht="19.2">
      <c r="A17633" s="2"/>
      <c r="B17633" s="2"/>
      <c r="C17633" s="2"/>
    </row>
    <row r="17634" spans="1:3" ht="19.2">
      <c r="A17634" s="2"/>
      <c r="B17634" s="2"/>
      <c r="C17634" s="2"/>
    </row>
    <row r="17635" spans="1:3" ht="19.2">
      <c r="A17635" s="2"/>
      <c r="B17635" s="2"/>
      <c r="C17635" s="2"/>
    </row>
    <row r="17636" spans="1:3" ht="19.2">
      <c r="A17636" s="2"/>
      <c r="B17636" s="2"/>
      <c r="C17636" s="2"/>
    </row>
    <row r="17637" spans="1:3" ht="19.2">
      <c r="A17637" s="2"/>
      <c r="B17637" s="2"/>
      <c r="C17637" s="2"/>
    </row>
    <row r="17638" spans="1:3" ht="19.2">
      <c r="A17638" s="2"/>
      <c r="B17638" s="2"/>
      <c r="C17638" s="2"/>
    </row>
    <row r="17639" spans="1:3" ht="19.2">
      <c r="A17639" s="2"/>
      <c r="B17639" s="2"/>
      <c r="C17639" s="2"/>
    </row>
    <row r="17640" spans="1:3" ht="19.2">
      <c r="A17640" s="2"/>
      <c r="B17640" s="2"/>
      <c r="C17640" s="2"/>
    </row>
    <row r="17641" spans="1:3" ht="19.2">
      <c r="A17641" s="2"/>
      <c r="B17641" s="2"/>
      <c r="C17641" s="2"/>
    </row>
    <row r="17642" spans="1:3" ht="19.2">
      <c r="A17642" s="2"/>
      <c r="B17642" s="2"/>
      <c r="C17642" s="2"/>
    </row>
    <row r="17643" spans="1:3" ht="19.2">
      <c r="A17643" s="2"/>
      <c r="B17643" s="2"/>
      <c r="C17643" s="2"/>
    </row>
    <row r="17644" spans="1:3" ht="19.2">
      <c r="A17644" s="2"/>
      <c r="B17644" s="2"/>
      <c r="C17644" s="2"/>
    </row>
    <row r="17645" spans="1:3" ht="19.2">
      <c r="A17645" s="2"/>
      <c r="B17645" s="2"/>
      <c r="C17645" s="2"/>
    </row>
    <row r="17646" spans="1:3" ht="19.2">
      <c r="A17646" s="2"/>
      <c r="B17646" s="2"/>
      <c r="C17646" s="2"/>
    </row>
    <row r="17647" spans="1:3" ht="19.2">
      <c r="A17647" s="2"/>
      <c r="B17647" s="2"/>
      <c r="C17647" s="2"/>
    </row>
    <row r="17648" spans="1:3" ht="19.2">
      <c r="A17648" s="2"/>
      <c r="B17648" s="2"/>
      <c r="C17648" s="2"/>
    </row>
    <row r="17649" spans="1:3" ht="19.2">
      <c r="A17649" s="2"/>
      <c r="B17649" s="2"/>
      <c r="C17649" s="2"/>
    </row>
    <row r="17650" spans="1:3" ht="19.2">
      <c r="A17650" s="2"/>
      <c r="B17650" s="2"/>
      <c r="C17650" s="2"/>
    </row>
    <row r="17651" spans="1:3" ht="19.2">
      <c r="A17651" s="2"/>
      <c r="B17651" s="2"/>
      <c r="C17651" s="2"/>
    </row>
    <row r="17652" spans="1:3" ht="19.2">
      <c r="A17652" s="2"/>
      <c r="B17652" s="2"/>
      <c r="C17652" s="2"/>
    </row>
    <row r="17653" spans="1:3" ht="19.2">
      <c r="A17653" s="2"/>
      <c r="B17653" s="2"/>
      <c r="C17653" s="2"/>
    </row>
    <row r="17654" spans="1:3" ht="19.2">
      <c r="A17654" s="2"/>
      <c r="B17654" s="2"/>
      <c r="C17654" s="2"/>
    </row>
    <row r="17655" spans="1:3" ht="19.2">
      <c r="A17655" s="2"/>
      <c r="B17655" s="2"/>
      <c r="C17655" s="2"/>
    </row>
    <row r="17656" spans="1:3" ht="19.2">
      <c r="A17656" s="2"/>
      <c r="B17656" s="2"/>
      <c r="C17656" s="2"/>
    </row>
    <row r="17657" spans="1:3" ht="19.2">
      <c r="A17657" s="2"/>
      <c r="B17657" s="2"/>
      <c r="C17657" s="2"/>
    </row>
    <row r="17658" spans="1:3" ht="19.2">
      <c r="A17658" s="2"/>
      <c r="B17658" s="2"/>
      <c r="C17658" s="2"/>
    </row>
    <row r="17659" spans="1:3" ht="19.2">
      <c r="A17659" s="2"/>
      <c r="B17659" s="2"/>
      <c r="C17659" s="2"/>
    </row>
    <row r="17660" spans="1:3" ht="19.2">
      <c r="A17660" s="2"/>
      <c r="B17660" s="2"/>
      <c r="C17660" s="2"/>
    </row>
    <row r="17661" spans="1:3" ht="19.2">
      <c r="A17661" s="2"/>
      <c r="B17661" s="2"/>
      <c r="C17661" s="2"/>
    </row>
    <row r="17662" spans="1:3" ht="19.2">
      <c r="A17662" s="2"/>
      <c r="B17662" s="2"/>
      <c r="C17662" s="2"/>
    </row>
    <row r="17663" spans="1:3" ht="19.2">
      <c r="A17663" s="2"/>
      <c r="B17663" s="2"/>
      <c r="C17663" s="2"/>
    </row>
    <row r="17664" spans="1:3" ht="19.2">
      <c r="A17664" s="2"/>
      <c r="B17664" s="2"/>
      <c r="C17664" s="2"/>
    </row>
    <row r="17665" spans="1:3" ht="19.2">
      <c r="A17665" s="2"/>
      <c r="B17665" s="2"/>
      <c r="C17665" s="2"/>
    </row>
    <row r="17666" spans="1:3" ht="19.2">
      <c r="A17666" s="2"/>
      <c r="B17666" s="2"/>
      <c r="C17666" s="2"/>
    </row>
    <row r="17667" spans="1:3" ht="19.2">
      <c r="A17667" s="2"/>
      <c r="B17667" s="2"/>
      <c r="C17667" s="2"/>
    </row>
    <row r="17668" spans="1:3" ht="19.2">
      <c r="A17668" s="2"/>
      <c r="B17668" s="2"/>
      <c r="C17668" s="2"/>
    </row>
    <row r="17669" spans="1:3" ht="19.2">
      <c r="A17669" s="2"/>
      <c r="B17669" s="2"/>
      <c r="C17669" s="2"/>
    </row>
    <row r="17670" spans="1:3" ht="19.2">
      <c r="A17670" s="2"/>
      <c r="B17670" s="2"/>
      <c r="C17670" s="2"/>
    </row>
    <row r="17671" spans="1:3" ht="19.2">
      <c r="A17671" s="2"/>
      <c r="B17671" s="2"/>
      <c r="C17671" s="2"/>
    </row>
    <row r="17672" spans="1:3" ht="19.2">
      <c r="A17672" s="2"/>
      <c r="B17672" s="2"/>
      <c r="C17672" s="2"/>
    </row>
    <row r="17673" spans="1:3" ht="19.2">
      <c r="A17673" s="2"/>
      <c r="B17673" s="2"/>
      <c r="C17673" s="2"/>
    </row>
    <row r="17674" spans="1:3" ht="19.2">
      <c r="A17674" s="2"/>
      <c r="B17674" s="2"/>
      <c r="C17674" s="2"/>
    </row>
    <row r="17675" spans="1:3" ht="19.2">
      <c r="A17675" s="2"/>
      <c r="B17675" s="2"/>
      <c r="C17675" s="2"/>
    </row>
    <row r="17676" spans="1:3" ht="19.2">
      <c r="A17676" s="2"/>
      <c r="B17676" s="2"/>
      <c r="C17676" s="2"/>
    </row>
    <row r="17677" spans="1:3" ht="19.2">
      <c r="A17677" s="2"/>
      <c r="B17677" s="2"/>
      <c r="C17677" s="2"/>
    </row>
    <row r="17678" spans="1:3" ht="19.2">
      <c r="A17678" s="2"/>
      <c r="B17678" s="2"/>
      <c r="C17678" s="2"/>
    </row>
    <row r="17679" spans="1:3" ht="19.2">
      <c r="A17679" s="2"/>
      <c r="B17679" s="2"/>
      <c r="C17679" s="2"/>
    </row>
    <row r="17680" spans="1:3" ht="19.2">
      <c r="A17680" s="2"/>
      <c r="B17680" s="2"/>
      <c r="C17680" s="2"/>
    </row>
    <row r="17681" spans="1:3" ht="19.2">
      <c r="A17681" s="2"/>
      <c r="B17681" s="2"/>
      <c r="C17681" s="2"/>
    </row>
    <row r="17682" spans="1:3" ht="19.2">
      <c r="A17682" s="2"/>
      <c r="B17682" s="2"/>
      <c r="C17682" s="2"/>
    </row>
    <row r="17683" spans="1:3" ht="19.2">
      <c r="A17683" s="2"/>
      <c r="B17683" s="2"/>
      <c r="C17683" s="2"/>
    </row>
    <row r="17684" spans="1:3" ht="19.2">
      <c r="A17684" s="2"/>
      <c r="B17684" s="2"/>
      <c r="C17684" s="2"/>
    </row>
    <row r="17685" spans="1:3" ht="19.2">
      <c r="A17685" s="2"/>
      <c r="B17685" s="2"/>
      <c r="C17685" s="2"/>
    </row>
    <row r="17686" spans="1:3" ht="19.2">
      <c r="A17686" s="2"/>
      <c r="B17686" s="2"/>
      <c r="C17686" s="2"/>
    </row>
    <row r="17687" spans="1:3" ht="19.2">
      <c r="A17687" s="2"/>
      <c r="B17687" s="2"/>
      <c r="C17687" s="2"/>
    </row>
    <row r="17688" spans="1:3" ht="19.2">
      <c r="A17688" s="2"/>
      <c r="B17688" s="2"/>
      <c r="C17688" s="2"/>
    </row>
    <row r="17689" spans="1:3" ht="19.2">
      <c r="A17689" s="2"/>
      <c r="B17689" s="2"/>
      <c r="C17689" s="2"/>
    </row>
    <row r="17690" spans="1:3" ht="19.2">
      <c r="A17690" s="2"/>
      <c r="B17690" s="2"/>
      <c r="C17690" s="2"/>
    </row>
    <row r="17691" spans="1:3" ht="19.2">
      <c r="A17691" s="2"/>
      <c r="B17691" s="2"/>
      <c r="C17691" s="2"/>
    </row>
    <row r="17692" spans="1:3" ht="19.2">
      <c r="A17692" s="2"/>
      <c r="B17692" s="2"/>
      <c r="C17692" s="2"/>
    </row>
    <row r="17693" spans="1:3" ht="19.2">
      <c r="A17693" s="2"/>
      <c r="B17693" s="2"/>
      <c r="C17693" s="2"/>
    </row>
    <row r="17694" spans="1:3" ht="19.2">
      <c r="A17694" s="2"/>
      <c r="B17694" s="2"/>
      <c r="C17694" s="2"/>
    </row>
    <row r="17695" spans="1:3" ht="19.2">
      <c r="A17695" s="2"/>
      <c r="B17695" s="2"/>
      <c r="C17695" s="2"/>
    </row>
    <row r="17696" spans="1:3" ht="19.2">
      <c r="A17696" s="2"/>
      <c r="B17696" s="2"/>
      <c r="C17696" s="2"/>
    </row>
    <row r="17697" spans="1:3" ht="19.2">
      <c r="A17697" s="2"/>
      <c r="B17697" s="2"/>
      <c r="C17697" s="2"/>
    </row>
    <row r="17698" spans="1:3" ht="19.2">
      <c r="A17698" s="2"/>
      <c r="B17698" s="2"/>
      <c r="C17698" s="2"/>
    </row>
    <row r="17699" spans="1:3" ht="19.2">
      <c r="A17699" s="2"/>
      <c r="B17699" s="2"/>
      <c r="C17699" s="2"/>
    </row>
    <row r="17700" spans="1:3" ht="19.2">
      <c r="A17700" s="2"/>
      <c r="B17700" s="2"/>
      <c r="C17700" s="2"/>
    </row>
    <row r="17701" spans="1:3" ht="19.2">
      <c r="A17701" s="2"/>
      <c r="B17701" s="2"/>
      <c r="C17701" s="2"/>
    </row>
    <row r="17702" spans="1:3" ht="19.2">
      <c r="A17702" s="2"/>
      <c r="B17702" s="2"/>
      <c r="C17702" s="2"/>
    </row>
    <row r="17703" spans="1:3" ht="19.2">
      <c r="A17703" s="2"/>
      <c r="B17703" s="2"/>
      <c r="C17703" s="2"/>
    </row>
    <row r="17704" spans="1:3" ht="19.2">
      <c r="A17704" s="2"/>
      <c r="B17704" s="2"/>
      <c r="C17704" s="2"/>
    </row>
    <row r="17705" spans="1:3" ht="19.2">
      <c r="A17705" s="2"/>
      <c r="B17705" s="2"/>
      <c r="C17705" s="2"/>
    </row>
    <row r="17706" spans="1:3" ht="19.2">
      <c r="A17706" s="2"/>
      <c r="B17706" s="2"/>
      <c r="C17706" s="2"/>
    </row>
    <row r="17707" spans="1:3" ht="19.2">
      <c r="A17707" s="2"/>
      <c r="B17707" s="2"/>
      <c r="C17707" s="2"/>
    </row>
    <row r="17708" spans="1:3" ht="19.2">
      <c r="A17708" s="2"/>
      <c r="B17708" s="2"/>
      <c r="C17708" s="2"/>
    </row>
    <row r="17709" spans="1:3" ht="19.2">
      <c r="A17709" s="2"/>
      <c r="B17709" s="2"/>
      <c r="C17709" s="2"/>
    </row>
    <row r="17710" spans="1:3" ht="19.2">
      <c r="A17710" s="2"/>
      <c r="B17710" s="2"/>
      <c r="C17710" s="2"/>
    </row>
    <row r="17711" spans="1:3" ht="19.2">
      <c r="A17711" s="2"/>
      <c r="B17711" s="2"/>
      <c r="C17711" s="2"/>
    </row>
    <row r="17712" spans="1:3" ht="19.2">
      <c r="A17712" s="2"/>
      <c r="B17712" s="2"/>
      <c r="C17712" s="2"/>
    </row>
    <row r="17713" spans="1:3" ht="19.2">
      <c r="A17713" s="2"/>
      <c r="B17713" s="2"/>
      <c r="C17713" s="2"/>
    </row>
    <row r="17714" spans="1:3" ht="19.2">
      <c r="A17714" s="2"/>
      <c r="B17714" s="2"/>
      <c r="C17714" s="2"/>
    </row>
    <row r="17715" spans="1:3" ht="19.2">
      <c r="A17715" s="2"/>
      <c r="B17715" s="2"/>
      <c r="C17715" s="2"/>
    </row>
    <row r="17716" spans="1:3" ht="19.2">
      <c r="A17716" s="2"/>
      <c r="B17716" s="2"/>
      <c r="C17716" s="2"/>
    </row>
    <row r="17717" spans="1:3" ht="19.2">
      <c r="A17717" s="2"/>
      <c r="B17717" s="2"/>
      <c r="C17717" s="2"/>
    </row>
    <row r="17718" spans="1:3" ht="19.2">
      <c r="A17718" s="2"/>
      <c r="B17718" s="2"/>
      <c r="C17718" s="2"/>
    </row>
    <row r="17719" spans="1:3" ht="19.2">
      <c r="A17719" s="2"/>
      <c r="B17719" s="2"/>
      <c r="C17719" s="2"/>
    </row>
    <row r="17720" spans="1:3" ht="19.2">
      <c r="A17720" s="2"/>
      <c r="B17720" s="2"/>
      <c r="C17720" s="2"/>
    </row>
    <row r="17721" spans="1:3" ht="19.2">
      <c r="A17721" s="2"/>
      <c r="B17721" s="2"/>
      <c r="C17721" s="2"/>
    </row>
    <row r="17722" spans="1:3" ht="19.2">
      <c r="A17722" s="2"/>
      <c r="B17722" s="2"/>
      <c r="C17722" s="2"/>
    </row>
    <row r="17723" spans="1:3" ht="19.2">
      <c r="A17723" s="2"/>
      <c r="B17723" s="2"/>
      <c r="C17723" s="2"/>
    </row>
    <row r="17724" spans="1:3" ht="19.2">
      <c r="A17724" s="2"/>
      <c r="B17724" s="2"/>
      <c r="C17724" s="2"/>
    </row>
    <row r="17725" spans="1:3" ht="19.2">
      <c r="A17725" s="2"/>
      <c r="B17725" s="2"/>
      <c r="C17725" s="2"/>
    </row>
    <row r="17726" spans="1:3" ht="19.2">
      <c r="A17726" s="2"/>
      <c r="B17726" s="2"/>
      <c r="C17726" s="2"/>
    </row>
    <row r="17727" spans="1:3" ht="19.2">
      <c r="A17727" s="2"/>
      <c r="B17727" s="2"/>
      <c r="C17727" s="2"/>
    </row>
    <row r="17728" spans="1:3" ht="19.2">
      <c r="A17728" s="2"/>
      <c r="B17728" s="2"/>
      <c r="C17728" s="2"/>
    </row>
    <row r="17729" spans="1:3" ht="19.2">
      <c r="A17729" s="2"/>
      <c r="B17729" s="2"/>
      <c r="C17729" s="2"/>
    </row>
    <row r="17730" spans="1:3" ht="19.2">
      <c r="A17730" s="2"/>
      <c r="B17730" s="2"/>
      <c r="C17730" s="2"/>
    </row>
    <row r="17731" spans="1:3" ht="19.2">
      <c r="A17731" s="2"/>
      <c r="B17731" s="2"/>
      <c r="C17731" s="2"/>
    </row>
    <row r="17732" spans="1:3" ht="19.2">
      <c r="A17732" s="2"/>
      <c r="B17732" s="2"/>
      <c r="C17732" s="2"/>
    </row>
    <row r="17733" spans="1:3" ht="19.2">
      <c r="A17733" s="2"/>
      <c r="B17733" s="2"/>
      <c r="C17733" s="2"/>
    </row>
    <row r="17734" spans="1:3" ht="19.2">
      <c r="A17734" s="2"/>
      <c r="B17734" s="2"/>
      <c r="C17734" s="2"/>
    </row>
    <row r="17735" spans="1:3" ht="19.2">
      <c r="A17735" s="2"/>
      <c r="B17735" s="2"/>
      <c r="C17735" s="2"/>
    </row>
    <row r="17736" spans="1:3" ht="19.2">
      <c r="A17736" s="2"/>
      <c r="B17736" s="2"/>
      <c r="C17736" s="2"/>
    </row>
    <row r="17737" spans="1:3" ht="19.2">
      <c r="A17737" s="2"/>
      <c r="B17737" s="2"/>
      <c r="C17737" s="2"/>
    </row>
    <row r="17738" spans="1:3" ht="19.2">
      <c r="A17738" s="2"/>
      <c r="B17738" s="2"/>
      <c r="C17738" s="2"/>
    </row>
    <row r="17739" spans="1:3" ht="19.2">
      <c r="A17739" s="2"/>
      <c r="B17739" s="2"/>
      <c r="C17739" s="2"/>
    </row>
    <row r="17740" spans="1:3" ht="19.2">
      <c r="A17740" s="2"/>
      <c r="B17740" s="2"/>
      <c r="C17740" s="2"/>
    </row>
    <row r="17741" spans="1:3" ht="19.2">
      <c r="A17741" s="2"/>
      <c r="B17741" s="2"/>
      <c r="C17741" s="2"/>
    </row>
    <row r="17742" spans="1:3" ht="19.2">
      <c r="A17742" s="2"/>
      <c r="B17742" s="2"/>
      <c r="C17742" s="2"/>
    </row>
    <row r="17743" spans="1:3" ht="19.2">
      <c r="A17743" s="2"/>
      <c r="B17743" s="2"/>
      <c r="C17743" s="2"/>
    </row>
    <row r="17744" spans="1:3" ht="19.2">
      <c r="A17744" s="2"/>
      <c r="B17744" s="2"/>
      <c r="C17744" s="2"/>
    </row>
    <row r="17745" spans="1:3" ht="19.2">
      <c r="A17745" s="2"/>
      <c r="B17745" s="2"/>
      <c r="C17745" s="2"/>
    </row>
    <row r="17746" spans="1:3" ht="19.2">
      <c r="A17746" s="2"/>
      <c r="B17746" s="2"/>
      <c r="C17746" s="2"/>
    </row>
    <row r="17747" spans="1:3" ht="19.2">
      <c r="A17747" s="2"/>
      <c r="B17747" s="2"/>
      <c r="C17747" s="2"/>
    </row>
    <row r="17748" spans="1:3" ht="19.2">
      <c r="A17748" s="2"/>
      <c r="B17748" s="2"/>
      <c r="C17748" s="2"/>
    </row>
    <row r="17749" spans="1:3" ht="19.2">
      <c r="A17749" s="2"/>
      <c r="B17749" s="2"/>
      <c r="C17749" s="2"/>
    </row>
    <row r="17750" spans="1:3" ht="19.2">
      <c r="A17750" s="2"/>
      <c r="B17750" s="2"/>
      <c r="C17750" s="2"/>
    </row>
    <row r="17751" spans="1:3" ht="19.2">
      <c r="A17751" s="2"/>
      <c r="B17751" s="2"/>
      <c r="C17751" s="2"/>
    </row>
    <row r="17752" spans="1:3" ht="19.2">
      <c r="A17752" s="2"/>
      <c r="B17752" s="2"/>
      <c r="C17752" s="2"/>
    </row>
    <row r="17753" spans="1:3" ht="19.2">
      <c r="A17753" s="2"/>
      <c r="B17753" s="2"/>
      <c r="C17753" s="2"/>
    </row>
    <row r="17754" spans="1:3" ht="19.2">
      <c r="A17754" s="2"/>
      <c r="B17754" s="2"/>
      <c r="C17754" s="2"/>
    </row>
    <row r="17755" spans="1:3" ht="19.2">
      <c r="A17755" s="2"/>
      <c r="B17755" s="2"/>
      <c r="C17755" s="2"/>
    </row>
    <row r="17756" spans="1:3" ht="19.2">
      <c r="A17756" s="2"/>
      <c r="B17756" s="2"/>
      <c r="C17756" s="2"/>
    </row>
    <row r="17757" spans="1:3" ht="19.2">
      <c r="A17757" s="2"/>
      <c r="B17757" s="2"/>
      <c r="C17757" s="2"/>
    </row>
    <row r="17758" spans="1:3" ht="19.2">
      <c r="A17758" s="2"/>
      <c r="B17758" s="2"/>
      <c r="C17758" s="2"/>
    </row>
    <row r="17759" spans="1:3" ht="19.2">
      <c r="A17759" s="2"/>
      <c r="B17759" s="2"/>
      <c r="C17759" s="2"/>
    </row>
    <row r="17760" spans="1:3" ht="19.2">
      <c r="A17760" s="2"/>
      <c r="B17760" s="2"/>
      <c r="C17760" s="2"/>
    </row>
    <row r="17761" spans="1:3" ht="19.2">
      <c r="A17761" s="2"/>
      <c r="B17761" s="2"/>
      <c r="C17761" s="2"/>
    </row>
    <row r="17762" spans="1:3" ht="19.2">
      <c r="A17762" s="2"/>
      <c r="B17762" s="2"/>
      <c r="C17762" s="2"/>
    </row>
    <row r="17763" spans="1:3" ht="19.2">
      <c r="A17763" s="2"/>
      <c r="B17763" s="2"/>
      <c r="C17763" s="2"/>
    </row>
    <row r="17764" spans="1:3" ht="19.2">
      <c r="A17764" s="2"/>
      <c r="B17764" s="2"/>
      <c r="C17764" s="2"/>
    </row>
    <row r="17765" spans="1:3" ht="19.2">
      <c r="A17765" s="2"/>
      <c r="B17765" s="2"/>
      <c r="C17765" s="2"/>
    </row>
    <row r="17766" spans="1:3" ht="19.2">
      <c r="A17766" s="2"/>
      <c r="B17766" s="2"/>
      <c r="C17766" s="2"/>
    </row>
    <row r="17767" spans="1:3" ht="19.2">
      <c r="A17767" s="2"/>
      <c r="B17767" s="2"/>
      <c r="C17767" s="2"/>
    </row>
    <row r="17768" spans="1:3" ht="19.2">
      <c r="A17768" s="2"/>
      <c r="B17768" s="2"/>
      <c r="C17768" s="2"/>
    </row>
    <row r="17769" spans="1:3" ht="19.2">
      <c r="A17769" s="2"/>
      <c r="B17769" s="2"/>
      <c r="C17769" s="2"/>
    </row>
    <row r="17770" spans="1:3" ht="19.2">
      <c r="A17770" s="2"/>
      <c r="B17770" s="2"/>
      <c r="C17770" s="2"/>
    </row>
    <row r="17771" spans="1:3" ht="19.2">
      <c r="A17771" s="2"/>
      <c r="B17771" s="2"/>
      <c r="C17771" s="2"/>
    </row>
    <row r="17772" spans="1:3" ht="19.2">
      <c r="A17772" s="2"/>
      <c r="B17772" s="2"/>
      <c r="C17772" s="2"/>
    </row>
    <row r="17773" spans="1:3" ht="19.2">
      <c r="A17773" s="2"/>
      <c r="B17773" s="2"/>
      <c r="C17773" s="2"/>
    </row>
    <row r="17774" spans="1:3" ht="19.2">
      <c r="A17774" s="2"/>
      <c r="B17774" s="2"/>
      <c r="C17774" s="2"/>
    </row>
    <row r="17775" spans="1:3" ht="19.2">
      <c r="A17775" s="2"/>
      <c r="B17775" s="2"/>
      <c r="C17775" s="2"/>
    </row>
    <row r="17776" spans="1:3" ht="19.2">
      <c r="A17776" s="2"/>
      <c r="B17776" s="2"/>
      <c r="C17776" s="2"/>
    </row>
    <row r="17777" spans="1:3" ht="19.2">
      <c r="A17777" s="2"/>
      <c r="B17777" s="2"/>
      <c r="C17777" s="2"/>
    </row>
    <row r="17778" spans="1:3" ht="19.2">
      <c r="A17778" s="2"/>
      <c r="B17778" s="2"/>
      <c r="C17778" s="2"/>
    </row>
    <row r="17779" spans="1:3" ht="19.2">
      <c r="A17779" s="2"/>
      <c r="B17779" s="2"/>
      <c r="C17779" s="2"/>
    </row>
    <row r="17780" spans="1:3" ht="19.2">
      <c r="A17780" s="2"/>
      <c r="B17780" s="2"/>
      <c r="C17780" s="2"/>
    </row>
    <row r="17781" spans="1:3" ht="19.2">
      <c r="A17781" s="2"/>
      <c r="B17781" s="2"/>
      <c r="C17781" s="2"/>
    </row>
    <row r="17782" spans="1:3" ht="19.2">
      <c r="A17782" s="2"/>
      <c r="B17782" s="2"/>
      <c r="C17782" s="2"/>
    </row>
    <row r="17783" spans="1:3" ht="19.2">
      <c r="A17783" s="2"/>
      <c r="B17783" s="2"/>
      <c r="C17783" s="2"/>
    </row>
    <row r="17784" spans="1:3" ht="19.2">
      <c r="A17784" s="2"/>
      <c r="B17784" s="2"/>
      <c r="C17784" s="2"/>
    </row>
    <row r="17785" spans="1:3" ht="19.2">
      <c r="A17785" s="2"/>
      <c r="B17785" s="2"/>
      <c r="C17785" s="2"/>
    </row>
    <row r="17786" spans="1:3" ht="19.2">
      <c r="A17786" s="2"/>
      <c r="B17786" s="2"/>
      <c r="C17786" s="2"/>
    </row>
    <row r="17787" spans="1:3" ht="19.2">
      <c r="A17787" s="2"/>
      <c r="B17787" s="2"/>
      <c r="C17787" s="2"/>
    </row>
    <row r="17788" spans="1:3" ht="19.2">
      <c r="A17788" s="2"/>
      <c r="B17788" s="2"/>
      <c r="C17788" s="2"/>
    </row>
    <row r="17789" spans="1:3" ht="19.2">
      <c r="A17789" s="2"/>
      <c r="B17789" s="2"/>
      <c r="C17789" s="2"/>
    </row>
    <row r="17790" spans="1:3" ht="19.2">
      <c r="A17790" s="2"/>
      <c r="B17790" s="2"/>
      <c r="C17790" s="2"/>
    </row>
    <row r="17791" spans="1:3" ht="19.2">
      <c r="A17791" s="2"/>
      <c r="B17791" s="2"/>
      <c r="C17791" s="2"/>
    </row>
    <row r="17792" spans="1:3" ht="19.2">
      <c r="A17792" s="2"/>
      <c r="B17792" s="2"/>
      <c r="C17792" s="2"/>
    </row>
    <row r="17793" spans="1:3" ht="19.2">
      <c r="A17793" s="2"/>
      <c r="B17793" s="2"/>
      <c r="C17793" s="2"/>
    </row>
    <row r="17794" spans="1:3" ht="19.2">
      <c r="A17794" s="2"/>
      <c r="B17794" s="2"/>
      <c r="C17794" s="2"/>
    </row>
    <row r="17795" spans="1:3" ht="19.2">
      <c r="A17795" s="2"/>
      <c r="B17795" s="2"/>
      <c r="C17795" s="2"/>
    </row>
    <row r="17796" spans="1:3" ht="19.2">
      <c r="A17796" s="2"/>
      <c r="B17796" s="2"/>
      <c r="C17796" s="2"/>
    </row>
    <row r="17797" spans="1:3" ht="19.2">
      <c r="A17797" s="2"/>
      <c r="B17797" s="2"/>
      <c r="C17797" s="2"/>
    </row>
    <row r="17798" spans="1:3" ht="19.2">
      <c r="A17798" s="2"/>
      <c r="B17798" s="2"/>
      <c r="C17798" s="2"/>
    </row>
    <row r="17799" spans="1:3" ht="19.2">
      <c r="A17799" s="2"/>
      <c r="B17799" s="2"/>
      <c r="C17799" s="2"/>
    </row>
    <row r="17800" spans="1:3" ht="19.2">
      <c r="A17800" s="2"/>
      <c r="B17800" s="2"/>
      <c r="C17800" s="2"/>
    </row>
    <row r="17801" spans="1:3" ht="19.2">
      <c r="A17801" s="2"/>
      <c r="B17801" s="2"/>
      <c r="C17801" s="2"/>
    </row>
    <row r="17802" spans="1:3" ht="19.2">
      <c r="A17802" s="2"/>
      <c r="B17802" s="2"/>
      <c r="C17802" s="2"/>
    </row>
    <row r="17803" spans="1:3" ht="19.2">
      <c r="A17803" s="2"/>
      <c r="B17803" s="2"/>
      <c r="C17803" s="2"/>
    </row>
    <row r="17804" spans="1:3" ht="19.2">
      <c r="A17804" s="2"/>
      <c r="B17804" s="2"/>
      <c r="C17804" s="2"/>
    </row>
    <row r="17805" spans="1:3" ht="19.2">
      <c r="A17805" s="2"/>
      <c r="B17805" s="2"/>
      <c r="C17805" s="2"/>
    </row>
    <row r="17806" spans="1:3" ht="19.2">
      <c r="A17806" s="2"/>
      <c r="B17806" s="2"/>
      <c r="C17806" s="2"/>
    </row>
    <row r="17807" spans="1:3" ht="19.2">
      <c r="A17807" s="2"/>
      <c r="B17807" s="2"/>
      <c r="C17807" s="2"/>
    </row>
    <row r="17808" spans="1:3" ht="19.2">
      <c r="A17808" s="2"/>
      <c r="B17808" s="2"/>
      <c r="C17808" s="2"/>
    </row>
    <row r="17809" spans="1:3" ht="19.2">
      <c r="A17809" s="2"/>
      <c r="B17809" s="2"/>
      <c r="C17809" s="2"/>
    </row>
    <row r="17810" spans="1:3" ht="19.2">
      <c r="A17810" s="2"/>
      <c r="B17810" s="2"/>
      <c r="C17810" s="2"/>
    </row>
    <row r="17811" spans="1:3" ht="19.2">
      <c r="A17811" s="2"/>
      <c r="B17811" s="2"/>
      <c r="C17811" s="2"/>
    </row>
    <row r="17812" spans="1:3" ht="19.2">
      <c r="A17812" s="2"/>
      <c r="B17812" s="2"/>
      <c r="C17812" s="2"/>
    </row>
    <row r="17813" spans="1:3" ht="19.2">
      <c r="A17813" s="2"/>
      <c r="B17813" s="2"/>
      <c r="C17813" s="2"/>
    </row>
    <row r="17814" spans="1:3" ht="19.2">
      <c r="A17814" s="2"/>
      <c r="B17814" s="2"/>
      <c r="C17814" s="2"/>
    </row>
    <row r="17815" spans="1:3" ht="19.2">
      <c r="A17815" s="2"/>
      <c r="B17815" s="2"/>
      <c r="C17815" s="2"/>
    </row>
    <row r="17816" spans="1:3" ht="19.2">
      <c r="A17816" s="2"/>
      <c r="B17816" s="2"/>
      <c r="C17816" s="2"/>
    </row>
    <row r="17817" spans="1:3" ht="19.2">
      <c r="A17817" s="2"/>
      <c r="B17817" s="2"/>
      <c r="C17817" s="2"/>
    </row>
    <row r="17818" spans="1:3" ht="19.2">
      <c r="A17818" s="2"/>
      <c r="B17818" s="2"/>
      <c r="C17818" s="2"/>
    </row>
    <row r="17819" spans="1:3" ht="19.2">
      <c r="A17819" s="2"/>
      <c r="B17819" s="2"/>
      <c r="C17819" s="2"/>
    </row>
    <row r="17820" spans="1:3" ht="19.2">
      <c r="A17820" s="2"/>
      <c r="B17820" s="2"/>
      <c r="C17820" s="2"/>
    </row>
    <row r="17821" spans="1:3" ht="19.2">
      <c r="A17821" s="2"/>
      <c r="B17821" s="2"/>
      <c r="C17821" s="2"/>
    </row>
    <row r="17822" spans="1:3" ht="19.2">
      <c r="A17822" s="2"/>
      <c r="B17822" s="2"/>
      <c r="C17822" s="2"/>
    </row>
    <row r="17823" spans="1:3" ht="19.2">
      <c r="A17823" s="2"/>
      <c r="B17823" s="2"/>
      <c r="C17823" s="2"/>
    </row>
    <row r="17824" spans="1:3" ht="19.2">
      <c r="A17824" s="2"/>
      <c r="B17824" s="2"/>
      <c r="C17824" s="2"/>
    </row>
    <row r="17825" spans="1:3" ht="19.2">
      <c r="A17825" s="2"/>
      <c r="B17825" s="2"/>
      <c r="C17825" s="2"/>
    </row>
    <row r="17826" spans="1:3" ht="19.2">
      <c r="A17826" s="2"/>
      <c r="B17826" s="2"/>
      <c r="C17826" s="2"/>
    </row>
    <row r="17827" spans="1:3" ht="19.2">
      <c r="A17827" s="2"/>
      <c r="B17827" s="2"/>
      <c r="C17827" s="2"/>
    </row>
    <row r="17828" spans="1:3" ht="19.2">
      <c r="A17828" s="2"/>
      <c r="B17828" s="2"/>
      <c r="C17828" s="2"/>
    </row>
    <row r="17829" spans="1:3" ht="19.2">
      <c r="A17829" s="2"/>
      <c r="B17829" s="2"/>
      <c r="C17829" s="2"/>
    </row>
    <row r="17830" spans="1:3" ht="19.2">
      <c r="A17830" s="2"/>
      <c r="B17830" s="2"/>
      <c r="C17830" s="2"/>
    </row>
    <row r="17831" spans="1:3" ht="19.2">
      <c r="A17831" s="2"/>
      <c r="B17831" s="2"/>
      <c r="C17831" s="2"/>
    </row>
    <row r="17832" spans="1:3" ht="19.2">
      <c r="A17832" s="2"/>
      <c r="B17832" s="2"/>
      <c r="C17832" s="2"/>
    </row>
    <row r="17833" spans="1:3" ht="19.2">
      <c r="A17833" s="2"/>
      <c r="B17833" s="2"/>
      <c r="C17833" s="2"/>
    </row>
    <row r="17834" spans="1:3" ht="19.2">
      <c r="A17834" s="2"/>
      <c r="B17834" s="2"/>
      <c r="C17834" s="2"/>
    </row>
    <row r="17835" spans="1:3" ht="19.2">
      <c r="A17835" s="2"/>
      <c r="B17835" s="2"/>
      <c r="C17835" s="2"/>
    </row>
    <row r="17836" spans="1:3" ht="19.2">
      <c r="A17836" s="2"/>
      <c r="B17836" s="2"/>
      <c r="C17836" s="2"/>
    </row>
    <row r="17837" spans="1:3" ht="19.2">
      <c r="A17837" s="2"/>
      <c r="B17837" s="2"/>
      <c r="C17837" s="2"/>
    </row>
    <row r="17838" spans="1:3" ht="19.2">
      <c r="A17838" s="2"/>
      <c r="B17838" s="2"/>
      <c r="C17838" s="2"/>
    </row>
    <row r="17839" spans="1:3" ht="19.2">
      <c r="A17839" s="2"/>
      <c r="B17839" s="2"/>
      <c r="C17839" s="2"/>
    </row>
    <row r="17840" spans="1:3" ht="19.2">
      <c r="A17840" s="2"/>
      <c r="B17840" s="2"/>
      <c r="C17840" s="2"/>
    </row>
    <row r="17841" spans="1:3" ht="19.2">
      <c r="A17841" s="2"/>
      <c r="B17841" s="2"/>
      <c r="C17841" s="2"/>
    </row>
    <row r="17842" spans="1:3" ht="19.2">
      <c r="A17842" s="2"/>
      <c r="B17842" s="2"/>
      <c r="C17842" s="2"/>
    </row>
    <row r="17843" spans="1:3" ht="19.2">
      <c r="A17843" s="2"/>
      <c r="B17843" s="2"/>
      <c r="C17843" s="2"/>
    </row>
    <row r="17844" spans="1:3" ht="19.2">
      <c r="A17844" s="2"/>
      <c r="B17844" s="2"/>
      <c r="C17844" s="2"/>
    </row>
    <row r="17845" spans="1:3" ht="19.2">
      <c r="A17845" s="2"/>
      <c r="B17845" s="2"/>
      <c r="C17845" s="2"/>
    </row>
    <row r="17846" spans="1:3" ht="19.2">
      <c r="A17846" s="2"/>
      <c r="B17846" s="2"/>
      <c r="C17846" s="2"/>
    </row>
    <row r="17847" spans="1:3" ht="19.2">
      <c r="A17847" s="2"/>
      <c r="B17847" s="2"/>
      <c r="C17847" s="2"/>
    </row>
    <row r="17848" spans="1:3" ht="19.2">
      <c r="A17848" s="2"/>
      <c r="B17848" s="2"/>
      <c r="C17848" s="2"/>
    </row>
    <row r="17849" spans="1:3" ht="19.2">
      <c r="A17849" s="2"/>
      <c r="B17849" s="2"/>
      <c r="C17849" s="2"/>
    </row>
    <row r="17850" spans="1:3" ht="19.2">
      <c r="A17850" s="2"/>
      <c r="B17850" s="2"/>
      <c r="C17850" s="2"/>
    </row>
    <row r="17851" spans="1:3" ht="19.2">
      <c r="A17851" s="2"/>
      <c r="B17851" s="2"/>
      <c r="C17851" s="2"/>
    </row>
    <row r="17852" spans="1:3" ht="19.2">
      <c r="A17852" s="2"/>
      <c r="B17852" s="2"/>
      <c r="C17852" s="2"/>
    </row>
    <row r="17853" spans="1:3" ht="19.2">
      <c r="A17853" s="2"/>
      <c r="B17853" s="2"/>
      <c r="C17853" s="2"/>
    </row>
    <row r="17854" spans="1:3" ht="19.2">
      <c r="A17854" s="2"/>
      <c r="B17854" s="2"/>
      <c r="C17854" s="2"/>
    </row>
    <row r="17855" spans="1:3" ht="19.2">
      <c r="A17855" s="2"/>
      <c r="B17855" s="2"/>
      <c r="C17855" s="2"/>
    </row>
    <row r="17856" spans="1:3" ht="19.2">
      <c r="A17856" s="2"/>
      <c r="B17856" s="2"/>
      <c r="C17856" s="2"/>
    </row>
    <row r="17857" spans="1:3" ht="19.2">
      <c r="A17857" s="2"/>
      <c r="B17857" s="2"/>
      <c r="C17857" s="2"/>
    </row>
    <row r="17858" spans="1:3" ht="19.2">
      <c r="A17858" s="2"/>
      <c r="B17858" s="2"/>
      <c r="C17858" s="2"/>
    </row>
    <row r="17859" spans="1:3" ht="19.2">
      <c r="A17859" s="2"/>
      <c r="B17859" s="2"/>
      <c r="C17859" s="2"/>
    </row>
    <row r="17860" spans="1:3" ht="19.2">
      <c r="A17860" s="2"/>
      <c r="B17860" s="2"/>
      <c r="C17860" s="2"/>
    </row>
    <row r="17861" spans="1:3" ht="19.2">
      <c r="A17861" s="2"/>
      <c r="B17861" s="2"/>
      <c r="C17861" s="2"/>
    </row>
    <row r="17862" spans="1:3" ht="19.2">
      <c r="A17862" s="2"/>
      <c r="B17862" s="2"/>
      <c r="C17862" s="2"/>
    </row>
    <row r="17863" spans="1:3" ht="19.2">
      <c r="A17863" s="2"/>
      <c r="B17863" s="2"/>
      <c r="C17863" s="2"/>
    </row>
    <row r="17864" spans="1:3" ht="19.2">
      <c r="A17864" s="2"/>
      <c r="B17864" s="2"/>
      <c r="C17864" s="2"/>
    </row>
    <row r="17865" spans="1:3" ht="19.2">
      <c r="A17865" s="2"/>
      <c r="B17865" s="2"/>
      <c r="C17865" s="2"/>
    </row>
    <row r="17866" spans="1:3" ht="19.2">
      <c r="A17866" s="2"/>
      <c r="B17866" s="2"/>
      <c r="C17866" s="2"/>
    </row>
    <row r="17867" spans="1:3" ht="19.2">
      <c r="A17867" s="2"/>
      <c r="B17867" s="2"/>
      <c r="C17867" s="2"/>
    </row>
    <row r="17868" spans="1:3" ht="19.2">
      <c r="A17868" s="2"/>
      <c r="B17868" s="2"/>
      <c r="C17868" s="2"/>
    </row>
    <row r="17869" spans="1:3" ht="19.2">
      <c r="A17869" s="2"/>
      <c r="B17869" s="2"/>
      <c r="C17869" s="2"/>
    </row>
    <row r="17870" spans="1:3" ht="19.2">
      <c r="A17870" s="2"/>
      <c r="B17870" s="2"/>
      <c r="C17870" s="2"/>
    </row>
    <row r="17871" spans="1:3" ht="19.2">
      <c r="A17871" s="2"/>
      <c r="B17871" s="2"/>
      <c r="C17871" s="2"/>
    </row>
    <row r="17872" spans="1:3" ht="19.2">
      <c r="A17872" s="2"/>
      <c r="B17872" s="2"/>
      <c r="C17872" s="2"/>
    </row>
    <row r="17873" spans="1:3" ht="19.2">
      <c r="A17873" s="2"/>
      <c r="B17873" s="2"/>
      <c r="C17873" s="2"/>
    </row>
    <row r="17874" spans="1:3" ht="19.2">
      <c r="A17874" s="2"/>
      <c r="B17874" s="2"/>
      <c r="C17874" s="2"/>
    </row>
    <row r="17875" spans="1:3" ht="19.2">
      <c r="A17875" s="2"/>
      <c r="B17875" s="2"/>
      <c r="C17875" s="2"/>
    </row>
    <row r="17876" spans="1:3" ht="19.2">
      <c r="A17876" s="2"/>
      <c r="B17876" s="2"/>
      <c r="C17876" s="2"/>
    </row>
    <row r="17877" spans="1:3" ht="19.2">
      <c r="A17877" s="2"/>
      <c r="B17877" s="2"/>
      <c r="C17877" s="2"/>
    </row>
    <row r="17878" spans="1:3" ht="19.2">
      <c r="A17878" s="2"/>
      <c r="B17878" s="2"/>
      <c r="C17878" s="2"/>
    </row>
    <row r="17879" spans="1:3" ht="19.2">
      <c r="A17879" s="2"/>
      <c r="B17879" s="2"/>
      <c r="C17879" s="2"/>
    </row>
    <row r="17880" spans="1:3" ht="19.2">
      <c r="A17880" s="2"/>
      <c r="B17880" s="2"/>
      <c r="C17880" s="2"/>
    </row>
    <row r="17881" spans="1:3" ht="19.2">
      <c r="A17881" s="2"/>
      <c r="B17881" s="2"/>
      <c r="C17881" s="2"/>
    </row>
    <row r="17882" spans="1:3" ht="19.2">
      <c r="A17882" s="2"/>
      <c r="B17882" s="2"/>
      <c r="C17882" s="2"/>
    </row>
    <row r="17883" spans="1:3" ht="19.2">
      <c r="A17883" s="2"/>
      <c r="B17883" s="2"/>
      <c r="C17883" s="2"/>
    </row>
    <row r="17884" spans="1:3" ht="19.2">
      <c r="A17884" s="2"/>
      <c r="B17884" s="2"/>
      <c r="C17884" s="2"/>
    </row>
    <row r="17885" spans="1:3" ht="19.2">
      <c r="A17885" s="2"/>
      <c r="B17885" s="2"/>
      <c r="C17885" s="2"/>
    </row>
    <row r="17886" spans="1:3" ht="19.2">
      <c r="A17886" s="2"/>
      <c r="B17886" s="2"/>
      <c r="C17886" s="2"/>
    </row>
    <row r="17887" spans="1:3" ht="19.2">
      <c r="A17887" s="2"/>
      <c r="B17887" s="2"/>
      <c r="C17887" s="2"/>
    </row>
    <row r="17888" spans="1:3" ht="19.2">
      <c r="A17888" s="2"/>
      <c r="B17888" s="2"/>
      <c r="C17888" s="2"/>
    </row>
    <row r="17889" spans="1:3" ht="19.2">
      <c r="A17889" s="2"/>
      <c r="B17889" s="2"/>
      <c r="C17889" s="2"/>
    </row>
    <row r="17890" spans="1:3" ht="19.2">
      <c r="A17890" s="2"/>
      <c r="B17890" s="2"/>
      <c r="C17890" s="2"/>
    </row>
    <row r="17891" spans="1:3" ht="19.2">
      <c r="A17891" s="2"/>
      <c r="B17891" s="2"/>
      <c r="C17891" s="2"/>
    </row>
    <row r="17892" spans="1:3" ht="19.2">
      <c r="A17892" s="2"/>
      <c r="B17892" s="2"/>
      <c r="C17892" s="2"/>
    </row>
    <row r="17893" spans="1:3" ht="19.2">
      <c r="A17893" s="2"/>
      <c r="B17893" s="2"/>
      <c r="C17893" s="2"/>
    </row>
    <row r="17894" spans="1:3" ht="19.2">
      <c r="A17894" s="2"/>
      <c r="B17894" s="2"/>
      <c r="C17894" s="2"/>
    </row>
    <row r="17895" spans="1:3" ht="19.2">
      <c r="A17895" s="2"/>
      <c r="B17895" s="2"/>
      <c r="C17895" s="2"/>
    </row>
    <row r="17896" spans="1:3" ht="19.2">
      <c r="A17896" s="2"/>
      <c r="B17896" s="2"/>
      <c r="C17896" s="2"/>
    </row>
    <row r="17897" spans="1:3" ht="19.2">
      <c r="A17897" s="2"/>
      <c r="B17897" s="2"/>
      <c r="C17897" s="2"/>
    </row>
    <row r="17898" spans="1:3" ht="19.2">
      <c r="A17898" s="2"/>
      <c r="B17898" s="2"/>
      <c r="C17898" s="2"/>
    </row>
    <row r="17899" spans="1:3" ht="19.2">
      <c r="A17899" s="2"/>
      <c r="B17899" s="2"/>
      <c r="C17899" s="2"/>
    </row>
    <row r="17900" spans="1:3" ht="19.2">
      <c r="A17900" s="2"/>
      <c r="B17900" s="2"/>
      <c r="C17900" s="2"/>
    </row>
    <row r="17901" spans="1:3" ht="19.2">
      <c r="A17901" s="2"/>
      <c r="B17901" s="2"/>
      <c r="C17901" s="2"/>
    </row>
    <row r="17902" spans="1:3" ht="19.2">
      <c r="A17902" s="2"/>
      <c r="B17902" s="2"/>
      <c r="C17902" s="2"/>
    </row>
    <row r="17903" spans="1:3" ht="19.2">
      <c r="A17903" s="2"/>
      <c r="B17903" s="2"/>
      <c r="C17903" s="2"/>
    </row>
    <row r="17904" spans="1:3" ht="19.2">
      <c r="A17904" s="2"/>
      <c r="B17904" s="2"/>
      <c r="C17904" s="2"/>
    </row>
    <row r="17905" spans="1:3" ht="19.2">
      <c r="A17905" s="2"/>
      <c r="B17905" s="2"/>
      <c r="C17905" s="2"/>
    </row>
    <row r="17906" spans="1:3" ht="19.2">
      <c r="A17906" s="2"/>
      <c r="B17906" s="2"/>
      <c r="C17906" s="2"/>
    </row>
    <row r="17907" spans="1:3" ht="19.2">
      <c r="A17907" s="2"/>
      <c r="B17907" s="2"/>
      <c r="C17907" s="2"/>
    </row>
    <row r="17908" spans="1:3" ht="19.2">
      <c r="A17908" s="2"/>
      <c r="B17908" s="2"/>
      <c r="C17908" s="2"/>
    </row>
    <row r="17909" spans="1:3" ht="19.2">
      <c r="A17909" s="2"/>
      <c r="B17909" s="2"/>
      <c r="C17909" s="2"/>
    </row>
    <row r="17910" spans="1:3" ht="19.2">
      <c r="A17910" s="2"/>
      <c r="B17910" s="2"/>
      <c r="C17910" s="2"/>
    </row>
    <row r="17911" spans="1:3" ht="19.2">
      <c r="A17911" s="2"/>
      <c r="B17911" s="2"/>
      <c r="C17911" s="2"/>
    </row>
    <row r="17912" spans="1:3" ht="19.2">
      <c r="A17912" s="2"/>
      <c r="B17912" s="2"/>
      <c r="C17912" s="2"/>
    </row>
    <row r="17913" spans="1:3" ht="19.2">
      <c r="A17913" s="2"/>
      <c r="B17913" s="2"/>
      <c r="C17913" s="2"/>
    </row>
    <row r="17914" spans="1:3" ht="19.2">
      <c r="A17914" s="2"/>
      <c r="B17914" s="2"/>
      <c r="C17914" s="2"/>
    </row>
    <row r="17915" spans="1:3" ht="19.2">
      <c r="A17915" s="2"/>
      <c r="B17915" s="2"/>
      <c r="C17915" s="2"/>
    </row>
    <row r="17916" spans="1:3" ht="19.2">
      <c r="A17916" s="2"/>
      <c r="B17916" s="2"/>
      <c r="C17916" s="2"/>
    </row>
    <row r="17917" spans="1:3" ht="19.2">
      <c r="A17917" s="2"/>
      <c r="B17917" s="2"/>
      <c r="C17917" s="2"/>
    </row>
    <row r="17918" spans="1:3" ht="19.2">
      <c r="A17918" s="2"/>
      <c r="B17918" s="2"/>
      <c r="C17918" s="2"/>
    </row>
    <row r="17919" spans="1:3" ht="19.2">
      <c r="A17919" s="2"/>
      <c r="B17919" s="2"/>
      <c r="C17919" s="2"/>
    </row>
    <row r="17920" spans="1:3" ht="19.2">
      <c r="A17920" s="2"/>
      <c r="B17920" s="2"/>
      <c r="C17920" s="2"/>
    </row>
    <row r="17921" spans="1:3" ht="19.2">
      <c r="A17921" s="2"/>
      <c r="B17921" s="2"/>
      <c r="C17921" s="2"/>
    </row>
    <row r="17922" spans="1:3" ht="19.2">
      <c r="A17922" s="2"/>
      <c r="B17922" s="2"/>
      <c r="C17922" s="2"/>
    </row>
    <row r="17923" spans="1:3" ht="19.2">
      <c r="A17923" s="2"/>
      <c r="B17923" s="2"/>
      <c r="C17923" s="2"/>
    </row>
    <row r="17924" spans="1:3" ht="19.2">
      <c r="A17924" s="2"/>
      <c r="B17924" s="2"/>
      <c r="C17924" s="2"/>
    </row>
    <row r="17925" spans="1:3" ht="19.2">
      <c r="A17925" s="2"/>
      <c r="B17925" s="2"/>
      <c r="C17925" s="2"/>
    </row>
    <row r="17926" spans="1:3" ht="19.2">
      <c r="A17926" s="2"/>
      <c r="B17926" s="2"/>
      <c r="C17926" s="2"/>
    </row>
    <row r="17927" spans="1:3" ht="19.2">
      <c r="A17927" s="2"/>
      <c r="B17927" s="2"/>
      <c r="C17927" s="2"/>
    </row>
    <row r="17928" spans="1:3" ht="19.2">
      <c r="A17928" s="2"/>
      <c r="B17928" s="2"/>
      <c r="C17928" s="2"/>
    </row>
    <row r="17929" spans="1:3" ht="19.2">
      <c r="A17929" s="2"/>
      <c r="B17929" s="2"/>
      <c r="C17929" s="2"/>
    </row>
    <row r="17930" spans="1:3" ht="19.2">
      <c r="A17930" s="2"/>
      <c r="B17930" s="2"/>
      <c r="C17930" s="2"/>
    </row>
    <row r="17931" spans="1:3" ht="19.2">
      <c r="A17931" s="2"/>
      <c r="B17931" s="2"/>
      <c r="C17931" s="2"/>
    </row>
    <row r="17932" spans="1:3" ht="19.2">
      <c r="A17932" s="2"/>
      <c r="B17932" s="2"/>
      <c r="C17932" s="2"/>
    </row>
    <row r="17933" spans="1:3" ht="19.2">
      <c r="A17933" s="2"/>
      <c r="B17933" s="2"/>
      <c r="C17933" s="2"/>
    </row>
    <row r="17934" spans="1:3" ht="19.2">
      <c r="A17934" s="2"/>
      <c r="B17934" s="2"/>
      <c r="C17934" s="2"/>
    </row>
    <row r="17935" spans="1:3" ht="19.2">
      <c r="A17935" s="2"/>
      <c r="B17935" s="2"/>
      <c r="C17935" s="2"/>
    </row>
    <row r="17936" spans="1:3" ht="19.2">
      <c r="A17936" s="2"/>
      <c r="B17936" s="2"/>
      <c r="C17936" s="2"/>
    </row>
    <row r="17937" spans="1:3" ht="19.2">
      <c r="A17937" s="2"/>
      <c r="B17937" s="2"/>
      <c r="C17937" s="2"/>
    </row>
    <row r="17938" spans="1:3" ht="19.2">
      <c r="A17938" s="2"/>
      <c r="B17938" s="2"/>
      <c r="C17938" s="2"/>
    </row>
    <row r="17939" spans="1:3" ht="19.2">
      <c r="A17939" s="2"/>
      <c r="B17939" s="2"/>
      <c r="C17939" s="2"/>
    </row>
    <row r="17940" spans="1:3" ht="19.2">
      <c r="A17940" s="2"/>
      <c r="B17940" s="2"/>
      <c r="C17940" s="2"/>
    </row>
    <row r="17941" spans="1:3" ht="19.2">
      <c r="A17941" s="2"/>
      <c r="B17941" s="2"/>
      <c r="C17941" s="2"/>
    </row>
    <row r="17942" spans="1:3" ht="19.2">
      <c r="A17942" s="2"/>
      <c r="B17942" s="2"/>
      <c r="C17942" s="2"/>
    </row>
    <row r="17943" spans="1:3" ht="19.2">
      <c r="A17943" s="2"/>
      <c r="B17943" s="2"/>
      <c r="C17943" s="2"/>
    </row>
    <row r="17944" spans="1:3" ht="19.2">
      <c r="A17944" s="2"/>
      <c r="B17944" s="2"/>
      <c r="C17944" s="2"/>
    </row>
    <row r="17945" spans="1:3" ht="19.2">
      <c r="A17945" s="2"/>
      <c r="B17945" s="2"/>
      <c r="C17945" s="2"/>
    </row>
    <row r="17946" spans="1:3" ht="19.2">
      <c r="A17946" s="2"/>
      <c r="B17946" s="2"/>
      <c r="C17946" s="2"/>
    </row>
    <row r="17947" spans="1:3" ht="19.2">
      <c r="A17947" s="2"/>
      <c r="B17947" s="2"/>
      <c r="C17947" s="2"/>
    </row>
    <row r="17948" spans="1:3" ht="19.2">
      <c r="A17948" s="2"/>
      <c r="B17948" s="2"/>
      <c r="C17948" s="2"/>
    </row>
    <row r="17949" spans="1:3" ht="19.2">
      <c r="A17949" s="2"/>
      <c r="B17949" s="2"/>
      <c r="C17949" s="2"/>
    </row>
    <row r="17950" spans="1:3" ht="19.2">
      <c r="A17950" s="2"/>
      <c r="B17950" s="2"/>
      <c r="C17950" s="2"/>
    </row>
    <row r="17951" spans="1:3" ht="19.2">
      <c r="A17951" s="2"/>
      <c r="B17951" s="2"/>
      <c r="C17951" s="2"/>
    </row>
    <row r="17952" spans="1:3" ht="19.2">
      <c r="A17952" s="2"/>
      <c r="B17952" s="2"/>
      <c r="C17952" s="2"/>
    </row>
    <row r="17953" spans="1:3" ht="19.2">
      <c r="A17953" s="2"/>
      <c r="B17953" s="2"/>
      <c r="C17953" s="2"/>
    </row>
    <row r="17954" spans="1:3" ht="19.2">
      <c r="A17954" s="2"/>
      <c r="B17954" s="2"/>
      <c r="C17954" s="2"/>
    </row>
    <row r="17955" spans="1:3" ht="19.2">
      <c r="A17955" s="2"/>
      <c r="B17955" s="2"/>
      <c r="C17955" s="2"/>
    </row>
    <row r="17956" spans="1:3" ht="19.2">
      <c r="A17956" s="2"/>
      <c r="B17956" s="2"/>
      <c r="C17956" s="2"/>
    </row>
    <row r="17957" spans="1:3" ht="19.2">
      <c r="A17957" s="2"/>
      <c r="B17957" s="2"/>
      <c r="C17957" s="2"/>
    </row>
    <row r="17958" spans="1:3" ht="19.2">
      <c r="A17958" s="2"/>
      <c r="B17958" s="2"/>
      <c r="C17958" s="2"/>
    </row>
    <row r="17959" spans="1:3" ht="19.2">
      <c r="A17959" s="2"/>
      <c r="B17959" s="2"/>
      <c r="C17959" s="2"/>
    </row>
    <row r="17960" spans="1:3" ht="19.2">
      <c r="A17960" s="2"/>
      <c r="B17960" s="2"/>
      <c r="C17960" s="2"/>
    </row>
    <row r="17961" spans="1:3" ht="19.2">
      <c r="A17961" s="2"/>
      <c r="B17961" s="2"/>
      <c r="C17961" s="2"/>
    </row>
    <row r="17962" spans="1:3" ht="19.2">
      <c r="A17962" s="2"/>
      <c r="B17962" s="2"/>
      <c r="C17962" s="2"/>
    </row>
    <row r="17963" spans="1:3" ht="19.2">
      <c r="A17963" s="2"/>
      <c r="B17963" s="2"/>
      <c r="C17963" s="2"/>
    </row>
    <row r="17964" spans="1:3" ht="19.2">
      <c r="A17964" s="2"/>
      <c r="B17964" s="2"/>
      <c r="C17964" s="2"/>
    </row>
    <row r="17965" spans="1:3" ht="19.2">
      <c r="A17965" s="2"/>
      <c r="B17965" s="2"/>
      <c r="C17965" s="2"/>
    </row>
    <row r="17966" spans="1:3" ht="19.2">
      <c r="A17966" s="2"/>
      <c r="B17966" s="2"/>
      <c r="C17966" s="2"/>
    </row>
    <row r="17967" spans="1:3" ht="19.2">
      <c r="A17967" s="2"/>
      <c r="B17967" s="2"/>
      <c r="C17967" s="2"/>
    </row>
    <row r="17968" spans="1:3" ht="19.2">
      <c r="A17968" s="2"/>
      <c r="B17968" s="2"/>
      <c r="C17968" s="2"/>
    </row>
    <row r="17969" spans="1:3" ht="19.2">
      <c r="A17969" s="2"/>
      <c r="B17969" s="2"/>
      <c r="C17969" s="2"/>
    </row>
    <row r="17970" spans="1:3" ht="19.2">
      <c r="A17970" s="2"/>
      <c r="B17970" s="2"/>
      <c r="C17970" s="2"/>
    </row>
    <row r="17971" spans="1:3" ht="19.2">
      <c r="A17971" s="2"/>
      <c r="B17971" s="2"/>
      <c r="C17971" s="2"/>
    </row>
    <row r="17972" spans="1:3" ht="19.2">
      <c r="A17972" s="2"/>
      <c r="B17972" s="2"/>
      <c r="C17972" s="2"/>
    </row>
    <row r="17973" spans="1:3" ht="19.2">
      <c r="A17973" s="2"/>
      <c r="B17973" s="2"/>
      <c r="C17973" s="2"/>
    </row>
    <row r="17974" spans="1:3" ht="19.2">
      <c r="A17974" s="2"/>
      <c r="B17974" s="2"/>
      <c r="C17974" s="2"/>
    </row>
    <row r="17975" spans="1:3" ht="19.2">
      <c r="A17975" s="2"/>
      <c r="B17975" s="2"/>
      <c r="C17975" s="2"/>
    </row>
    <row r="17976" spans="1:3" ht="19.2">
      <c r="A17976" s="2"/>
      <c r="B17976" s="2"/>
      <c r="C17976" s="2"/>
    </row>
    <row r="17977" spans="1:3" ht="19.2">
      <c r="A17977" s="2"/>
      <c r="B17977" s="2"/>
      <c r="C17977" s="2"/>
    </row>
    <row r="17978" spans="1:3" ht="19.2">
      <c r="A17978" s="2"/>
      <c r="B17978" s="2"/>
      <c r="C17978" s="2"/>
    </row>
    <row r="17979" spans="1:3" ht="19.2">
      <c r="A17979" s="2"/>
      <c r="B17979" s="2"/>
      <c r="C17979" s="2"/>
    </row>
    <row r="17980" spans="1:3" ht="19.2">
      <c r="A17980" s="2"/>
      <c r="B17980" s="2"/>
      <c r="C17980" s="2"/>
    </row>
    <row r="17981" spans="1:3" ht="19.2">
      <c r="A17981" s="2"/>
      <c r="B17981" s="2"/>
      <c r="C17981" s="2"/>
    </row>
    <row r="17982" spans="1:3" ht="19.2">
      <c r="A17982" s="2"/>
      <c r="B17982" s="2"/>
      <c r="C17982" s="2"/>
    </row>
    <row r="17983" spans="1:3" ht="19.2">
      <c r="A17983" s="2"/>
      <c r="B17983" s="2"/>
      <c r="C17983" s="2"/>
    </row>
    <row r="17984" spans="1:3" ht="19.2">
      <c r="A17984" s="2"/>
      <c r="B17984" s="2"/>
      <c r="C17984" s="2"/>
    </row>
    <row r="17985" spans="1:3" ht="19.2">
      <c r="A17985" s="2"/>
      <c r="B17985" s="2"/>
      <c r="C17985" s="2"/>
    </row>
    <row r="17986" spans="1:3" ht="19.2">
      <c r="A17986" s="2"/>
      <c r="B17986" s="2"/>
      <c r="C17986" s="2"/>
    </row>
    <row r="17987" spans="1:3" ht="19.2">
      <c r="A17987" s="2"/>
      <c r="B17987" s="2"/>
      <c r="C17987" s="2"/>
    </row>
    <row r="17988" spans="1:3" ht="19.2">
      <c r="A17988" s="2"/>
      <c r="B17988" s="2"/>
      <c r="C17988" s="2"/>
    </row>
    <row r="17989" spans="1:3" ht="19.2">
      <c r="A17989" s="2"/>
      <c r="B17989" s="2"/>
      <c r="C17989" s="2"/>
    </row>
    <row r="17990" spans="1:3" ht="19.2">
      <c r="A17990" s="2"/>
      <c r="B17990" s="2"/>
      <c r="C17990" s="2"/>
    </row>
    <row r="17991" spans="1:3" ht="19.2">
      <c r="A17991" s="2"/>
      <c r="B17991" s="2"/>
      <c r="C17991" s="2"/>
    </row>
    <row r="17992" spans="1:3" ht="19.2">
      <c r="A17992" s="2"/>
      <c r="B17992" s="2"/>
      <c r="C17992" s="2"/>
    </row>
    <row r="17993" spans="1:3" ht="19.2">
      <c r="A17993" s="2"/>
      <c r="B17993" s="2"/>
      <c r="C17993" s="2"/>
    </row>
    <row r="17994" spans="1:3" ht="19.2">
      <c r="A17994" s="2"/>
      <c r="B17994" s="2"/>
      <c r="C17994" s="2"/>
    </row>
    <row r="17995" spans="1:3" ht="19.2">
      <c r="A17995" s="2"/>
      <c r="B17995" s="2"/>
      <c r="C17995" s="2"/>
    </row>
    <row r="17996" spans="1:3" ht="19.2">
      <c r="A17996" s="2"/>
      <c r="B17996" s="2"/>
      <c r="C17996" s="2"/>
    </row>
    <row r="17997" spans="1:3" ht="19.2">
      <c r="A17997" s="2"/>
      <c r="B17997" s="2"/>
      <c r="C17997" s="2"/>
    </row>
    <row r="17998" spans="1:3" ht="19.2">
      <c r="A17998" s="2"/>
      <c r="B17998" s="2"/>
      <c r="C17998" s="2"/>
    </row>
    <row r="17999" spans="1:3" ht="19.2">
      <c r="A17999" s="2"/>
      <c r="B17999" s="2"/>
      <c r="C17999" s="2"/>
    </row>
    <row r="18000" spans="1:3" ht="19.2">
      <c r="A18000" s="2"/>
      <c r="B18000" s="2"/>
      <c r="C18000" s="2"/>
    </row>
    <row r="18001" spans="1:3" ht="19.2">
      <c r="A18001" s="2"/>
      <c r="B18001" s="2"/>
      <c r="C18001" s="2"/>
    </row>
    <row r="18002" spans="1:3" ht="19.2">
      <c r="A18002" s="2"/>
      <c r="B18002" s="2"/>
      <c r="C18002" s="2"/>
    </row>
    <row r="18003" spans="1:3" ht="19.2">
      <c r="A18003" s="2"/>
      <c r="B18003" s="2"/>
      <c r="C18003" s="2"/>
    </row>
    <row r="18004" spans="1:3" ht="19.2">
      <c r="A18004" s="2"/>
      <c r="B18004" s="2"/>
      <c r="C18004" s="2"/>
    </row>
    <row r="18005" spans="1:3" ht="19.2">
      <c r="A18005" s="2"/>
      <c r="B18005" s="2"/>
      <c r="C18005" s="2"/>
    </row>
    <row r="18006" spans="1:3" ht="19.2">
      <c r="A18006" s="2"/>
      <c r="B18006" s="2"/>
      <c r="C18006" s="2"/>
    </row>
    <row r="18007" spans="1:3" ht="19.2">
      <c r="A18007" s="2"/>
      <c r="B18007" s="2"/>
      <c r="C18007" s="2"/>
    </row>
    <row r="18008" spans="1:3" ht="19.2">
      <c r="A18008" s="2"/>
      <c r="B18008" s="2"/>
      <c r="C18008" s="2"/>
    </row>
    <row r="18009" spans="1:3" ht="19.2">
      <c r="A18009" s="2"/>
      <c r="B18009" s="2"/>
      <c r="C18009" s="2"/>
    </row>
    <row r="18010" spans="1:3" ht="19.2">
      <c r="A18010" s="2"/>
      <c r="B18010" s="2"/>
      <c r="C18010" s="2"/>
    </row>
    <row r="18011" spans="1:3" ht="19.2">
      <c r="A18011" s="2"/>
      <c r="B18011" s="2"/>
      <c r="C18011" s="2"/>
    </row>
    <row r="18012" spans="1:3" ht="19.2">
      <c r="A18012" s="2"/>
      <c r="B18012" s="2"/>
      <c r="C18012" s="2"/>
    </row>
    <row r="18013" spans="1:3" ht="19.2">
      <c r="A18013" s="2"/>
      <c r="B18013" s="2"/>
      <c r="C18013" s="2"/>
    </row>
    <row r="18014" spans="1:3" ht="19.2">
      <c r="A18014" s="2"/>
      <c r="B18014" s="2"/>
      <c r="C18014" s="2"/>
    </row>
    <row r="18015" spans="1:3" ht="19.2">
      <c r="A18015" s="2"/>
      <c r="B18015" s="2"/>
      <c r="C18015" s="2"/>
    </row>
    <row r="18016" spans="1:3" ht="19.2">
      <c r="A18016" s="2"/>
      <c r="B18016" s="2"/>
      <c r="C18016" s="2"/>
    </row>
    <row r="18017" spans="1:3" ht="19.2">
      <c r="A18017" s="2"/>
      <c r="B18017" s="2"/>
      <c r="C18017" s="2"/>
    </row>
    <row r="18018" spans="1:3" ht="19.2">
      <c r="A18018" s="2"/>
      <c r="B18018" s="2"/>
      <c r="C18018" s="2"/>
    </row>
    <row r="18019" spans="1:3" ht="19.2">
      <c r="A18019" s="2"/>
      <c r="B18019" s="2"/>
      <c r="C18019" s="2"/>
    </row>
    <row r="18020" spans="1:3" ht="19.2">
      <c r="A18020" s="2"/>
      <c r="B18020" s="2"/>
      <c r="C18020" s="2"/>
    </row>
    <row r="18021" spans="1:3" ht="19.2">
      <c r="A18021" s="2"/>
      <c r="B18021" s="2"/>
      <c r="C18021" s="2"/>
    </row>
    <row r="18022" spans="1:3" ht="19.2">
      <c r="A18022" s="2"/>
      <c r="B18022" s="2"/>
      <c r="C18022" s="2"/>
    </row>
    <row r="18023" spans="1:3" ht="19.2">
      <c r="A18023" s="2"/>
      <c r="B18023" s="2"/>
      <c r="C18023" s="2"/>
    </row>
    <row r="18024" spans="1:3" ht="19.2">
      <c r="A18024" s="2"/>
      <c r="B18024" s="2"/>
      <c r="C18024" s="2"/>
    </row>
    <row r="18025" spans="1:3" ht="19.2">
      <c r="A18025" s="2"/>
      <c r="B18025" s="2"/>
      <c r="C18025" s="2"/>
    </row>
    <row r="18026" spans="1:3" ht="19.2">
      <c r="A18026" s="2"/>
      <c r="B18026" s="2"/>
      <c r="C18026" s="2"/>
    </row>
    <row r="18027" spans="1:3" ht="19.2">
      <c r="A18027" s="2"/>
      <c r="B18027" s="2"/>
      <c r="C18027" s="2"/>
    </row>
    <row r="18028" spans="1:3" ht="19.2">
      <c r="A18028" s="2"/>
      <c r="B18028" s="2"/>
      <c r="C18028" s="2"/>
    </row>
    <row r="18029" spans="1:3" ht="19.2">
      <c r="A18029" s="2"/>
      <c r="B18029" s="2"/>
      <c r="C18029" s="2"/>
    </row>
    <row r="18030" spans="1:3" ht="19.2">
      <c r="A18030" s="2"/>
      <c r="B18030" s="2"/>
      <c r="C18030" s="2"/>
    </row>
    <row r="18031" spans="1:3" ht="19.2">
      <c r="A18031" s="2"/>
      <c r="B18031" s="2"/>
      <c r="C18031" s="2"/>
    </row>
    <row r="18032" spans="1:3" ht="19.2">
      <c r="A18032" s="2"/>
      <c r="B18032" s="2"/>
      <c r="C18032" s="2"/>
    </row>
    <row r="18033" spans="1:3" ht="19.2">
      <c r="A18033" s="2"/>
      <c r="B18033" s="2"/>
      <c r="C18033" s="2"/>
    </row>
    <row r="18034" spans="1:3" ht="19.2">
      <c r="A18034" s="2"/>
      <c r="B18034" s="2"/>
      <c r="C18034" s="2"/>
    </row>
    <row r="18035" spans="1:3" ht="19.2">
      <c r="A18035" s="2"/>
      <c r="B18035" s="2"/>
      <c r="C18035" s="2"/>
    </row>
    <row r="18036" spans="1:3" ht="19.2">
      <c r="A18036" s="2"/>
      <c r="B18036" s="2"/>
      <c r="C18036" s="2"/>
    </row>
    <row r="18037" spans="1:3" ht="19.2">
      <c r="A18037" s="2"/>
      <c r="B18037" s="2"/>
      <c r="C18037" s="2"/>
    </row>
    <row r="18038" spans="1:3" ht="19.2">
      <c r="A18038" s="2"/>
      <c r="B18038" s="2"/>
      <c r="C18038" s="2"/>
    </row>
    <row r="18039" spans="1:3" ht="19.2">
      <c r="A18039" s="2"/>
      <c r="B18039" s="2"/>
      <c r="C18039" s="2"/>
    </row>
    <row r="18040" spans="1:3" ht="19.2">
      <c r="A18040" s="2"/>
      <c r="B18040" s="2"/>
      <c r="C18040" s="2"/>
    </row>
    <row r="18041" spans="1:3" ht="19.2">
      <c r="A18041" s="2"/>
      <c r="B18041" s="2"/>
      <c r="C18041" s="2"/>
    </row>
    <row r="18042" spans="1:3" ht="19.2">
      <c r="A18042" s="2"/>
      <c r="B18042" s="2"/>
      <c r="C18042" s="2"/>
    </row>
    <row r="18043" spans="1:3" ht="19.2">
      <c r="A18043" s="2"/>
      <c r="B18043" s="2"/>
      <c r="C18043" s="2"/>
    </row>
    <row r="18044" spans="1:3" ht="19.2">
      <c r="A18044" s="2"/>
      <c r="B18044" s="2"/>
      <c r="C18044" s="2"/>
    </row>
    <row r="18045" spans="1:3" ht="19.2">
      <c r="A18045" s="2"/>
      <c r="B18045" s="2"/>
      <c r="C18045" s="2"/>
    </row>
    <row r="18046" spans="1:3" ht="19.2">
      <c r="A18046" s="2"/>
      <c r="B18046" s="2"/>
      <c r="C18046" s="2"/>
    </row>
    <row r="18047" spans="1:3" ht="19.2">
      <c r="A18047" s="2"/>
      <c r="B18047" s="2"/>
      <c r="C18047" s="2"/>
    </row>
    <row r="18048" spans="1:3" ht="19.2">
      <c r="A18048" s="2"/>
      <c r="B18048" s="2"/>
      <c r="C18048" s="2"/>
    </row>
    <row r="18049" spans="1:3" ht="19.2">
      <c r="A18049" s="2"/>
      <c r="B18049" s="2"/>
      <c r="C18049" s="2"/>
    </row>
    <row r="18050" spans="1:3" ht="19.2">
      <c r="A18050" s="2"/>
      <c r="B18050" s="2"/>
      <c r="C18050" s="2"/>
    </row>
    <row r="18051" spans="1:3" ht="19.2">
      <c r="A18051" s="2"/>
      <c r="B18051" s="2"/>
      <c r="C18051" s="2"/>
    </row>
    <row r="18052" spans="1:3" ht="19.2">
      <c r="A18052" s="2"/>
      <c r="B18052" s="2"/>
      <c r="C18052" s="2"/>
    </row>
    <row r="18053" spans="1:3" ht="19.2">
      <c r="A18053" s="2"/>
      <c r="B18053" s="2"/>
      <c r="C18053" s="2"/>
    </row>
    <row r="18054" spans="1:3" ht="19.2">
      <c r="A18054" s="2"/>
      <c r="B18054" s="2"/>
      <c r="C18054" s="2"/>
    </row>
    <row r="18055" spans="1:3" ht="19.2">
      <c r="A18055" s="2"/>
      <c r="B18055" s="2"/>
      <c r="C18055" s="2"/>
    </row>
    <row r="18056" spans="1:3" ht="19.2">
      <c r="A18056" s="2"/>
      <c r="B18056" s="2"/>
      <c r="C18056" s="2"/>
    </row>
    <row r="18057" spans="1:3" ht="19.2">
      <c r="A18057" s="2"/>
      <c r="B18057" s="2"/>
      <c r="C18057" s="2"/>
    </row>
    <row r="18058" spans="1:3" ht="19.2">
      <c r="A18058" s="2"/>
      <c r="B18058" s="2"/>
      <c r="C18058" s="2"/>
    </row>
    <row r="18059" spans="1:3" ht="19.2">
      <c r="A18059" s="2"/>
      <c r="B18059" s="2"/>
      <c r="C18059" s="2"/>
    </row>
    <row r="18060" spans="1:3" ht="19.2">
      <c r="A18060" s="2"/>
      <c r="B18060" s="2"/>
      <c r="C18060" s="2"/>
    </row>
    <row r="18061" spans="1:3" ht="19.2">
      <c r="A18061" s="2"/>
      <c r="B18061" s="2"/>
      <c r="C18061" s="2"/>
    </row>
    <row r="18062" spans="1:3" ht="19.2">
      <c r="A18062" s="2"/>
      <c r="B18062" s="2"/>
      <c r="C18062" s="2"/>
    </row>
    <row r="18063" spans="1:3" ht="19.2">
      <c r="A18063" s="2"/>
      <c r="B18063" s="2"/>
      <c r="C18063" s="2"/>
    </row>
    <row r="18064" spans="1:3" ht="19.2">
      <c r="A18064" s="2"/>
      <c r="B18064" s="2"/>
      <c r="C18064" s="2"/>
    </row>
    <row r="18065" spans="1:3" ht="19.2">
      <c r="A18065" s="2"/>
      <c r="B18065" s="2"/>
      <c r="C18065" s="2"/>
    </row>
    <row r="18066" spans="1:3" ht="19.2">
      <c r="A18066" s="2"/>
      <c r="B18066" s="2"/>
      <c r="C18066" s="2"/>
    </row>
    <row r="18067" spans="1:3" ht="19.2">
      <c r="A18067" s="2"/>
      <c r="B18067" s="2"/>
      <c r="C18067" s="2"/>
    </row>
    <row r="18068" spans="1:3" ht="19.2">
      <c r="A18068" s="2"/>
      <c r="B18068" s="2"/>
      <c r="C18068" s="2"/>
    </row>
    <row r="18069" spans="1:3" ht="19.2">
      <c r="A18069" s="2"/>
      <c r="B18069" s="2"/>
      <c r="C18069" s="2"/>
    </row>
    <row r="18070" spans="1:3" ht="19.2">
      <c r="A18070" s="2"/>
      <c r="B18070" s="2"/>
      <c r="C18070" s="2"/>
    </row>
    <row r="18071" spans="1:3" ht="19.2">
      <c r="A18071" s="2"/>
      <c r="B18071" s="2"/>
      <c r="C18071" s="2"/>
    </row>
    <row r="18072" spans="1:3" ht="19.2">
      <c r="A18072" s="2"/>
      <c r="B18072" s="2"/>
      <c r="C18072" s="2"/>
    </row>
    <row r="18073" spans="1:3" ht="19.2">
      <c r="A18073" s="2"/>
      <c r="B18073" s="2"/>
      <c r="C18073" s="2"/>
    </row>
    <row r="18074" spans="1:3" ht="19.2">
      <c r="A18074" s="2"/>
      <c r="B18074" s="2"/>
      <c r="C18074" s="2"/>
    </row>
    <row r="18075" spans="1:3" ht="19.2">
      <c r="A18075" s="2"/>
      <c r="B18075" s="2"/>
      <c r="C18075" s="2"/>
    </row>
    <row r="18076" spans="1:3" ht="19.2">
      <c r="A18076" s="2"/>
      <c r="B18076" s="2"/>
      <c r="C18076" s="2"/>
    </row>
    <row r="18077" spans="1:3" ht="19.2">
      <c r="A18077" s="2"/>
      <c r="B18077" s="2"/>
      <c r="C18077" s="2"/>
    </row>
    <row r="18078" spans="1:3" ht="19.2">
      <c r="A18078" s="2"/>
      <c r="B18078" s="2"/>
      <c r="C18078" s="2"/>
    </row>
    <row r="18079" spans="1:3" ht="19.2">
      <c r="A18079" s="2"/>
      <c r="B18079" s="2"/>
      <c r="C18079" s="2"/>
    </row>
    <row r="18080" spans="1:3" ht="19.2">
      <c r="A18080" s="2"/>
      <c r="B18080" s="2"/>
      <c r="C18080" s="2"/>
    </row>
    <row r="18081" spans="1:3" ht="19.2">
      <c r="A18081" s="2"/>
      <c r="B18081" s="2"/>
      <c r="C18081" s="2"/>
    </row>
    <row r="18082" spans="1:3" ht="19.2">
      <c r="A18082" s="2"/>
      <c r="B18082" s="2"/>
      <c r="C18082" s="2"/>
    </row>
    <row r="18083" spans="1:3" ht="19.2">
      <c r="A18083" s="2"/>
      <c r="B18083" s="2"/>
      <c r="C18083" s="2"/>
    </row>
    <row r="18084" spans="1:3" ht="19.2">
      <c r="A18084" s="2"/>
      <c r="B18084" s="2"/>
      <c r="C18084" s="2"/>
    </row>
    <row r="18085" spans="1:3" ht="19.2">
      <c r="A18085" s="2"/>
      <c r="B18085" s="2"/>
      <c r="C18085" s="2"/>
    </row>
    <row r="18086" spans="1:3" ht="19.2">
      <c r="A18086" s="2"/>
      <c r="B18086" s="2"/>
      <c r="C18086" s="2"/>
    </row>
    <row r="18087" spans="1:3" ht="19.2">
      <c r="A18087" s="2"/>
      <c r="B18087" s="2"/>
      <c r="C18087" s="2"/>
    </row>
    <row r="18088" spans="1:3" ht="19.2">
      <c r="A18088" s="2"/>
      <c r="B18088" s="2"/>
      <c r="C18088" s="2"/>
    </row>
    <row r="18089" spans="1:3" ht="19.2">
      <c r="A18089" s="2"/>
      <c r="B18089" s="2"/>
      <c r="C18089" s="2"/>
    </row>
    <row r="18090" spans="1:3" ht="19.2">
      <c r="A18090" s="2"/>
      <c r="B18090" s="2"/>
      <c r="C18090" s="2"/>
    </row>
    <row r="18091" spans="1:3" ht="19.2">
      <c r="A18091" s="2"/>
      <c r="B18091" s="2"/>
      <c r="C18091" s="2"/>
    </row>
    <row r="18092" spans="1:3" ht="19.2">
      <c r="A18092" s="2"/>
      <c r="B18092" s="2"/>
      <c r="C18092" s="2"/>
    </row>
    <row r="18093" spans="1:3" ht="19.2">
      <c r="A18093" s="2"/>
      <c r="B18093" s="2"/>
      <c r="C18093" s="2"/>
    </row>
    <row r="18094" spans="1:3" ht="19.2">
      <c r="A18094" s="2"/>
      <c r="B18094" s="2"/>
      <c r="C18094" s="2"/>
    </row>
    <row r="18095" spans="1:3" ht="19.2">
      <c r="A18095" s="2"/>
      <c r="B18095" s="2"/>
      <c r="C18095" s="2"/>
    </row>
    <row r="18096" spans="1:3" ht="19.2">
      <c r="A18096" s="2"/>
      <c r="B18096" s="2"/>
      <c r="C18096" s="2"/>
    </row>
    <row r="18097" spans="1:3" ht="19.2">
      <c r="A18097" s="2"/>
      <c r="B18097" s="2"/>
      <c r="C18097" s="2"/>
    </row>
    <row r="18098" spans="1:3" ht="19.2">
      <c r="A18098" s="2"/>
      <c r="B18098" s="2"/>
      <c r="C18098" s="2"/>
    </row>
    <row r="18099" spans="1:3" ht="19.2">
      <c r="A18099" s="2"/>
      <c r="B18099" s="2"/>
      <c r="C18099" s="2"/>
    </row>
    <row r="18100" spans="1:3" ht="19.2">
      <c r="A18100" s="2"/>
      <c r="B18100" s="2"/>
      <c r="C18100" s="2"/>
    </row>
    <row r="18101" spans="1:3" ht="19.2">
      <c r="A18101" s="2"/>
      <c r="B18101" s="2"/>
      <c r="C18101" s="2"/>
    </row>
    <row r="18102" spans="1:3" ht="19.2">
      <c r="A18102" s="2"/>
      <c r="B18102" s="2"/>
      <c r="C18102" s="2"/>
    </row>
    <row r="18103" spans="1:3" ht="19.2">
      <c r="A18103" s="2"/>
      <c r="B18103" s="2"/>
      <c r="C18103" s="2"/>
    </row>
    <row r="18104" spans="1:3" ht="19.2">
      <c r="A18104" s="2"/>
      <c r="B18104" s="2"/>
      <c r="C18104" s="2"/>
    </row>
    <row r="18105" spans="1:3" ht="19.2">
      <c r="A18105" s="2"/>
      <c r="B18105" s="2"/>
      <c r="C18105" s="2"/>
    </row>
    <row r="18106" spans="1:3" ht="19.2">
      <c r="A18106" s="2"/>
      <c r="B18106" s="2"/>
      <c r="C18106" s="2"/>
    </row>
    <row r="18107" spans="1:3" ht="19.2">
      <c r="A18107" s="2"/>
      <c r="B18107" s="2"/>
      <c r="C18107" s="2"/>
    </row>
    <row r="18108" spans="1:3" ht="19.2">
      <c r="A18108" s="2"/>
      <c r="B18108" s="2"/>
      <c r="C18108" s="2"/>
    </row>
    <row r="18109" spans="1:3" ht="19.2">
      <c r="A18109" s="2"/>
      <c r="B18109" s="2"/>
      <c r="C18109" s="2"/>
    </row>
    <row r="18110" spans="1:3" ht="19.2">
      <c r="A18110" s="2"/>
      <c r="B18110" s="2"/>
      <c r="C18110" s="2"/>
    </row>
    <row r="18111" spans="1:3" ht="19.2">
      <c r="A18111" s="2"/>
      <c r="B18111" s="2"/>
      <c r="C18111" s="2"/>
    </row>
    <row r="18112" spans="1:3" ht="19.2">
      <c r="A18112" s="2"/>
      <c r="B18112" s="2"/>
      <c r="C18112" s="2"/>
    </row>
    <row r="18113" spans="1:3" ht="19.2">
      <c r="A18113" s="2"/>
      <c r="B18113" s="2"/>
      <c r="C18113" s="2"/>
    </row>
    <row r="18114" spans="1:3" ht="19.2">
      <c r="A18114" s="2"/>
      <c r="B18114" s="2"/>
      <c r="C18114" s="2"/>
    </row>
    <row r="18115" spans="1:3" ht="19.2">
      <c r="A18115" s="2"/>
      <c r="B18115" s="2"/>
      <c r="C18115" s="2"/>
    </row>
    <row r="18116" spans="1:3" ht="19.2">
      <c r="A18116" s="2"/>
      <c r="B18116" s="2"/>
      <c r="C18116" s="2"/>
    </row>
    <row r="18117" spans="1:3" ht="19.2">
      <c r="A18117" s="2"/>
      <c r="B18117" s="2"/>
      <c r="C18117" s="2"/>
    </row>
    <row r="18118" spans="1:3" ht="19.2">
      <c r="A18118" s="2"/>
      <c r="B18118" s="2"/>
      <c r="C18118" s="2"/>
    </row>
    <row r="18119" spans="1:3" ht="19.2">
      <c r="A18119" s="2"/>
      <c r="B18119" s="2"/>
      <c r="C18119" s="2"/>
    </row>
    <row r="18120" spans="1:3" ht="19.2">
      <c r="A18120" s="2"/>
      <c r="B18120" s="2"/>
      <c r="C18120" s="2"/>
    </row>
    <row r="18121" spans="1:3" ht="19.2">
      <c r="A18121" s="2"/>
      <c r="B18121" s="2"/>
      <c r="C18121" s="2"/>
    </row>
    <row r="18122" spans="1:3" ht="19.2">
      <c r="A18122" s="2"/>
      <c r="B18122" s="2"/>
      <c r="C18122" s="2"/>
    </row>
    <row r="18123" spans="1:3" ht="19.2">
      <c r="A18123" s="2"/>
      <c r="B18123" s="2"/>
      <c r="C18123" s="2"/>
    </row>
    <row r="18124" spans="1:3" ht="19.2">
      <c r="A18124" s="2"/>
      <c r="B18124" s="2"/>
      <c r="C18124" s="2"/>
    </row>
    <row r="18125" spans="1:3" ht="19.2">
      <c r="A18125" s="2"/>
      <c r="B18125" s="2"/>
      <c r="C18125" s="2"/>
    </row>
    <row r="18126" spans="1:3" ht="19.2">
      <c r="A18126" s="2"/>
      <c r="B18126" s="2"/>
      <c r="C18126" s="2"/>
    </row>
    <row r="18127" spans="1:3" ht="19.2">
      <c r="A18127" s="2"/>
      <c r="B18127" s="2"/>
      <c r="C18127" s="2"/>
    </row>
    <row r="18128" spans="1:3" ht="19.2">
      <c r="A18128" s="2"/>
      <c r="B18128" s="2"/>
      <c r="C18128" s="2"/>
    </row>
    <row r="18129" spans="1:3" ht="19.2">
      <c r="A18129" s="2"/>
      <c r="B18129" s="2"/>
      <c r="C18129" s="2"/>
    </row>
    <row r="18130" spans="1:3" ht="19.2">
      <c r="A18130" s="2"/>
      <c r="B18130" s="2"/>
      <c r="C18130" s="2"/>
    </row>
    <row r="18131" spans="1:3" ht="19.2">
      <c r="A18131" s="2"/>
      <c r="B18131" s="2"/>
      <c r="C18131" s="2"/>
    </row>
    <row r="18132" spans="1:3" ht="19.2">
      <c r="A18132" s="2"/>
      <c r="B18132" s="2"/>
      <c r="C18132" s="2"/>
    </row>
    <row r="18133" spans="1:3" ht="19.2">
      <c r="A18133" s="2"/>
      <c r="B18133" s="2"/>
      <c r="C18133" s="2"/>
    </row>
    <row r="18134" spans="1:3" ht="19.2">
      <c r="A18134" s="2"/>
      <c r="B18134" s="2"/>
      <c r="C18134" s="2"/>
    </row>
    <row r="18135" spans="1:3" ht="19.2">
      <c r="A18135" s="2"/>
      <c r="B18135" s="2"/>
      <c r="C18135" s="2"/>
    </row>
    <row r="18136" spans="1:3" ht="19.2">
      <c r="A18136" s="2"/>
      <c r="B18136" s="2"/>
      <c r="C18136" s="2"/>
    </row>
    <row r="18137" spans="1:3" ht="19.2">
      <c r="A18137" s="2"/>
      <c r="B18137" s="2"/>
      <c r="C18137" s="2"/>
    </row>
    <row r="18138" spans="1:3" ht="19.2">
      <c r="A18138" s="2"/>
      <c r="B18138" s="2"/>
      <c r="C18138" s="2"/>
    </row>
    <row r="18139" spans="1:3" ht="19.2">
      <c r="A18139" s="2"/>
      <c r="B18139" s="2"/>
      <c r="C18139" s="2"/>
    </row>
    <row r="18140" spans="1:3" ht="19.2">
      <c r="A18140" s="2"/>
      <c r="B18140" s="2"/>
      <c r="C18140" s="2"/>
    </row>
    <row r="18141" spans="1:3" ht="19.2">
      <c r="A18141" s="2"/>
      <c r="B18141" s="2"/>
      <c r="C18141" s="2"/>
    </row>
    <row r="18142" spans="1:3" ht="19.2">
      <c r="A18142" s="2"/>
      <c r="B18142" s="2"/>
      <c r="C18142" s="2"/>
    </row>
    <row r="18143" spans="1:3" ht="19.2">
      <c r="A18143" s="2"/>
      <c r="B18143" s="2"/>
      <c r="C18143" s="2"/>
    </row>
    <row r="18144" spans="1:3" ht="19.2">
      <c r="A18144" s="2"/>
      <c r="B18144" s="2"/>
      <c r="C18144" s="2"/>
    </row>
    <row r="18145" spans="1:3" ht="19.2">
      <c r="A18145" s="2"/>
      <c r="B18145" s="2"/>
      <c r="C18145" s="2"/>
    </row>
    <row r="18146" spans="1:3" ht="19.2">
      <c r="A18146" s="2"/>
      <c r="B18146" s="2"/>
      <c r="C18146" s="2"/>
    </row>
    <row r="18147" spans="1:3" ht="19.2">
      <c r="A18147" s="2"/>
      <c r="B18147" s="2"/>
      <c r="C18147" s="2"/>
    </row>
    <row r="18148" spans="1:3" ht="19.2">
      <c r="A18148" s="2"/>
      <c r="B18148" s="2"/>
      <c r="C18148" s="2"/>
    </row>
    <row r="18149" spans="1:3" ht="19.2">
      <c r="A18149" s="2"/>
      <c r="B18149" s="2"/>
      <c r="C18149" s="2"/>
    </row>
    <row r="18150" spans="1:3" ht="19.2">
      <c r="A18150" s="2"/>
      <c r="B18150" s="2"/>
      <c r="C18150" s="2"/>
    </row>
    <row r="18151" spans="1:3" ht="19.2">
      <c r="A18151" s="2"/>
      <c r="B18151" s="2"/>
      <c r="C18151" s="2"/>
    </row>
    <row r="18152" spans="1:3" ht="19.2">
      <c r="A18152" s="2"/>
      <c r="B18152" s="2"/>
      <c r="C18152" s="2"/>
    </row>
    <row r="18153" spans="1:3" ht="19.2">
      <c r="A18153" s="2"/>
      <c r="B18153" s="2"/>
      <c r="C18153" s="2"/>
    </row>
    <row r="18154" spans="1:3" ht="19.2">
      <c r="A18154" s="2"/>
      <c r="B18154" s="2"/>
      <c r="C18154" s="2"/>
    </row>
    <row r="18155" spans="1:3" ht="19.2">
      <c r="A18155" s="2"/>
      <c r="B18155" s="2"/>
      <c r="C18155" s="2"/>
    </row>
    <row r="18156" spans="1:3" ht="19.2">
      <c r="A18156" s="2"/>
      <c r="B18156" s="2"/>
      <c r="C18156" s="2"/>
    </row>
    <row r="18157" spans="1:3" ht="19.2">
      <c r="A18157" s="2"/>
      <c r="B18157" s="2"/>
      <c r="C18157" s="2"/>
    </row>
    <row r="18158" spans="1:3" ht="19.2">
      <c r="A18158" s="2"/>
      <c r="B18158" s="2"/>
      <c r="C18158" s="2"/>
    </row>
    <row r="18159" spans="1:3" ht="19.2">
      <c r="A18159" s="2"/>
      <c r="B18159" s="2"/>
      <c r="C18159" s="2"/>
    </row>
    <row r="18160" spans="1:3" ht="19.2">
      <c r="A18160" s="2"/>
      <c r="B18160" s="2"/>
      <c r="C18160" s="2"/>
    </row>
    <row r="18161" spans="1:3" ht="19.2">
      <c r="A18161" s="2"/>
      <c r="B18161" s="2"/>
      <c r="C18161" s="2"/>
    </row>
    <row r="18162" spans="1:3" ht="19.2">
      <c r="A18162" s="2"/>
      <c r="B18162" s="2"/>
      <c r="C18162" s="2"/>
    </row>
    <row r="18163" spans="1:3" ht="19.2">
      <c r="A18163" s="2"/>
      <c r="B18163" s="2"/>
      <c r="C18163" s="2"/>
    </row>
    <row r="18164" spans="1:3" ht="19.2">
      <c r="A18164" s="2"/>
      <c r="B18164" s="2"/>
      <c r="C18164" s="2"/>
    </row>
    <row r="18165" spans="1:3" ht="19.2">
      <c r="A18165" s="2"/>
      <c r="B18165" s="2"/>
      <c r="C18165" s="2"/>
    </row>
    <row r="18166" spans="1:3" ht="19.2">
      <c r="A18166" s="2"/>
      <c r="B18166" s="2"/>
      <c r="C18166" s="2"/>
    </row>
    <row r="18167" spans="1:3" ht="19.2">
      <c r="A18167" s="2"/>
      <c r="B18167" s="2"/>
      <c r="C18167" s="2"/>
    </row>
    <row r="18168" spans="1:3" ht="19.2">
      <c r="A18168" s="2"/>
      <c r="B18168" s="2"/>
      <c r="C18168" s="2"/>
    </row>
    <row r="18169" spans="1:3" ht="19.2">
      <c r="A18169" s="2"/>
      <c r="B18169" s="2"/>
      <c r="C18169" s="2"/>
    </row>
    <row r="18170" spans="1:3" ht="19.2">
      <c r="A18170" s="2"/>
      <c r="B18170" s="2"/>
      <c r="C18170" s="2"/>
    </row>
    <row r="18171" spans="1:3" ht="19.2">
      <c r="A18171" s="2"/>
      <c r="B18171" s="2"/>
      <c r="C18171" s="2"/>
    </row>
    <row r="18172" spans="1:3" ht="19.2">
      <c r="A18172" s="2"/>
      <c r="B18172" s="2"/>
      <c r="C18172" s="2"/>
    </row>
    <row r="18173" spans="1:3" ht="19.2">
      <c r="A18173" s="2"/>
      <c r="B18173" s="2"/>
      <c r="C18173" s="2"/>
    </row>
    <row r="18174" spans="1:3" ht="19.2">
      <c r="A18174" s="2"/>
      <c r="B18174" s="2"/>
      <c r="C18174" s="2"/>
    </row>
    <row r="18175" spans="1:3" ht="19.2">
      <c r="A18175" s="2"/>
      <c r="B18175" s="2"/>
      <c r="C18175" s="2"/>
    </row>
    <row r="18176" spans="1:3" ht="19.2">
      <c r="A18176" s="2"/>
      <c r="B18176" s="2"/>
      <c r="C18176" s="2"/>
    </row>
    <row r="18177" spans="1:3" ht="19.2">
      <c r="A18177" s="2"/>
      <c r="B18177" s="2"/>
      <c r="C18177" s="2"/>
    </row>
    <row r="18178" spans="1:3" ht="19.2">
      <c r="A18178" s="2"/>
      <c r="B18178" s="2"/>
      <c r="C18178" s="2"/>
    </row>
    <row r="18179" spans="1:3" ht="19.2">
      <c r="A18179" s="2"/>
      <c r="B18179" s="2"/>
      <c r="C18179" s="2"/>
    </row>
    <row r="18180" spans="1:3" ht="19.2">
      <c r="A18180" s="2"/>
      <c r="B18180" s="2"/>
      <c r="C18180" s="2"/>
    </row>
    <row r="18181" spans="1:3" ht="19.2">
      <c r="A18181" s="2"/>
      <c r="B18181" s="2"/>
      <c r="C18181" s="2"/>
    </row>
    <row r="18182" spans="1:3" ht="19.2">
      <c r="A18182" s="2"/>
      <c r="B18182" s="2"/>
      <c r="C18182" s="2"/>
    </row>
    <row r="18183" spans="1:3" ht="19.2">
      <c r="A18183" s="2"/>
      <c r="B18183" s="2"/>
      <c r="C18183" s="2"/>
    </row>
    <row r="18184" spans="1:3" ht="19.2">
      <c r="A18184" s="2"/>
      <c r="B18184" s="2"/>
      <c r="C18184" s="2"/>
    </row>
    <row r="18185" spans="1:3" ht="19.2">
      <c r="A18185" s="2"/>
      <c r="B18185" s="2"/>
      <c r="C18185" s="2"/>
    </row>
    <row r="18186" spans="1:3" ht="19.2">
      <c r="A18186" s="2"/>
      <c r="B18186" s="2"/>
      <c r="C18186" s="2"/>
    </row>
    <row r="18187" spans="1:3" ht="19.2">
      <c r="A18187" s="2"/>
      <c r="B18187" s="2"/>
      <c r="C18187" s="2"/>
    </row>
    <row r="18188" spans="1:3" ht="19.2">
      <c r="A18188" s="2"/>
      <c r="B18188" s="2"/>
      <c r="C18188" s="2"/>
    </row>
    <row r="18189" spans="1:3" ht="19.2">
      <c r="A18189" s="2"/>
      <c r="B18189" s="2"/>
      <c r="C18189" s="2"/>
    </row>
    <row r="18190" spans="1:3" ht="19.2">
      <c r="A18190" s="2"/>
      <c r="B18190" s="2"/>
      <c r="C18190" s="2"/>
    </row>
    <row r="18191" spans="1:3" ht="19.2">
      <c r="A18191" s="2"/>
      <c r="B18191" s="2"/>
      <c r="C18191" s="2"/>
    </row>
    <row r="18192" spans="1:3" ht="19.2">
      <c r="A18192" s="2"/>
      <c r="B18192" s="2"/>
      <c r="C18192" s="2"/>
    </row>
    <row r="18193" spans="1:3" ht="19.2">
      <c r="A18193" s="2"/>
      <c r="B18193" s="2"/>
      <c r="C18193" s="2"/>
    </row>
    <row r="18194" spans="1:3" ht="19.2">
      <c r="A18194" s="2"/>
      <c r="B18194" s="2"/>
      <c r="C18194" s="2"/>
    </row>
    <row r="18195" spans="1:3" ht="19.2">
      <c r="A18195" s="2"/>
      <c r="B18195" s="2"/>
      <c r="C18195" s="2"/>
    </row>
    <row r="18196" spans="1:3" ht="19.2">
      <c r="A18196" s="2"/>
      <c r="B18196" s="2"/>
      <c r="C18196" s="2"/>
    </row>
    <row r="18197" spans="1:3" ht="19.2">
      <c r="A18197" s="2"/>
      <c r="B18197" s="2"/>
      <c r="C18197" s="2"/>
    </row>
    <row r="18198" spans="1:3" ht="19.2">
      <c r="A18198" s="2"/>
      <c r="B18198" s="2"/>
      <c r="C18198" s="2"/>
    </row>
    <row r="18199" spans="1:3" ht="19.2">
      <c r="A18199" s="2"/>
      <c r="B18199" s="2"/>
      <c r="C18199" s="2"/>
    </row>
    <row r="18200" spans="1:3" ht="19.2">
      <c r="A18200" s="2"/>
      <c r="B18200" s="2"/>
      <c r="C18200" s="2"/>
    </row>
    <row r="18201" spans="1:3" ht="19.2">
      <c r="A18201" s="2"/>
      <c r="B18201" s="2"/>
      <c r="C18201" s="2"/>
    </row>
    <row r="18202" spans="1:3" ht="19.2">
      <c r="A18202" s="2"/>
      <c r="B18202" s="2"/>
      <c r="C18202" s="2"/>
    </row>
    <row r="18203" spans="1:3" ht="19.2">
      <c r="A18203" s="2"/>
      <c r="B18203" s="2"/>
      <c r="C18203" s="2"/>
    </row>
    <row r="18204" spans="1:3" ht="19.2">
      <c r="A18204" s="2"/>
      <c r="B18204" s="2"/>
      <c r="C18204" s="2"/>
    </row>
    <row r="18205" spans="1:3" ht="19.2">
      <c r="A18205" s="2"/>
      <c r="B18205" s="2"/>
      <c r="C18205" s="2"/>
    </row>
    <row r="18206" spans="1:3" ht="19.2">
      <c r="A18206" s="2"/>
      <c r="B18206" s="2"/>
      <c r="C18206" s="2"/>
    </row>
    <row r="18207" spans="1:3" ht="19.2">
      <c r="A18207" s="2"/>
      <c r="B18207" s="2"/>
      <c r="C18207" s="2"/>
    </row>
    <row r="18208" spans="1:3" ht="19.2">
      <c r="A18208" s="2"/>
      <c r="B18208" s="2"/>
      <c r="C18208" s="2"/>
    </row>
    <row r="18209" spans="1:3" ht="19.2">
      <c r="A18209" s="2"/>
      <c r="B18209" s="2"/>
      <c r="C18209" s="2"/>
    </row>
    <row r="18210" spans="1:3" ht="19.2">
      <c r="A18210" s="2"/>
      <c r="B18210" s="2"/>
      <c r="C18210" s="2"/>
    </row>
    <row r="18211" spans="1:3" ht="19.2">
      <c r="A18211" s="2"/>
      <c r="B18211" s="2"/>
      <c r="C18211" s="2"/>
    </row>
    <row r="18212" spans="1:3" ht="19.2">
      <c r="A18212" s="2"/>
      <c r="B18212" s="2"/>
      <c r="C18212" s="2"/>
    </row>
    <row r="18213" spans="1:3" ht="19.2">
      <c r="A18213" s="2"/>
      <c r="B18213" s="2"/>
      <c r="C18213" s="2"/>
    </row>
    <row r="18214" spans="1:3" ht="19.2">
      <c r="A18214" s="2"/>
      <c r="B18214" s="2"/>
      <c r="C18214" s="2"/>
    </row>
    <row r="18215" spans="1:3" ht="19.2">
      <c r="A18215" s="2"/>
      <c r="B18215" s="2"/>
      <c r="C18215" s="2"/>
    </row>
    <row r="18216" spans="1:3" ht="19.2">
      <c r="A18216" s="2"/>
      <c r="B18216" s="2"/>
      <c r="C18216" s="2"/>
    </row>
    <row r="18217" spans="1:3" ht="19.2">
      <c r="A18217" s="2"/>
      <c r="B18217" s="2"/>
      <c r="C18217" s="2"/>
    </row>
    <row r="18218" spans="1:3" ht="19.2">
      <c r="A18218" s="2"/>
      <c r="B18218" s="2"/>
      <c r="C18218" s="2"/>
    </row>
    <row r="18219" spans="1:3" ht="19.2">
      <c r="A18219" s="2"/>
      <c r="B18219" s="2"/>
      <c r="C18219" s="2"/>
    </row>
    <row r="18220" spans="1:3" ht="19.2">
      <c r="A18220" s="2"/>
      <c r="B18220" s="2"/>
      <c r="C18220" s="2"/>
    </row>
    <row r="18221" spans="1:3" ht="19.2">
      <c r="A18221" s="2"/>
      <c r="B18221" s="2"/>
      <c r="C18221" s="2"/>
    </row>
    <row r="18222" spans="1:3" ht="19.2">
      <c r="A18222" s="2"/>
      <c r="B18222" s="2"/>
      <c r="C18222" s="2"/>
    </row>
    <row r="18223" spans="1:3" ht="19.2">
      <c r="A18223" s="2"/>
      <c r="B18223" s="2"/>
      <c r="C18223" s="2"/>
    </row>
    <row r="18224" spans="1:3" ht="19.2">
      <c r="A18224" s="2"/>
      <c r="B18224" s="2"/>
      <c r="C18224" s="2"/>
    </row>
    <row r="18225" spans="1:3" ht="19.2">
      <c r="A18225" s="2"/>
      <c r="B18225" s="2"/>
      <c r="C18225" s="2"/>
    </row>
    <row r="18226" spans="1:3" ht="19.2">
      <c r="A18226" s="2"/>
      <c r="B18226" s="2"/>
      <c r="C18226" s="2"/>
    </row>
    <row r="18227" spans="1:3" ht="19.2">
      <c r="A18227" s="2"/>
      <c r="B18227" s="2"/>
      <c r="C18227" s="2"/>
    </row>
    <row r="18228" spans="1:3" ht="19.2">
      <c r="A18228" s="2"/>
      <c r="B18228" s="2"/>
      <c r="C18228" s="2"/>
    </row>
    <row r="18229" spans="1:3" ht="19.2">
      <c r="A18229" s="2"/>
      <c r="B18229" s="2"/>
      <c r="C18229" s="2"/>
    </row>
    <row r="18230" spans="1:3" ht="19.2">
      <c r="A18230" s="2"/>
      <c r="B18230" s="2"/>
      <c r="C18230" s="2"/>
    </row>
    <row r="18231" spans="1:3" ht="19.2">
      <c r="A18231" s="2"/>
      <c r="B18231" s="2"/>
      <c r="C18231" s="2"/>
    </row>
    <row r="18232" spans="1:3" ht="19.2">
      <c r="A18232" s="2"/>
      <c r="B18232" s="2"/>
      <c r="C18232" s="2"/>
    </row>
    <row r="18233" spans="1:3" ht="19.2">
      <c r="A18233" s="2"/>
      <c r="B18233" s="2"/>
      <c r="C18233" s="2"/>
    </row>
    <row r="18234" spans="1:3" ht="19.2">
      <c r="A18234" s="2"/>
      <c r="B18234" s="2"/>
      <c r="C18234" s="2"/>
    </row>
    <row r="18235" spans="1:3" ht="19.2">
      <c r="A18235" s="2"/>
      <c r="B18235" s="2"/>
      <c r="C18235" s="2"/>
    </row>
    <row r="18236" spans="1:3" ht="19.2">
      <c r="A18236" s="2"/>
      <c r="B18236" s="2"/>
      <c r="C18236" s="2"/>
    </row>
    <row r="18237" spans="1:3" ht="19.2">
      <c r="A18237" s="2"/>
      <c r="B18237" s="2"/>
      <c r="C18237" s="2"/>
    </row>
    <row r="18238" spans="1:3" ht="19.2">
      <c r="A18238" s="2"/>
      <c r="B18238" s="2"/>
      <c r="C18238" s="2"/>
    </row>
    <row r="18239" spans="1:3" ht="19.2">
      <c r="A18239" s="2"/>
      <c r="B18239" s="2"/>
      <c r="C18239" s="2"/>
    </row>
    <row r="18240" spans="1:3" ht="19.2">
      <c r="A18240" s="2"/>
      <c r="B18240" s="2"/>
      <c r="C18240" s="2"/>
    </row>
    <row r="18241" spans="1:3" ht="19.2">
      <c r="A18241" s="2"/>
      <c r="B18241" s="2"/>
      <c r="C18241" s="2"/>
    </row>
    <row r="18242" spans="1:3" ht="19.2">
      <c r="A18242" s="2"/>
      <c r="B18242" s="2"/>
      <c r="C18242" s="2"/>
    </row>
    <row r="18243" spans="1:3" ht="19.2">
      <c r="A18243" s="2"/>
      <c r="B18243" s="2"/>
      <c r="C18243" s="2"/>
    </row>
    <row r="18244" spans="1:3" ht="19.2">
      <c r="A18244" s="2"/>
      <c r="B18244" s="2"/>
      <c r="C18244" s="2"/>
    </row>
    <row r="18245" spans="1:3" ht="19.2">
      <c r="A18245" s="2"/>
      <c r="B18245" s="2"/>
      <c r="C18245" s="2"/>
    </row>
    <row r="18246" spans="1:3" ht="19.2">
      <c r="A18246" s="2"/>
      <c r="B18246" s="2"/>
      <c r="C18246" s="2"/>
    </row>
    <row r="18247" spans="1:3" ht="19.2">
      <c r="A18247" s="2"/>
      <c r="B18247" s="2"/>
      <c r="C18247" s="2"/>
    </row>
    <row r="18248" spans="1:3" ht="19.2">
      <c r="A18248" s="2"/>
      <c r="B18248" s="2"/>
      <c r="C18248" s="2"/>
    </row>
    <row r="18249" spans="1:3" ht="19.2">
      <c r="A18249" s="2"/>
      <c r="B18249" s="2"/>
      <c r="C18249" s="2"/>
    </row>
    <row r="18250" spans="1:3" ht="19.2">
      <c r="A18250" s="2"/>
      <c r="B18250" s="2"/>
      <c r="C18250" s="2"/>
    </row>
    <row r="18251" spans="1:3" ht="19.2">
      <c r="A18251" s="2"/>
      <c r="B18251" s="2"/>
      <c r="C18251" s="2"/>
    </row>
    <row r="18252" spans="1:3" ht="19.2">
      <c r="A18252" s="2"/>
      <c r="B18252" s="2"/>
      <c r="C18252" s="2"/>
    </row>
    <row r="18253" spans="1:3" ht="19.2">
      <c r="A18253" s="2"/>
      <c r="B18253" s="2"/>
      <c r="C18253" s="2"/>
    </row>
    <row r="18254" spans="1:3" ht="19.2">
      <c r="A18254" s="2"/>
      <c r="B18254" s="2"/>
      <c r="C18254" s="2"/>
    </row>
    <row r="18255" spans="1:3" ht="19.2">
      <c r="A18255" s="2"/>
      <c r="B18255" s="2"/>
      <c r="C18255" s="2"/>
    </row>
    <row r="18256" spans="1:3" ht="19.2">
      <c r="A18256" s="2"/>
      <c r="B18256" s="2"/>
      <c r="C18256" s="2"/>
    </row>
    <row r="18257" spans="1:3" ht="19.2">
      <c r="A18257" s="2"/>
      <c r="B18257" s="2"/>
      <c r="C18257" s="2"/>
    </row>
    <row r="18258" spans="1:3" ht="19.2">
      <c r="A18258" s="2"/>
      <c r="B18258" s="2"/>
      <c r="C18258" s="2"/>
    </row>
    <row r="18259" spans="1:3" ht="19.2">
      <c r="A18259" s="2"/>
      <c r="B18259" s="2"/>
      <c r="C18259" s="2"/>
    </row>
    <row r="18260" spans="1:3" ht="19.2">
      <c r="A18260" s="2"/>
      <c r="B18260" s="2"/>
      <c r="C18260" s="2"/>
    </row>
    <row r="18261" spans="1:3" ht="19.2">
      <c r="A18261" s="2"/>
      <c r="B18261" s="2"/>
      <c r="C18261" s="2"/>
    </row>
    <row r="18262" spans="1:3" ht="19.2">
      <c r="A18262" s="2"/>
      <c r="B18262" s="2"/>
      <c r="C18262" s="2"/>
    </row>
    <row r="18263" spans="1:3" ht="19.2">
      <c r="A18263" s="2"/>
      <c r="B18263" s="2"/>
      <c r="C18263" s="2"/>
    </row>
    <row r="18264" spans="1:3" ht="19.2">
      <c r="A18264" s="2"/>
      <c r="B18264" s="2"/>
      <c r="C18264" s="2"/>
    </row>
    <row r="18265" spans="1:3" ht="19.2">
      <c r="A18265" s="2"/>
      <c r="B18265" s="2"/>
      <c r="C18265" s="2"/>
    </row>
    <row r="18266" spans="1:3" ht="19.2">
      <c r="A18266" s="2"/>
      <c r="B18266" s="2"/>
      <c r="C18266" s="2"/>
    </row>
    <row r="18267" spans="1:3" ht="19.2">
      <c r="A18267" s="2"/>
      <c r="B18267" s="2"/>
      <c r="C18267" s="2"/>
    </row>
    <row r="18268" spans="1:3" ht="19.2">
      <c r="A18268" s="2"/>
      <c r="B18268" s="2"/>
      <c r="C18268" s="2"/>
    </row>
    <row r="18269" spans="1:3" ht="19.2">
      <c r="A18269" s="2"/>
      <c r="B18269" s="2"/>
      <c r="C18269" s="2"/>
    </row>
    <row r="18270" spans="1:3" ht="19.2">
      <c r="A18270" s="2"/>
      <c r="B18270" s="2"/>
      <c r="C18270" s="2"/>
    </row>
    <row r="18271" spans="1:3" ht="19.2">
      <c r="A18271" s="2"/>
      <c r="B18271" s="2"/>
      <c r="C18271" s="2"/>
    </row>
    <row r="18272" spans="1:3" ht="19.2">
      <c r="A18272" s="2"/>
      <c r="B18272" s="2"/>
      <c r="C18272" s="2"/>
    </row>
    <row r="18273" spans="1:3" ht="19.2">
      <c r="A18273" s="2"/>
      <c r="B18273" s="2"/>
      <c r="C18273" s="2"/>
    </row>
    <row r="18274" spans="1:3" ht="19.2">
      <c r="A18274" s="2"/>
      <c r="B18274" s="2"/>
      <c r="C18274" s="2"/>
    </row>
    <row r="18275" spans="1:3" ht="19.2">
      <c r="A18275" s="2"/>
      <c r="B18275" s="2"/>
      <c r="C18275" s="2"/>
    </row>
    <row r="18276" spans="1:3" ht="19.2">
      <c r="A18276" s="2"/>
      <c r="B18276" s="2"/>
      <c r="C18276" s="2"/>
    </row>
    <row r="18277" spans="1:3" ht="19.2">
      <c r="A18277" s="2"/>
      <c r="B18277" s="2"/>
      <c r="C18277" s="2"/>
    </row>
    <row r="18278" spans="1:3" ht="19.2">
      <c r="A18278" s="2"/>
      <c r="B18278" s="2"/>
      <c r="C18278" s="2"/>
    </row>
    <row r="18279" spans="1:3" ht="19.2">
      <c r="A18279" s="2"/>
      <c r="B18279" s="2"/>
      <c r="C18279" s="2"/>
    </row>
    <row r="18280" spans="1:3" ht="19.2">
      <c r="A18280" s="2"/>
      <c r="B18280" s="2"/>
      <c r="C18280" s="2"/>
    </row>
    <row r="18281" spans="1:3" ht="19.2">
      <c r="A18281" s="2"/>
      <c r="B18281" s="2"/>
      <c r="C18281" s="2"/>
    </row>
    <row r="18282" spans="1:3" ht="19.2">
      <c r="A18282" s="2"/>
      <c r="B18282" s="2"/>
      <c r="C18282" s="2"/>
    </row>
    <row r="18283" spans="1:3" ht="19.2">
      <c r="A18283" s="2"/>
      <c r="B18283" s="2"/>
      <c r="C18283" s="2"/>
    </row>
    <row r="18284" spans="1:3" ht="19.2">
      <c r="A18284" s="2"/>
      <c r="B18284" s="2"/>
      <c r="C18284" s="2"/>
    </row>
    <row r="18285" spans="1:3" ht="19.2">
      <c r="A18285" s="2"/>
      <c r="B18285" s="2"/>
      <c r="C18285" s="2"/>
    </row>
    <row r="18286" spans="1:3" ht="19.2">
      <c r="A18286" s="2"/>
      <c r="B18286" s="2"/>
      <c r="C18286" s="2"/>
    </row>
    <row r="18287" spans="1:3" ht="19.2">
      <c r="A18287" s="2"/>
      <c r="B18287" s="2"/>
      <c r="C18287" s="2"/>
    </row>
    <row r="18288" spans="1:3" ht="19.2">
      <c r="A18288" s="2"/>
      <c r="B18288" s="2"/>
      <c r="C18288" s="2"/>
    </row>
    <row r="18289" spans="1:3" ht="19.2">
      <c r="A18289" s="2"/>
      <c r="B18289" s="2"/>
      <c r="C18289" s="2"/>
    </row>
    <row r="18290" spans="1:3" ht="19.2">
      <c r="A18290" s="2"/>
      <c r="B18290" s="2"/>
      <c r="C18290" s="2"/>
    </row>
    <row r="18291" spans="1:3" ht="19.2">
      <c r="A18291" s="2"/>
      <c r="B18291" s="2"/>
      <c r="C18291" s="2"/>
    </row>
    <row r="18292" spans="1:3" ht="19.2">
      <c r="A18292" s="2"/>
      <c r="B18292" s="2"/>
      <c r="C18292" s="2"/>
    </row>
    <row r="18293" spans="1:3" ht="19.2">
      <c r="A18293" s="2"/>
      <c r="B18293" s="2"/>
      <c r="C18293" s="2"/>
    </row>
    <row r="18294" spans="1:3" ht="19.2">
      <c r="A18294" s="2"/>
      <c r="B18294" s="2"/>
      <c r="C18294" s="2"/>
    </row>
    <row r="18295" spans="1:3" ht="19.2">
      <c r="A18295" s="2"/>
      <c r="B18295" s="2"/>
      <c r="C18295" s="2"/>
    </row>
    <row r="18296" spans="1:3" ht="19.2">
      <c r="A18296" s="2"/>
      <c r="B18296" s="2"/>
      <c r="C18296" s="2"/>
    </row>
    <row r="18297" spans="1:3" ht="19.2">
      <c r="A18297" s="2"/>
      <c r="B18297" s="2"/>
      <c r="C18297" s="2"/>
    </row>
    <row r="18298" spans="1:3" ht="19.2">
      <c r="A18298" s="2"/>
      <c r="B18298" s="2"/>
      <c r="C18298" s="2"/>
    </row>
    <row r="18299" spans="1:3" ht="19.2">
      <c r="A18299" s="2"/>
      <c r="B18299" s="2"/>
      <c r="C18299" s="2"/>
    </row>
    <row r="18300" spans="1:3" ht="19.2">
      <c r="A18300" s="2"/>
      <c r="B18300" s="2"/>
      <c r="C18300" s="2"/>
    </row>
    <row r="18301" spans="1:3" ht="19.2">
      <c r="A18301" s="2"/>
      <c r="B18301" s="2"/>
      <c r="C18301" s="2"/>
    </row>
    <row r="18302" spans="1:3" ht="19.2">
      <c r="A18302" s="2"/>
      <c r="B18302" s="2"/>
      <c r="C18302" s="2"/>
    </row>
    <row r="18303" spans="1:3" ht="19.2">
      <c r="A18303" s="2"/>
      <c r="B18303" s="2"/>
      <c r="C18303" s="2"/>
    </row>
    <row r="18304" spans="1:3" ht="19.2">
      <c r="A18304" s="2"/>
      <c r="B18304" s="2"/>
      <c r="C18304" s="2"/>
    </row>
    <row r="18305" spans="1:3" ht="19.2">
      <c r="A18305" s="2"/>
      <c r="B18305" s="2"/>
      <c r="C18305" s="2"/>
    </row>
    <row r="18306" spans="1:3" ht="19.2">
      <c r="A18306" s="2"/>
      <c r="B18306" s="2"/>
      <c r="C18306" s="2"/>
    </row>
    <row r="18307" spans="1:3" ht="19.2">
      <c r="A18307" s="2"/>
      <c r="B18307" s="2"/>
      <c r="C18307" s="2"/>
    </row>
    <row r="18308" spans="1:3" ht="19.2">
      <c r="A18308" s="2"/>
      <c r="B18308" s="2"/>
      <c r="C18308" s="2"/>
    </row>
    <row r="18309" spans="1:3" ht="19.2">
      <c r="A18309" s="2"/>
      <c r="B18309" s="2"/>
      <c r="C18309" s="2"/>
    </row>
    <row r="18310" spans="1:3" ht="19.2">
      <c r="A18310" s="2"/>
      <c r="B18310" s="2"/>
      <c r="C18310" s="2"/>
    </row>
    <row r="18311" spans="1:3" ht="19.2">
      <c r="A18311" s="2"/>
      <c r="B18311" s="2"/>
      <c r="C18311" s="2"/>
    </row>
    <row r="18312" spans="1:3" ht="19.2">
      <c r="A18312" s="2"/>
      <c r="B18312" s="2"/>
      <c r="C18312" s="2"/>
    </row>
    <row r="18313" spans="1:3" ht="19.2">
      <c r="A18313" s="2"/>
      <c r="B18313" s="2"/>
      <c r="C18313" s="2"/>
    </row>
    <row r="18314" spans="1:3" ht="19.2">
      <c r="A18314" s="2"/>
      <c r="B18314" s="2"/>
      <c r="C18314" s="2"/>
    </row>
    <row r="18315" spans="1:3" ht="19.2">
      <c r="A18315" s="2"/>
      <c r="B18315" s="2"/>
      <c r="C18315" s="2"/>
    </row>
    <row r="18316" spans="1:3" ht="19.2">
      <c r="A18316" s="2"/>
      <c r="B18316" s="2"/>
      <c r="C18316" s="2"/>
    </row>
    <row r="18317" spans="1:3" ht="19.2">
      <c r="A18317" s="2"/>
      <c r="B18317" s="2"/>
      <c r="C18317" s="2"/>
    </row>
    <row r="18318" spans="1:3" ht="19.2">
      <c r="A18318" s="2"/>
      <c r="B18318" s="2"/>
      <c r="C18318" s="2"/>
    </row>
    <row r="18319" spans="1:3" ht="19.2">
      <c r="A18319" s="2"/>
      <c r="B18319" s="2"/>
      <c r="C18319" s="2"/>
    </row>
    <row r="18320" spans="1:3" ht="19.2">
      <c r="A18320" s="2"/>
      <c r="B18320" s="2"/>
      <c r="C18320" s="2"/>
    </row>
    <row r="18321" spans="1:3" ht="19.2">
      <c r="A18321" s="2"/>
      <c r="B18321" s="2"/>
      <c r="C18321" s="2"/>
    </row>
    <row r="18322" spans="1:3" ht="19.2">
      <c r="A18322" s="2"/>
      <c r="B18322" s="2"/>
      <c r="C18322" s="2"/>
    </row>
    <row r="18323" spans="1:3" ht="19.2">
      <c r="A18323" s="2"/>
      <c r="B18323" s="2"/>
      <c r="C18323" s="2"/>
    </row>
    <row r="18324" spans="1:3" ht="19.2">
      <c r="A18324" s="2"/>
      <c r="B18324" s="2"/>
      <c r="C18324" s="2"/>
    </row>
    <row r="18325" spans="1:3" ht="19.2">
      <c r="A18325" s="2"/>
      <c r="B18325" s="2"/>
      <c r="C18325" s="2"/>
    </row>
    <row r="18326" spans="1:3" ht="19.2">
      <c r="A18326" s="2"/>
      <c r="B18326" s="2"/>
      <c r="C18326" s="2"/>
    </row>
    <row r="18327" spans="1:3" ht="19.2">
      <c r="A18327" s="2"/>
      <c r="B18327" s="2"/>
      <c r="C18327" s="2"/>
    </row>
    <row r="18328" spans="1:3" ht="19.2">
      <c r="A18328" s="2"/>
      <c r="B18328" s="2"/>
      <c r="C18328" s="2"/>
    </row>
    <row r="18329" spans="1:3" ht="19.2">
      <c r="A18329" s="2"/>
      <c r="B18329" s="2"/>
      <c r="C18329" s="2"/>
    </row>
    <row r="18330" spans="1:3" ht="19.2">
      <c r="A18330" s="2"/>
      <c r="B18330" s="2"/>
      <c r="C18330" s="2"/>
    </row>
    <row r="18331" spans="1:3" ht="19.2">
      <c r="A18331" s="2"/>
      <c r="B18331" s="2"/>
      <c r="C18331" s="2"/>
    </row>
    <row r="18332" spans="1:3" ht="19.2">
      <c r="A18332" s="2"/>
      <c r="B18332" s="2"/>
      <c r="C18332" s="2"/>
    </row>
    <row r="18333" spans="1:3" ht="19.2">
      <c r="A18333" s="2"/>
      <c r="B18333" s="2"/>
      <c r="C18333" s="2"/>
    </row>
    <row r="18334" spans="1:3" ht="19.2">
      <c r="A18334" s="2"/>
      <c r="B18334" s="2"/>
      <c r="C18334" s="2"/>
    </row>
    <row r="18335" spans="1:3" ht="19.2">
      <c r="A18335" s="2"/>
      <c r="B18335" s="2"/>
      <c r="C18335" s="2"/>
    </row>
    <row r="18336" spans="1:3" ht="19.2">
      <c r="A18336" s="2"/>
      <c r="B18336" s="2"/>
      <c r="C18336" s="2"/>
    </row>
    <row r="18337" spans="1:3" ht="19.2">
      <c r="A18337" s="2"/>
      <c r="B18337" s="2"/>
      <c r="C18337" s="2"/>
    </row>
    <row r="18338" spans="1:3" ht="19.2">
      <c r="A18338" s="2"/>
      <c r="B18338" s="2"/>
      <c r="C18338" s="2"/>
    </row>
    <row r="18339" spans="1:3" ht="19.2">
      <c r="A18339" s="2"/>
      <c r="B18339" s="2"/>
      <c r="C18339" s="2"/>
    </row>
    <row r="18340" spans="1:3" ht="19.2">
      <c r="A18340" s="2"/>
      <c r="B18340" s="2"/>
      <c r="C18340" s="2"/>
    </row>
    <row r="18341" spans="1:3" ht="19.2">
      <c r="A18341" s="2"/>
      <c r="B18341" s="2"/>
      <c r="C18341" s="2"/>
    </row>
    <row r="18342" spans="1:3" ht="19.2">
      <c r="A18342" s="2"/>
      <c r="B18342" s="2"/>
      <c r="C18342" s="2"/>
    </row>
    <row r="18343" spans="1:3" ht="19.2">
      <c r="A18343" s="2"/>
      <c r="B18343" s="2"/>
      <c r="C18343" s="2"/>
    </row>
    <row r="18344" spans="1:3" ht="19.2">
      <c r="A18344" s="2"/>
      <c r="B18344" s="2"/>
      <c r="C18344" s="2"/>
    </row>
    <row r="18345" spans="1:3" ht="19.2">
      <c r="A18345" s="2"/>
      <c r="B18345" s="2"/>
      <c r="C18345" s="2"/>
    </row>
    <row r="18346" spans="1:3" ht="19.2">
      <c r="A18346" s="2"/>
      <c r="B18346" s="2"/>
      <c r="C18346" s="2"/>
    </row>
    <row r="18347" spans="1:3" ht="19.2">
      <c r="A18347" s="2"/>
      <c r="B18347" s="2"/>
      <c r="C18347" s="2"/>
    </row>
    <row r="18348" spans="1:3" ht="19.2">
      <c r="A18348" s="2"/>
      <c r="B18348" s="2"/>
      <c r="C18348" s="2"/>
    </row>
    <row r="18349" spans="1:3" ht="19.2">
      <c r="A18349" s="2"/>
      <c r="B18349" s="2"/>
      <c r="C18349" s="2"/>
    </row>
    <row r="18350" spans="1:3" ht="19.2">
      <c r="A18350" s="2"/>
      <c r="B18350" s="2"/>
      <c r="C18350" s="2"/>
    </row>
    <row r="18351" spans="1:3" ht="19.2">
      <c r="A18351" s="2"/>
      <c r="B18351" s="2"/>
      <c r="C18351" s="2"/>
    </row>
    <row r="18352" spans="1:3" ht="19.2">
      <c r="A18352" s="2"/>
      <c r="B18352" s="2"/>
      <c r="C18352" s="2"/>
    </row>
    <row r="18353" spans="1:3" ht="19.2">
      <c r="A18353" s="2"/>
      <c r="B18353" s="2"/>
      <c r="C18353" s="2"/>
    </row>
    <row r="18354" spans="1:3" ht="19.2">
      <c r="A18354" s="2"/>
      <c r="B18354" s="2"/>
      <c r="C18354" s="2"/>
    </row>
    <row r="18355" spans="1:3" ht="19.2">
      <c r="A18355" s="2"/>
      <c r="B18355" s="2"/>
      <c r="C18355" s="2"/>
    </row>
    <row r="18356" spans="1:3" ht="19.2">
      <c r="A18356" s="2"/>
      <c r="B18356" s="2"/>
      <c r="C18356" s="2"/>
    </row>
    <row r="18357" spans="1:3" ht="19.2">
      <c r="A18357" s="2"/>
      <c r="B18357" s="2"/>
      <c r="C18357" s="2"/>
    </row>
    <row r="18358" spans="1:3" ht="19.2">
      <c r="A18358" s="2"/>
      <c r="B18358" s="2"/>
      <c r="C18358" s="2"/>
    </row>
    <row r="18359" spans="1:3" ht="19.2">
      <c r="A18359" s="2"/>
      <c r="B18359" s="2"/>
      <c r="C18359" s="2"/>
    </row>
    <row r="18360" spans="1:3" ht="19.2">
      <c r="A18360" s="2"/>
      <c r="B18360" s="2"/>
      <c r="C18360" s="2"/>
    </row>
    <row r="18361" spans="1:3" ht="19.2">
      <c r="A18361" s="2"/>
      <c r="B18361" s="2"/>
      <c r="C18361" s="2"/>
    </row>
    <row r="18362" spans="1:3" ht="19.2">
      <c r="A18362" s="2"/>
      <c r="B18362" s="2"/>
      <c r="C18362" s="2"/>
    </row>
    <row r="18363" spans="1:3" ht="19.2">
      <c r="A18363" s="2"/>
      <c r="B18363" s="2"/>
      <c r="C18363" s="2"/>
    </row>
    <row r="18364" spans="1:3" ht="19.2">
      <c r="A18364" s="2"/>
      <c r="B18364" s="2"/>
      <c r="C18364" s="2"/>
    </row>
    <row r="18365" spans="1:3" ht="19.2">
      <c r="A18365" s="2"/>
      <c r="B18365" s="2"/>
      <c r="C18365" s="2"/>
    </row>
    <row r="18366" spans="1:3" ht="19.2">
      <c r="A18366" s="2"/>
      <c r="B18366" s="2"/>
      <c r="C18366" s="2"/>
    </row>
    <row r="18367" spans="1:3" ht="19.2">
      <c r="A18367" s="2"/>
      <c r="B18367" s="2"/>
      <c r="C18367" s="2"/>
    </row>
    <row r="18368" spans="1:3" ht="19.2">
      <c r="A18368" s="2"/>
      <c r="B18368" s="2"/>
      <c r="C18368" s="2"/>
    </row>
    <row r="18369" spans="1:3" ht="19.2">
      <c r="A18369" s="2"/>
      <c r="B18369" s="2"/>
      <c r="C18369" s="2"/>
    </row>
    <row r="18370" spans="1:3" ht="19.2">
      <c r="A18370" s="2"/>
      <c r="B18370" s="2"/>
      <c r="C18370" s="2"/>
    </row>
    <row r="18371" spans="1:3" ht="19.2">
      <c r="A18371" s="2"/>
      <c r="B18371" s="2"/>
      <c r="C18371" s="2"/>
    </row>
    <row r="18372" spans="1:3" ht="19.2">
      <c r="A18372" s="2"/>
      <c r="B18372" s="2"/>
      <c r="C18372" s="2"/>
    </row>
    <row r="18373" spans="1:3" ht="19.2">
      <c r="A18373" s="2"/>
      <c r="B18373" s="2"/>
      <c r="C18373" s="2"/>
    </row>
    <row r="18374" spans="1:3" ht="19.2">
      <c r="A18374" s="2"/>
      <c r="B18374" s="2"/>
      <c r="C18374" s="2"/>
    </row>
    <row r="18375" spans="1:3" ht="19.2">
      <c r="A18375" s="2"/>
      <c r="B18375" s="2"/>
      <c r="C18375" s="2"/>
    </row>
    <row r="18376" spans="1:3" ht="19.2">
      <c r="A18376" s="2"/>
      <c r="B18376" s="2"/>
      <c r="C18376" s="2"/>
    </row>
    <row r="18377" spans="1:3" ht="19.2">
      <c r="A18377" s="2"/>
      <c r="B18377" s="2"/>
      <c r="C18377" s="2"/>
    </row>
    <row r="18378" spans="1:3" ht="19.2">
      <c r="A18378" s="2"/>
      <c r="B18378" s="2"/>
      <c r="C18378" s="2"/>
    </row>
    <row r="18379" spans="1:3" ht="19.2">
      <c r="A18379" s="2"/>
      <c r="B18379" s="2"/>
      <c r="C18379" s="2"/>
    </row>
    <row r="18380" spans="1:3" ht="19.2">
      <c r="A18380" s="2"/>
      <c r="B18380" s="2"/>
      <c r="C18380" s="2"/>
    </row>
    <row r="18381" spans="1:3" ht="19.2">
      <c r="A18381" s="2"/>
      <c r="B18381" s="2"/>
      <c r="C18381" s="2"/>
    </row>
    <row r="18382" spans="1:3" ht="19.2">
      <c r="A18382" s="2"/>
      <c r="B18382" s="2"/>
      <c r="C18382" s="2"/>
    </row>
    <row r="18383" spans="1:3" ht="19.2">
      <c r="A18383" s="2"/>
      <c r="B18383" s="2"/>
      <c r="C18383" s="2"/>
    </row>
    <row r="18384" spans="1:3" ht="19.2">
      <c r="A18384" s="2"/>
      <c r="B18384" s="2"/>
      <c r="C18384" s="2"/>
    </row>
    <row r="18385" spans="1:3" ht="19.2">
      <c r="A18385" s="2"/>
      <c r="B18385" s="2"/>
      <c r="C18385" s="2"/>
    </row>
    <row r="18386" spans="1:3" ht="19.2">
      <c r="A18386" s="2"/>
      <c r="B18386" s="2"/>
      <c r="C18386" s="2"/>
    </row>
    <row r="18387" spans="1:3" ht="19.2">
      <c r="A18387" s="2"/>
      <c r="B18387" s="2"/>
      <c r="C18387" s="2"/>
    </row>
    <row r="18388" spans="1:3" ht="19.2">
      <c r="A18388" s="2"/>
      <c r="B18388" s="2"/>
      <c r="C18388" s="2"/>
    </row>
    <row r="18389" spans="1:3" ht="19.2">
      <c r="A18389" s="2"/>
      <c r="B18389" s="2"/>
      <c r="C18389" s="2"/>
    </row>
    <row r="18390" spans="1:3" ht="19.2">
      <c r="A18390" s="2"/>
      <c r="B18390" s="2"/>
      <c r="C18390" s="2"/>
    </row>
    <row r="18391" spans="1:3" ht="19.2">
      <c r="A18391" s="2"/>
      <c r="B18391" s="2"/>
      <c r="C18391" s="2"/>
    </row>
    <row r="18392" spans="1:3" ht="19.2">
      <c r="A18392" s="2"/>
      <c r="B18392" s="2"/>
      <c r="C18392" s="2"/>
    </row>
    <row r="18393" spans="1:3" ht="19.2">
      <c r="A18393" s="2"/>
      <c r="B18393" s="2"/>
      <c r="C18393" s="2"/>
    </row>
    <row r="18394" spans="1:3" ht="19.2">
      <c r="A18394" s="2"/>
      <c r="B18394" s="2"/>
      <c r="C18394" s="2"/>
    </row>
    <row r="18395" spans="1:3" ht="19.2">
      <c r="A18395" s="2"/>
      <c r="B18395" s="2"/>
      <c r="C18395" s="2"/>
    </row>
    <row r="18396" spans="1:3" ht="19.2">
      <c r="A18396" s="2"/>
      <c r="B18396" s="2"/>
      <c r="C18396" s="2"/>
    </row>
    <row r="18397" spans="1:3" ht="19.2">
      <c r="A18397" s="2"/>
      <c r="B18397" s="2"/>
      <c r="C18397" s="2"/>
    </row>
    <row r="18398" spans="1:3" ht="19.2">
      <c r="A18398" s="2"/>
      <c r="B18398" s="2"/>
      <c r="C18398" s="2"/>
    </row>
    <row r="18399" spans="1:3" ht="19.2">
      <c r="A18399" s="2"/>
      <c r="B18399" s="2"/>
      <c r="C18399" s="2"/>
    </row>
    <row r="18400" spans="1:3" ht="19.2">
      <c r="A18400" s="2"/>
      <c r="B18400" s="2"/>
      <c r="C18400" s="2"/>
    </row>
    <row r="18401" spans="1:3" ht="19.2">
      <c r="A18401" s="2"/>
      <c r="B18401" s="2"/>
      <c r="C18401" s="2"/>
    </row>
    <row r="18402" spans="1:3" ht="19.2">
      <c r="A18402" s="2"/>
      <c r="B18402" s="2"/>
      <c r="C18402" s="2"/>
    </row>
    <row r="18403" spans="1:3" ht="19.2">
      <c r="A18403" s="2"/>
      <c r="B18403" s="2"/>
      <c r="C18403" s="2"/>
    </row>
    <row r="18404" spans="1:3" ht="19.2">
      <c r="A18404" s="2"/>
      <c r="B18404" s="2"/>
      <c r="C18404" s="2"/>
    </row>
    <row r="18405" spans="1:3" ht="19.2">
      <c r="A18405" s="2"/>
      <c r="B18405" s="2"/>
      <c r="C18405" s="2"/>
    </row>
    <row r="18406" spans="1:3" ht="19.2">
      <c r="A18406" s="2"/>
      <c r="B18406" s="2"/>
      <c r="C18406" s="2"/>
    </row>
    <row r="18407" spans="1:3" ht="19.2">
      <c r="A18407" s="2"/>
      <c r="B18407" s="2"/>
      <c r="C18407" s="2"/>
    </row>
    <row r="18408" spans="1:3" ht="19.2">
      <c r="A18408" s="2"/>
      <c r="B18408" s="2"/>
      <c r="C18408" s="2"/>
    </row>
    <row r="18409" spans="1:3" ht="19.2">
      <c r="A18409" s="2"/>
      <c r="B18409" s="2"/>
      <c r="C18409" s="2"/>
    </row>
    <row r="18410" spans="1:3" ht="19.2">
      <c r="A18410" s="2"/>
      <c r="B18410" s="2"/>
      <c r="C18410" s="2"/>
    </row>
    <row r="18411" spans="1:3" ht="19.2">
      <c r="A18411" s="2"/>
      <c r="B18411" s="2"/>
      <c r="C18411" s="2"/>
    </row>
    <row r="18412" spans="1:3" ht="19.2">
      <c r="A18412" s="2"/>
      <c r="B18412" s="2"/>
      <c r="C18412" s="2"/>
    </row>
    <row r="18413" spans="1:3" ht="19.2">
      <c r="A18413" s="2"/>
      <c r="B18413" s="2"/>
      <c r="C18413" s="2"/>
    </row>
    <row r="18414" spans="1:3" ht="19.2">
      <c r="A18414" s="2"/>
      <c r="B18414" s="2"/>
      <c r="C18414" s="2"/>
    </row>
    <row r="18415" spans="1:3" ht="19.2">
      <c r="A18415" s="2"/>
      <c r="B18415" s="2"/>
      <c r="C18415" s="2"/>
    </row>
    <row r="18416" spans="1:3" ht="19.2">
      <c r="A18416" s="2"/>
      <c r="B18416" s="2"/>
      <c r="C18416" s="2"/>
    </row>
    <row r="18417" spans="1:3" ht="19.2">
      <c r="A18417" s="2"/>
      <c r="B18417" s="2"/>
      <c r="C18417" s="2"/>
    </row>
    <row r="18418" spans="1:3" ht="19.2">
      <c r="A18418" s="2"/>
      <c r="B18418" s="2"/>
      <c r="C18418" s="2"/>
    </row>
    <row r="18419" spans="1:3" ht="19.2">
      <c r="A18419" s="2"/>
      <c r="B18419" s="2"/>
      <c r="C18419" s="2"/>
    </row>
    <row r="18420" spans="1:3" ht="19.2">
      <c r="A18420" s="2"/>
      <c r="B18420" s="2"/>
      <c r="C18420" s="2"/>
    </row>
    <row r="18421" spans="1:3" ht="19.2">
      <c r="A18421" s="2"/>
      <c r="B18421" s="2"/>
      <c r="C18421" s="2"/>
    </row>
    <row r="18422" spans="1:3" ht="19.2">
      <c r="A18422" s="2"/>
      <c r="B18422" s="2"/>
      <c r="C18422" s="2"/>
    </row>
    <row r="18423" spans="1:3" ht="19.2">
      <c r="A18423" s="2"/>
      <c r="B18423" s="2"/>
      <c r="C18423" s="2"/>
    </row>
    <row r="18424" spans="1:3" ht="19.2">
      <c r="A18424" s="2"/>
      <c r="B18424" s="2"/>
      <c r="C18424" s="2"/>
    </row>
    <row r="18425" spans="1:3" ht="19.2">
      <c r="A18425" s="2"/>
      <c r="B18425" s="2"/>
      <c r="C18425" s="2"/>
    </row>
    <row r="18426" spans="1:3" ht="19.2">
      <c r="A18426" s="2"/>
      <c r="B18426" s="2"/>
      <c r="C18426" s="2"/>
    </row>
    <row r="18427" spans="1:3" ht="19.2">
      <c r="A18427" s="2"/>
      <c r="B18427" s="2"/>
      <c r="C18427" s="2"/>
    </row>
    <row r="18428" spans="1:3" ht="19.2">
      <c r="A18428" s="2"/>
      <c r="B18428" s="2"/>
      <c r="C18428" s="2"/>
    </row>
    <row r="18429" spans="1:3" ht="19.2">
      <c r="A18429" s="2"/>
      <c r="B18429" s="2"/>
      <c r="C18429" s="2"/>
    </row>
    <row r="18430" spans="1:3" ht="19.2">
      <c r="A18430" s="2"/>
      <c r="B18430" s="2"/>
      <c r="C18430" s="2"/>
    </row>
    <row r="18431" spans="1:3" ht="19.2">
      <c r="A18431" s="2"/>
      <c r="B18431" s="2"/>
      <c r="C18431" s="2"/>
    </row>
    <row r="18432" spans="1:3" ht="19.2">
      <c r="A18432" s="2"/>
      <c r="B18432" s="2"/>
      <c r="C18432" s="2"/>
    </row>
    <row r="18433" spans="1:3" ht="19.2">
      <c r="A18433" s="2"/>
      <c r="B18433" s="2"/>
      <c r="C18433" s="2"/>
    </row>
    <row r="18434" spans="1:3" ht="19.2">
      <c r="A18434" s="2"/>
      <c r="B18434" s="2"/>
      <c r="C18434" s="2"/>
    </row>
    <row r="18435" spans="1:3" ht="19.2">
      <c r="A18435" s="2"/>
      <c r="B18435" s="2"/>
      <c r="C18435" s="2"/>
    </row>
    <row r="18436" spans="1:3" ht="19.2">
      <c r="A18436" s="2"/>
      <c r="B18436" s="2"/>
      <c r="C18436" s="2"/>
    </row>
    <row r="18437" spans="1:3" ht="19.2">
      <c r="A18437" s="2"/>
      <c r="B18437" s="2"/>
      <c r="C18437" s="2"/>
    </row>
    <row r="18438" spans="1:3" ht="19.2">
      <c r="A18438" s="2"/>
      <c r="B18438" s="2"/>
      <c r="C18438" s="2"/>
    </row>
    <row r="18439" spans="1:3" ht="19.2">
      <c r="A18439" s="2"/>
      <c r="B18439" s="2"/>
      <c r="C18439" s="2"/>
    </row>
    <row r="18440" spans="1:3" ht="19.2">
      <c r="A18440" s="2"/>
      <c r="B18440" s="2"/>
      <c r="C18440" s="2"/>
    </row>
    <row r="18441" spans="1:3" ht="19.2">
      <c r="A18441" s="2"/>
      <c r="B18441" s="2"/>
      <c r="C18441" s="2"/>
    </row>
    <row r="18442" spans="1:3" ht="19.2">
      <c r="A18442" s="2"/>
      <c r="B18442" s="2"/>
      <c r="C18442" s="2"/>
    </row>
    <row r="18443" spans="1:3" ht="19.2">
      <c r="A18443" s="2"/>
      <c r="B18443" s="2"/>
      <c r="C18443" s="2"/>
    </row>
    <row r="18444" spans="1:3" ht="19.2">
      <c r="A18444" s="2"/>
      <c r="B18444" s="2"/>
      <c r="C18444" s="2"/>
    </row>
    <row r="18445" spans="1:3" ht="19.2">
      <c r="A18445" s="2"/>
      <c r="B18445" s="2"/>
      <c r="C18445" s="2"/>
    </row>
    <row r="18446" spans="1:3" ht="19.2">
      <c r="A18446" s="2"/>
      <c r="B18446" s="2"/>
      <c r="C18446" s="2"/>
    </row>
    <row r="18447" spans="1:3" ht="19.2">
      <c r="A18447" s="2"/>
      <c r="B18447" s="2"/>
      <c r="C18447" s="2"/>
    </row>
    <row r="18448" spans="1:3" ht="19.2">
      <c r="A18448" s="2"/>
      <c r="B18448" s="2"/>
      <c r="C18448" s="2"/>
    </row>
    <row r="18449" spans="1:3" ht="19.2">
      <c r="A18449" s="2"/>
      <c r="B18449" s="2"/>
      <c r="C18449" s="2"/>
    </row>
    <row r="18450" spans="1:3" ht="19.2">
      <c r="A18450" s="2"/>
      <c r="B18450" s="2"/>
      <c r="C18450" s="2"/>
    </row>
    <row r="18451" spans="1:3" ht="19.2">
      <c r="A18451" s="2"/>
      <c r="B18451" s="2"/>
      <c r="C18451" s="2"/>
    </row>
    <row r="18452" spans="1:3" ht="19.2">
      <c r="A18452" s="2"/>
      <c r="B18452" s="2"/>
      <c r="C18452" s="2"/>
    </row>
    <row r="18453" spans="1:3" ht="19.2">
      <c r="A18453" s="2"/>
      <c r="B18453" s="2"/>
      <c r="C18453" s="2"/>
    </row>
    <row r="18454" spans="1:3" ht="19.2">
      <c r="A18454" s="2"/>
      <c r="B18454" s="2"/>
      <c r="C18454" s="2"/>
    </row>
    <row r="18455" spans="1:3" ht="19.2">
      <c r="A18455" s="2"/>
      <c r="B18455" s="2"/>
      <c r="C18455" s="2"/>
    </row>
    <row r="18456" spans="1:3" ht="19.2">
      <c r="A18456" s="2"/>
      <c r="B18456" s="2"/>
      <c r="C18456" s="2"/>
    </row>
    <row r="18457" spans="1:3" ht="19.2">
      <c r="A18457" s="2"/>
      <c r="B18457" s="2"/>
      <c r="C18457" s="2"/>
    </row>
    <row r="18458" spans="1:3" ht="19.2">
      <c r="A18458" s="2"/>
      <c r="B18458" s="2"/>
      <c r="C18458" s="2"/>
    </row>
    <row r="18459" spans="1:3" ht="19.2">
      <c r="A18459" s="2"/>
      <c r="B18459" s="2"/>
      <c r="C18459" s="2"/>
    </row>
    <row r="18460" spans="1:3" ht="19.2">
      <c r="A18460" s="2"/>
      <c r="B18460" s="2"/>
      <c r="C18460" s="2"/>
    </row>
    <row r="18461" spans="1:3" ht="19.2">
      <c r="A18461" s="2"/>
      <c r="B18461" s="2"/>
      <c r="C18461" s="2"/>
    </row>
    <row r="18462" spans="1:3" ht="19.2">
      <c r="A18462" s="2"/>
      <c r="B18462" s="2"/>
      <c r="C18462" s="2"/>
    </row>
    <row r="18463" spans="1:3" ht="19.2">
      <c r="A18463" s="2"/>
      <c r="B18463" s="2"/>
      <c r="C18463" s="2"/>
    </row>
    <row r="18464" spans="1:3" ht="19.2">
      <c r="A18464" s="2"/>
      <c r="B18464" s="2"/>
      <c r="C18464" s="2"/>
    </row>
    <row r="18465" spans="1:3" ht="19.2">
      <c r="A18465" s="2"/>
      <c r="B18465" s="2"/>
      <c r="C18465" s="2"/>
    </row>
    <row r="18466" spans="1:3" ht="19.2">
      <c r="A18466" s="2"/>
      <c r="B18466" s="2"/>
      <c r="C18466" s="2"/>
    </row>
    <row r="18467" spans="1:3" ht="19.2">
      <c r="A18467" s="2"/>
      <c r="B18467" s="2"/>
      <c r="C18467" s="2"/>
    </row>
    <row r="18468" spans="1:3" ht="19.2">
      <c r="A18468" s="2"/>
      <c r="B18468" s="2"/>
      <c r="C18468" s="2"/>
    </row>
    <row r="18469" spans="1:3" ht="19.2">
      <c r="A18469" s="2"/>
      <c r="B18469" s="2"/>
      <c r="C18469" s="2"/>
    </row>
    <row r="18470" spans="1:3" ht="19.2">
      <c r="A18470" s="2"/>
      <c r="B18470" s="2"/>
      <c r="C18470" s="2"/>
    </row>
    <row r="18471" spans="1:3" ht="19.2">
      <c r="A18471" s="2"/>
      <c r="B18471" s="2"/>
      <c r="C18471" s="2"/>
    </row>
    <row r="18472" spans="1:3" ht="19.2">
      <c r="A18472" s="2"/>
      <c r="B18472" s="2"/>
      <c r="C18472" s="2"/>
    </row>
    <row r="18473" spans="1:3" ht="19.2">
      <c r="A18473" s="2"/>
      <c r="B18473" s="2"/>
      <c r="C18473" s="2"/>
    </row>
    <row r="18474" spans="1:3" ht="19.2">
      <c r="A18474" s="2"/>
      <c r="B18474" s="2"/>
      <c r="C18474" s="2"/>
    </row>
    <row r="18475" spans="1:3" ht="19.2">
      <c r="A18475" s="2"/>
      <c r="B18475" s="2"/>
      <c r="C18475" s="2"/>
    </row>
    <row r="18476" spans="1:3" ht="19.2">
      <c r="A18476" s="2"/>
      <c r="B18476" s="2"/>
      <c r="C18476" s="2"/>
    </row>
    <row r="18477" spans="1:3" ht="19.2">
      <c r="A18477" s="2"/>
      <c r="B18477" s="2"/>
      <c r="C18477" s="2"/>
    </row>
    <row r="18478" spans="1:3" ht="19.2">
      <c r="A18478" s="2"/>
      <c r="B18478" s="2"/>
      <c r="C18478" s="2"/>
    </row>
    <row r="18479" spans="1:3" ht="19.2">
      <c r="A18479" s="2"/>
      <c r="B18479" s="2"/>
      <c r="C18479" s="2"/>
    </row>
    <row r="18480" spans="1:3" ht="19.2">
      <c r="A18480" s="2"/>
      <c r="B18480" s="2"/>
      <c r="C18480" s="2"/>
    </row>
    <row r="18481" spans="1:3" ht="19.2">
      <c r="A18481" s="2"/>
      <c r="B18481" s="2"/>
      <c r="C18481" s="2"/>
    </row>
    <row r="18482" spans="1:3" ht="19.2">
      <c r="A18482" s="2"/>
      <c r="B18482" s="2"/>
      <c r="C18482" s="2"/>
    </row>
    <row r="18483" spans="1:3" ht="19.2">
      <c r="A18483" s="2"/>
      <c r="B18483" s="2"/>
      <c r="C18483" s="2"/>
    </row>
    <row r="18484" spans="1:3" ht="19.2">
      <c r="A18484" s="2"/>
      <c r="B18484" s="2"/>
      <c r="C18484" s="2"/>
    </row>
    <row r="18485" spans="1:3" ht="19.2">
      <c r="A18485" s="2"/>
      <c r="B18485" s="2"/>
      <c r="C18485" s="2"/>
    </row>
    <row r="18486" spans="1:3" ht="19.2">
      <c r="A18486" s="2"/>
      <c r="B18486" s="2"/>
      <c r="C18486" s="2"/>
    </row>
    <row r="18487" spans="1:3" ht="19.2">
      <c r="A18487" s="2"/>
      <c r="B18487" s="2"/>
      <c r="C18487" s="2"/>
    </row>
    <row r="18488" spans="1:3" ht="19.2">
      <c r="A18488" s="2"/>
      <c r="B18488" s="2"/>
      <c r="C18488" s="2"/>
    </row>
    <row r="18489" spans="1:3" ht="19.2">
      <c r="A18489" s="2"/>
      <c r="B18489" s="2"/>
      <c r="C18489" s="2"/>
    </row>
    <row r="18490" spans="1:3" ht="19.2">
      <c r="A18490" s="2"/>
      <c r="B18490" s="2"/>
      <c r="C18490" s="2"/>
    </row>
    <row r="18491" spans="1:3" ht="19.2">
      <c r="A18491" s="2"/>
      <c r="B18491" s="2"/>
      <c r="C18491" s="2"/>
    </row>
    <row r="18492" spans="1:3" ht="19.2">
      <c r="A18492" s="2"/>
      <c r="B18492" s="2"/>
      <c r="C18492" s="2"/>
    </row>
    <row r="18493" spans="1:3" ht="19.2">
      <c r="A18493" s="2"/>
      <c r="B18493" s="2"/>
      <c r="C18493" s="2"/>
    </row>
    <row r="18494" spans="1:3" ht="19.2">
      <c r="A18494" s="2"/>
      <c r="B18494" s="2"/>
      <c r="C18494" s="2"/>
    </row>
    <row r="18495" spans="1:3" ht="19.2">
      <c r="A18495" s="2"/>
      <c r="B18495" s="2"/>
      <c r="C18495" s="2"/>
    </row>
    <row r="18496" spans="1:3" ht="19.2">
      <c r="A18496" s="2"/>
      <c r="B18496" s="2"/>
      <c r="C18496" s="2"/>
    </row>
    <row r="18497" spans="1:3" ht="19.2">
      <c r="A18497" s="2"/>
      <c r="B18497" s="2"/>
      <c r="C18497" s="2"/>
    </row>
    <row r="18498" spans="1:3" ht="19.2">
      <c r="A18498" s="2"/>
      <c r="B18498" s="2"/>
      <c r="C18498" s="2"/>
    </row>
    <row r="18499" spans="1:3" ht="19.2">
      <c r="A18499" s="2"/>
      <c r="B18499" s="2"/>
      <c r="C18499" s="2"/>
    </row>
    <row r="18500" spans="1:3" ht="19.2">
      <c r="A18500" s="2"/>
      <c r="B18500" s="2"/>
      <c r="C18500" s="2"/>
    </row>
    <row r="18501" spans="1:3" ht="19.2">
      <c r="A18501" s="2"/>
      <c r="B18501" s="2"/>
      <c r="C18501" s="2"/>
    </row>
    <row r="18502" spans="1:3" ht="19.2">
      <c r="A18502" s="2"/>
      <c r="B18502" s="2"/>
      <c r="C18502" s="2"/>
    </row>
    <row r="18503" spans="1:3" ht="19.2">
      <c r="A18503" s="2"/>
      <c r="B18503" s="2"/>
      <c r="C18503" s="2"/>
    </row>
    <row r="18504" spans="1:3" ht="19.2">
      <c r="A18504" s="2"/>
      <c r="B18504" s="2"/>
      <c r="C18504" s="2"/>
    </row>
    <row r="18505" spans="1:3" ht="19.2">
      <c r="A18505" s="2"/>
      <c r="B18505" s="2"/>
      <c r="C18505" s="2"/>
    </row>
    <row r="18506" spans="1:3" ht="19.2">
      <c r="A18506" s="2"/>
      <c r="B18506" s="2"/>
      <c r="C18506" s="2"/>
    </row>
    <row r="18507" spans="1:3" ht="19.2">
      <c r="A18507" s="2"/>
      <c r="B18507" s="2"/>
      <c r="C18507" s="2"/>
    </row>
    <row r="18508" spans="1:3" ht="19.2">
      <c r="A18508" s="2"/>
      <c r="B18508" s="2"/>
      <c r="C18508" s="2"/>
    </row>
    <row r="18509" spans="1:3" ht="19.2">
      <c r="A18509" s="2"/>
      <c r="B18509" s="2"/>
      <c r="C18509" s="2"/>
    </row>
    <row r="18510" spans="1:3" ht="19.2">
      <c r="A18510" s="2"/>
      <c r="B18510" s="2"/>
      <c r="C18510" s="2"/>
    </row>
    <row r="18511" spans="1:3" ht="19.2">
      <c r="A18511" s="2"/>
      <c r="B18511" s="2"/>
      <c r="C18511" s="2"/>
    </row>
    <row r="18512" spans="1:3" ht="19.2">
      <c r="A18512" s="2"/>
      <c r="B18512" s="2"/>
      <c r="C18512" s="2"/>
    </row>
    <row r="18513" spans="1:3" ht="19.2">
      <c r="A18513" s="2"/>
      <c r="B18513" s="2"/>
      <c r="C18513" s="2"/>
    </row>
    <row r="18514" spans="1:3" ht="19.2">
      <c r="A18514" s="2"/>
      <c r="B18514" s="2"/>
      <c r="C18514" s="2"/>
    </row>
    <row r="18515" spans="1:3" ht="19.2">
      <c r="A18515" s="2"/>
      <c r="B18515" s="2"/>
      <c r="C18515" s="2"/>
    </row>
    <row r="18516" spans="1:3" ht="19.2">
      <c r="A18516" s="2"/>
      <c r="B18516" s="2"/>
      <c r="C18516" s="2"/>
    </row>
    <row r="18517" spans="1:3" ht="19.2">
      <c r="A18517" s="2"/>
      <c r="B18517" s="2"/>
      <c r="C18517" s="2"/>
    </row>
    <row r="18518" spans="1:3" ht="19.2">
      <c r="A18518" s="2"/>
      <c r="B18518" s="2"/>
      <c r="C18518" s="2"/>
    </row>
    <row r="18519" spans="1:3" ht="19.2">
      <c r="A18519" s="2"/>
      <c r="B18519" s="2"/>
      <c r="C18519" s="2"/>
    </row>
    <row r="18520" spans="1:3" ht="19.2">
      <c r="A18520" s="2"/>
      <c r="B18520" s="2"/>
      <c r="C18520" s="2"/>
    </row>
    <row r="18521" spans="1:3" ht="19.2">
      <c r="A18521" s="2"/>
      <c r="B18521" s="2"/>
      <c r="C18521" s="2"/>
    </row>
    <row r="18522" spans="1:3" ht="19.2">
      <c r="A18522" s="2"/>
      <c r="B18522" s="2"/>
      <c r="C18522" s="2"/>
    </row>
    <row r="18523" spans="1:3" ht="19.2">
      <c r="A18523" s="2"/>
      <c r="B18523" s="2"/>
      <c r="C18523" s="2"/>
    </row>
    <row r="18524" spans="1:3" ht="19.2">
      <c r="A18524" s="2"/>
      <c r="B18524" s="2"/>
      <c r="C18524" s="2"/>
    </row>
    <row r="18525" spans="1:3" ht="19.2">
      <c r="A18525" s="2"/>
      <c r="B18525" s="2"/>
      <c r="C18525" s="2"/>
    </row>
    <row r="18526" spans="1:3" ht="19.2">
      <c r="A18526" s="2"/>
      <c r="B18526" s="2"/>
      <c r="C18526" s="2"/>
    </row>
    <row r="18527" spans="1:3" ht="19.2">
      <c r="A18527" s="2"/>
      <c r="B18527" s="2"/>
      <c r="C18527" s="2"/>
    </row>
    <row r="18528" spans="1:3" ht="19.2">
      <c r="A18528" s="2"/>
      <c r="B18528" s="2"/>
      <c r="C18528" s="2"/>
    </row>
    <row r="18529" spans="1:3" ht="19.2">
      <c r="A18529" s="2"/>
      <c r="B18529" s="2"/>
      <c r="C18529" s="2"/>
    </row>
    <row r="18530" spans="1:3" ht="19.2">
      <c r="A18530" s="2"/>
      <c r="B18530" s="2"/>
      <c r="C18530" s="2"/>
    </row>
    <row r="18531" spans="1:3" ht="19.2">
      <c r="A18531" s="2"/>
      <c r="B18531" s="2"/>
      <c r="C18531" s="2"/>
    </row>
    <row r="18532" spans="1:3" ht="19.2">
      <c r="A18532" s="2"/>
      <c r="B18532" s="2"/>
      <c r="C18532" s="2"/>
    </row>
    <row r="18533" spans="1:3" ht="19.2">
      <c r="A18533" s="2"/>
      <c r="B18533" s="2"/>
      <c r="C18533" s="2"/>
    </row>
    <row r="18534" spans="1:3" ht="19.2">
      <c r="A18534" s="2"/>
      <c r="B18534" s="2"/>
      <c r="C18534" s="2"/>
    </row>
    <row r="18535" spans="1:3" ht="19.2">
      <c r="A18535" s="2"/>
      <c r="B18535" s="2"/>
      <c r="C18535" s="2"/>
    </row>
    <row r="18536" spans="1:3" ht="19.2">
      <c r="A18536" s="2"/>
      <c r="B18536" s="2"/>
      <c r="C18536" s="2"/>
    </row>
    <row r="18537" spans="1:3" ht="19.2">
      <c r="A18537" s="2"/>
      <c r="B18537" s="2"/>
      <c r="C18537" s="2"/>
    </row>
    <row r="18538" spans="1:3" ht="19.2">
      <c r="A18538" s="2"/>
      <c r="B18538" s="2"/>
      <c r="C18538" s="2"/>
    </row>
    <row r="18539" spans="1:3" ht="19.2">
      <c r="A18539" s="2"/>
      <c r="B18539" s="2"/>
      <c r="C18539" s="2"/>
    </row>
    <row r="18540" spans="1:3" ht="19.2">
      <c r="A18540" s="2"/>
      <c r="B18540" s="2"/>
      <c r="C18540" s="2"/>
    </row>
    <row r="18541" spans="1:3" ht="19.2">
      <c r="A18541" s="2"/>
      <c r="B18541" s="2"/>
      <c r="C18541" s="2"/>
    </row>
    <row r="18542" spans="1:3" ht="19.2">
      <c r="A18542" s="2"/>
      <c r="B18542" s="2"/>
      <c r="C18542" s="2"/>
    </row>
    <row r="18543" spans="1:3" ht="19.2">
      <c r="A18543" s="2"/>
      <c r="B18543" s="2"/>
      <c r="C18543" s="2"/>
    </row>
    <row r="18544" spans="1:3" ht="19.2">
      <c r="A18544" s="2"/>
      <c r="B18544" s="2"/>
      <c r="C18544" s="2"/>
    </row>
    <row r="18545" spans="1:3" ht="19.2">
      <c r="A18545" s="2"/>
      <c r="B18545" s="2"/>
      <c r="C18545" s="2"/>
    </row>
    <row r="18546" spans="1:3" ht="19.2">
      <c r="A18546" s="2"/>
      <c r="B18546" s="2"/>
      <c r="C18546" s="2"/>
    </row>
    <row r="18547" spans="1:3" ht="19.2">
      <c r="A18547" s="2"/>
      <c r="B18547" s="2"/>
      <c r="C18547" s="2"/>
    </row>
    <row r="18548" spans="1:3" ht="19.2">
      <c r="A18548" s="2"/>
      <c r="B18548" s="2"/>
      <c r="C18548" s="2"/>
    </row>
    <row r="18549" spans="1:3" ht="19.2">
      <c r="A18549" s="2"/>
      <c r="B18549" s="2"/>
      <c r="C18549" s="2"/>
    </row>
    <row r="18550" spans="1:3" ht="19.2">
      <c r="A18550" s="2"/>
      <c r="B18550" s="2"/>
      <c r="C18550" s="2"/>
    </row>
    <row r="18551" spans="1:3" ht="19.2">
      <c r="A18551" s="2"/>
      <c r="B18551" s="2"/>
      <c r="C18551" s="2"/>
    </row>
    <row r="18552" spans="1:3" ht="19.2">
      <c r="A18552" s="2"/>
      <c r="B18552" s="2"/>
      <c r="C18552" s="2"/>
    </row>
    <row r="18553" spans="1:3" ht="19.2">
      <c r="A18553" s="2"/>
      <c r="B18553" s="2"/>
      <c r="C18553" s="2"/>
    </row>
    <row r="18554" spans="1:3" ht="19.2">
      <c r="A18554" s="2"/>
      <c r="B18554" s="2"/>
      <c r="C18554" s="2"/>
    </row>
    <row r="18555" spans="1:3" ht="19.2">
      <c r="A18555" s="2"/>
      <c r="B18555" s="2"/>
      <c r="C18555" s="2"/>
    </row>
    <row r="18556" spans="1:3" ht="19.2">
      <c r="A18556" s="2"/>
      <c r="B18556" s="2"/>
      <c r="C18556" s="2"/>
    </row>
    <row r="18557" spans="1:3" ht="19.2">
      <c r="A18557" s="2"/>
      <c r="B18557" s="2"/>
      <c r="C18557" s="2"/>
    </row>
    <row r="18558" spans="1:3" ht="19.2">
      <c r="A18558" s="2"/>
      <c r="B18558" s="2"/>
      <c r="C18558" s="2"/>
    </row>
    <row r="18559" spans="1:3" ht="19.2">
      <c r="A18559" s="2"/>
      <c r="B18559" s="2"/>
      <c r="C18559" s="2"/>
    </row>
    <row r="18560" spans="1:3" ht="19.2">
      <c r="A18560" s="2"/>
      <c r="B18560" s="2"/>
      <c r="C18560" s="2"/>
    </row>
    <row r="18561" spans="1:3" ht="19.2">
      <c r="A18561" s="2"/>
      <c r="B18561" s="2"/>
      <c r="C18561" s="2"/>
    </row>
    <row r="18562" spans="1:3" ht="19.2">
      <c r="A18562" s="2"/>
      <c r="B18562" s="2"/>
      <c r="C18562" s="2"/>
    </row>
    <row r="18563" spans="1:3" ht="19.2">
      <c r="A18563" s="2"/>
      <c r="B18563" s="2"/>
      <c r="C18563" s="2"/>
    </row>
    <row r="18564" spans="1:3" ht="19.2">
      <c r="A18564" s="2"/>
      <c r="B18564" s="2"/>
      <c r="C18564" s="2"/>
    </row>
    <row r="18565" spans="1:3" ht="19.2">
      <c r="A18565" s="2"/>
      <c r="B18565" s="2"/>
      <c r="C18565" s="2"/>
    </row>
    <row r="18566" spans="1:3" ht="19.2">
      <c r="A18566" s="2"/>
      <c r="B18566" s="2"/>
      <c r="C18566" s="2"/>
    </row>
    <row r="18567" spans="1:3" ht="19.2">
      <c r="A18567" s="2"/>
      <c r="B18567" s="2"/>
      <c r="C18567" s="2"/>
    </row>
    <row r="18568" spans="1:3" ht="19.2">
      <c r="A18568" s="2"/>
      <c r="B18568" s="2"/>
      <c r="C18568" s="2"/>
    </row>
    <row r="18569" spans="1:3" ht="19.2">
      <c r="A18569" s="2"/>
      <c r="B18569" s="2"/>
      <c r="C18569" s="2"/>
    </row>
    <row r="18570" spans="1:3" ht="19.2">
      <c r="A18570" s="2"/>
      <c r="B18570" s="2"/>
      <c r="C18570" s="2"/>
    </row>
    <row r="18571" spans="1:3" ht="19.2">
      <c r="A18571" s="2"/>
      <c r="B18571" s="2"/>
      <c r="C18571" s="2"/>
    </row>
    <row r="18572" spans="1:3" ht="19.2">
      <c r="A18572" s="2"/>
      <c r="B18572" s="2"/>
      <c r="C18572" s="2"/>
    </row>
    <row r="18573" spans="1:3" ht="19.2">
      <c r="A18573" s="2"/>
      <c r="B18573" s="2"/>
      <c r="C18573" s="2"/>
    </row>
    <row r="18574" spans="1:3" ht="19.2">
      <c r="A18574" s="2"/>
      <c r="B18574" s="2"/>
      <c r="C18574" s="2"/>
    </row>
    <row r="18575" spans="1:3" ht="19.2">
      <c r="A18575" s="2"/>
      <c r="B18575" s="2"/>
      <c r="C18575" s="2"/>
    </row>
    <row r="18576" spans="1:3" ht="19.2">
      <c r="A18576" s="2"/>
      <c r="B18576" s="2"/>
      <c r="C18576" s="2"/>
    </row>
    <row r="18577" spans="1:3" ht="19.2">
      <c r="A18577" s="2"/>
      <c r="B18577" s="2"/>
      <c r="C18577" s="2"/>
    </row>
    <row r="18578" spans="1:3" ht="19.2">
      <c r="A18578" s="2"/>
      <c r="B18578" s="2"/>
      <c r="C18578" s="2"/>
    </row>
    <row r="18579" spans="1:3" ht="19.2">
      <c r="A18579" s="2"/>
      <c r="B18579" s="2"/>
      <c r="C18579" s="2"/>
    </row>
    <row r="18580" spans="1:3" ht="19.2">
      <c r="A18580" s="2"/>
      <c r="B18580" s="2"/>
      <c r="C18580" s="2"/>
    </row>
    <row r="18581" spans="1:3" ht="19.2">
      <c r="A18581" s="2"/>
      <c r="B18581" s="2"/>
      <c r="C18581" s="2"/>
    </row>
    <row r="18582" spans="1:3" ht="19.2">
      <c r="A18582" s="2"/>
      <c r="B18582" s="2"/>
      <c r="C18582" s="2"/>
    </row>
    <row r="18583" spans="1:3" ht="19.2">
      <c r="A18583" s="2"/>
      <c r="B18583" s="2"/>
      <c r="C18583" s="2"/>
    </row>
    <row r="18584" spans="1:3" ht="19.2">
      <c r="A18584" s="2"/>
      <c r="B18584" s="2"/>
      <c r="C18584" s="2"/>
    </row>
    <row r="18585" spans="1:3" ht="19.2">
      <c r="A18585" s="2"/>
      <c r="B18585" s="2"/>
      <c r="C18585" s="2"/>
    </row>
    <row r="18586" spans="1:3" ht="19.2">
      <c r="A18586" s="2"/>
      <c r="B18586" s="2"/>
      <c r="C18586" s="2"/>
    </row>
    <row r="18587" spans="1:3" ht="19.2">
      <c r="A18587" s="2"/>
      <c r="B18587" s="2"/>
      <c r="C18587" s="2"/>
    </row>
    <row r="18588" spans="1:3" ht="19.2">
      <c r="A18588" s="2"/>
      <c r="B18588" s="2"/>
      <c r="C18588" s="2"/>
    </row>
    <row r="18589" spans="1:3" ht="19.2">
      <c r="A18589" s="2"/>
      <c r="B18589" s="2"/>
      <c r="C18589" s="2"/>
    </row>
    <row r="18590" spans="1:3" ht="19.2">
      <c r="A18590" s="2"/>
      <c r="B18590" s="2"/>
      <c r="C18590" s="2"/>
    </row>
    <row r="18591" spans="1:3" ht="19.2">
      <c r="A18591" s="2"/>
      <c r="B18591" s="2"/>
      <c r="C18591" s="2"/>
    </row>
    <row r="18592" spans="1:3" ht="19.2">
      <c r="A18592" s="2"/>
      <c r="B18592" s="2"/>
      <c r="C18592" s="2"/>
    </row>
    <row r="18593" spans="1:3" ht="19.2">
      <c r="A18593" s="2"/>
      <c r="B18593" s="2"/>
      <c r="C18593" s="2"/>
    </row>
    <row r="18594" spans="1:3" ht="19.2">
      <c r="A18594" s="2"/>
      <c r="B18594" s="2"/>
      <c r="C18594" s="2"/>
    </row>
    <row r="18595" spans="1:3" ht="19.2">
      <c r="A18595" s="2"/>
      <c r="B18595" s="2"/>
      <c r="C18595" s="2"/>
    </row>
    <row r="18596" spans="1:3" ht="19.2">
      <c r="A18596" s="2"/>
      <c r="B18596" s="2"/>
      <c r="C18596" s="2"/>
    </row>
    <row r="18597" spans="1:3" ht="19.2">
      <c r="A18597" s="2"/>
      <c r="B18597" s="2"/>
      <c r="C18597" s="2"/>
    </row>
    <row r="18598" spans="1:3" ht="19.2">
      <c r="A18598" s="2"/>
      <c r="B18598" s="2"/>
      <c r="C18598" s="2"/>
    </row>
    <row r="18599" spans="1:3" ht="19.2">
      <c r="A18599" s="2"/>
      <c r="B18599" s="2"/>
      <c r="C18599" s="2"/>
    </row>
    <row r="18600" spans="1:3" ht="19.2">
      <c r="A18600" s="2"/>
      <c r="B18600" s="2"/>
      <c r="C18600" s="2"/>
    </row>
    <row r="18601" spans="1:3" ht="19.2">
      <c r="A18601" s="2"/>
      <c r="B18601" s="2"/>
      <c r="C18601" s="2"/>
    </row>
    <row r="18602" spans="1:3" ht="19.2">
      <c r="A18602" s="2"/>
      <c r="B18602" s="2"/>
      <c r="C18602" s="2"/>
    </row>
    <row r="18603" spans="1:3" ht="19.2">
      <c r="A18603" s="2"/>
      <c r="B18603" s="2"/>
      <c r="C18603" s="2"/>
    </row>
    <row r="18604" spans="1:3" ht="19.2">
      <c r="A18604" s="2"/>
      <c r="B18604" s="2"/>
      <c r="C18604" s="2"/>
    </row>
    <row r="18605" spans="1:3" ht="19.2">
      <c r="A18605" s="2"/>
      <c r="B18605" s="2"/>
      <c r="C18605" s="2"/>
    </row>
    <row r="18606" spans="1:3" ht="19.2">
      <c r="A18606" s="2"/>
      <c r="B18606" s="2"/>
      <c r="C18606" s="2"/>
    </row>
    <row r="18607" spans="1:3" ht="19.2">
      <c r="A18607" s="2"/>
      <c r="B18607" s="2"/>
      <c r="C18607" s="2"/>
    </row>
    <row r="18608" spans="1:3" ht="19.2">
      <c r="A18608" s="2"/>
      <c r="B18608" s="2"/>
      <c r="C18608" s="2"/>
    </row>
    <row r="18609" spans="1:3" ht="19.2">
      <c r="A18609" s="2"/>
      <c r="B18609" s="2"/>
      <c r="C18609" s="2"/>
    </row>
    <row r="18610" spans="1:3" ht="19.2">
      <c r="A18610" s="2"/>
      <c r="B18610" s="2"/>
      <c r="C18610" s="2"/>
    </row>
    <row r="18611" spans="1:3" ht="19.2">
      <c r="A18611" s="2"/>
      <c r="B18611" s="2"/>
      <c r="C18611" s="2"/>
    </row>
    <row r="18612" spans="1:3" ht="19.2">
      <c r="A18612" s="2"/>
      <c r="B18612" s="2"/>
      <c r="C18612" s="2"/>
    </row>
    <row r="18613" spans="1:3" ht="19.2">
      <c r="A18613" s="2"/>
      <c r="B18613" s="2"/>
      <c r="C18613" s="2"/>
    </row>
    <row r="18614" spans="1:3" ht="19.2">
      <c r="A18614" s="2"/>
      <c r="B18614" s="2"/>
      <c r="C18614" s="2"/>
    </row>
    <row r="18615" spans="1:3" ht="19.2">
      <c r="A18615" s="2"/>
      <c r="B18615" s="2"/>
      <c r="C18615" s="2"/>
    </row>
    <row r="18616" spans="1:3" ht="19.2">
      <c r="A18616" s="2"/>
      <c r="B18616" s="2"/>
      <c r="C18616" s="2"/>
    </row>
    <row r="18617" spans="1:3" ht="19.2">
      <c r="A18617" s="2"/>
      <c r="B18617" s="2"/>
      <c r="C18617" s="2"/>
    </row>
    <row r="18618" spans="1:3" ht="19.2">
      <c r="A18618" s="2"/>
      <c r="B18618" s="2"/>
      <c r="C18618" s="2"/>
    </row>
    <row r="18619" spans="1:3" ht="19.2">
      <c r="A18619" s="2"/>
      <c r="B18619" s="2"/>
      <c r="C18619" s="2"/>
    </row>
    <row r="18620" spans="1:3" ht="19.2">
      <c r="A18620" s="2"/>
      <c r="B18620" s="2"/>
      <c r="C18620" s="2"/>
    </row>
    <row r="18621" spans="1:3" ht="19.2">
      <c r="A18621" s="2"/>
      <c r="B18621" s="2"/>
      <c r="C18621" s="2"/>
    </row>
    <row r="18622" spans="1:3" ht="19.2">
      <c r="A18622" s="2"/>
      <c r="B18622" s="2"/>
      <c r="C18622" s="2"/>
    </row>
    <row r="18623" spans="1:3" ht="19.2">
      <c r="A18623" s="2"/>
      <c r="B18623" s="2"/>
      <c r="C18623" s="2"/>
    </row>
    <row r="18624" spans="1:3" ht="19.2">
      <c r="A18624" s="2"/>
      <c r="B18624" s="2"/>
      <c r="C18624" s="2"/>
    </row>
    <row r="18625" spans="1:3" ht="19.2">
      <c r="A18625" s="2"/>
      <c r="B18625" s="2"/>
      <c r="C18625" s="2"/>
    </row>
    <row r="18626" spans="1:3" ht="19.2">
      <c r="A18626" s="2"/>
      <c r="B18626" s="2"/>
      <c r="C18626" s="2"/>
    </row>
    <row r="18627" spans="1:3" ht="19.2">
      <c r="A18627" s="2"/>
      <c r="B18627" s="2"/>
      <c r="C18627" s="2"/>
    </row>
    <row r="18628" spans="1:3" ht="19.2">
      <c r="A18628" s="2"/>
      <c r="B18628" s="2"/>
      <c r="C18628" s="2"/>
    </row>
    <row r="18629" spans="1:3" ht="19.2">
      <c r="A18629" s="2"/>
      <c r="B18629" s="2"/>
      <c r="C18629" s="2"/>
    </row>
    <row r="18630" spans="1:3" ht="19.2">
      <c r="A18630" s="2"/>
      <c r="B18630" s="2"/>
      <c r="C18630" s="2"/>
    </row>
    <row r="18631" spans="1:3" ht="19.2">
      <c r="A18631" s="2"/>
      <c r="B18631" s="2"/>
      <c r="C18631" s="2"/>
    </row>
    <row r="18632" spans="1:3" ht="19.2">
      <c r="A18632" s="2"/>
      <c r="B18632" s="2"/>
      <c r="C18632" s="2"/>
    </row>
    <row r="18633" spans="1:3" ht="19.2">
      <c r="A18633" s="2"/>
      <c r="B18633" s="2"/>
      <c r="C18633" s="2"/>
    </row>
    <row r="18634" spans="1:3" ht="19.2">
      <c r="A18634" s="2"/>
      <c r="B18634" s="2"/>
      <c r="C18634" s="2"/>
    </row>
    <row r="18635" spans="1:3" ht="19.2">
      <c r="A18635" s="2"/>
      <c r="B18635" s="2"/>
      <c r="C18635" s="2"/>
    </row>
    <row r="18636" spans="1:3" ht="19.2">
      <c r="A18636" s="2"/>
      <c r="B18636" s="2"/>
      <c r="C18636" s="2"/>
    </row>
    <row r="18637" spans="1:3" ht="19.2">
      <c r="A18637" s="2"/>
      <c r="B18637" s="2"/>
      <c r="C18637" s="2"/>
    </row>
    <row r="18638" spans="1:3" ht="19.2">
      <c r="A18638" s="2"/>
      <c r="B18638" s="2"/>
      <c r="C18638" s="2"/>
    </row>
    <row r="18639" spans="1:3" ht="19.2">
      <c r="A18639" s="2"/>
      <c r="B18639" s="2"/>
      <c r="C18639" s="2"/>
    </row>
    <row r="18640" spans="1:3" ht="19.2">
      <c r="A18640" s="2"/>
      <c r="B18640" s="2"/>
      <c r="C18640" s="2"/>
    </row>
    <row r="18641" spans="1:3" ht="19.2">
      <c r="A18641" s="2"/>
      <c r="B18641" s="2"/>
      <c r="C18641" s="2"/>
    </row>
    <row r="18642" spans="1:3" ht="19.2">
      <c r="A18642" s="2"/>
      <c r="B18642" s="2"/>
      <c r="C18642" s="2"/>
    </row>
    <row r="18643" spans="1:3" ht="19.2">
      <c r="A18643" s="2"/>
      <c r="B18643" s="2"/>
      <c r="C18643" s="2"/>
    </row>
    <row r="18644" spans="1:3" ht="19.2">
      <c r="A18644" s="2"/>
      <c r="B18644" s="2"/>
      <c r="C18644" s="2"/>
    </row>
    <row r="18645" spans="1:3" ht="19.2">
      <c r="A18645" s="2"/>
      <c r="B18645" s="2"/>
      <c r="C18645" s="2"/>
    </row>
    <row r="18646" spans="1:3" ht="19.2">
      <c r="A18646" s="2"/>
      <c r="B18646" s="2"/>
      <c r="C18646" s="2"/>
    </row>
    <row r="18647" spans="1:3" ht="19.2">
      <c r="A18647" s="2"/>
      <c r="B18647" s="2"/>
      <c r="C18647" s="2"/>
    </row>
    <row r="18648" spans="1:3" ht="19.2">
      <c r="A18648" s="2"/>
      <c r="B18648" s="2"/>
      <c r="C18648" s="2"/>
    </row>
    <row r="18649" spans="1:3" ht="19.2">
      <c r="A18649" s="2"/>
      <c r="B18649" s="2"/>
      <c r="C18649" s="2"/>
    </row>
    <row r="18650" spans="1:3" ht="19.2">
      <c r="A18650" s="2"/>
      <c r="B18650" s="2"/>
      <c r="C18650" s="2"/>
    </row>
    <row r="18651" spans="1:3" ht="19.2">
      <c r="A18651" s="2"/>
      <c r="B18651" s="2"/>
      <c r="C18651" s="2"/>
    </row>
    <row r="18652" spans="1:3" ht="19.2">
      <c r="A18652" s="2"/>
      <c r="B18652" s="2"/>
      <c r="C18652" s="2"/>
    </row>
    <row r="18653" spans="1:3" ht="19.2">
      <c r="A18653" s="2"/>
      <c r="B18653" s="2"/>
      <c r="C18653" s="2"/>
    </row>
    <row r="18654" spans="1:3" ht="19.2">
      <c r="A18654" s="2"/>
      <c r="B18654" s="2"/>
      <c r="C18654" s="2"/>
    </row>
    <row r="18655" spans="1:3" ht="19.2">
      <c r="A18655" s="2"/>
      <c r="B18655" s="2"/>
      <c r="C18655" s="2"/>
    </row>
    <row r="18656" spans="1:3" ht="19.2">
      <c r="A18656" s="2"/>
      <c r="B18656" s="2"/>
      <c r="C18656" s="2"/>
    </row>
    <row r="18657" spans="1:3" ht="19.2">
      <c r="A18657" s="2"/>
      <c r="B18657" s="2"/>
      <c r="C18657" s="2"/>
    </row>
    <row r="18658" spans="1:3" ht="19.2">
      <c r="A18658" s="2"/>
      <c r="B18658" s="2"/>
      <c r="C18658" s="2"/>
    </row>
    <row r="18659" spans="1:3" ht="19.2">
      <c r="A18659" s="2"/>
      <c r="B18659" s="2"/>
      <c r="C18659" s="2"/>
    </row>
    <row r="18660" spans="1:3" ht="19.2">
      <c r="A18660" s="2"/>
      <c r="B18660" s="2"/>
      <c r="C18660" s="2"/>
    </row>
    <row r="18661" spans="1:3" ht="19.2">
      <c r="A18661" s="2"/>
      <c r="B18661" s="2"/>
      <c r="C18661" s="2"/>
    </row>
    <row r="18662" spans="1:3" ht="19.2">
      <c r="A18662" s="2"/>
      <c r="B18662" s="2"/>
      <c r="C18662" s="2"/>
    </row>
    <row r="18663" spans="1:3" ht="19.2">
      <c r="A18663" s="2"/>
      <c r="B18663" s="2"/>
      <c r="C18663" s="2"/>
    </row>
    <row r="18664" spans="1:3" ht="19.2">
      <c r="A18664" s="2"/>
      <c r="B18664" s="2"/>
      <c r="C18664" s="2"/>
    </row>
    <row r="18665" spans="1:3" ht="19.2">
      <c r="A18665" s="2"/>
      <c r="B18665" s="2"/>
      <c r="C18665" s="2"/>
    </row>
    <row r="18666" spans="1:3" ht="19.2">
      <c r="A18666" s="2"/>
      <c r="B18666" s="2"/>
      <c r="C18666" s="2"/>
    </row>
    <row r="18667" spans="1:3" ht="19.2">
      <c r="A18667" s="2"/>
      <c r="B18667" s="2"/>
      <c r="C18667" s="2"/>
    </row>
    <row r="18668" spans="1:3" ht="19.2">
      <c r="A18668" s="2"/>
      <c r="B18668" s="2"/>
      <c r="C18668" s="2"/>
    </row>
    <row r="18669" spans="1:3" ht="19.2">
      <c r="A18669" s="2"/>
      <c r="B18669" s="2"/>
      <c r="C18669" s="2"/>
    </row>
    <row r="18670" spans="1:3" ht="19.2">
      <c r="A18670" s="2"/>
      <c r="B18670" s="2"/>
      <c r="C18670" s="2"/>
    </row>
    <row r="18671" spans="1:3" ht="19.2">
      <c r="A18671" s="2"/>
      <c r="B18671" s="2"/>
      <c r="C18671" s="2"/>
    </row>
    <row r="18672" spans="1:3" ht="19.2">
      <c r="A18672" s="2"/>
      <c r="B18672" s="2"/>
      <c r="C18672" s="2"/>
    </row>
    <row r="18673" spans="1:3" ht="19.2">
      <c r="A18673" s="2"/>
      <c r="B18673" s="2"/>
      <c r="C18673" s="2"/>
    </row>
    <row r="18674" spans="1:3" ht="19.2">
      <c r="A18674" s="2"/>
      <c r="B18674" s="2"/>
      <c r="C18674" s="2"/>
    </row>
    <row r="18675" spans="1:3" ht="19.2">
      <c r="A18675" s="2"/>
      <c r="B18675" s="2"/>
      <c r="C18675" s="2"/>
    </row>
    <row r="18676" spans="1:3" ht="19.2">
      <c r="A18676" s="2"/>
      <c r="B18676" s="2"/>
      <c r="C18676" s="2"/>
    </row>
    <row r="18677" spans="1:3" ht="19.2">
      <c r="A18677" s="2"/>
      <c r="B18677" s="2"/>
      <c r="C18677" s="2"/>
    </row>
    <row r="18678" spans="1:3" ht="19.2">
      <c r="A18678" s="2"/>
      <c r="B18678" s="2"/>
      <c r="C18678" s="2"/>
    </row>
    <row r="18679" spans="1:3" ht="19.2">
      <c r="A18679" s="2"/>
      <c r="B18679" s="2"/>
      <c r="C18679" s="2"/>
    </row>
    <row r="18680" spans="1:3" ht="19.2">
      <c r="A18680" s="2"/>
      <c r="B18680" s="2"/>
      <c r="C18680" s="2"/>
    </row>
    <row r="18681" spans="1:3" ht="19.2">
      <c r="A18681" s="2"/>
      <c r="B18681" s="2"/>
      <c r="C18681" s="2"/>
    </row>
    <row r="18682" spans="1:3" ht="19.2">
      <c r="A18682" s="2"/>
      <c r="B18682" s="2"/>
      <c r="C18682" s="2"/>
    </row>
    <row r="18683" spans="1:3" ht="19.2">
      <c r="A18683" s="2"/>
      <c r="B18683" s="2"/>
      <c r="C18683" s="2"/>
    </row>
    <row r="18684" spans="1:3" ht="19.2">
      <c r="A18684" s="2"/>
      <c r="B18684" s="2"/>
      <c r="C18684" s="2"/>
    </row>
    <row r="18685" spans="1:3" ht="19.2">
      <c r="A18685" s="2"/>
      <c r="B18685" s="2"/>
      <c r="C18685" s="2"/>
    </row>
    <row r="18686" spans="1:3" ht="19.2">
      <c r="A18686" s="2"/>
      <c r="B18686" s="2"/>
      <c r="C18686" s="2"/>
    </row>
    <row r="18687" spans="1:3" ht="19.2">
      <c r="A18687" s="2"/>
      <c r="B18687" s="2"/>
      <c r="C18687" s="2"/>
    </row>
    <row r="18688" spans="1:3" ht="19.2">
      <c r="A18688" s="2"/>
      <c r="B18688" s="2"/>
      <c r="C18688" s="2"/>
    </row>
    <row r="18689" spans="1:3" ht="19.2">
      <c r="A18689" s="2"/>
      <c r="B18689" s="2"/>
      <c r="C18689" s="2"/>
    </row>
    <row r="18690" spans="1:3" ht="19.2">
      <c r="A18690" s="2"/>
      <c r="B18690" s="2"/>
      <c r="C18690" s="2"/>
    </row>
    <row r="18691" spans="1:3" ht="19.2">
      <c r="A18691" s="2"/>
      <c r="B18691" s="2"/>
      <c r="C18691" s="2"/>
    </row>
    <row r="18692" spans="1:3" ht="19.2">
      <c r="A18692" s="2"/>
      <c r="B18692" s="2"/>
      <c r="C18692" s="2"/>
    </row>
    <row r="18693" spans="1:3" ht="19.2">
      <c r="A18693" s="2"/>
      <c r="B18693" s="2"/>
      <c r="C18693" s="2"/>
    </row>
    <row r="18694" spans="1:3" ht="19.2">
      <c r="A18694" s="2"/>
      <c r="B18694" s="2"/>
      <c r="C18694" s="2"/>
    </row>
    <row r="18695" spans="1:3" ht="19.2">
      <c r="A18695" s="2"/>
      <c r="B18695" s="2"/>
      <c r="C18695" s="2"/>
    </row>
    <row r="18696" spans="1:3" ht="19.2">
      <c r="A18696" s="2"/>
      <c r="B18696" s="2"/>
      <c r="C18696" s="2"/>
    </row>
    <row r="18697" spans="1:3" ht="19.2">
      <c r="A18697" s="2"/>
      <c r="B18697" s="2"/>
      <c r="C18697" s="2"/>
    </row>
    <row r="18698" spans="1:3" ht="19.2">
      <c r="A18698" s="2"/>
      <c r="B18698" s="2"/>
      <c r="C18698" s="2"/>
    </row>
    <row r="18699" spans="1:3" ht="19.2">
      <c r="A18699" s="2"/>
      <c r="B18699" s="2"/>
      <c r="C18699" s="2"/>
    </row>
    <row r="18700" spans="1:3" ht="19.2">
      <c r="A18700" s="2"/>
      <c r="B18700" s="2"/>
      <c r="C18700" s="2"/>
    </row>
    <row r="18701" spans="1:3" ht="19.2">
      <c r="A18701" s="2"/>
      <c r="B18701" s="2"/>
      <c r="C18701" s="2"/>
    </row>
    <row r="18702" spans="1:3" ht="19.2">
      <c r="A18702" s="2"/>
      <c r="B18702" s="2"/>
      <c r="C18702" s="2"/>
    </row>
    <row r="18703" spans="1:3" ht="19.2">
      <c r="A18703" s="2"/>
      <c r="B18703" s="2"/>
      <c r="C18703" s="2"/>
    </row>
    <row r="18704" spans="1:3" ht="19.2">
      <c r="A18704" s="2"/>
      <c r="B18704" s="2"/>
      <c r="C18704" s="2"/>
    </row>
    <row r="18705" spans="1:3" ht="19.2">
      <c r="A18705" s="2"/>
      <c r="B18705" s="2"/>
      <c r="C18705" s="2"/>
    </row>
    <row r="18706" spans="1:3" ht="19.2">
      <c r="A18706" s="2"/>
      <c r="B18706" s="2"/>
      <c r="C18706" s="2"/>
    </row>
    <row r="18707" spans="1:3" ht="19.2">
      <c r="A18707" s="2"/>
      <c r="B18707" s="2"/>
      <c r="C18707" s="2"/>
    </row>
    <row r="18708" spans="1:3" ht="19.2">
      <c r="A18708" s="2"/>
      <c r="B18708" s="2"/>
      <c r="C18708" s="2"/>
    </row>
    <row r="18709" spans="1:3" ht="19.2">
      <c r="A18709" s="2"/>
      <c r="B18709" s="2"/>
      <c r="C18709" s="2"/>
    </row>
    <row r="18710" spans="1:3" ht="19.2">
      <c r="A18710" s="2"/>
      <c r="B18710" s="2"/>
      <c r="C18710" s="2"/>
    </row>
    <row r="18711" spans="1:3" ht="19.2">
      <c r="A18711" s="2"/>
      <c r="B18711" s="2"/>
      <c r="C18711" s="2"/>
    </row>
    <row r="18712" spans="1:3" ht="19.2">
      <c r="A18712" s="2"/>
      <c r="B18712" s="2"/>
      <c r="C18712" s="2"/>
    </row>
    <row r="18713" spans="1:3" ht="19.2">
      <c r="A18713" s="2"/>
      <c r="B18713" s="2"/>
      <c r="C18713" s="2"/>
    </row>
    <row r="18714" spans="1:3" ht="19.2">
      <c r="A18714" s="2"/>
      <c r="B18714" s="2"/>
      <c r="C18714" s="2"/>
    </row>
    <row r="18715" spans="1:3" ht="19.2">
      <c r="A18715" s="2"/>
      <c r="B18715" s="2"/>
      <c r="C18715" s="2"/>
    </row>
    <row r="18716" spans="1:3" ht="19.2">
      <c r="A18716" s="2"/>
      <c r="B18716" s="2"/>
      <c r="C18716" s="2"/>
    </row>
    <row r="18717" spans="1:3" ht="19.2">
      <c r="A18717" s="2"/>
      <c r="B18717" s="2"/>
      <c r="C18717" s="2"/>
    </row>
    <row r="18718" spans="1:3" ht="19.2">
      <c r="A18718" s="2"/>
      <c r="B18718" s="2"/>
      <c r="C18718" s="2"/>
    </row>
    <row r="18719" spans="1:3" ht="19.2">
      <c r="A18719" s="2"/>
      <c r="B18719" s="2"/>
      <c r="C18719" s="2"/>
    </row>
    <row r="18720" spans="1:3" ht="19.2">
      <c r="A18720" s="2"/>
      <c r="B18720" s="2"/>
      <c r="C18720" s="2"/>
    </row>
    <row r="18721" spans="1:3" ht="19.2">
      <c r="A18721" s="2"/>
      <c r="B18721" s="2"/>
      <c r="C18721" s="2"/>
    </row>
    <row r="18722" spans="1:3" ht="19.2">
      <c r="A18722" s="2"/>
      <c r="B18722" s="2"/>
      <c r="C18722" s="2"/>
    </row>
    <row r="18723" spans="1:3" ht="19.2">
      <c r="A18723" s="2"/>
      <c r="B18723" s="2"/>
      <c r="C18723" s="2"/>
    </row>
    <row r="18724" spans="1:3" ht="19.2">
      <c r="A18724" s="2"/>
      <c r="B18724" s="2"/>
      <c r="C18724" s="2"/>
    </row>
    <row r="18725" spans="1:3" ht="19.2">
      <c r="A18725" s="2"/>
      <c r="B18725" s="2"/>
      <c r="C18725" s="2"/>
    </row>
    <row r="18726" spans="1:3" ht="19.2">
      <c r="A18726" s="2"/>
      <c r="B18726" s="2"/>
      <c r="C18726" s="2"/>
    </row>
    <row r="18727" spans="1:3" ht="19.2">
      <c r="A18727" s="2"/>
      <c r="B18727" s="2"/>
      <c r="C18727" s="2"/>
    </row>
    <row r="18728" spans="1:3" ht="19.2">
      <c r="A18728" s="2"/>
      <c r="B18728" s="2"/>
      <c r="C18728" s="2"/>
    </row>
    <row r="18729" spans="1:3" ht="19.2">
      <c r="A18729" s="2"/>
      <c r="B18729" s="2"/>
      <c r="C18729" s="2"/>
    </row>
    <row r="18730" spans="1:3" ht="19.2">
      <c r="A18730" s="2"/>
      <c r="B18730" s="2"/>
      <c r="C18730" s="2"/>
    </row>
    <row r="18731" spans="1:3" ht="19.2">
      <c r="A18731" s="2"/>
      <c r="B18731" s="2"/>
      <c r="C18731" s="2"/>
    </row>
    <row r="18732" spans="1:3" ht="19.2">
      <c r="A18732" s="2"/>
      <c r="B18732" s="2"/>
      <c r="C18732" s="2"/>
    </row>
    <row r="18733" spans="1:3" ht="19.2">
      <c r="A18733" s="2"/>
      <c r="B18733" s="2"/>
      <c r="C18733" s="2"/>
    </row>
    <row r="18734" spans="1:3" ht="19.2">
      <c r="A18734" s="2"/>
      <c r="B18734" s="2"/>
      <c r="C18734" s="2"/>
    </row>
    <row r="18735" spans="1:3" ht="19.2">
      <c r="A18735" s="2"/>
      <c r="B18735" s="2"/>
      <c r="C18735" s="2"/>
    </row>
    <row r="18736" spans="1:3" ht="19.2">
      <c r="A18736" s="2"/>
      <c r="B18736" s="2"/>
      <c r="C18736" s="2"/>
    </row>
    <row r="18737" spans="1:3" ht="19.2">
      <c r="A18737" s="2"/>
      <c r="B18737" s="2"/>
      <c r="C18737" s="2"/>
    </row>
    <row r="18738" spans="1:3" ht="19.2">
      <c r="A18738" s="2"/>
      <c r="B18738" s="2"/>
      <c r="C18738" s="2"/>
    </row>
    <row r="18739" spans="1:3" ht="19.2">
      <c r="A18739" s="2"/>
      <c r="B18739" s="2"/>
      <c r="C18739" s="2"/>
    </row>
    <row r="18740" spans="1:3" ht="19.2">
      <c r="A18740" s="2"/>
      <c r="B18740" s="2"/>
      <c r="C18740" s="2"/>
    </row>
    <row r="18741" spans="1:3" ht="19.2">
      <c r="A18741" s="2"/>
      <c r="B18741" s="2"/>
      <c r="C18741" s="2"/>
    </row>
    <row r="18742" spans="1:3" ht="19.2">
      <c r="A18742" s="2"/>
      <c r="B18742" s="2"/>
      <c r="C18742" s="2"/>
    </row>
    <row r="18743" spans="1:3" ht="19.2">
      <c r="A18743" s="2"/>
      <c r="B18743" s="2"/>
      <c r="C18743" s="2"/>
    </row>
    <row r="18744" spans="1:3" ht="19.2">
      <c r="A18744" s="2"/>
      <c r="B18744" s="2"/>
      <c r="C18744" s="2"/>
    </row>
    <row r="18745" spans="1:3" ht="19.2">
      <c r="A18745" s="2"/>
      <c r="B18745" s="2"/>
      <c r="C18745" s="2"/>
    </row>
    <row r="18746" spans="1:3" ht="19.2">
      <c r="A18746" s="2"/>
      <c r="B18746" s="2"/>
      <c r="C18746" s="2"/>
    </row>
    <row r="18747" spans="1:3" ht="19.2">
      <c r="A18747" s="2"/>
      <c r="B18747" s="2"/>
      <c r="C18747" s="2"/>
    </row>
    <row r="18748" spans="1:3" ht="19.2">
      <c r="A18748" s="2"/>
      <c r="B18748" s="2"/>
      <c r="C18748" s="2"/>
    </row>
    <row r="18749" spans="1:3" ht="19.2">
      <c r="A18749" s="2"/>
      <c r="B18749" s="2"/>
      <c r="C18749" s="2"/>
    </row>
    <row r="18750" spans="1:3" ht="19.2">
      <c r="A18750" s="2"/>
      <c r="B18750" s="2"/>
      <c r="C18750" s="2"/>
    </row>
    <row r="18751" spans="1:3" ht="19.2">
      <c r="A18751" s="2"/>
      <c r="B18751" s="2"/>
      <c r="C18751" s="2"/>
    </row>
    <row r="18752" spans="1:3" ht="19.2">
      <c r="A18752" s="2"/>
      <c r="B18752" s="2"/>
      <c r="C18752" s="2"/>
    </row>
    <row r="18753" spans="1:3" ht="19.2">
      <c r="A18753" s="2"/>
      <c r="B18753" s="2"/>
      <c r="C18753" s="2"/>
    </row>
    <row r="18754" spans="1:3" ht="19.2">
      <c r="A18754" s="2"/>
      <c r="B18754" s="2"/>
      <c r="C18754" s="2"/>
    </row>
    <row r="18755" spans="1:3" ht="19.2">
      <c r="A18755" s="2"/>
      <c r="B18755" s="2"/>
      <c r="C18755" s="2"/>
    </row>
    <row r="18756" spans="1:3" ht="19.2">
      <c r="A18756" s="2"/>
      <c r="B18756" s="2"/>
      <c r="C18756" s="2"/>
    </row>
    <row r="18757" spans="1:3" ht="19.2">
      <c r="A18757" s="2"/>
      <c r="B18757" s="2"/>
      <c r="C18757" s="2"/>
    </row>
    <row r="18758" spans="1:3" ht="19.2">
      <c r="A18758" s="2"/>
      <c r="B18758" s="2"/>
      <c r="C18758" s="2"/>
    </row>
    <row r="18759" spans="1:3" ht="19.2">
      <c r="A18759" s="2"/>
      <c r="B18759" s="2"/>
      <c r="C18759" s="2"/>
    </row>
    <row r="18760" spans="1:3" ht="19.2">
      <c r="A18760" s="2"/>
      <c r="B18760" s="2"/>
      <c r="C18760" s="2"/>
    </row>
    <row r="18761" spans="1:3" ht="19.2">
      <c r="A18761" s="2"/>
      <c r="B18761" s="2"/>
      <c r="C18761" s="2"/>
    </row>
    <row r="18762" spans="1:3" ht="19.2">
      <c r="A18762" s="2"/>
      <c r="B18762" s="2"/>
      <c r="C18762" s="2"/>
    </row>
    <row r="18763" spans="1:3" ht="19.2">
      <c r="A18763" s="2"/>
      <c r="B18763" s="2"/>
      <c r="C18763" s="2"/>
    </row>
    <row r="18764" spans="1:3" ht="19.2">
      <c r="A18764" s="2"/>
      <c r="B18764" s="2"/>
      <c r="C18764" s="2"/>
    </row>
    <row r="18765" spans="1:3" ht="19.2">
      <c r="A18765" s="2"/>
      <c r="B18765" s="2"/>
      <c r="C18765" s="2"/>
    </row>
    <row r="18766" spans="1:3" ht="19.2">
      <c r="A18766" s="2"/>
      <c r="B18766" s="2"/>
      <c r="C18766" s="2"/>
    </row>
    <row r="18767" spans="1:3" ht="19.2">
      <c r="A18767" s="2"/>
      <c r="B18767" s="2"/>
      <c r="C18767" s="2"/>
    </row>
    <row r="18768" spans="1:3" ht="19.2">
      <c r="A18768" s="2"/>
      <c r="B18768" s="2"/>
      <c r="C18768" s="2"/>
    </row>
    <row r="18769" spans="1:3" ht="19.2">
      <c r="A18769" s="2"/>
      <c r="B18769" s="2"/>
      <c r="C18769" s="2"/>
    </row>
    <row r="18770" spans="1:3" ht="19.2">
      <c r="A18770" s="2"/>
      <c r="B18770" s="2"/>
      <c r="C18770" s="2"/>
    </row>
    <row r="18771" spans="1:3" ht="19.2">
      <c r="A18771" s="2"/>
      <c r="B18771" s="2"/>
      <c r="C18771" s="2"/>
    </row>
    <row r="18772" spans="1:3" ht="19.2">
      <c r="A18772" s="2"/>
      <c r="B18772" s="2"/>
      <c r="C18772" s="2"/>
    </row>
    <row r="18773" spans="1:3" ht="19.2">
      <c r="A18773" s="2"/>
      <c r="B18773" s="2"/>
      <c r="C18773" s="2"/>
    </row>
    <row r="18774" spans="1:3" ht="19.2">
      <c r="A18774" s="2"/>
      <c r="B18774" s="2"/>
      <c r="C18774" s="2"/>
    </row>
    <row r="18775" spans="1:3" ht="19.2">
      <c r="A18775" s="2"/>
      <c r="B18775" s="2"/>
      <c r="C18775" s="2"/>
    </row>
    <row r="18776" spans="1:3" ht="19.2">
      <c r="A18776" s="2"/>
      <c r="B18776" s="2"/>
      <c r="C18776" s="2"/>
    </row>
    <row r="18777" spans="1:3" ht="19.2">
      <c r="A18777" s="2"/>
      <c r="B18777" s="2"/>
      <c r="C18777" s="2"/>
    </row>
    <row r="18778" spans="1:3" ht="19.2">
      <c r="A18778" s="2"/>
      <c r="B18778" s="2"/>
      <c r="C18778" s="2"/>
    </row>
    <row r="18779" spans="1:3" ht="19.2">
      <c r="A18779" s="2"/>
      <c r="B18779" s="2"/>
      <c r="C18779" s="2"/>
    </row>
    <row r="18780" spans="1:3" ht="19.2">
      <c r="A18780" s="2"/>
      <c r="B18780" s="2"/>
      <c r="C18780" s="2"/>
    </row>
    <row r="18781" spans="1:3" ht="19.2">
      <c r="A18781" s="2"/>
      <c r="B18781" s="2"/>
      <c r="C18781" s="2"/>
    </row>
    <row r="18782" spans="1:3" ht="19.2">
      <c r="A18782" s="2"/>
      <c r="B18782" s="2"/>
      <c r="C18782" s="2"/>
    </row>
    <row r="18783" spans="1:3" ht="19.2">
      <c r="A18783" s="2"/>
      <c r="B18783" s="2"/>
      <c r="C18783" s="2"/>
    </row>
    <row r="18784" spans="1:3" ht="19.2">
      <c r="A18784" s="2"/>
      <c r="B18784" s="2"/>
      <c r="C18784" s="2"/>
    </row>
    <row r="18785" spans="1:3" ht="19.2">
      <c r="A18785" s="2"/>
      <c r="B18785" s="2"/>
      <c r="C18785" s="2"/>
    </row>
    <row r="18786" spans="1:3" ht="19.2">
      <c r="A18786" s="2"/>
      <c r="B18786" s="2"/>
      <c r="C18786" s="2"/>
    </row>
    <row r="18787" spans="1:3" ht="19.2">
      <c r="A18787" s="2"/>
      <c r="B18787" s="2"/>
      <c r="C18787" s="2"/>
    </row>
    <row r="18788" spans="1:3" ht="19.2">
      <c r="A18788" s="2"/>
      <c r="B18788" s="2"/>
      <c r="C18788" s="2"/>
    </row>
    <row r="18789" spans="1:3" ht="19.2">
      <c r="A18789" s="2"/>
      <c r="B18789" s="2"/>
      <c r="C18789" s="2"/>
    </row>
    <row r="18790" spans="1:3" ht="19.2">
      <c r="A18790" s="2"/>
      <c r="B18790" s="2"/>
      <c r="C18790" s="2"/>
    </row>
    <row r="18791" spans="1:3" ht="19.2">
      <c r="A18791" s="2"/>
      <c r="B18791" s="2"/>
      <c r="C18791" s="2"/>
    </row>
    <row r="18792" spans="1:3" ht="19.2">
      <c r="A18792" s="2"/>
      <c r="B18792" s="2"/>
      <c r="C18792" s="2"/>
    </row>
    <row r="18793" spans="1:3" ht="19.2">
      <c r="A18793" s="2"/>
      <c r="B18793" s="2"/>
      <c r="C18793" s="2"/>
    </row>
    <row r="18794" spans="1:3" ht="19.2">
      <c r="A18794" s="2"/>
      <c r="B18794" s="2"/>
      <c r="C18794" s="2"/>
    </row>
    <row r="18795" spans="1:3" ht="19.2">
      <c r="A18795" s="2"/>
      <c r="B18795" s="2"/>
      <c r="C18795" s="2"/>
    </row>
    <row r="18796" spans="1:3" ht="19.2">
      <c r="A18796" s="2"/>
      <c r="B18796" s="2"/>
      <c r="C18796" s="2"/>
    </row>
    <row r="18797" spans="1:3" ht="19.2">
      <c r="A18797" s="2"/>
      <c r="B18797" s="2"/>
      <c r="C18797" s="2"/>
    </row>
    <row r="18798" spans="1:3" ht="19.2">
      <c r="A18798" s="2"/>
      <c r="B18798" s="2"/>
      <c r="C18798" s="2"/>
    </row>
    <row r="18799" spans="1:3" ht="19.2">
      <c r="A18799" s="2"/>
      <c r="B18799" s="2"/>
      <c r="C18799" s="2"/>
    </row>
    <row r="18800" spans="1:3" ht="19.2">
      <c r="A18800" s="2"/>
      <c r="B18800" s="2"/>
      <c r="C18800" s="2"/>
    </row>
    <row r="18801" spans="1:3" ht="19.2">
      <c r="A18801" s="2"/>
      <c r="B18801" s="2"/>
      <c r="C18801" s="2"/>
    </row>
    <row r="18802" spans="1:3" ht="19.2">
      <c r="A18802" s="2"/>
      <c r="B18802" s="2"/>
      <c r="C18802" s="2"/>
    </row>
    <row r="18803" spans="1:3" ht="19.2">
      <c r="A18803" s="2"/>
      <c r="B18803" s="2"/>
      <c r="C18803" s="2"/>
    </row>
    <row r="18804" spans="1:3" ht="19.2">
      <c r="A18804" s="2"/>
      <c r="B18804" s="2"/>
      <c r="C18804" s="2"/>
    </row>
    <row r="18805" spans="1:3" ht="19.2">
      <c r="A18805" s="2"/>
      <c r="B18805" s="2"/>
      <c r="C18805" s="2"/>
    </row>
    <row r="18806" spans="1:3" ht="19.2">
      <c r="A18806" s="2"/>
      <c r="B18806" s="2"/>
      <c r="C18806" s="2"/>
    </row>
    <row r="18807" spans="1:3" ht="19.2">
      <c r="A18807" s="2"/>
      <c r="B18807" s="2"/>
      <c r="C18807" s="2"/>
    </row>
    <row r="18808" spans="1:3" ht="19.2">
      <c r="A18808" s="2"/>
      <c r="B18808" s="2"/>
      <c r="C18808" s="2"/>
    </row>
    <row r="18809" spans="1:3" ht="19.2">
      <c r="A18809" s="2"/>
      <c r="B18809" s="2"/>
      <c r="C18809" s="2"/>
    </row>
    <row r="18810" spans="1:3" ht="19.2">
      <c r="A18810" s="2"/>
      <c r="B18810" s="2"/>
      <c r="C18810" s="2"/>
    </row>
    <row r="18811" spans="1:3" ht="19.2">
      <c r="A18811" s="2"/>
      <c r="B18811" s="2"/>
      <c r="C18811" s="2"/>
    </row>
    <row r="18812" spans="1:3" ht="19.2">
      <c r="A18812" s="2"/>
      <c r="B18812" s="2"/>
      <c r="C18812" s="2"/>
    </row>
    <row r="18813" spans="1:3" ht="19.2">
      <c r="A18813" s="2"/>
      <c r="B18813" s="2"/>
      <c r="C18813" s="2"/>
    </row>
    <row r="18814" spans="1:3" ht="19.2">
      <c r="A18814" s="2"/>
      <c r="B18814" s="2"/>
      <c r="C18814" s="2"/>
    </row>
    <row r="18815" spans="1:3" ht="19.2">
      <c r="A18815" s="2"/>
      <c r="B18815" s="2"/>
      <c r="C18815" s="2"/>
    </row>
    <row r="18816" spans="1:3" ht="19.2">
      <c r="A18816" s="2"/>
      <c r="B18816" s="2"/>
      <c r="C18816" s="2"/>
    </row>
    <row r="18817" spans="1:3" ht="19.2">
      <c r="A18817" s="2"/>
      <c r="B18817" s="2"/>
      <c r="C18817" s="2"/>
    </row>
    <row r="18818" spans="1:3" ht="19.2">
      <c r="A18818" s="2"/>
      <c r="B18818" s="2"/>
      <c r="C18818" s="2"/>
    </row>
    <row r="18819" spans="1:3" ht="19.2">
      <c r="A18819" s="2"/>
      <c r="B18819" s="2"/>
      <c r="C18819" s="2"/>
    </row>
    <row r="18820" spans="1:3" ht="19.2">
      <c r="A18820" s="2"/>
      <c r="B18820" s="2"/>
      <c r="C18820" s="2"/>
    </row>
    <row r="18821" spans="1:3" ht="19.2">
      <c r="A18821" s="2"/>
      <c r="B18821" s="2"/>
      <c r="C18821" s="2"/>
    </row>
    <row r="18822" spans="1:3" ht="19.2">
      <c r="A18822" s="2"/>
      <c r="B18822" s="2"/>
      <c r="C18822" s="2"/>
    </row>
    <row r="18823" spans="1:3" ht="19.2">
      <c r="A18823" s="2"/>
      <c r="B18823" s="2"/>
      <c r="C18823" s="2"/>
    </row>
    <row r="18824" spans="1:3" ht="19.2">
      <c r="A18824" s="2"/>
      <c r="B18824" s="2"/>
      <c r="C18824" s="2"/>
    </row>
    <row r="18825" spans="1:3" ht="19.2">
      <c r="A18825" s="2"/>
      <c r="B18825" s="2"/>
      <c r="C18825" s="2"/>
    </row>
    <row r="18826" spans="1:3" ht="19.2">
      <c r="A18826" s="2"/>
      <c r="B18826" s="2"/>
      <c r="C18826" s="2"/>
    </row>
    <row r="18827" spans="1:3" ht="19.2">
      <c r="A18827" s="2"/>
      <c r="B18827" s="2"/>
      <c r="C18827" s="2"/>
    </row>
    <row r="18828" spans="1:3" ht="19.2">
      <c r="A18828" s="2"/>
      <c r="B18828" s="2"/>
      <c r="C18828" s="2"/>
    </row>
    <row r="18829" spans="1:3" ht="19.2">
      <c r="A18829" s="2"/>
      <c r="B18829" s="2"/>
      <c r="C18829" s="2"/>
    </row>
    <row r="18830" spans="1:3" ht="19.2">
      <c r="A18830" s="2"/>
      <c r="B18830" s="2"/>
      <c r="C18830" s="2"/>
    </row>
    <row r="18831" spans="1:3" ht="19.2">
      <c r="A18831" s="2"/>
      <c r="B18831" s="2"/>
      <c r="C18831" s="2"/>
    </row>
    <row r="18832" spans="1:3" ht="19.2">
      <c r="A18832" s="2"/>
      <c r="B18832" s="2"/>
      <c r="C18832" s="2"/>
    </row>
    <row r="18833" spans="1:3" ht="19.2">
      <c r="A18833" s="2"/>
      <c r="B18833" s="2"/>
      <c r="C18833" s="2"/>
    </row>
    <row r="18834" spans="1:3" ht="19.2">
      <c r="A18834" s="2"/>
      <c r="B18834" s="2"/>
      <c r="C18834" s="2"/>
    </row>
    <row r="18835" spans="1:3" ht="19.2">
      <c r="A18835" s="2"/>
      <c r="B18835" s="2"/>
      <c r="C18835" s="2"/>
    </row>
    <row r="18836" spans="1:3" ht="19.2">
      <c r="A18836" s="2"/>
      <c r="B18836" s="2"/>
      <c r="C18836" s="2"/>
    </row>
    <row r="18837" spans="1:3" ht="19.2">
      <c r="A18837" s="2"/>
      <c r="B18837" s="2"/>
      <c r="C18837" s="2"/>
    </row>
    <row r="18838" spans="1:3" ht="19.2">
      <c r="A18838" s="2"/>
      <c r="B18838" s="2"/>
      <c r="C18838" s="2"/>
    </row>
    <row r="18839" spans="1:3" ht="19.2">
      <c r="A18839" s="2"/>
      <c r="B18839" s="2"/>
      <c r="C18839" s="2"/>
    </row>
    <row r="18840" spans="1:3" ht="19.2">
      <c r="A18840" s="2"/>
      <c r="B18840" s="2"/>
      <c r="C18840" s="2"/>
    </row>
    <row r="18841" spans="1:3" ht="19.2">
      <c r="A18841" s="2"/>
      <c r="B18841" s="2"/>
      <c r="C18841" s="2"/>
    </row>
    <row r="18842" spans="1:3" ht="19.2">
      <c r="A18842" s="2"/>
      <c r="B18842" s="2"/>
      <c r="C18842" s="2"/>
    </row>
    <row r="18843" spans="1:3" ht="19.2">
      <c r="A18843" s="2"/>
      <c r="B18843" s="2"/>
      <c r="C18843" s="2"/>
    </row>
    <row r="18844" spans="1:3" ht="19.2">
      <c r="A18844" s="2"/>
      <c r="B18844" s="2"/>
      <c r="C18844" s="2"/>
    </row>
    <row r="18845" spans="1:3" ht="19.2">
      <c r="A18845" s="2"/>
      <c r="B18845" s="2"/>
      <c r="C18845" s="2"/>
    </row>
    <row r="18846" spans="1:3" ht="19.2">
      <c r="A18846" s="2"/>
      <c r="B18846" s="2"/>
      <c r="C18846" s="2"/>
    </row>
    <row r="18847" spans="1:3" ht="19.2">
      <c r="A18847" s="2"/>
      <c r="B18847" s="2"/>
      <c r="C18847" s="2"/>
    </row>
    <row r="18848" spans="1:3" ht="19.2">
      <c r="A18848" s="2"/>
      <c r="B18848" s="2"/>
      <c r="C18848" s="2"/>
    </row>
    <row r="18849" spans="1:3" ht="19.2">
      <c r="A18849" s="2"/>
      <c r="B18849" s="2"/>
      <c r="C18849" s="2"/>
    </row>
    <row r="18850" spans="1:3" ht="19.2">
      <c r="A18850" s="2"/>
      <c r="B18850" s="2"/>
      <c r="C18850" s="2"/>
    </row>
    <row r="18851" spans="1:3" ht="19.2">
      <c r="A18851" s="2"/>
      <c r="B18851" s="2"/>
      <c r="C18851" s="2"/>
    </row>
    <row r="18852" spans="1:3" ht="19.2">
      <c r="A18852" s="2"/>
      <c r="B18852" s="2"/>
      <c r="C18852" s="2"/>
    </row>
    <row r="18853" spans="1:3" ht="19.2">
      <c r="A18853" s="2"/>
      <c r="B18853" s="2"/>
      <c r="C18853" s="2"/>
    </row>
    <row r="18854" spans="1:3" ht="19.2">
      <c r="A18854" s="2"/>
      <c r="B18854" s="2"/>
      <c r="C18854" s="2"/>
    </row>
    <row r="18855" spans="1:3" ht="19.2">
      <c r="A18855" s="2"/>
      <c r="B18855" s="2"/>
      <c r="C18855" s="2"/>
    </row>
    <row r="18856" spans="1:3" ht="19.2">
      <c r="A18856" s="2"/>
      <c r="B18856" s="2"/>
      <c r="C18856" s="2"/>
    </row>
    <row r="18857" spans="1:3" ht="19.2">
      <c r="A18857" s="2"/>
      <c r="B18857" s="2"/>
      <c r="C18857" s="2"/>
    </row>
    <row r="18858" spans="1:3" ht="19.2">
      <c r="A18858" s="2"/>
      <c r="B18858" s="2"/>
      <c r="C18858" s="2"/>
    </row>
    <row r="18859" spans="1:3" ht="19.2">
      <c r="A18859" s="2"/>
      <c r="B18859" s="2"/>
      <c r="C18859" s="2"/>
    </row>
    <row r="18860" spans="1:3" ht="19.2">
      <c r="A18860" s="2"/>
      <c r="B18860" s="2"/>
      <c r="C18860" s="2"/>
    </row>
    <row r="18861" spans="1:3" ht="19.2">
      <c r="A18861" s="2"/>
      <c r="B18861" s="2"/>
      <c r="C18861" s="2"/>
    </row>
    <row r="18862" spans="1:3" ht="19.2">
      <c r="A18862" s="2"/>
      <c r="B18862" s="2"/>
      <c r="C18862" s="2"/>
    </row>
    <row r="18863" spans="1:3" ht="19.2">
      <c r="A18863" s="2"/>
      <c r="B18863" s="2"/>
      <c r="C18863" s="2"/>
    </row>
    <row r="18864" spans="1:3" ht="19.2">
      <c r="A18864" s="2"/>
      <c r="B18864" s="2"/>
      <c r="C18864" s="2"/>
    </row>
    <row r="18865" spans="1:3" ht="19.2">
      <c r="A18865" s="2"/>
      <c r="B18865" s="2"/>
      <c r="C18865" s="2"/>
    </row>
    <row r="18866" spans="1:3" ht="19.2">
      <c r="A18866" s="2"/>
      <c r="B18866" s="2"/>
      <c r="C18866" s="2"/>
    </row>
    <row r="18867" spans="1:3" ht="19.2">
      <c r="A18867" s="2"/>
      <c r="B18867" s="2"/>
      <c r="C18867" s="2"/>
    </row>
    <row r="18868" spans="1:3" ht="19.2">
      <c r="A18868" s="2"/>
      <c r="B18868" s="2"/>
      <c r="C18868" s="2"/>
    </row>
    <row r="18869" spans="1:3" ht="19.2">
      <c r="A18869" s="2"/>
      <c r="B18869" s="2"/>
      <c r="C18869" s="2"/>
    </row>
    <row r="18870" spans="1:3" ht="19.2">
      <c r="A18870" s="2"/>
      <c r="B18870" s="2"/>
      <c r="C18870" s="2"/>
    </row>
    <row r="18871" spans="1:3" ht="19.2">
      <c r="A18871" s="2"/>
      <c r="B18871" s="2"/>
      <c r="C18871" s="2"/>
    </row>
    <row r="18872" spans="1:3" ht="19.2">
      <c r="A18872" s="2"/>
      <c r="B18872" s="2"/>
      <c r="C18872" s="2"/>
    </row>
    <row r="18873" spans="1:3" ht="19.2">
      <c r="A18873" s="2"/>
      <c r="B18873" s="2"/>
      <c r="C18873" s="2"/>
    </row>
    <row r="18874" spans="1:3" ht="19.2">
      <c r="A18874" s="2"/>
      <c r="B18874" s="2"/>
      <c r="C18874" s="2"/>
    </row>
    <row r="18875" spans="1:3" ht="19.2">
      <c r="A18875" s="2"/>
      <c r="B18875" s="2"/>
      <c r="C18875" s="2"/>
    </row>
    <row r="18876" spans="1:3" ht="19.2">
      <c r="A18876" s="2"/>
      <c r="B18876" s="2"/>
      <c r="C18876" s="2"/>
    </row>
    <row r="18877" spans="1:3" ht="19.2">
      <c r="A18877" s="2"/>
      <c r="B18877" s="2"/>
      <c r="C18877" s="2"/>
    </row>
    <row r="18878" spans="1:3" ht="19.2">
      <c r="A18878" s="2"/>
      <c r="B18878" s="2"/>
      <c r="C18878" s="2"/>
    </row>
    <row r="18879" spans="1:3" ht="19.2">
      <c r="A18879" s="2"/>
      <c r="B18879" s="2"/>
      <c r="C18879" s="2"/>
    </row>
    <row r="18880" spans="1:3" ht="19.2">
      <c r="A18880" s="2"/>
      <c r="B18880" s="2"/>
      <c r="C18880" s="2"/>
    </row>
    <row r="18881" spans="1:3" ht="19.2">
      <c r="A18881" s="2"/>
      <c r="B18881" s="2"/>
      <c r="C18881" s="2"/>
    </row>
    <row r="18882" spans="1:3" ht="19.2">
      <c r="A18882" s="2"/>
      <c r="B18882" s="2"/>
      <c r="C18882" s="2"/>
    </row>
    <row r="18883" spans="1:3" ht="19.2">
      <c r="A18883" s="2"/>
      <c r="B18883" s="2"/>
      <c r="C18883" s="2"/>
    </row>
    <row r="18884" spans="1:3" ht="19.2">
      <c r="A18884" s="2"/>
      <c r="B18884" s="2"/>
      <c r="C18884" s="2"/>
    </row>
    <row r="18885" spans="1:3" ht="19.2">
      <c r="A18885" s="2"/>
      <c r="B18885" s="2"/>
      <c r="C18885" s="2"/>
    </row>
    <row r="18886" spans="1:3" ht="19.2">
      <c r="A18886" s="2"/>
      <c r="B18886" s="2"/>
      <c r="C18886" s="2"/>
    </row>
    <row r="18887" spans="1:3" ht="19.2">
      <c r="A18887" s="2"/>
      <c r="B18887" s="2"/>
      <c r="C18887" s="2"/>
    </row>
    <row r="18888" spans="1:3" ht="19.2">
      <c r="A18888" s="2"/>
      <c r="B18888" s="2"/>
      <c r="C18888" s="2"/>
    </row>
    <row r="18889" spans="1:3" ht="19.2">
      <c r="A18889" s="2"/>
      <c r="B18889" s="2"/>
      <c r="C18889" s="2"/>
    </row>
    <row r="18890" spans="1:3" ht="19.2">
      <c r="A18890" s="2"/>
      <c r="B18890" s="2"/>
      <c r="C18890" s="2"/>
    </row>
    <row r="18891" spans="1:3" ht="19.2">
      <c r="A18891" s="2"/>
      <c r="B18891" s="2"/>
      <c r="C18891" s="2"/>
    </row>
    <row r="18892" spans="1:3" ht="19.2">
      <c r="A18892" s="2"/>
      <c r="B18892" s="2"/>
      <c r="C18892" s="2"/>
    </row>
    <row r="18893" spans="1:3" ht="19.2">
      <c r="A18893" s="2"/>
      <c r="B18893" s="2"/>
      <c r="C18893" s="2"/>
    </row>
    <row r="18894" spans="1:3" ht="19.2">
      <c r="A18894" s="2"/>
      <c r="B18894" s="2"/>
      <c r="C18894" s="2"/>
    </row>
    <row r="18895" spans="1:3" ht="19.2">
      <c r="A18895" s="2"/>
      <c r="B18895" s="2"/>
      <c r="C18895" s="2"/>
    </row>
    <row r="18896" spans="1:3" ht="19.2">
      <c r="A18896" s="2"/>
      <c r="B18896" s="2"/>
      <c r="C18896" s="2"/>
    </row>
    <row r="18897" spans="1:3" ht="19.2">
      <c r="A18897" s="2"/>
      <c r="B18897" s="2"/>
      <c r="C18897" s="2"/>
    </row>
    <row r="18898" spans="1:3" ht="19.2">
      <c r="A18898" s="2"/>
      <c r="B18898" s="2"/>
      <c r="C18898" s="2"/>
    </row>
    <row r="18899" spans="1:3" ht="19.2">
      <c r="A18899" s="2"/>
      <c r="B18899" s="2"/>
      <c r="C18899" s="2"/>
    </row>
    <row r="18900" spans="1:3" ht="19.2">
      <c r="A18900" s="2"/>
      <c r="B18900" s="2"/>
      <c r="C18900" s="2"/>
    </row>
    <row r="18901" spans="1:3" ht="19.2">
      <c r="A18901" s="2"/>
      <c r="B18901" s="2"/>
      <c r="C18901" s="2"/>
    </row>
    <row r="18902" spans="1:3" ht="19.2">
      <c r="A18902" s="2"/>
      <c r="B18902" s="2"/>
      <c r="C18902" s="2"/>
    </row>
    <row r="18903" spans="1:3" ht="19.2">
      <c r="A18903" s="2"/>
      <c r="B18903" s="2"/>
      <c r="C18903" s="2"/>
    </row>
    <row r="18904" spans="1:3" ht="19.2">
      <c r="A18904" s="2"/>
      <c r="B18904" s="2"/>
      <c r="C18904" s="2"/>
    </row>
    <row r="18905" spans="1:3" ht="19.2">
      <c r="A18905" s="2"/>
      <c r="B18905" s="2"/>
      <c r="C18905" s="2"/>
    </row>
    <row r="18906" spans="1:3" ht="19.2">
      <c r="A18906" s="2"/>
      <c r="B18906" s="2"/>
      <c r="C18906" s="2"/>
    </row>
    <row r="18907" spans="1:3" ht="19.2">
      <c r="A18907" s="2"/>
      <c r="B18907" s="2"/>
      <c r="C18907" s="2"/>
    </row>
    <row r="18908" spans="1:3" ht="19.2">
      <c r="A18908" s="2"/>
      <c r="B18908" s="2"/>
      <c r="C18908" s="2"/>
    </row>
    <row r="18909" spans="1:3" ht="19.2">
      <c r="A18909" s="2"/>
      <c r="B18909" s="2"/>
      <c r="C18909" s="2"/>
    </row>
    <row r="18910" spans="1:3" ht="19.2">
      <c r="A18910" s="2"/>
      <c r="B18910" s="2"/>
      <c r="C18910" s="2"/>
    </row>
    <row r="18911" spans="1:3" ht="19.2">
      <c r="A18911" s="2"/>
      <c r="B18911" s="2"/>
      <c r="C18911" s="2"/>
    </row>
    <row r="18912" spans="1:3" ht="19.2">
      <c r="A18912" s="2"/>
      <c r="B18912" s="2"/>
      <c r="C18912" s="2"/>
    </row>
    <row r="18913" spans="1:3" ht="19.2">
      <c r="A18913" s="2"/>
      <c r="B18913" s="2"/>
      <c r="C18913" s="2"/>
    </row>
    <row r="18914" spans="1:3" ht="19.2">
      <c r="A18914" s="2"/>
      <c r="B18914" s="2"/>
      <c r="C18914" s="2"/>
    </row>
    <row r="18915" spans="1:3" ht="19.2">
      <c r="A18915" s="2"/>
      <c r="B18915" s="2"/>
      <c r="C18915" s="2"/>
    </row>
    <row r="18916" spans="1:3" ht="19.2">
      <c r="A18916" s="2"/>
      <c r="B18916" s="2"/>
      <c r="C18916" s="2"/>
    </row>
    <row r="18917" spans="1:3" ht="19.2">
      <c r="A18917" s="2"/>
      <c r="B18917" s="2"/>
      <c r="C18917" s="2"/>
    </row>
    <row r="18918" spans="1:3" ht="19.2">
      <c r="A18918" s="2"/>
      <c r="B18918" s="2"/>
      <c r="C18918" s="2"/>
    </row>
    <row r="18919" spans="1:3" ht="19.2">
      <c r="A18919" s="2"/>
      <c r="B18919" s="2"/>
      <c r="C18919" s="2"/>
    </row>
    <row r="18920" spans="1:3" ht="19.2">
      <c r="A18920" s="2"/>
      <c r="B18920" s="2"/>
      <c r="C18920" s="2"/>
    </row>
    <row r="18921" spans="1:3" ht="19.2">
      <c r="A18921" s="2"/>
      <c r="B18921" s="2"/>
      <c r="C18921" s="2"/>
    </row>
    <row r="18922" spans="1:3" ht="19.2">
      <c r="A18922" s="2"/>
      <c r="B18922" s="2"/>
      <c r="C18922" s="2"/>
    </row>
    <row r="18923" spans="1:3" ht="19.2">
      <c r="A18923" s="2"/>
      <c r="B18923" s="2"/>
      <c r="C18923" s="2"/>
    </row>
    <row r="18924" spans="1:3" ht="19.2">
      <c r="A18924" s="2"/>
      <c r="B18924" s="2"/>
      <c r="C18924" s="2"/>
    </row>
    <row r="18925" spans="1:3" ht="19.2">
      <c r="A18925" s="2"/>
      <c r="B18925" s="2"/>
      <c r="C18925" s="2"/>
    </row>
    <row r="18926" spans="1:3" ht="19.2">
      <c r="A18926" s="2"/>
      <c r="B18926" s="2"/>
      <c r="C18926" s="2"/>
    </row>
    <row r="18927" spans="1:3" ht="19.2">
      <c r="A18927" s="2"/>
      <c r="B18927" s="2"/>
      <c r="C18927" s="2"/>
    </row>
    <row r="18928" spans="1:3" ht="19.2">
      <c r="A18928" s="2"/>
      <c r="B18928" s="2"/>
      <c r="C18928" s="2"/>
    </row>
    <row r="18929" spans="1:3" ht="19.2">
      <c r="A18929" s="2"/>
      <c r="B18929" s="2"/>
      <c r="C18929" s="2"/>
    </row>
    <row r="18930" spans="1:3" ht="19.2">
      <c r="A18930" s="2"/>
      <c r="B18930" s="2"/>
      <c r="C18930" s="2"/>
    </row>
    <row r="18931" spans="1:3" ht="19.2">
      <c r="A18931" s="2"/>
      <c r="B18931" s="2"/>
      <c r="C18931" s="2"/>
    </row>
    <row r="18932" spans="1:3" ht="19.2">
      <c r="A18932" s="2"/>
      <c r="B18932" s="2"/>
      <c r="C18932" s="2"/>
    </row>
    <row r="18933" spans="1:3" ht="19.2">
      <c r="A18933" s="2"/>
      <c r="B18933" s="2"/>
      <c r="C18933" s="2"/>
    </row>
    <row r="18934" spans="1:3" ht="19.2">
      <c r="A18934" s="2"/>
      <c r="B18934" s="2"/>
      <c r="C18934" s="2"/>
    </row>
    <row r="18935" spans="1:3" ht="19.2">
      <c r="A18935" s="2"/>
      <c r="B18935" s="2"/>
      <c r="C18935" s="2"/>
    </row>
    <row r="18936" spans="1:3" ht="19.2">
      <c r="A18936" s="2"/>
      <c r="B18936" s="2"/>
      <c r="C18936" s="2"/>
    </row>
    <row r="18937" spans="1:3" ht="19.2">
      <c r="A18937" s="2"/>
      <c r="B18937" s="2"/>
      <c r="C18937" s="2"/>
    </row>
    <row r="18938" spans="1:3" ht="19.2">
      <c r="A18938" s="2"/>
      <c r="B18938" s="2"/>
      <c r="C18938" s="2"/>
    </row>
    <row r="18939" spans="1:3" ht="19.2">
      <c r="A18939" s="2"/>
      <c r="B18939" s="2"/>
      <c r="C18939" s="2"/>
    </row>
    <row r="18940" spans="1:3" ht="19.2">
      <c r="A18940" s="2"/>
      <c r="B18940" s="2"/>
      <c r="C18940" s="2"/>
    </row>
    <row r="18941" spans="1:3" ht="19.2">
      <c r="A18941" s="2"/>
      <c r="B18941" s="2"/>
      <c r="C18941" s="2"/>
    </row>
    <row r="18942" spans="1:3" ht="19.2">
      <c r="A18942" s="2"/>
      <c r="B18942" s="2"/>
      <c r="C18942" s="2"/>
    </row>
    <row r="18943" spans="1:3" ht="19.2">
      <c r="A18943" s="2"/>
      <c r="B18943" s="2"/>
      <c r="C18943" s="2"/>
    </row>
    <row r="18944" spans="1:3" ht="19.2">
      <c r="A18944" s="2"/>
      <c r="B18944" s="2"/>
      <c r="C18944" s="2"/>
    </row>
    <row r="18945" spans="1:3" ht="19.2">
      <c r="A18945" s="2"/>
      <c r="B18945" s="2"/>
      <c r="C18945" s="2"/>
    </row>
    <row r="18946" spans="1:3" ht="19.2">
      <c r="A18946" s="2"/>
      <c r="B18946" s="2"/>
      <c r="C18946" s="2"/>
    </row>
    <row r="18947" spans="1:3" ht="19.2">
      <c r="A18947" s="2"/>
      <c r="B18947" s="2"/>
      <c r="C18947" s="2"/>
    </row>
    <row r="18948" spans="1:3" ht="19.2">
      <c r="A18948" s="2"/>
      <c r="B18948" s="2"/>
      <c r="C18948" s="2"/>
    </row>
    <row r="18949" spans="1:3" ht="19.2">
      <c r="A18949" s="2"/>
      <c r="B18949" s="2"/>
      <c r="C18949" s="2"/>
    </row>
    <row r="18950" spans="1:3" ht="19.2">
      <c r="A18950" s="2"/>
      <c r="B18950" s="2"/>
      <c r="C18950" s="2"/>
    </row>
    <row r="18951" spans="1:3" ht="19.2">
      <c r="A18951" s="2"/>
      <c r="B18951" s="2"/>
      <c r="C18951" s="2"/>
    </row>
    <row r="18952" spans="1:3" ht="19.2">
      <c r="A18952" s="2"/>
      <c r="B18952" s="2"/>
      <c r="C18952" s="2"/>
    </row>
    <row r="18953" spans="1:3" ht="19.2">
      <c r="A18953" s="2"/>
      <c r="B18953" s="2"/>
      <c r="C18953" s="2"/>
    </row>
    <row r="18954" spans="1:3" ht="19.2">
      <c r="A18954" s="2"/>
      <c r="B18954" s="2"/>
      <c r="C18954" s="2"/>
    </row>
    <row r="18955" spans="1:3" ht="19.2">
      <c r="A18955" s="2"/>
      <c r="B18955" s="2"/>
      <c r="C18955" s="2"/>
    </row>
    <row r="18956" spans="1:3" ht="19.2">
      <c r="A18956" s="2"/>
      <c r="B18956" s="2"/>
      <c r="C18956" s="2"/>
    </row>
    <row r="18957" spans="1:3" ht="19.2">
      <c r="A18957" s="2"/>
      <c r="B18957" s="2"/>
      <c r="C18957" s="2"/>
    </row>
    <row r="18958" spans="1:3" ht="19.2">
      <c r="A18958" s="2"/>
      <c r="B18958" s="2"/>
      <c r="C18958" s="2"/>
    </row>
    <row r="18959" spans="1:3" ht="19.2">
      <c r="A18959" s="2"/>
      <c r="B18959" s="2"/>
      <c r="C18959" s="2"/>
    </row>
    <row r="18960" spans="1:3" ht="19.2">
      <c r="A18960" s="2"/>
      <c r="B18960" s="2"/>
      <c r="C18960" s="2"/>
    </row>
    <row r="18961" spans="1:3" ht="19.2">
      <c r="A18961" s="2"/>
      <c r="B18961" s="2"/>
      <c r="C18961" s="2"/>
    </row>
    <row r="18962" spans="1:3" ht="19.2">
      <c r="A18962" s="2"/>
      <c r="B18962" s="2"/>
      <c r="C18962" s="2"/>
    </row>
    <row r="18963" spans="1:3" ht="19.2">
      <c r="A18963" s="2"/>
      <c r="B18963" s="2"/>
      <c r="C18963" s="2"/>
    </row>
    <row r="18964" spans="1:3" ht="19.2">
      <c r="A18964" s="2"/>
      <c r="B18964" s="2"/>
      <c r="C18964" s="2"/>
    </row>
    <row r="18965" spans="1:3" ht="19.2">
      <c r="A18965" s="2"/>
      <c r="B18965" s="2"/>
      <c r="C18965" s="2"/>
    </row>
    <row r="18966" spans="1:3" ht="19.2">
      <c r="A18966" s="2"/>
      <c r="B18966" s="2"/>
      <c r="C18966" s="2"/>
    </row>
    <row r="18967" spans="1:3" ht="19.2">
      <c r="A18967" s="2"/>
      <c r="B18967" s="2"/>
      <c r="C18967" s="2"/>
    </row>
    <row r="18968" spans="1:3" ht="19.2">
      <c r="A18968" s="2"/>
      <c r="B18968" s="2"/>
      <c r="C18968" s="2"/>
    </row>
    <row r="18969" spans="1:3" ht="19.2">
      <c r="A18969" s="2"/>
      <c r="B18969" s="2"/>
      <c r="C18969" s="2"/>
    </row>
    <row r="18970" spans="1:3" ht="19.2">
      <c r="A18970" s="2"/>
      <c r="B18970" s="2"/>
      <c r="C18970" s="2"/>
    </row>
    <row r="18971" spans="1:3" ht="19.2">
      <c r="A18971" s="2"/>
      <c r="B18971" s="2"/>
      <c r="C18971" s="2"/>
    </row>
    <row r="18972" spans="1:3" ht="19.2">
      <c r="A18972" s="2"/>
      <c r="B18972" s="2"/>
      <c r="C18972" s="2"/>
    </row>
    <row r="18973" spans="1:3" ht="19.2">
      <c r="A18973" s="2"/>
      <c r="B18973" s="2"/>
      <c r="C18973" s="2"/>
    </row>
    <row r="18974" spans="1:3" ht="19.2">
      <c r="A18974" s="2"/>
      <c r="B18974" s="2"/>
      <c r="C18974" s="2"/>
    </row>
    <row r="18975" spans="1:3" ht="19.2">
      <c r="A18975" s="2"/>
      <c r="B18975" s="2"/>
      <c r="C18975" s="2"/>
    </row>
    <row r="18976" spans="1:3" ht="19.2">
      <c r="A18976" s="2"/>
      <c r="B18976" s="2"/>
      <c r="C18976" s="2"/>
    </row>
    <row r="18977" spans="1:3" ht="19.2">
      <c r="A18977" s="2"/>
      <c r="B18977" s="2"/>
      <c r="C18977" s="2"/>
    </row>
    <row r="18978" spans="1:3" ht="19.2">
      <c r="A18978" s="2"/>
      <c r="B18978" s="2"/>
      <c r="C18978" s="2"/>
    </row>
    <row r="18979" spans="1:3" ht="19.2">
      <c r="A18979" s="2"/>
      <c r="B18979" s="2"/>
      <c r="C18979" s="2"/>
    </row>
    <row r="18980" spans="1:3" ht="19.2">
      <c r="A18980" s="2"/>
      <c r="B18980" s="2"/>
      <c r="C18980" s="2"/>
    </row>
    <row r="18981" spans="1:3" ht="19.2">
      <c r="A18981" s="2"/>
      <c r="B18981" s="2"/>
      <c r="C18981" s="2"/>
    </row>
    <row r="18982" spans="1:3" ht="19.2">
      <c r="A18982" s="2"/>
      <c r="B18982" s="2"/>
      <c r="C18982" s="2"/>
    </row>
    <row r="18983" spans="1:3" ht="19.2">
      <c r="A18983" s="2"/>
      <c r="B18983" s="2"/>
      <c r="C18983" s="2"/>
    </row>
    <row r="18984" spans="1:3" ht="19.2">
      <c r="A18984" s="2"/>
      <c r="B18984" s="2"/>
      <c r="C18984" s="2"/>
    </row>
    <row r="18985" spans="1:3" ht="19.2">
      <c r="A18985" s="2"/>
      <c r="B18985" s="2"/>
      <c r="C18985" s="2"/>
    </row>
    <row r="18986" spans="1:3" ht="19.2">
      <c r="A18986" s="2"/>
      <c r="B18986" s="2"/>
      <c r="C18986" s="2"/>
    </row>
    <row r="18987" spans="1:3" ht="19.2">
      <c r="A18987" s="2"/>
      <c r="B18987" s="2"/>
      <c r="C18987" s="2"/>
    </row>
    <row r="18988" spans="1:3" ht="19.2">
      <c r="A18988" s="2"/>
      <c r="B18988" s="2"/>
      <c r="C18988" s="2"/>
    </row>
    <row r="18989" spans="1:3" ht="19.2">
      <c r="A18989" s="2"/>
      <c r="B18989" s="2"/>
      <c r="C18989" s="2"/>
    </row>
    <row r="18990" spans="1:3" ht="19.2">
      <c r="A18990" s="2"/>
      <c r="B18990" s="2"/>
      <c r="C18990" s="2"/>
    </row>
    <row r="18991" spans="1:3" ht="19.2">
      <c r="A18991" s="2"/>
      <c r="B18991" s="2"/>
      <c r="C18991" s="2"/>
    </row>
    <row r="18992" spans="1:3" ht="19.2">
      <c r="A18992" s="2"/>
      <c r="B18992" s="2"/>
      <c r="C18992" s="2"/>
    </row>
    <row r="18993" spans="1:3" ht="19.2">
      <c r="A18993" s="2"/>
      <c r="B18993" s="2"/>
      <c r="C18993" s="2"/>
    </row>
    <row r="18994" spans="1:3" ht="19.2">
      <c r="A18994" s="2"/>
      <c r="B18994" s="2"/>
      <c r="C18994" s="2"/>
    </row>
    <row r="18995" spans="1:3" ht="19.2">
      <c r="A18995" s="2"/>
      <c r="B18995" s="2"/>
      <c r="C18995" s="2"/>
    </row>
    <row r="18996" spans="1:3" ht="19.2">
      <c r="A18996" s="2"/>
      <c r="B18996" s="2"/>
      <c r="C18996" s="2"/>
    </row>
    <row r="18997" spans="1:3" ht="19.2">
      <c r="A18997" s="2"/>
      <c r="B18997" s="2"/>
      <c r="C18997" s="2"/>
    </row>
    <row r="18998" spans="1:3" ht="19.2">
      <c r="A18998" s="2"/>
      <c r="B18998" s="2"/>
      <c r="C18998" s="2"/>
    </row>
    <row r="18999" spans="1:3" ht="19.2">
      <c r="A18999" s="2"/>
      <c r="B18999" s="2"/>
      <c r="C18999" s="2"/>
    </row>
    <row r="19000" spans="1:3" ht="19.2">
      <c r="A19000" s="2"/>
      <c r="B19000" s="2"/>
      <c r="C19000" s="2"/>
    </row>
    <row r="19001" spans="1:3" ht="19.2">
      <c r="A19001" s="2"/>
      <c r="B19001" s="2"/>
      <c r="C19001" s="2"/>
    </row>
    <row r="19002" spans="1:3" ht="19.2">
      <c r="A19002" s="2"/>
      <c r="B19002" s="2"/>
      <c r="C19002" s="2"/>
    </row>
    <row r="19003" spans="1:3" ht="19.2">
      <c r="A19003" s="2"/>
      <c r="B19003" s="2"/>
      <c r="C19003" s="2"/>
    </row>
    <row r="19004" spans="1:3" ht="19.2">
      <c r="A19004" s="2"/>
      <c r="B19004" s="2"/>
      <c r="C19004" s="2"/>
    </row>
    <row r="19005" spans="1:3" ht="19.2">
      <c r="A19005" s="2"/>
      <c r="B19005" s="2"/>
      <c r="C19005" s="2"/>
    </row>
    <row r="19006" spans="1:3" ht="19.2">
      <c r="A19006" s="2"/>
      <c r="B19006" s="2"/>
      <c r="C19006" s="2"/>
    </row>
    <row r="19007" spans="1:3" ht="19.2">
      <c r="A19007" s="2"/>
      <c r="B19007" s="2"/>
      <c r="C19007" s="2"/>
    </row>
    <row r="19008" spans="1:3" ht="19.2">
      <c r="A19008" s="2"/>
      <c r="B19008" s="2"/>
      <c r="C19008" s="2"/>
    </row>
    <row r="19009" spans="1:3" ht="19.2">
      <c r="A19009" s="2"/>
      <c r="B19009" s="2"/>
      <c r="C19009" s="2"/>
    </row>
    <row r="19010" spans="1:3" ht="19.2">
      <c r="A19010" s="2"/>
      <c r="B19010" s="2"/>
      <c r="C19010" s="2"/>
    </row>
    <row r="19011" spans="1:3" ht="19.2">
      <c r="A19011" s="2"/>
      <c r="B19011" s="2"/>
      <c r="C19011" s="2"/>
    </row>
    <row r="19012" spans="1:3" ht="19.2">
      <c r="A19012" s="2"/>
      <c r="B19012" s="2"/>
      <c r="C19012" s="2"/>
    </row>
    <row r="19013" spans="1:3" ht="19.2">
      <c r="A19013" s="2"/>
      <c r="B19013" s="2"/>
      <c r="C19013" s="2"/>
    </row>
    <row r="19014" spans="1:3" ht="19.2">
      <c r="A19014" s="2"/>
      <c r="B19014" s="2"/>
      <c r="C19014" s="2"/>
    </row>
    <row r="19015" spans="1:3" ht="19.2">
      <c r="A19015" s="2"/>
      <c r="B19015" s="2"/>
      <c r="C19015" s="2"/>
    </row>
    <row r="19016" spans="1:3" ht="19.2">
      <c r="A19016" s="2"/>
      <c r="B19016" s="2"/>
      <c r="C19016" s="2"/>
    </row>
    <row r="19017" spans="1:3" ht="19.2">
      <c r="A19017" s="2"/>
      <c r="B19017" s="2"/>
      <c r="C19017" s="2"/>
    </row>
    <row r="19018" spans="1:3" ht="19.2">
      <c r="A19018" s="2"/>
      <c r="B19018" s="2"/>
      <c r="C19018" s="2"/>
    </row>
    <row r="19019" spans="1:3" ht="19.2">
      <c r="A19019" s="2"/>
      <c r="B19019" s="2"/>
      <c r="C19019" s="2"/>
    </row>
    <row r="19020" spans="1:3" ht="19.2">
      <c r="A19020" s="2"/>
      <c r="B19020" s="2"/>
      <c r="C19020" s="2"/>
    </row>
    <row r="19021" spans="1:3" ht="19.2">
      <c r="A19021" s="2"/>
      <c r="B19021" s="2"/>
      <c r="C19021" s="2"/>
    </row>
    <row r="19022" spans="1:3" ht="19.2">
      <c r="A19022" s="2"/>
      <c r="B19022" s="2"/>
      <c r="C19022" s="2"/>
    </row>
    <row r="19023" spans="1:3" ht="19.2">
      <c r="A19023" s="2"/>
      <c r="B19023" s="2"/>
      <c r="C19023" s="2"/>
    </row>
    <row r="19024" spans="1:3" ht="19.2">
      <c r="A19024" s="2"/>
      <c r="B19024" s="2"/>
      <c r="C19024" s="2"/>
    </row>
    <row r="19025" spans="1:3" ht="19.2">
      <c r="A19025" s="2"/>
      <c r="B19025" s="2"/>
      <c r="C19025" s="2"/>
    </row>
    <row r="19026" spans="1:3" ht="19.2">
      <c r="A19026" s="2"/>
      <c r="B19026" s="2"/>
      <c r="C19026" s="2"/>
    </row>
    <row r="19027" spans="1:3" ht="19.2">
      <c r="A19027" s="2"/>
      <c r="B19027" s="2"/>
      <c r="C19027" s="2"/>
    </row>
    <row r="19028" spans="1:3" ht="19.2">
      <c r="A19028" s="2"/>
      <c r="B19028" s="2"/>
      <c r="C19028" s="2"/>
    </row>
    <row r="19029" spans="1:3" ht="19.2">
      <c r="A19029" s="2"/>
      <c r="B19029" s="2"/>
      <c r="C19029" s="2"/>
    </row>
    <row r="19030" spans="1:3" ht="19.2">
      <c r="A19030" s="2"/>
      <c r="B19030" s="2"/>
      <c r="C19030" s="2"/>
    </row>
    <row r="19031" spans="1:3" ht="19.2">
      <c r="A19031" s="2"/>
      <c r="B19031" s="2"/>
      <c r="C19031" s="2"/>
    </row>
    <row r="19032" spans="1:3" ht="19.2">
      <c r="A19032" s="2"/>
      <c r="B19032" s="2"/>
      <c r="C19032" s="2"/>
    </row>
    <row r="19033" spans="1:3" ht="19.2">
      <c r="A19033" s="2"/>
      <c r="B19033" s="2"/>
      <c r="C19033" s="2"/>
    </row>
    <row r="19034" spans="1:3" ht="19.2">
      <c r="A19034" s="2"/>
      <c r="B19034" s="2"/>
      <c r="C19034" s="2"/>
    </row>
    <row r="19035" spans="1:3" ht="19.2">
      <c r="A19035" s="2"/>
      <c r="B19035" s="2"/>
      <c r="C19035" s="2"/>
    </row>
    <row r="19036" spans="1:3" ht="19.2">
      <c r="A19036" s="2"/>
      <c r="B19036" s="2"/>
      <c r="C19036" s="2"/>
    </row>
    <row r="19037" spans="1:3" ht="19.2">
      <c r="A19037" s="2"/>
      <c r="B19037" s="2"/>
      <c r="C19037" s="2"/>
    </row>
    <row r="19038" spans="1:3" ht="19.2">
      <c r="A19038" s="2"/>
      <c r="B19038" s="2"/>
      <c r="C19038" s="2"/>
    </row>
    <row r="19039" spans="1:3" ht="19.2">
      <c r="A19039" s="2"/>
      <c r="B19039" s="2"/>
      <c r="C19039" s="2"/>
    </row>
    <row r="19040" spans="1:3" ht="19.2">
      <c r="A19040" s="2"/>
      <c r="B19040" s="2"/>
      <c r="C19040" s="2"/>
    </row>
    <row r="19041" spans="1:3" ht="19.2">
      <c r="A19041" s="2"/>
      <c r="B19041" s="2"/>
      <c r="C19041" s="2"/>
    </row>
    <row r="19042" spans="1:3" ht="19.2">
      <c r="A19042" s="2"/>
      <c r="B19042" s="2"/>
      <c r="C19042" s="2"/>
    </row>
    <row r="19043" spans="1:3" ht="19.2">
      <c r="A19043" s="2"/>
      <c r="B19043" s="2"/>
      <c r="C19043" s="2"/>
    </row>
    <row r="19044" spans="1:3" ht="19.2">
      <c r="A19044" s="2"/>
      <c r="B19044" s="2"/>
      <c r="C19044" s="2"/>
    </row>
    <row r="19045" spans="1:3" ht="19.2">
      <c r="A19045" s="2"/>
      <c r="B19045" s="2"/>
      <c r="C19045" s="2"/>
    </row>
    <row r="19046" spans="1:3" ht="19.2">
      <c r="A19046" s="2"/>
      <c r="B19046" s="2"/>
      <c r="C19046" s="2"/>
    </row>
    <row r="19047" spans="1:3" ht="19.2">
      <c r="A19047" s="2"/>
      <c r="B19047" s="2"/>
      <c r="C19047" s="2"/>
    </row>
    <row r="19048" spans="1:3" ht="19.2">
      <c r="A19048" s="2"/>
      <c r="B19048" s="2"/>
      <c r="C19048" s="2"/>
    </row>
    <row r="19049" spans="1:3" ht="19.2">
      <c r="A19049" s="2"/>
      <c r="B19049" s="2"/>
      <c r="C19049" s="2"/>
    </row>
    <row r="19050" spans="1:3" ht="19.2">
      <c r="A19050" s="2"/>
      <c r="B19050" s="2"/>
      <c r="C19050" s="2"/>
    </row>
    <row r="19051" spans="1:3" ht="19.2">
      <c r="A19051" s="2"/>
      <c r="B19051" s="2"/>
      <c r="C19051" s="2"/>
    </row>
    <row r="19052" spans="1:3" ht="19.2">
      <c r="A19052" s="2"/>
      <c r="B19052" s="2"/>
      <c r="C19052" s="2"/>
    </row>
    <row r="19053" spans="1:3" ht="19.2">
      <c r="A19053" s="2"/>
      <c r="B19053" s="2"/>
      <c r="C19053" s="2"/>
    </row>
    <row r="19054" spans="1:3" ht="19.2">
      <c r="A19054" s="2"/>
      <c r="B19054" s="2"/>
      <c r="C19054" s="2"/>
    </row>
    <row r="19055" spans="1:3" ht="19.2">
      <c r="A19055" s="2"/>
      <c r="B19055" s="2"/>
      <c r="C19055" s="2"/>
    </row>
    <row r="19056" spans="1:3" ht="19.2">
      <c r="A19056" s="2"/>
      <c r="B19056" s="2"/>
      <c r="C19056" s="2"/>
    </row>
    <row r="19057" spans="1:3" ht="19.2">
      <c r="A19057" s="2"/>
      <c r="B19057" s="2"/>
      <c r="C19057" s="2"/>
    </row>
    <row r="19058" spans="1:3" ht="19.2">
      <c r="A19058" s="2"/>
      <c r="B19058" s="2"/>
      <c r="C19058" s="2"/>
    </row>
    <row r="19059" spans="1:3" ht="19.2">
      <c r="A19059" s="2"/>
      <c r="B19059" s="2"/>
      <c r="C19059" s="2"/>
    </row>
    <row r="19060" spans="1:3" ht="19.2">
      <c r="A19060" s="2"/>
      <c r="B19060" s="2"/>
      <c r="C19060" s="2"/>
    </row>
    <row r="19061" spans="1:3" ht="19.2">
      <c r="A19061" s="2"/>
      <c r="B19061" s="2"/>
      <c r="C19061" s="2"/>
    </row>
    <row r="19062" spans="1:3" ht="19.2">
      <c r="A19062" s="2"/>
      <c r="B19062" s="2"/>
      <c r="C19062" s="2"/>
    </row>
    <row r="19063" spans="1:3" ht="19.2">
      <c r="A19063" s="2"/>
      <c r="B19063" s="2"/>
      <c r="C19063" s="2"/>
    </row>
    <row r="19064" spans="1:3" ht="19.2">
      <c r="A19064" s="2"/>
      <c r="B19064" s="2"/>
      <c r="C19064" s="2"/>
    </row>
    <row r="19065" spans="1:3" ht="19.2">
      <c r="A19065" s="2"/>
      <c r="B19065" s="2"/>
      <c r="C19065" s="2"/>
    </row>
    <row r="19066" spans="1:3" ht="19.2">
      <c r="A19066" s="2"/>
      <c r="B19066" s="2"/>
      <c r="C19066" s="2"/>
    </row>
    <row r="19067" spans="1:3" ht="19.2">
      <c r="A19067" s="2"/>
      <c r="B19067" s="2"/>
      <c r="C19067" s="2"/>
    </row>
    <row r="19068" spans="1:3" ht="19.2">
      <c r="A19068" s="2"/>
      <c r="B19068" s="2"/>
      <c r="C19068" s="2"/>
    </row>
    <row r="19069" spans="1:3" ht="19.2">
      <c r="A19069" s="2"/>
      <c r="B19069" s="2"/>
      <c r="C19069" s="2"/>
    </row>
    <row r="19070" spans="1:3" ht="19.2">
      <c r="A19070" s="2"/>
      <c r="B19070" s="2"/>
      <c r="C19070" s="2"/>
    </row>
    <row r="19071" spans="1:3" ht="19.2">
      <c r="A19071" s="2"/>
      <c r="B19071" s="2"/>
      <c r="C19071" s="2"/>
    </row>
    <row r="19072" spans="1:3" ht="19.2">
      <c r="A19072" s="2"/>
      <c r="B19072" s="2"/>
      <c r="C19072" s="2"/>
    </row>
    <row r="19073" spans="1:3" ht="19.2">
      <c r="A19073" s="2"/>
      <c r="B19073" s="2"/>
      <c r="C19073" s="2"/>
    </row>
    <row r="19074" spans="1:3" ht="19.2">
      <c r="A19074" s="2"/>
      <c r="B19074" s="2"/>
      <c r="C19074" s="2"/>
    </row>
    <row r="19075" spans="1:3" ht="19.2">
      <c r="A19075" s="2"/>
      <c r="B19075" s="2"/>
      <c r="C19075" s="2"/>
    </row>
    <row r="19076" spans="1:3" ht="19.2">
      <c r="A19076" s="2"/>
      <c r="B19076" s="2"/>
      <c r="C19076" s="2"/>
    </row>
    <row r="19077" spans="1:3" ht="19.2">
      <c r="A19077" s="2"/>
      <c r="B19077" s="2"/>
      <c r="C19077" s="2"/>
    </row>
    <row r="19078" spans="1:3" ht="19.2">
      <c r="A19078" s="2"/>
      <c r="B19078" s="2"/>
      <c r="C19078" s="2"/>
    </row>
    <row r="19079" spans="1:3" ht="19.2">
      <c r="A19079" s="2"/>
      <c r="B19079" s="2"/>
      <c r="C19079" s="2"/>
    </row>
    <row r="19080" spans="1:3" ht="19.2">
      <c r="A19080" s="2"/>
      <c r="B19080" s="2"/>
      <c r="C19080" s="2"/>
    </row>
    <row r="19081" spans="1:3" ht="19.2">
      <c r="A19081" s="2"/>
      <c r="B19081" s="2"/>
      <c r="C19081" s="2"/>
    </row>
    <row r="19082" spans="1:3" ht="19.2">
      <c r="A19082" s="2"/>
      <c r="B19082" s="2"/>
      <c r="C19082" s="2"/>
    </row>
    <row r="19083" spans="1:3" ht="19.2">
      <c r="A19083" s="2"/>
      <c r="B19083" s="2"/>
      <c r="C19083" s="2"/>
    </row>
    <row r="19084" spans="1:3" ht="19.2">
      <c r="A19084" s="2"/>
      <c r="B19084" s="2"/>
      <c r="C19084" s="2"/>
    </row>
    <row r="19085" spans="1:3" ht="19.2">
      <c r="A19085" s="2"/>
      <c r="B19085" s="2"/>
      <c r="C19085" s="2"/>
    </row>
    <row r="19086" spans="1:3" ht="19.2">
      <c r="A19086" s="2"/>
      <c r="B19086" s="2"/>
      <c r="C19086" s="2"/>
    </row>
    <row r="19087" spans="1:3" ht="19.2">
      <c r="A19087" s="2"/>
      <c r="B19087" s="2"/>
      <c r="C19087" s="2"/>
    </row>
    <row r="19088" spans="1:3" ht="19.2">
      <c r="A19088" s="2"/>
      <c r="B19088" s="2"/>
      <c r="C19088" s="2"/>
    </row>
    <row r="19089" spans="1:3" ht="19.2">
      <c r="A19089" s="2"/>
      <c r="B19089" s="2"/>
      <c r="C19089" s="2"/>
    </row>
    <row r="19090" spans="1:3" ht="19.2">
      <c r="A19090" s="2"/>
      <c r="B19090" s="2"/>
      <c r="C19090" s="2"/>
    </row>
    <row r="19091" spans="1:3" ht="19.2">
      <c r="A19091" s="2"/>
      <c r="B19091" s="2"/>
      <c r="C19091" s="2"/>
    </row>
    <row r="19092" spans="1:3" ht="19.2">
      <c r="A19092" s="2"/>
      <c r="B19092" s="2"/>
      <c r="C19092" s="2"/>
    </row>
    <row r="19093" spans="1:3" ht="19.2">
      <c r="A19093" s="2"/>
      <c r="B19093" s="2"/>
      <c r="C19093" s="2"/>
    </row>
    <row r="19094" spans="1:3" ht="19.2">
      <c r="A19094" s="2"/>
      <c r="B19094" s="2"/>
      <c r="C19094" s="2"/>
    </row>
    <row r="19095" spans="1:3" ht="19.2">
      <c r="A19095" s="2"/>
      <c r="B19095" s="2"/>
      <c r="C19095" s="2"/>
    </row>
    <row r="19096" spans="1:3" ht="19.2">
      <c r="A19096" s="2"/>
      <c r="B19096" s="2"/>
      <c r="C19096" s="2"/>
    </row>
    <row r="19097" spans="1:3" ht="19.2">
      <c r="A19097" s="2"/>
      <c r="B19097" s="2"/>
      <c r="C19097" s="2"/>
    </row>
    <row r="19098" spans="1:3" ht="19.2">
      <c r="A19098" s="2"/>
      <c r="B19098" s="2"/>
      <c r="C19098" s="2"/>
    </row>
    <row r="19099" spans="1:3" ht="19.2">
      <c r="A19099" s="2"/>
      <c r="B19099" s="2"/>
      <c r="C19099" s="2"/>
    </row>
    <row r="19100" spans="1:3" ht="19.2">
      <c r="A19100" s="2"/>
      <c r="B19100" s="2"/>
      <c r="C19100" s="2"/>
    </row>
    <row r="19101" spans="1:3" ht="19.2">
      <c r="A19101" s="2"/>
      <c r="B19101" s="2"/>
      <c r="C19101" s="2"/>
    </row>
    <row r="19102" spans="1:3" ht="19.2">
      <c r="A19102" s="2"/>
      <c r="B19102" s="2"/>
      <c r="C19102" s="2"/>
    </row>
    <row r="19103" spans="1:3" ht="19.2">
      <c r="A19103" s="2"/>
      <c r="B19103" s="2"/>
      <c r="C19103" s="2"/>
    </row>
    <row r="19104" spans="1:3" ht="19.2">
      <c r="A19104" s="2"/>
      <c r="B19104" s="2"/>
      <c r="C19104" s="2"/>
    </row>
    <row r="19105" spans="1:3" ht="19.2">
      <c r="A19105" s="2"/>
      <c r="B19105" s="2"/>
      <c r="C19105" s="2"/>
    </row>
    <row r="19106" spans="1:3" ht="19.2">
      <c r="A19106" s="2"/>
      <c r="B19106" s="2"/>
      <c r="C19106" s="2"/>
    </row>
    <row r="19107" spans="1:3" ht="19.2">
      <c r="A19107" s="2"/>
      <c r="B19107" s="2"/>
      <c r="C19107" s="2"/>
    </row>
    <row r="19108" spans="1:3" ht="19.2">
      <c r="A19108" s="2"/>
      <c r="B19108" s="2"/>
      <c r="C19108" s="2"/>
    </row>
    <row r="19109" spans="1:3" ht="19.2">
      <c r="A19109" s="2"/>
      <c r="B19109" s="2"/>
      <c r="C19109" s="2"/>
    </row>
    <row r="19110" spans="1:3" ht="19.2">
      <c r="A19110" s="2"/>
      <c r="B19110" s="2"/>
      <c r="C19110" s="2"/>
    </row>
    <row r="19111" spans="1:3" ht="19.2">
      <c r="A19111" s="2"/>
      <c r="B19111" s="2"/>
      <c r="C19111" s="2"/>
    </row>
    <row r="19112" spans="1:3" ht="19.2">
      <c r="A19112" s="2"/>
      <c r="B19112" s="2"/>
      <c r="C19112" s="2"/>
    </row>
    <row r="19113" spans="1:3" ht="19.2">
      <c r="A19113" s="2"/>
      <c r="B19113" s="2"/>
      <c r="C19113" s="2"/>
    </row>
    <row r="19114" spans="1:3" ht="19.2">
      <c r="A19114" s="2"/>
      <c r="B19114" s="2"/>
      <c r="C19114" s="2"/>
    </row>
    <row r="19115" spans="1:3" ht="19.2">
      <c r="A19115" s="2"/>
      <c r="B19115" s="2"/>
      <c r="C19115" s="2"/>
    </row>
    <row r="19116" spans="1:3" ht="19.2">
      <c r="A19116" s="2"/>
      <c r="B19116" s="2"/>
      <c r="C19116" s="2"/>
    </row>
    <row r="19117" spans="1:3" ht="19.2">
      <c r="A19117" s="2"/>
      <c r="B19117" s="2"/>
      <c r="C19117" s="2"/>
    </row>
    <row r="19118" spans="1:3" ht="19.2">
      <c r="A19118" s="2"/>
      <c r="B19118" s="2"/>
      <c r="C19118" s="2"/>
    </row>
    <row r="19119" spans="1:3" ht="19.2">
      <c r="A19119" s="2"/>
      <c r="B19119" s="2"/>
      <c r="C19119" s="2"/>
    </row>
    <row r="19120" spans="1:3" ht="19.2">
      <c r="A19120" s="2"/>
      <c r="B19120" s="2"/>
      <c r="C19120" s="2"/>
    </row>
    <row r="19121" spans="1:3" ht="19.2">
      <c r="A19121" s="2"/>
      <c r="B19121" s="2"/>
      <c r="C19121" s="2"/>
    </row>
    <row r="19122" spans="1:3" ht="19.2">
      <c r="A19122" s="2"/>
      <c r="B19122" s="2"/>
      <c r="C19122" s="2"/>
    </row>
    <row r="19123" spans="1:3" ht="19.2">
      <c r="A19123" s="2"/>
      <c r="B19123" s="2"/>
      <c r="C19123" s="2"/>
    </row>
    <row r="19124" spans="1:3" ht="19.2">
      <c r="A19124" s="2"/>
      <c r="B19124" s="2"/>
      <c r="C19124" s="2"/>
    </row>
    <row r="19125" spans="1:3" ht="19.2">
      <c r="A19125" s="2"/>
      <c r="B19125" s="2"/>
      <c r="C19125" s="2"/>
    </row>
    <row r="19126" spans="1:3" ht="19.2">
      <c r="A19126" s="2"/>
      <c r="B19126" s="2"/>
      <c r="C19126" s="2"/>
    </row>
    <row r="19127" spans="1:3" ht="19.2">
      <c r="A19127" s="2"/>
      <c r="B19127" s="2"/>
      <c r="C19127" s="2"/>
    </row>
    <row r="19128" spans="1:3" ht="19.2">
      <c r="A19128" s="2"/>
      <c r="B19128" s="2"/>
      <c r="C19128" s="2"/>
    </row>
    <row r="19129" spans="1:3" ht="19.2">
      <c r="A19129" s="2"/>
      <c r="B19129" s="2"/>
      <c r="C19129" s="2"/>
    </row>
    <row r="19130" spans="1:3" ht="19.2">
      <c r="A19130" s="2"/>
      <c r="B19130" s="2"/>
      <c r="C19130" s="2"/>
    </row>
    <row r="19131" spans="1:3" ht="19.2">
      <c r="A19131" s="2"/>
      <c r="B19131" s="2"/>
      <c r="C19131" s="2"/>
    </row>
    <row r="19132" spans="1:3" ht="19.2">
      <c r="A19132" s="2"/>
      <c r="B19132" s="2"/>
      <c r="C19132" s="2"/>
    </row>
    <row r="19133" spans="1:3" ht="19.2">
      <c r="A19133" s="2"/>
      <c r="B19133" s="2"/>
      <c r="C19133" s="2"/>
    </row>
    <row r="19134" spans="1:3" ht="19.2">
      <c r="A19134" s="2"/>
      <c r="B19134" s="2"/>
      <c r="C19134" s="2"/>
    </row>
    <row r="19135" spans="1:3" ht="19.2">
      <c r="A19135" s="2"/>
      <c r="B19135" s="2"/>
      <c r="C19135" s="2"/>
    </row>
    <row r="19136" spans="1:3" ht="19.2">
      <c r="A19136" s="2"/>
      <c r="B19136" s="2"/>
      <c r="C19136" s="2"/>
    </row>
    <row r="19137" spans="1:3" ht="19.2">
      <c r="A19137" s="2"/>
      <c r="B19137" s="2"/>
      <c r="C19137" s="2"/>
    </row>
    <row r="19138" spans="1:3" ht="19.2">
      <c r="A19138" s="2"/>
      <c r="B19138" s="2"/>
      <c r="C19138" s="2"/>
    </row>
    <row r="19139" spans="1:3" ht="19.2">
      <c r="A19139" s="2"/>
      <c r="B19139" s="2"/>
      <c r="C19139" s="2"/>
    </row>
    <row r="19140" spans="1:3" ht="19.2">
      <c r="A19140" s="2"/>
      <c r="B19140" s="2"/>
      <c r="C19140" s="2"/>
    </row>
    <row r="19141" spans="1:3" ht="19.2">
      <c r="A19141" s="2"/>
      <c r="B19141" s="2"/>
      <c r="C19141" s="2"/>
    </row>
    <row r="19142" spans="1:3" ht="19.2">
      <c r="A19142" s="2"/>
      <c r="B19142" s="2"/>
      <c r="C19142" s="2"/>
    </row>
    <row r="19143" spans="1:3" ht="19.2">
      <c r="A19143" s="2"/>
      <c r="B19143" s="2"/>
      <c r="C19143" s="2"/>
    </row>
    <row r="19144" spans="1:3" ht="19.2">
      <c r="A19144" s="2"/>
      <c r="B19144" s="2"/>
      <c r="C19144" s="2"/>
    </row>
    <row r="19145" spans="1:3" ht="19.2">
      <c r="A19145" s="2"/>
      <c r="B19145" s="2"/>
      <c r="C19145" s="2"/>
    </row>
    <row r="19146" spans="1:3" ht="19.2">
      <c r="A19146" s="2"/>
      <c r="B19146" s="2"/>
      <c r="C19146" s="2"/>
    </row>
    <row r="19147" spans="1:3" ht="19.2">
      <c r="A19147" s="2"/>
      <c r="B19147" s="2"/>
      <c r="C19147" s="2"/>
    </row>
    <row r="19148" spans="1:3" ht="19.2">
      <c r="A19148" s="2"/>
      <c r="B19148" s="2"/>
      <c r="C19148" s="2"/>
    </row>
    <row r="19149" spans="1:3" ht="19.2">
      <c r="A19149" s="2"/>
      <c r="B19149" s="2"/>
      <c r="C19149" s="2"/>
    </row>
    <row r="19150" spans="1:3" ht="19.2">
      <c r="A19150" s="2"/>
      <c r="B19150" s="2"/>
      <c r="C19150" s="2"/>
    </row>
    <row r="19151" spans="1:3" ht="19.2">
      <c r="A19151" s="2"/>
      <c r="B19151" s="2"/>
      <c r="C19151" s="2"/>
    </row>
    <row r="19152" spans="1:3" ht="19.2">
      <c r="A19152" s="2"/>
      <c r="B19152" s="2"/>
      <c r="C19152" s="2"/>
    </row>
    <row r="19153" spans="1:3" ht="19.2">
      <c r="A19153" s="2"/>
      <c r="B19153" s="2"/>
      <c r="C19153" s="2"/>
    </row>
    <row r="19154" spans="1:3" ht="19.2">
      <c r="A19154" s="2"/>
      <c r="B19154" s="2"/>
      <c r="C19154" s="2"/>
    </row>
    <row r="19155" spans="1:3" ht="19.2">
      <c r="A19155" s="2"/>
      <c r="B19155" s="2"/>
      <c r="C19155" s="2"/>
    </row>
    <row r="19156" spans="1:3" ht="19.2">
      <c r="A19156" s="2"/>
      <c r="B19156" s="2"/>
      <c r="C19156" s="2"/>
    </row>
    <row r="19157" spans="1:3" ht="19.2">
      <c r="A19157" s="2"/>
      <c r="B19157" s="2"/>
      <c r="C19157" s="2"/>
    </row>
    <row r="19158" spans="1:3" ht="19.2">
      <c r="A19158" s="2"/>
      <c r="B19158" s="2"/>
      <c r="C19158" s="2"/>
    </row>
    <row r="19159" spans="1:3" ht="19.2">
      <c r="A19159" s="2"/>
      <c r="B19159" s="2"/>
      <c r="C19159" s="2"/>
    </row>
    <row r="19160" spans="1:3" ht="19.2">
      <c r="A19160" s="2"/>
      <c r="B19160" s="2"/>
      <c r="C19160" s="2"/>
    </row>
    <row r="19161" spans="1:3" ht="19.2">
      <c r="A19161" s="2"/>
      <c r="B19161" s="2"/>
      <c r="C19161" s="2"/>
    </row>
    <row r="19162" spans="1:3" ht="19.2">
      <c r="A19162" s="2"/>
      <c r="B19162" s="2"/>
      <c r="C19162" s="2"/>
    </row>
    <row r="19163" spans="1:3" ht="19.2">
      <c r="A19163" s="2"/>
      <c r="B19163" s="2"/>
      <c r="C19163" s="2"/>
    </row>
    <row r="19164" spans="1:3" ht="19.2">
      <c r="A19164" s="2"/>
      <c r="B19164" s="2"/>
      <c r="C19164" s="2"/>
    </row>
    <row r="19165" spans="1:3" ht="19.2">
      <c r="A19165" s="2"/>
      <c r="B19165" s="2"/>
      <c r="C19165" s="2"/>
    </row>
    <row r="19166" spans="1:3" ht="19.2">
      <c r="A19166" s="2"/>
      <c r="B19166" s="2"/>
      <c r="C19166" s="2"/>
    </row>
    <row r="19167" spans="1:3" ht="19.2">
      <c r="A19167" s="2"/>
      <c r="B19167" s="2"/>
      <c r="C19167" s="2"/>
    </row>
    <row r="19168" spans="1:3" ht="19.2">
      <c r="A19168" s="2"/>
      <c r="B19168" s="2"/>
      <c r="C19168" s="2"/>
    </row>
    <row r="19169" spans="1:3" ht="19.2">
      <c r="A19169" s="2"/>
      <c r="B19169" s="2"/>
      <c r="C19169" s="2"/>
    </row>
    <row r="19170" spans="1:3" ht="19.2">
      <c r="A19170" s="2"/>
      <c r="B19170" s="2"/>
      <c r="C19170" s="2"/>
    </row>
    <row r="19171" spans="1:3" ht="19.2">
      <c r="A19171" s="2"/>
      <c r="B19171" s="2"/>
      <c r="C19171" s="2"/>
    </row>
    <row r="19172" spans="1:3" ht="19.2">
      <c r="A19172" s="2"/>
      <c r="B19172" s="2"/>
      <c r="C19172" s="2"/>
    </row>
    <row r="19173" spans="1:3" ht="19.2">
      <c r="A19173" s="2"/>
      <c r="B19173" s="2"/>
      <c r="C19173" s="2"/>
    </row>
    <row r="19174" spans="1:3" ht="19.2">
      <c r="A19174" s="2"/>
      <c r="B19174" s="2"/>
      <c r="C19174" s="2"/>
    </row>
    <row r="19175" spans="1:3" ht="19.2">
      <c r="A19175" s="2"/>
      <c r="B19175" s="2"/>
      <c r="C19175" s="2"/>
    </row>
    <row r="19176" spans="1:3" ht="19.2">
      <c r="A19176" s="2"/>
      <c r="B19176" s="2"/>
      <c r="C19176" s="2"/>
    </row>
    <row r="19177" spans="1:3" ht="19.2">
      <c r="A19177" s="2"/>
      <c r="B19177" s="2"/>
      <c r="C19177" s="2"/>
    </row>
    <row r="19178" spans="1:3" ht="19.2">
      <c r="A19178" s="2"/>
      <c r="B19178" s="2"/>
      <c r="C19178" s="2"/>
    </row>
    <row r="19179" spans="1:3" ht="19.2">
      <c r="A19179" s="2"/>
      <c r="B19179" s="2"/>
      <c r="C19179" s="2"/>
    </row>
    <row r="19180" spans="1:3" ht="19.2">
      <c r="A19180" s="2"/>
      <c r="B19180" s="2"/>
      <c r="C19180" s="2"/>
    </row>
    <row r="19181" spans="1:3" ht="19.2">
      <c r="A19181" s="2"/>
      <c r="B19181" s="2"/>
      <c r="C19181" s="2"/>
    </row>
    <row r="19182" spans="1:3" ht="19.2">
      <c r="A19182" s="2"/>
      <c r="B19182" s="2"/>
      <c r="C19182" s="2"/>
    </row>
    <row r="19183" spans="1:3" ht="19.2">
      <c r="A19183" s="2"/>
      <c r="B19183" s="2"/>
      <c r="C19183" s="2"/>
    </row>
    <row r="19184" spans="1:3" ht="19.2">
      <c r="A19184" s="2"/>
      <c r="B19184" s="2"/>
      <c r="C19184" s="2"/>
    </row>
    <row r="19185" spans="1:3" ht="19.2">
      <c r="A19185" s="2"/>
      <c r="B19185" s="2"/>
      <c r="C19185" s="2"/>
    </row>
    <row r="19186" spans="1:3" ht="19.2">
      <c r="A19186" s="2"/>
      <c r="B19186" s="2"/>
      <c r="C19186" s="2"/>
    </row>
    <row r="19187" spans="1:3" ht="19.2">
      <c r="A19187" s="2"/>
      <c r="B19187" s="2"/>
      <c r="C19187" s="2"/>
    </row>
    <row r="19188" spans="1:3" ht="19.2">
      <c r="A19188" s="2"/>
      <c r="B19188" s="2"/>
      <c r="C19188" s="2"/>
    </row>
    <row r="19189" spans="1:3" ht="19.2">
      <c r="A19189" s="2"/>
      <c r="B19189" s="2"/>
      <c r="C19189" s="2"/>
    </row>
    <row r="19190" spans="1:3" ht="19.2">
      <c r="A19190" s="2"/>
      <c r="B19190" s="2"/>
      <c r="C19190" s="2"/>
    </row>
    <row r="19191" spans="1:3" ht="19.2">
      <c r="A19191" s="2"/>
      <c r="B19191" s="2"/>
      <c r="C19191" s="2"/>
    </row>
    <row r="19192" spans="1:3" ht="19.2">
      <c r="A19192" s="2"/>
      <c r="B19192" s="2"/>
      <c r="C19192" s="2"/>
    </row>
    <row r="19193" spans="1:3" ht="19.2">
      <c r="A19193" s="2"/>
      <c r="B19193" s="2"/>
      <c r="C19193" s="2"/>
    </row>
    <row r="19194" spans="1:3" ht="19.2">
      <c r="A19194" s="2"/>
      <c r="B19194" s="2"/>
      <c r="C19194" s="2"/>
    </row>
    <row r="19195" spans="1:3" ht="19.2">
      <c r="A19195" s="2"/>
      <c r="B19195" s="2"/>
      <c r="C19195" s="2"/>
    </row>
    <row r="19196" spans="1:3" ht="19.2">
      <c r="A19196" s="2"/>
      <c r="B19196" s="2"/>
      <c r="C19196" s="2"/>
    </row>
    <row r="19197" spans="1:3" ht="19.2">
      <c r="A19197" s="2"/>
      <c r="B19197" s="2"/>
      <c r="C19197" s="2"/>
    </row>
    <row r="19198" spans="1:3" ht="19.2">
      <c r="A19198" s="2"/>
      <c r="B19198" s="2"/>
      <c r="C19198" s="2"/>
    </row>
    <row r="19199" spans="1:3" ht="19.2">
      <c r="A19199" s="2"/>
      <c r="B19199" s="2"/>
      <c r="C19199" s="2"/>
    </row>
    <row r="19200" spans="1:3" ht="19.2">
      <c r="A19200" s="2"/>
      <c r="B19200" s="2"/>
      <c r="C19200" s="2"/>
    </row>
    <row r="19201" spans="1:3" ht="19.2">
      <c r="A19201" s="2"/>
      <c r="B19201" s="2"/>
      <c r="C19201" s="2"/>
    </row>
    <row r="19202" spans="1:3" ht="19.2">
      <c r="A19202" s="2"/>
      <c r="B19202" s="2"/>
      <c r="C19202" s="2"/>
    </row>
    <row r="19203" spans="1:3" ht="19.2">
      <c r="A19203" s="2"/>
      <c r="B19203" s="2"/>
      <c r="C19203" s="2"/>
    </row>
    <row r="19204" spans="1:3" ht="19.2">
      <c r="A19204" s="2"/>
      <c r="B19204" s="2"/>
      <c r="C19204" s="2"/>
    </row>
    <row r="19205" spans="1:3" ht="19.2">
      <c r="A19205" s="2"/>
      <c r="B19205" s="2"/>
      <c r="C19205" s="2"/>
    </row>
    <row r="19206" spans="1:3" ht="19.2">
      <c r="A19206" s="2"/>
      <c r="B19206" s="2"/>
      <c r="C19206" s="2"/>
    </row>
    <row r="19207" spans="1:3" ht="19.2">
      <c r="A19207" s="2"/>
      <c r="B19207" s="2"/>
      <c r="C19207" s="2"/>
    </row>
    <row r="19208" spans="1:3" ht="19.2">
      <c r="A19208" s="2"/>
      <c r="B19208" s="2"/>
      <c r="C19208" s="2"/>
    </row>
    <row r="19209" spans="1:3" ht="19.2">
      <c r="A19209" s="2"/>
      <c r="B19209" s="2"/>
      <c r="C19209" s="2"/>
    </row>
    <row r="19210" spans="1:3" ht="19.2">
      <c r="A19210" s="2"/>
      <c r="B19210" s="2"/>
      <c r="C19210" s="2"/>
    </row>
    <row r="19211" spans="1:3" ht="19.2">
      <c r="A19211" s="2"/>
      <c r="B19211" s="2"/>
      <c r="C19211" s="2"/>
    </row>
    <row r="19212" spans="1:3" ht="19.2">
      <c r="A19212" s="2"/>
      <c r="B19212" s="2"/>
      <c r="C19212" s="2"/>
    </row>
    <row r="19213" spans="1:3" ht="19.2">
      <c r="A19213" s="2"/>
      <c r="B19213" s="2"/>
      <c r="C19213" s="2"/>
    </row>
    <row r="19214" spans="1:3" ht="19.2">
      <c r="A19214" s="2"/>
      <c r="B19214" s="2"/>
      <c r="C19214" s="2"/>
    </row>
    <row r="19215" spans="1:3" ht="19.2">
      <c r="A19215" s="2"/>
      <c r="B19215" s="2"/>
      <c r="C19215" s="2"/>
    </row>
    <row r="19216" spans="1:3" ht="19.2">
      <c r="A19216" s="2"/>
      <c r="B19216" s="2"/>
      <c r="C19216" s="2"/>
    </row>
    <row r="19217" spans="1:3" ht="19.2">
      <c r="A19217" s="2"/>
      <c r="B19217" s="2"/>
      <c r="C19217" s="2"/>
    </row>
    <row r="19218" spans="1:3" ht="19.2">
      <c r="A19218" s="2"/>
      <c r="B19218" s="2"/>
      <c r="C19218" s="2"/>
    </row>
    <row r="19219" spans="1:3" ht="19.2">
      <c r="A19219" s="2"/>
      <c r="B19219" s="2"/>
      <c r="C19219" s="2"/>
    </row>
    <row r="19220" spans="1:3" ht="19.2">
      <c r="A19220" s="2"/>
      <c r="B19220" s="2"/>
      <c r="C19220" s="2"/>
    </row>
    <row r="19221" spans="1:3" ht="19.2">
      <c r="A19221" s="2"/>
      <c r="B19221" s="2"/>
      <c r="C19221" s="2"/>
    </row>
    <row r="19222" spans="1:3" ht="19.2">
      <c r="A19222" s="2"/>
      <c r="B19222" s="2"/>
      <c r="C19222" s="2"/>
    </row>
    <row r="19223" spans="1:3" ht="19.2">
      <c r="A19223" s="2"/>
      <c r="B19223" s="2"/>
      <c r="C19223" s="2"/>
    </row>
    <row r="19224" spans="1:3" ht="19.2">
      <c r="A19224" s="2"/>
      <c r="B19224" s="2"/>
      <c r="C19224" s="2"/>
    </row>
    <row r="19225" spans="1:3" ht="19.2">
      <c r="A19225" s="2"/>
      <c r="B19225" s="2"/>
      <c r="C19225" s="2"/>
    </row>
    <row r="19226" spans="1:3" ht="19.2">
      <c r="A19226" s="2"/>
      <c r="B19226" s="2"/>
      <c r="C19226" s="2"/>
    </row>
    <row r="19227" spans="1:3" ht="19.2">
      <c r="A19227" s="2"/>
      <c r="B19227" s="2"/>
      <c r="C19227" s="2"/>
    </row>
    <row r="19228" spans="1:3" ht="19.2">
      <c r="A19228" s="2"/>
      <c r="B19228" s="2"/>
      <c r="C19228" s="2"/>
    </row>
    <row r="19229" spans="1:3" ht="19.2">
      <c r="A19229" s="2"/>
      <c r="B19229" s="2"/>
      <c r="C19229" s="2"/>
    </row>
    <row r="19230" spans="1:3" ht="19.2">
      <c r="A19230" s="2"/>
      <c r="B19230" s="2"/>
      <c r="C19230" s="2"/>
    </row>
    <row r="19231" spans="1:3" ht="19.2">
      <c r="A19231" s="2"/>
      <c r="B19231" s="2"/>
      <c r="C19231" s="2"/>
    </row>
    <row r="19232" spans="1:3" ht="19.2">
      <c r="A19232" s="2"/>
      <c r="B19232" s="2"/>
      <c r="C19232" s="2"/>
    </row>
    <row r="19233" spans="1:3" ht="19.2">
      <c r="A19233" s="2"/>
      <c r="B19233" s="2"/>
      <c r="C19233" s="2"/>
    </row>
    <row r="19234" spans="1:3" ht="19.2">
      <c r="A19234" s="2"/>
      <c r="B19234" s="2"/>
      <c r="C19234" s="2"/>
    </row>
    <row r="19235" spans="1:3" ht="19.2">
      <c r="A19235" s="2"/>
      <c r="B19235" s="2"/>
      <c r="C19235" s="2"/>
    </row>
    <row r="19236" spans="1:3" ht="19.2">
      <c r="A19236" s="2"/>
      <c r="B19236" s="2"/>
      <c r="C19236" s="2"/>
    </row>
    <row r="19237" spans="1:3" ht="19.2">
      <c r="A19237" s="2"/>
      <c r="B19237" s="2"/>
      <c r="C19237" s="2"/>
    </row>
    <row r="19238" spans="1:3" ht="19.2">
      <c r="A19238" s="2"/>
      <c r="B19238" s="2"/>
      <c r="C19238" s="2"/>
    </row>
    <row r="19239" spans="1:3" ht="19.2">
      <c r="A19239" s="2"/>
      <c r="B19239" s="2"/>
      <c r="C19239" s="2"/>
    </row>
    <row r="19240" spans="1:3" ht="19.2">
      <c r="A19240" s="2"/>
      <c r="B19240" s="2"/>
      <c r="C19240" s="2"/>
    </row>
    <row r="19241" spans="1:3" ht="19.2">
      <c r="A19241" s="2"/>
      <c r="B19241" s="2"/>
      <c r="C19241" s="2"/>
    </row>
    <row r="19242" spans="1:3" ht="19.2">
      <c r="A19242" s="2"/>
      <c r="B19242" s="2"/>
      <c r="C19242" s="2"/>
    </row>
    <row r="19243" spans="1:3" ht="19.2">
      <c r="A19243" s="2"/>
      <c r="B19243" s="2"/>
      <c r="C19243" s="2"/>
    </row>
    <row r="19244" spans="1:3" ht="19.2">
      <c r="A19244" s="2"/>
      <c r="B19244" s="2"/>
      <c r="C19244" s="2"/>
    </row>
    <row r="19245" spans="1:3" ht="19.2">
      <c r="A19245" s="2"/>
      <c r="B19245" s="2"/>
      <c r="C19245" s="2"/>
    </row>
    <row r="19246" spans="1:3" ht="19.2">
      <c r="A19246" s="2"/>
      <c r="B19246" s="2"/>
      <c r="C19246" s="2"/>
    </row>
    <row r="19247" spans="1:3" ht="19.2">
      <c r="A19247" s="2"/>
      <c r="B19247" s="2"/>
      <c r="C19247" s="2"/>
    </row>
    <row r="19248" spans="1:3" ht="19.2">
      <c r="A19248" s="2"/>
      <c r="B19248" s="2"/>
      <c r="C19248" s="2"/>
    </row>
    <row r="19249" spans="1:3" ht="19.2">
      <c r="A19249" s="2"/>
      <c r="B19249" s="2"/>
      <c r="C19249" s="2"/>
    </row>
    <row r="19250" spans="1:3" ht="19.2">
      <c r="A19250" s="2"/>
      <c r="B19250" s="2"/>
      <c r="C19250" s="2"/>
    </row>
    <row r="19251" spans="1:3" ht="19.2">
      <c r="A19251" s="2"/>
      <c r="B19251" s="2"/>
      <c r="C19251" s="2"/>
    </row>
    <row r="19252" spans="1:3" ht="19.2">
      <c r="A19252" s="2"/>
      <c r="B19252" s="2"/>
      <c r="C19252" s="2"/>
    </row>
    <row r="19253" spans="1:3" ht="19.2">
      <c r="A19253" s="2"/>
      <c r="B19253" s="2"/>
      <c r="C19253" s="2"/>
    </row>
    <row r="19254" spans="1:3" ht="19.2">
      <c r="A19254" s="2"/>
      <c r="B19254" s="2"/>
      <c r="C19254" s="2"/>
    </row>
    <row r="19255" spans="1:3" ht="19.2">
      <c r="A19255" s="2"/>
      <c r="B19255" s="2"/>
      <c r="C19255" s="2"/>
    </row>
    <row r="19256" spans="1:3" ht="19.2">
      <c r="A19256" s="2"/>
      <c r="B19256" s="2"/>
      <c r="C19256" s="2"/>
    </row>
    <row r="19257" spans="1:3" ht="19.2">
      <c r="A19257" s="2"/>
      <c r="B19257" s="2"/>
      <c r="C19257" s="2"/>
    </row>
    <row r="19258" spans="1:3" ht="19.2">
      <c r="A19258" s="2"/>
      <c r="B19258" s="2"/>
      <c r="C19258" s="2"/>
    </row>
    <row r="19259" spans="1:3" ht="19.2">
      <c r="A19259" s="2"/>
      <c r="B19259" s="2"/>
      <c r="C19259" s="2"/>
    </row>
    <row r="19260" spans="1:3" ht="19.2">
      <c r="A19260" s="2"/>
      <c r="B19260" s="2"/>
      <c r="C19260" s="2"/>
    </row>
    <row r="19261" spans="1:3" ht="19.2">
      <c r="A19261" s="2"/>
      <c r="B19261" s="2"/>
      <c r="C19261" s="2"/>
    </row>
    <row r="19262" spans="1:3" ht="19.2">
      <c r="A19262" s="2"/>
      <c r="B19262" s="2"/>
      <c r="C19262" s="2"/>
    </row>
    <row r="19263" spans="1:3" ht="19.2">
      <c r="A19263" s="2"/>
      <c r="B19263" s="2"/>
      <c r="C19263" s="2"/>
    </row>
    <row r="19264" spans="1:3" ht="19.2">
      <c r="A19264" s="2"/>
      <c r="B19264" s="2"/>
      <c r="C19264" s="2"/>
    </row>
    <row r="19265" spans="1:3" ht="19.2">
      <c r="A19265" s="2"/>
      <c r="B19265" s="2"/>
      <c r="C19265" s="2"/>
    </row>
    <row r="19266" spans="1:3" ht="19.2">
      <c r="A19266" s="2"/>
      <c r="B19266" s="2"/>
      <c r="C19266" s="2"/>
    </row>
    <row r="19267" spans="1:3" ht="19.2">
      <c r="A19267" s="2"/>
      <c r="B19267" s="2"/>
      <c r="C19267" s="2"/>
    </row>
    <row r="19268" spans="1:3" ht="19.2">
      <c r="A19268" s="2"/>
      <c r="B19268" s="2"/>
      <c r="C19268" s="2"/>
    </row>
    <row r="19269" spans="1:3" ht="19.2">
      <c r="A19269" s="2"/>
      <c r="B19269" s="2"/>
      <c r="C19269" s="2"/>
    </row>
    <row r="19270" spans="1:3" ht="19.2">
      <c r="A19270" s="2"/>
      <c r="B19270" s="2"/>
      <c r="C19270" s="2"/>
    </row>
    <row r="19271" spans="1:3" ht="19.2">
      <c r="A19271" s="2"/>
      <c r="B19271" s="2"/>
      <c r="C19271" s="2"/>
    </row>
    <row r="19272" spans="1:3" ht="19.2">
      <c r="A19272" s="2"/>
      <c r="B19272" s="2"/>
      <c r="C19272" s="2"/>
    </row>
    <row r="19273" spans="1:3" ht="19.2">
      <c r="A19273" s="2"/>
      <c r="B19273" s="2"/>
      <c r="C19273" s="2"/>
    </row>
    <row r="19274" spans="1:3" ht="19.2">
      <c r="A19274" s="2"/>
      <c r="B19274" s="2"/>
      <c r="C19274" s="2"/>
    </row>
    <row r="19275" spans="1:3" ht="19.2">
      <c r="A19275" s="2"/>
      <c r="B19275" s="2"/>
      <c r="C19275" s="2"/>
    </row>
    <row r="19276" spans="1:3" ht="19.2">
      <c r="A19276" s="2"/>
      <c r="B19276" s="2"/>
      <c r="C19276" s="2"/>
    </row>
    <row r="19277" spans="1:3" ht="19.2">
      <c r="A19277" s="2"/>
      <c r="B19277" s="2"/>
      <c r="C19277" s="2"/>
    </row>
    <row r="19278" spans="1:3" ht="19.2">
      <c r="A19278" s="2"/>
      <c r="B19278" s="2"/>
      <c r="C19278" s="2"/>
    </row>
    <row r="19279" spans="1:3" ht="19.2">
      <c r="A19279" s="2"/>
      <c r="B19279" s="2"/>
      <c r="C19279" s="2"/>
    </row>
    <row r="19280" spans="1:3" ht="19.2">
      <c r="A19280" s="2"/>
      <c r="B19280" s="2"/>
      <c r="C19280" s="2"/>
    </row>
    <row r="19281" spans="1:3" ht="19.2">
      <c r="A19281" s="2"/>
      <c r="B19281" s="2"/>
      <c r="C19281" s="2"/>
    </row>
    <row r="19282" spans="1:3" ht="19.2">
      <c r="A19282" s="2"/>
      <c r="B19282" s="2"/>
      <c r="C19282" s="2"/>
    </row>
    <row r="19283" spans="1:3" ht="19.2">
      <c r="A19283" s="2"/>
      <c r="B19283" s="2"/>
      <c r="C19283" s="2"/>
    </row>
    <row r="19284" spans="1:3" ht="19.2">
      <c r="A19284" s="2"/>
      <c r="B19284" s="2"/>
      <c r="C19284" s="2"/>
    </row>
    <row r="19285" spans="1:3" ht="19.2">
      <c r="A19285" s="2"/>
      <c r="B19285" s="2"/>
      <c r="C19285" s="2"/>
    </row>
    <row r="19286" spans="1:3" ht="19.2">
      <c r="A19286" s="2"/>
      <c r="B19286" s="2"/>
      <c r="C19286" s="2"/>
    </row>
    <row r="19287" spans="1:3" ht="19.2">
      <c r="A19287" s="2"/>
      <c r="B19287" s="2"/>
      <c r="C19287" s="2"/>
    </row>
    <row r="19288" spans="1:3" ht="19.2">
      <c r="A19288" s="2"/>
      <c r="B19288" s="2"/>
      <c r="C19288" s="2"/>
    </row>
    <row r="19289" spans="1:3" ht="19.2">
      <c r="A19289" s="2"/>
      <c r="B19289" s="2"/>
      <c r="C19289" s="2"/>
    </row>
    <row r="19290" spans="1:3" ht="19.2">
      <c r="A19290" s="2"/>
      <c r="B19290" s="2"/>
      <c r="C19290" s="2"/>
    </row>
    <row r="19291" spans="1:3" ht="19.2">
      <c r="A19291" s="2"/>
      <c r="B19291" s="2"/>
      <c r="C19291" s="2"/>
    </row>
    <row r="19292" spans="1:3" ht="19.2">
      <c r="A19292" s="2"/>
      <c r="B19292" s="2"/>
      <c r="C19292" s="2"/>
    </row>
    <row r="19293" spans="1:3" ht="19.2">
      <c r="A19293" s="2"/>
      <c r="B19293" s="2"/>
      <c r="C19293" s="2"/>
    </row>
    <row r="19294" spans="1:3" ht="19.2">
      <c r="A19294" s="2"/>
      <c r="B19294" s="2"/>
      <c r="C19294" s="2"/>
    </row>
    <row r="19295" spans="1:3" ht="19.2">
      <c r="A19295" s="2"/>
      <c r="B19295" s="2"/>
      <c r="C19295" s="2"/>
    </row>
    <row r="19296" spans="1:3" ht="19.2">
      <c r="A19296" s="2"/>
      <c r="B19296" s="2"/>
      <c r="C19296" s="2"/>
    </row>
    <row r="19297" spans="1:3" ht="19.2">
      <c r="A19297" s="2"/>
      <c r="B19297" s="2"/>
      <c r="C19297" s="2"/>
    </row>
    <row r="19298" spans="1:3" ht="19.2">
      <c r="A19298" s="2"/>
      <c r="B19298" s="2"/>
      <c r="C19298" s="2"/>
    </row>
    <row r="19299" spans="1:3" ht="19.2">
      <c r="A19299" s="2"/>
      <c r="B19299" s="2"/>
      <c r="C19299" s="2"/>
    </row>
    <row r="19300" spans="1:3" ht="19.2">
      <c r="A19300" s="2"/>
      <c r="B19300" s="2"/>
      <c r="C19300" s="2"/>
    </row>
    <row r="19301" spans="1:3" ht="19.2">
      <c r="A19301" s="2"/>
      <c r="B19301" s="2"/>
      <c r="C19301" s="2"/>
    </row>
    <row r="19302" spans="1:3" ht="19.2">
      <c r="A19302" s="2"/>
      <c r="B19302" s="2"/>
      <c r="C19302" s="2"/>
    </row>
    <row r="19303" spans="1:3" ht="19.2">
      <c r="A19303" s="2"/>
      <c r="B19303" s="2"/>
      <c r="C19303" s="2"/>
    </row>
    <row r="19304" spans="1:3" ht="19.2">
      <c r="A19304" s="2"/>
      <c r="B19304" s="2"/>
      <c r="C19304" s="2"/>
    </row>
    <row r="19305" spans="1:3" ht="19.2">
      <c r="A19305" s="2"/>
      <c r="B19305" s="2"/>
      <c r="C19305" s="2"/>
    </row>
    <row r="19306" spans="1:3" ht="19.2">
      <c r="A19306" s="2"/>
      <c r="B19306" s="2"/>
      <c r="C19306" s="2"/>
    </row>
    <row r="19307" spans="1:3" ht="19.2">
      <c r="A19307" s="2"/>
      <c r="B19307" s="2"/>
      <c r="C19307" s="2"/>
    </row>
    <row r="19308" spans="1:3" ht="19.2">
      <c r="A19308" s="2"/>
      <c r="B19308" s="2"/>
      <c r="C19308" s="2"/>
    </row>
    <row r="19309" spans="1:3" ht="19.2">
      <c r="A19309" s="2"/>
      <c r="B19309" s="2"/>
      <c r="C19309" s="2"/>
    </row>
    <row r="19310" spans="1:3" ht="19.2">
      <c r="A19310" s="2"/>
      <c r="B19310" s="2"/>
      <c r="C19310" s="2"/>
    </row>
    <row r="19311" spans="1:3" ht="19.2">
      <c r="A19311" s="2"/>
      <c r="B19311" s="2"/>
      <c r="C19311" s="2"/>
    </row>
    <row r="19312" spans="1:3" ht="19.2">
      <c r="A19312" s="2"/>
      <c r="B19312" s="2"/>
      <c r="C19312" s="2"/>
    </row>
    <row r="19313" spans="1:3" ht="19.2">
      <c r="A19313" s="2"/>
      <c r="B19313" s="2"/>
      <c r="C19313" s="2"/>
    </row>
    <row r="19314" spans="1:3" ht="19.2">
      <c r="A19314" s="2"/>
      <c r="B19314" s="2"/>
      <c r="C19314" s="2"/>
    </row>
    <row r="19315" spans="1:3" ht="19.2">
      <c r="A19315" s="2"/>
      <c r="B19315" s="2"/>
      <c r="C19315" s="2"/>
    </row>
    <row r="19316" spans="1:3" ht="19.2">
      <c r="A19316" s="2"/>
      <c r="B19316" s="2"/>
      <c r="C19316" s="2"/>
    </row>
    <row r="19317" spans="1:3" ht="19.2">
      <c r="A19317" s="2"/>
      <c r="B19317" s="2"/>
      <c r="C19317" s="2"/>
    </row>
    <row r="19318" spans="1:3" ht="19.2">
      <c r="A19318" s="2"/>
      <c r="B19318" s="2"/>
      <c r="C19318" s="2"/>
    </row>
    <row r="19319" spans="1:3" ht="19.2">
      <c r="A19319" s="2"/>
      <c r="B19319" s="2"/>
      <c r="C19319" s="2"/>
    </row>
    <row r="19320" spans="1:3" ht="19.2">
      <c r="A19320" s="2"/>
      <c r="B19320" s="2"/>
      <c r="C19320" s="2"/>
    </row>
    <row r="19321" spans="1:3" ht="19.2">
      <c r="A19321" s="2"/>
      <c r="B19321" s="2"/>
      <c r="C19321" s="2"/>
    </row>
    <row r="19322" spans="1:3" ht="19.2">
      <c r="A19322" s="2"/>
      <c r="B19322" s="2"/>
      <c r="C19322" s="2"/>
    </row>
    <row r="19323" spans="1:3" ht="19.2">
      <c r="A19323" s="2"/>
      <c r="B19323" s="2"/>
      <c r="C19323" s="2"/>
    </row>
    <row r="19324" spans="1:3" ht="19.2">
      <c r="A19324" s="2"/>
      <c r="B19324" s="2"/>
      <c r="C19324" s="2"/>
    </row>
    <row r="19325" spans="1:3" ht="19.2">
      <c r="A19325" s="2"/>
      <c r="B19325" s="2"/>
      <c r="C19325" s="2"/>
    </row>
    <row r="19326" spans="1:3" ht="19.2">
      <c r="A19326" s="2"/>
      <c r="B19326" s="2"/>
      <c r="C19326" s="2"/>
    </row>
    <row r="19327" spans="1:3" ht="19.2">
      <c r="A19327" s="2"/>
      <c r="B19327" s="2"/>
      <c r="C19327" s="2"/>
    </row>
    <row r="19328" spans="1:3" ht="19.2">
      <c r="A19328" s="2"/>
      <c r="B19328" s="2"/>
      <c r="C19328" s="2"/>
    </row>
    <row r="19329" spans="1:3" ht="19.2">
      <c r="A19329" s="2"/>
      <c r="B19329" s="2"/>
      <c r="C19329" s="2"/>
    </row>
    <row r="19330" spans="1:3" ht="19.2">
      <c r="A19330" s="2"/>
      <c r="B19330" s="2"/>
      <c r="C19330" s="2"/>
    </row>
    <row r="19331" spans="1:3" ht="19.2">
      <c r="A19331" s="2"/>
      <c r="B19331" s="2"/>
      <c r="C19331" s="2"/>
    </row>
    <row r="19332" spans="1:3" ht="19.2">
      <c r="A19332" s="2"/>
      <c r="B19332" s="2"/>
      <c r="C19332" s="2"/>
    </row>
    <row r="19333" spans="1:3" ht="19.2">
      <c r="A19333" s="2"/>
      <c r="B19333" s="2"/>
      <c r="C19333" s="2"/>
    </row>
    <row r="19334" spans="1:3" ht="19.2">
      <c r="A19334" s="2"/>
      <c r="B19334" s="2"/>
      <c r="C19334" s="2"/>
    </row>
    <row r="19335" spans="1:3" ht="19.2">
      <c r="A19335" s="2"/>
      <c r="B19335" s="2"/>
      <c r="C19335" s="2"/>
    </row>
    <row r="19336" spans="1:3" ht="19.2">
      <c r="A19336" s="2"/>
      <c r="B19336" s="2"/>
      <c r="C19336" s="2"/>
    </row>
    <row r="19337" spans="1:3" ht="19.2">
      <c r="A19337" s="2"/>
      <c r="B19337" s="2"/>
      <c r="C19337" s="2"/>
    </row>
    <row r="19338" spans="1:3" ht="19.2">
      <c r="A19338" s="2"/>
      <c r="B19338" s="2"/>
      <c r="C19338" s="2"/>
    </row>
    <row r="19339" spans="1:3" ht="19.2">
      <c r="A19339" s="2"/>
      <c r="B19339" s="2"/>
      <c r="C19339" s="2"/>
    </row>
    <row r="19340" spans="1:3" ht="19.2">
      <c r="A19340" s="2"/>
      <c r="B19340" s="2"/>
      <c r="C19340" s="2"/>
    </row>
    <row r="19341" spans="1:3" ht="19.2">
      <c r="A19341" s="2"/>
      <c r="B19341" s="2"/>
      <c r="C19341" s="2"/>
    </row>
    <row r="19342" spans="1:3" ht="19.2">
      <c r="A19342" s="2"/>
      <c r="B19342" s="2"/>
      <c r="C19342" s="2"/>
    </row>
    <row r="19343" spans="1:3" ht="19.2">
      <c r="A19343" s="2"/>
      <c r="B19343" s="2"/>
      <c r="C19343" s="2"/>
    </row>
    <row r="19344" spans="1:3" ht="19.2">
      <c r="A19344" s="2"/>
      <c r="B19344" s="2"/>
      <c r="C19344" s="2"/>
    </row>
    <row r="19345" spans="1:3" ht="19.2">
      <c r="A19345" s="2"/>
      <c r="B19345" s="2"/>
      <c r="C19345" s="2"/>
    </row>
    <row r="19346" spans="1:3" ht="19.2">
      <c r="A19346" s="2"/>
      <c r="B19346" s="2"/>
      <c r="C19346" s="2"/>
    </row>
    <row r="19347" spans="1:3" ht="19.2">
      <c r="A19347" s="2"/>
      <c r="B19347" s="2"/>
      <c r="C19347" s="2"/>
    </row>
    <row r="19348" spans="1:3" ht="19.2">
      <c r="A19348" s="2"/>
      <c r="B19348" s="2"/>
      <c r="C19348" s="2"/>
    </row>
    <row r="19349" spans="1:3" ht="19.2">
      <c r="A19349" s="2"/>
      <c r="B19349" s="2"/>
      <c r="C19349" s="2"/>
    </row>
    <row r="19350" spans="1:3" ht="19.2">
      <c r="A19350" s="2"/>
      <c r="B19350" s="2"/>
      <c r="C19350" s="2"/>
    </row>
    <row r="19351" spans="1:3" ht="19.2">
      <c r="A19351" s="2"/>
      <c r="B19351" s="2"/>
      <c r="C19351" s="2"/>
    </row>
    <row r="19352" spans="1:3" ht="19.2">
      <c r="A19352" s="2"/>
      <c r="B19352" s="2"/>
      <c r="C19352" s="2"/>
    </row>
    <row r="19353" spans="1:3" ht="19.2">
      <c r="A19353" s="2"/>
      <c r="B19353" s="2"/>
      <c r="C19353" s="2"/>
    </row>
    <row r="19354" spans="1:3" ht="19.2">
      <c r="A19354" s="2"/>
      <c r="B19354" s="2"/>
      <c r="C19354" s="2"/>
    </row>
    <row r="19355" spans="1:3" ht="19.2">
      <c r="A19355" s="2"/>
      <c r="B19355" s="2"/>
      <c r="C19355" s="2"/>
    </row>
    <row r="19356" spans="1:3" ht="19.2">
      <c r="A19356" s="2"/>
      <c r="B19356" s="2"/>
      <c r="C19356" s="2"/>
    </row>
    <row r="19357" spans="1:3" ht="19.2">
      <c r="A19357" s="2"/>
      <c r="B19357" s="2"/>
      <c r="C19357" s="2"/>
    </row>
    <row r="19358" spans="1:3" ht="19.2">
      <c r="A19358" s="2"/>
      <c r="B19358" s="2"/>
      <c r="C19358" s="2"/>
    </row>
    <row r="19359" spans="1:3" ht="19.2">
      <c r="A19359" s="2"/>
      <c r="B19359" s="2"/>
      <c r="C19359" s="2"/>
    </row>
    <row r="19360" spans="1:3" ht="19.2">
      <c r="A19360" s="2"/>
      <c r="B19360" s="2"/>
      <c r="C19360" s="2"/>
    </row>
    <row r="19361" spans="1:3" ht="19.2">
      <c r="A19361" s="2"/>
      <c r="B19361" s="2"/>
      <c r="C19361" s="2"/>
    </row>
    <row r="19362" spans="1:3" ht="19.2">
      <c r="A19362" s="2"/>
      <c r="B19362" s="2"/>
      <c r="C19362" s="2"/>
    </row>
    <row r="19363" spans="1:3" ht="19.2">
      <c r="A19363" s="2"/>
      <c r="B19363" s="2"/>
      <c r="C19363" s="2"/>
    </row>
    <row r="19364" spans="1:3" ht="19.2">
      <c r="A19364" s="2"/>
      <c r="B19364" s="2"/>
      <c r="C19364" s="2"/>
    </row>
    <row r="19365" spans="1:3" ht="19.2">
      <c r="A19365" s="2"/>
      <c r="B19365" s="2"/>
      <c r="C19365" s="2"/>
    </row>
    <row r="19366" spans="1:3" ht="19.2">
      <c r="A19366" s="2"/>
      <c r="B19366" s="2"/>
      <c r="C19366" s="2"/>
    </row>
    <row r="19367" spans="1:3" ht="19.2">
      <c r="A19367" s="2"/>
      <c r="B19367" s="2"/>
      <c r="C19367" s="2"/>
    </row>
    <row r="19368" spans="1:3" ht="19.2">
      <c r="A19368" s="2"/>
      <c r="B19368" s="2"/>
      <c r="C19368" s="2"/>
    </row>
    <row r="19369" spans="1:3" ht="19.2">
      <c r="A19369" s="2"/>
      <c r="B19369" s="2"/>
      <c r="C19369" s="2"/>
    </row>
    <row r="19370" spans="1:3" ht="19.2">
      <c r="A19370" s="2"/>
      <c r="B19370" s="2"/>
      <c r="C19370" s="2"/>
    </row>
    <row r="19371" spans="1:3" ht="19.2">
      <c r="A19371" s="2"/>
      <c r="B19371" s="2"/>
      <c r="C19371" s="2"/>
    </row>
    <row r="19372" spans="1:3" ht="19.2">
      <c r="A19372" s="2"/>
      <c r="B19372" s="2"/>
      <c r="C19372" s="2"/>
    </row>
    <row r="19373" spans="1:3" ht="19.2">
      <c r="A19373" s="2"/>
      <c r="B19373" s="2"/>
      <c r="C19373" s="2"/>
    </row>
    <row r="19374" spans="1:3" ht="19.2">
      <c r="A19374" s="2"/>
      <c r="B19374" s="2"/>
      <c r="C19374" s="2"/>
    </row>
    <row r="19375" spans="1:3" ht="19.2">
      <c r="A19375" s="2"/>
      <c r="B19375" s="2"/>
      <c r="C19375" s="2"/>
    </row>
    <row r="19376" spans="1:3" ht="19.2">
      <c r="A19376" s="2"/>
      <c r="B19376" s="2"/>
      <c r="C19376" s="2"/>
    </row>
    <row r="19377" spans="1:3" ht="19.2">
      <c r="A19377" s="2"/>
      <c r="B19377" s="2"/>
      <c r="C19377" s="2"/>
    </row>
    <row r="19378" spans="1:3" ht="19.2">
      <c r="A19378" s="2"/>
      <c r="B19378" s="2"/>
      <c r="C19378" s="2"/>
    </row>
    <row r="19379" spans="1:3" ht="19.2">
      <c r="A19379" s="2"/>
      <c r="B19379" s="2"/>
      <c r="C19379" s="2"/>
    </row>
    <row r="19380" spans="1:3" ht="19.2">
      <c r="A19380" s="2"/>
      <c r="B19380" s="2"/>
      <c r="C19380" s="2"/>
    </row>
    <row r="19381" spans="1:3" ht="19.2">
      <c r="A19381" s="2"/>
      <c r="B19381" s="2"/>
      <c r="C19381" s="2"/>
    </row>
    <row r="19382" spans="1:3" ht="19.2">
      <c r="A19382" s="2"/>
      <c r="B19382" s="2"/>
      <c r="C19382" s="2"/>
    </row>
    <row r="19383" spans="1:3" ht="19.2">
      <c r="A19383" s="2"/>
      <c r="B19383" s="2"/>
      <c r="C19383" s="2"/>
    </row>
    <row r="19384" spans="1:3" ht="19.2">
      <c r="A19384" s="2"/>
      <c r="B19384" s="2"/>
      <c r="C19384" s="2"/>
    </row>
    <row r="19385" spans="1:3" ht="19.2">
      <c r="A19385" s="2"/>
      <c r="B19385" s="2"/>
      <c r="C19385" s="2"/>
    </row>
    <row r="19386" spans="1:3" ht="19.2">
      <c r="A19386" s="2"/>
      <c r="B19386" s="2"/>
      <c r="C19386" s="2"/>
    </row>
    <row r="19387" spans="1:3" ht="19.2">
      <c r="A19387" s="2"/>
      <c r="B19387" s="2"/>
      <c r="C19387" s="2"/>
    </row>
    <row r="19388" spans="1:3" ht="19.2">
      <c r="A19388" s="2"/>
      <c r="B19388" s="2"/>
      <c r="C19388" s="2"/>
    </row>
    <row r="19389" spans="1:3" ht="19.2">
      <c r="A19389" s="2"/>
      <c r="B19389" s="2"/>
      <c r="C19389" s="2"/>
    </row>
    <row r="19390" spans="1:3" ht="19.2">
      <c r="A19390" s="2"/>
      <c r="B19390" s="2"/>
      <c r="C19390" s="2"/>
    </row>
    <row r="19391" spans="1:3" ht="19.2">
      <c r="A19391" s="2"/>
      <c r="B19391" s="2"/>
      <c r="C19391" s="2"/>
    </row>
    <row r="19392" spans="1:3" ht="19.2">
      <c r="A19392" s="2"/>
      <c r="B19392" s="2"/>
      <c r="C19392" s="2"/>
    </row>
    <row r="19393" spans="1:3" ht="19.2">
      <c r="A19393" s="2"/>
      <c r="B19393" s="2"/>
      <c r="C19393" s="2"/>
    </row>
    <row r="19394" spans="1:3" ht="19.2">
      <c r="A19394" s="2"/>
      <c r="B19394" s="2"/>
      <c r="C19394" s="2"/>
    </row>
    <row r="19395" spans="1:3" ht="19.2">
      <c r="A19395" s="2"/>
      <c r="B19395" s="2"/>
      <c r="C19395" s="2"/>
    </row>
    <row r="19396" spans="1:3" ht="19.2">
      <c r="A19396" s="2"/>
      <c r="B19396" s="2"/>
      <c r="C19396" s="2"/>
    </row>
    <row r="19397" spans="1:3" ht="19.2">
      <c r="A19397" s="2"/>
      <c r="B19397" s="2"/>
      <c r="C19397" s="2"/>
    </row>
    <row r="19398" spans="1:3" ht="19.2">
      <c r="A19398" s="2"/>
      <c r="B19398" s="2"/>
      <c r="C19398" s="2"/>
    </row>
    <row r="19399" spans="1:3" ht="19.2">
      <c r="A19399" s="2"/>
      <c r="B19399" s="2"/>
      <c r="C19399" s="2"/>
    </row>
    <row r="19400" spans="1:3" ht="19.2">
      <c r="A19400" s="2"/>
      <c r="B19400" s="2"/>
      <c r="C19400" s="2"/>
    </row>
    <row r="19401" spans="1:3" ht="19.2">
      <c r="A19401" s="2"/>
      <c r="B19401" s="2"/>
      <c r="C19401" s="2"/>
    </row>
    <row r="19402" spans="1:3" ht="19.2">
      <c r="A19402" s="2"/>
      <c r="B19402" s="2"/>
      <c r="C19402" s="2"/>
    </row>
    <row r="19403" spans="1:3" ht="19.2">
      <c r="A19403" s="2"/>
      <c r="B19403" s="2"/>
      <c r="C19403" s="2"/>
    </row>
    <row r="19404" spans="1:3" ht="19.2">
      <c r="A19404" s="2"/>
      <c r="B19404" s="2"/>
      <c r="C19404" s="2"/>
    </row>
    <row r="19405" spans="1:3" ht="19.2">
      <c r="A19405" s="2"/>
      <c r="B19405" s="2"/>
      <c r="C19405" s="2"/>
    </row>
    <row r="19406" spans="1:3" ht="19.2">
      <c r="A19406" s="2"/>
      <c r="B19406" s="2"/>
      <c r="C19406" s="2"/>
    </row>
    <row r="19407" spans="1:3" ht="19.2">
      <c r="A19407" s="2"/>
      <c r="B19407" s="2"/>
      <c r="C19407" s="2"/>
    </row>
    <row r="19408" spans="1:3" ht="19.2">
      <c r="A19408" s="2"/>
      <c r="B19408" s="2"/>
      <c r="C19408" s="2"/>
    </row>
    <row r="19409" spans="1:3" ht="19.2">
      <c r="A19409" s="2"/>
      <c r="B19409" s="2"/>
      <c r="C19409" s="2"/>
    </row>
    <row r="19410" spans="1:3" ht="19.2">
      <c r="A19410" s="2"/>
      <c r="B19410" s="2"/>
      <c r="C19410" s="2"/>
    </row>
    <row r="19411" spans="1:3" ht="19.2">
      <c r="A19411" s="2"/>
      <c r="B19411" s="2"/>
      <c r="C19411" s="2"/>
    </row>
    <row r="19412" spans="1:3" ht="19.2">
      <c r="A19412" s="2"/>
      <c r="B19412" s="2"/>
      <c r="C19412" s="2"/>
    </row>
    <row r="19413" spans="1:3" ht="19.2">
      <c r="A19413" s="2"/>
      <c r="B19413" s="2"/>
      <c r="C19413" s="2"/>
    </row>
    <row r="19414" spans="1:3" ht="19.2">
      <c r="A19414" s="2"/>
      <c r="B19414" s="2"/>
      <c r="C19414" s="2"/>
    </row>
    <row r="19415" spans="1:3" ht="19.2">
      <c r="A19415" s="2"/>
      <c r="B19415" s="2"/>
      <c r="C19415" s="2"/>
    </row>
    <row r="19416" spans="1:3" ht="19.2">
      <c r="A19416" s="2"/>
      <c r="B19416" s="2"/>
      <c r="C19416" s="2"/>
    </row>
    <row r="19417" spans="1:3" ht="19.2">
      <c r="A19417" s="2"/>
      <c r="B19417" s="2"/>
      <c r="C19417" s="2"/>
    </row>
    <row r="19418" spans="1:3" ht="19.2">
      <c r="A19418" s="2"/>
      <c r="B19418" s="2"/>
      <c r="C19418" s="2"/>
    </row>
    <row r="19419" spans="1:3" ht="19.2">
      <c r="A19419" s="2"/>
      <c r="B19419" s="2"/>
      <c r="C19419" s="2"/>
    </row>
    <row r="19420" spans="1:3" ht="19.2">
      <c r="A19420" s="2"/>
      <c r="B19420" s="2"/>
      <c r="C19420" s="2"/>
    </row>
    <row r="19421" spans="1:3" ht="19.2">
      <c r="A19421" s="2"/>
      <c r="B19421" s="2"/>
      <c r="C19421" s="2"/>
    </row>
    <row r="19422" spans="1:3" ht="19.2">
      <c r="A19422" s="2"/>
      <c r="B19422" s="2"/>
      <c r="C19422" s="2"/>
    </row>
    <row r="19423" spans="1:3" ht="19.2">
      <c r="A19423" s="2"/>
      <c r="B19423" s="2"/>
      <c r="C19423" s="2"/>
    </row>
    <row r="19424" spans="1:3" ht="19.2">
      <c r="A19424" s="2"/>
      <c r="B19424" s="2"/>
      <c r="C19424" s="2"/>
    </row>
    <row r="19425" spans="1:3" ht="19.2">
      <c r="A19425" s="2"/>
      <c r="B19425" s="2"/>
      <c r="C19425" s="2"/>
    </row>
    <row r="19426" spans="1:3" ht="19.2">
      <c r="A19426" s="2"/>
      <c r="B19426" s="2"/>
      <c r="C19426" s="2"/>
    </row>
    <row r="19427" spans="1:3" ht="19.2">
      <c r="A19427" s="2"/>
      <c r="B19427" s="2"/>
      <c r="C19427" s="2"/>
    </row>
    <row r="19428" spans="1:3" ht="19.2">
      <c r="A19428" s="2"/>
      <c r="B19428" s="2"/>
      <c r="C19428" s="2"/>
    </row>
    <row r="19429" spans="1:3" ht="19.2">
      <c r="A19429" s="2"/>
      <c r="B19429" s="2"/>
      <c r="C19429" s="2"/>
    </row>
    <row r="19430" spans="1:3" ht="19.2">
      <c r="A19430" s="2"/>
      <c r="B19430" s="2"/>
      <c r="C19430" s="2"/>
    </row>
    <row r="19431" spans="1:3" ht="19.2">
      <c r="A19431" s="2"/>
      <c r="B19431" s="2"/>
      <c r="C19431" s="2"/>
    </row>
    <row r="19432" spans="1:3" ht="19.2">
      <c r="A19432" s="2"/>
      <c r="B19432" s="2"/>
      <c r="C19432" s="2"/>
    </row>
    <row r="19433" spans="1:3" ht="19.2">
      <c r="A19433" s="2"/>
      <c r="B19433" s="2"/>
      <c r="C19433" s="2"/>
    </row>
    <row r="19434" spans="1:3" ht="19.2">
      <c r="A19434" s="2"/>
      <c r="B19434" s="2"/>
      <c r="C19434" s="2"/>
    </row>
    <row r="19435" spans="1:3" ht="19.2">
      <c r="A19435" s="2"/>
      <c r="B19435" s="2"/>
      <c r="C19435" s="2"/>
    </row>
    <row r="19436" spans="1:3" ht="19.2">
      <c r="A19436" s="2"/>
      <c r="B19436" s="2"/>
      <c r="C19436" s="2"/>
    </row>
    <row r="19437" spans="1:3" ht="19.2">
      <c r="A19437" s="2"/>
      <c r="B19437" s="2"/>
      <c r="C19437" s="2"/>
    </row>
    <row r="19438" spans="1:3" ht="19.2">
      <c r="A19438" s="2"/>
      <c r="B19438" s="2"/>
      <c r="C19438" s="2"/>
    </row>
    <row r="19439" spans="1:3" ht="19.2">
      <c r="A19439" s="2"/>
      <c r="B19439" s="2"/>
      <c r="C19439" s="2"/>
    </row>
    <row r="19440" spans="1:3" ht="19.2">
      <c r="A19440" s="2"/>
      <c r="B19440" s="2"/>
      <c r="C19440" s="2"/>
    </row>
    <row r="19441" spans="1:3" ht="19.2">
      <c r="A19441" s="2"/>
      <c r="B19441" s="2"/>
      <c r="C19441" s="2"/>
    </row>
    <row r="19442" spans="1:3" ht="19.2">
      <c r="A19442" s="2"/>
      <c r="B19442" s="2"/>
      <c r="C19442" s="2"/>
    </row>
    <row r="19443" spans="1:3" ht="19.2">
      <c r="A19443" s="2"/>
      <c r="B19443" s="2"/>
      <c r="C19443" s="2"/>
    </row>
    <row r="19444" spans="1:3" ht="19.2">
      <c r="A19444" s="2"/>
      <c r="B19444" s="2"/>
      <c r="C19444" s="2"/>
    </row>
    <row r="19445" spans="1:3" ht="19.2">
      <c r="A19445" s="2"/>
      <c r="B19445" s="2"/>
      <c r="C19445" s="2"/>
    </row>
    <row r="19446" spans="1:3" ht="19.2">
      <c r="A19446" s="2"/>
      <c r="B19446" s="2"/>
      <c r="C19446" s="2"/>
    </row>
    <row r="19447" spans="1:3" ht="19.2">
      <c r="A19447" s="2"/>
      <c r="B19447" s="2"/>
      <c r="C19447" s="2"/>
    </row>
    <row r="19448" spans="1:3" ht="19.2">
      <c r="A19448" s="2"/>
      <c r="B19448" s="2"/>
      <c r="C19448" s="2"/>
    </row>
    <row r="19449" spans="1:3" ht="19.2">
      <c r="A19449" s="2"/>
      <c r="B19449" s="2"/>
      <c r="C19449" s="2"/>
    </row>
    <row r="19450" spans="1:3" ht="19.2">
      <c r="A19450" s="2"/>
      <c r="B19450" s="2"/>
      <c r="C19450" s="2"/>
    </row>
    <row r="19451" spans="1:3" ht="19.2">
      <c r="A19451" s="2"/>
      <c r="B19451" s="2"/>
      <c r="C19451" s="2"/>
    </row>
    <row r="19452" spans="1:3" ht="19.2">
      <c r="A19452" s="2"/>
      <c r="B19452" s="2"/>
      <c r="C19452" s="2"/>
    </row>
    <row r="19453" spans="1:3" ht="19.2">
      <c r="A19453" s="2"/>
      <c r="B19453" s="2"/>
      <c r="C19453" s="2"/>
    </row>
    <row r="19454" spans="1:3" ht="19.2">
      <c r="A19454" s="2"/>
      <c r="B19454" s="2"/>
      <c r="C19454" s="2"/>
    </row>
    <row r="19455" spans="1:3" ht="19.2">
      <c r="A19455" s="2"/>
      <c r="B19455" s="2"/>
      <c r="C19455" s="2"/>
    </row>
    <row r="19456" spans="1:3" ht="19.2">
      <c r="A19456" s="2"/>
      <c r="B19456" s="2"/>
      <c r="C19456" s="2"/>
    </row>
    <row r="19457" spans="1:3" ht="19.2">
      <c r="A19457" s="2"/>
      <c r="B19457" s="2"/>
      <c r="C19457" s="2"/>
    </row>
    <row r="19458" spans="1:3" ht="19.2">
      <c r="A19458" s="2"/>
      <c r="B19458" s="2"/>
      <c r="C19458" s="2"/>
    </row>
    <row r="19459" spans="1:3" ht="19.2">
      <c r="A19459" s="2"/>
      <c r="B19459" s="2"/>
      <c r="C19459" s="2"/>
    </row>
    <row r="19460" spans="1:3" ht="19.2">
      <c r="A19460" s="2"/>
      <c r="B19460" s="2"/>
      <c r="C19460" s="2"/>
    </row>
    <row r="19461" spans="1:3" ht="19.2">
      <c r="A19461" s="2"/>
      <c r="B19461" s="2"/>
      <c r="C19461" s="2"/>
    </row>
    <row r="19462" spans="1:3" ht="19.2">
      <c r="A19462" s="2"/>
      <c r="B19462" s="2"/>
      <c r="C19462" s="2"/>
    </row>
    <row r="19463" spans="1:3" ht="19.2">
      <c r="A19463" s="2"/>
      <c r="B19463" s="2"/>
      <c r="C19463" s="2"/>
    </row>
    <row r="19464" spans="1:3" ht="19.2">
      <c r="A19464" s="2"/>
      <c r="B19464" s="2"/>
      <c r="C19464" s="2"/>
    </row>
    <row r="19465" spans="1:3" ht="19.2">
      <c r="A19465" s="2"/>
      <c r="B19465" s="2"/>
      <c r="C19465" s="2"/>
    </row>
    <row r="19466" spans="1:3" ht="19.2">
      <c r="A19466" s="2"/>
      <c r="B19466" s="2"/>
      <c r="C19466" s="2"/>
    </row>
    <row r="19467" spans="1:3" ht="19.2">
      <c r="A19467" s="2"/>
      <c r="B19467" s="2"/>
      <c r="C19467" s="2"/>
    </row>
    <row r="19468" spans="1:3" ht="19.2">
      <c r="A19468" s="2"/>
      <c r="B19468" s="2"/>
      <c r="C19468" s="2"/>
    </row>
    <row r="19469" spans="1:3" ht="19.2">
      <c r="A19469" s="2"/>
      <c r="B19469" s="2"/>
      <c r="C19469" s="2"/>
    </row>
    <row r="19470" spans="1:3" ht="19.2">
      <c r="A19470" s="2"/>
      <c r="B19470" s="2"/>
      <c r="C19470" s="2"/>
    </row>
    <row r="19471" spans="1:3" ht="19.2">
      <c r="A19471" s="2"/>
      <c r="B19471" s="2"/>
      <c r="C19471" s="2"/>
    </row>
    <row r="19472" spans="1:3" ht="19.2">
      <c r="A19472" s="2"/>
      <c r="B19472" s="2"/>
      <c r="C19472" s="2"/>
    </row>
    <row r="19473" spans="1:3" ht="19.2">
      <c r="A19473" s="2"/>
      <c r="B19473" s="2"/>
      <c r="C19473" s="2"/>
    </row>
    <row r="19474" spans="1:3" ht="19.2">
      <c r="A19474" s="2"/>
      <c r="B19474" s="2"/>
      <c r="C19474" s="2"/>
    </row>
    <row r="19475" spans="1:3" ht="19.2">
      <c r="A19475" s="2"/>
      <c r="B19475" s="2"/>
      <c r="C19475" s="2"/>
    </row>
    <row r="19476" spans="1:3" ht="19.2">
      <c r="A19476" s="2"/>
      <c r="B19476" s="2"/>
      <c r="C19476" s="2"/>
    </row>
    <row r="19477" spans="1:3" ht="19.2">
      <c r="A19477" s="2"/>
      <c r="B19477" s="2"/>
      <c r="C19477" s="2"/>
    </row>
    <row r="19478" spans="1:3" ht="19.2">
      <c r="A19478" s="2"/>
      <c r="B19478" s="2"/>
      <c r="C19478" s="2"/>
    </row>
    <row r="19479" spans="1:3" ht="19.2">
      <c r="A19479" s="2"/>
      <c r="B19479" s="2"/>
      <c r="C19479" s="2"/>
    </row>
    <row r="19480" spans="1:3" ht="19.2">
      <c r="A19480" s="2"/>
      <c r="B19480" s="2"/>
      <c r="C19480" s="2"/>
    </row>
    <row r="19481" spans="1:3" ht="19.2">
      <c r="A19481" s="2"/>
      <c r="B19481" s="2"/>
      <c r="C19481" s="2"/>
    </row>
    <row r="19482" spans="1:3" ht="19.2">
      <c r="A19482" s="2"/>
      <c r="B19482" s="2"/>
      <c r="C19482" s="2"/>
    </row>
    <row r="19483" spans="1:3" ht="19.2">
      <c r="A19483" s="2"/>
      <c r="B19483" s="2"/>
      <c r="C19483" s="2"/>
    </row>
    <row r="19484" spans="1:3" ht="19.2">
      <c r="A19484" s="2"/>
      <c r="B19484" s="2"/>
      <c r="C19484" s="2"/>
    </row>
    <row r="19485" spans="1:3" ht="19.2">
      <c r="A19485" s="2"/>
      <c r="B19485" s="2"/>
      <c r="C19485" s="2"/>
    </row>
    <row r="19486" spans="1:3" ht="19.2">
      <c r="A19486" s="2"/>
      <c r="B19486" s="2"/>
      <c r="C19486" s="2"/>
    </row>
    <row r="19487" spans="1:3" ht="19.2">
      <c r="A19487" s="2"/>
      <c r="B19487" s="2"/>
      <c r="C19487" s="2"/>
    </row>
    <row r="19488" spans="1:3" ht="19.2">
      <c r="A19488" s="2"/>
      <c r="B19488" s="2"/>
      <c r="C19488" s="2"/>
    </row>
    <row r="19489" spans="1:3" ht="19.2">
      <c r="A19489" s="2"/>
      <c r="B19489" s="2"/>
      <c r="C19489" s="2"/>
    </row>
    <row r="19490" spans="1:3" ht="19.2">
      <c r="A19490" s="2"/>
      <c r="B19490" s="2"/>
      <c r="C19490" s="2"/>
    </row>
    <row r="19491" spans="1:3" ht="19.2">
      <c r="A19491" s="2"/>
      <c r="B19491" s="2"/>
      <c r="C19491" s="2"/>
    </row>
    <row r="19492" spans="1:3" ht="19.2">
      <c r="A19492" s="2"/>
      <c r="B19492" s="2"/>
      <c r="C19492" s="2"/>
    </row>
    <row r="19493" spans="1:3" ht="19.2">
      <c r="A19493" s="2"/>
      <c r="B19493" s="2"/>
      <c r="C19493" s="2"/>
    </row>
    <row r="19494" spans="1:3" ht="19.2">
      <c r="A19494" s="2"/>
      <c r="B19494" s="2"/>
      <c r="C19494" s="2"/>
    </row>
    <row r="19495" spans="1:3" ht="19.2">
      <c r="A19495" s="2"/>
      <c r="B19495" s="2"/>
      <c r="C19495" s="2"/>
    </row>
    <row r="19496" spans="1:3" ht="19.2">
      <c r="A19496" s="2"/>
      <c r="B19496" s="2"/>
      <c r="C19496" s="2"/>
    </row>
    <row r="19497" spans="1:3" ht="19.2">
      <c r="A19497" s="2"/>
      <c r="B19497" s="2"/>
      <c r="C19497" s="2"/>
    </row>
    <row r="19498" spans="1:3" ht="19.2">
      <c r="A19498" s="2"/>
      <c r="B19498" s="2"/>
      <c r="C19498" s="2"/>
    </row>
    <row r="19499" spans="1:3" ht="19.2">
      <c r="A19499" s="2"/>
      <c r="B19499" s="2"/>
      <c r="C19499" s="2"/>
    </row>
    <row r="19500" spans="1:3" ht="19.2">
      <c r="A19500" s="2"/>
      <c r="B19500" s="2"/>
      <c r="C19500" s="2"/>
    </row>
    <row r="19501" spans="1:3" ht="19.2">
      <c r="A19501" s="2"/>
      <c r="B19501" s="2"/>
      <c r="C19501" s="2"/>
    </row>
    <row r="19502" spans="1:3" ht="19.2">
      <c r="A19502" s="2"/>
      <c r="B19502" s="2"/>
      <c r="C19502" s="2"/>
    </row>
    <row r="19503" spans="1:3" ht="19.2">
      <c r="A19503" s="2"/>
      <c r="B19503" s="2"/>
      <c r="C19503" s="2"/>
    </row>
    <row r="19504" spans="1:3" ht="19.2">
      <c r="A19504" s="2"/>
      <c r="B19504" s="2"/>
      <c r="C19504" s="2"/>
    </row>
    <row r="19505" spans="1:3" ht="19.2">
      <c r="A19505" s="2"/>
      <c r="B19505" s="2"/>
      <c r="C19505" s="2"/>
    </row>
    <row r="19506" spans="1:3" ht="19.2">
      <c r="A19506" s="2"/>
      <c r="B19506" s="2"/>
      <c r="C19506" s="2"/>
    </row>
    <row r="19507" spans="1:3" ht="19.2">
      <c r="A19507" s="2"/>
      <c r="B19507" s="2"/>
      <c r="C19507" s="2"/>
    </row>
    <row r="19508" spans="1:3" ht="19.2">
      <c r="A19508" s="2"/>
      <c r="B19508" s="2"/>
      <c r="C19508" s="2"/>
    </row>
    <row r="19509" spans="1:3" ht="19.2">
      <c r="A19509" s="2"/>
      <c r="B19509" s="2"/>
      <c r="C19509" s="2"/>
    </row>
    <row r="19510" spans="1:3" ht="19.2">
      <c r="A19510" s="2"/>
      <c r="B19510" s="2"/>
      <c r="C19510" s="2"/>
    </row>
    <row r="19511" spans="1:3" ht="19.2">
      <c r="A19511" s="2"/>
      <c r="B19511" s="2"/>
      <c r="C19511" s="2"/>
    </row>
    <row r="19512" spans="1:3" ht="19.2">
      <c r="A19512" s="2"/>
      <c r="B19512" s="2"/>
      <c r="C19512" s="2"/>
    </row>
    <row r="19513" spans="1:3" ht="19.2">
      <c r="A19513" s="2"/>
      <c r="B19513" s="2"/>
      <c r="C19513" s="2"/>
    </row>
    <row r="19514" spans="1:3" ht="19.2">
      <c r="A19514" s="2"/>
      <c r="B19514" s="2"/>
      <c r="C19514" s="2"/>
    </row>
    <row r="19515" spans="1:3" ht="19.2">
      <c r="A19515" s="2"/>
      <c r="B19515" s="2"/>
      <c r="C19515" s="2"/>
    </row>
    <row r="19516" spans="1:3" ht="19.2">
      <c r="A19516" s="2"/>
      <c r="B19516" s="2"/>
      <c r="C19516" s="2"/>
    </row>
    <row r="19517" spans="1:3" ht="19.2">
      <c r="A19517" s="2"/>
      <c r="B19517" s="2"/>
      <c r="C19517" s="2"/>
    </row>
    <row r="19518" spans="1:3" ht="19.2">
      <c r="A19518" s="2"/>
      <c r="B19518" s="2"/>
      <c r="C19518" s="2"/>
    </row>
    <row r="19519" spans="1:3" ht="19.2">
      <c r="A19519" s="2"/>
      <c r="B19519" s="2"/>
      <c r="C19519" s="2"/>
    </row>
    <row r="19520" spans="1:3" ht="19.2">
      <c r="A19520" s="2"/>
      <c r="B19520" s="2"/>
      <c r="C19520" s="2"/>
    </row>
    <row r="19521" spans="1:3" ht="19.2">
      <c r="A19521" s="2"/>
      <c r="B19521" s="2"/>
      <c r="C19521" s="2"/>
    </row>
    <row r="19522" spans="1:3" ht="19.2">
      <c r="A19522" s="2"/>
      <c r="B19522" s="2"/>
      <c r="C19522" s="2"/>
    </row>
    <row r="19523" spans="1:3" ht="19.2">
      <c r="A19523" s="2"/>
      <c r="B19523" s="2"/>
      <c r="C19523" s="2"/>
    </row>
    <row r="19524" spans="1:3" ht="19.2">
      <c r="A19524" s="2"/>
      <c r="B19524" s="2"/>
      <c r="C19524" s="2"/>
    </row>
    <row r="19525" spans="1:3" ht="19.2">
      <c r="A19525" s="2"/>
      <c r="B19525" s="2"/>
      <c r="C19525" s="2"/>
    </row>
    <row r="19526" spans="1:3" ht="19.2">
      <c r="A19526" s="2"/>
      <c r="B19526" s="2"/>
      <c r="C19526" s="2"/>
    </row>
    <row r="19527" spans="1:3" ht="19.2">
      <c r="A19527" s="2"/>
      <c r="B19527" s="2"/>
      <c r="C19527" s="2"/>
    </row>
    <row r="19528" spans="1:3" ht="19.2">
      <c r="A19528" s="2"/>
      <c r="B19528" s="2"/>
      <c r="C19528" s="2"/>
    </row>
    <row r="19529" spans="1:3" ht="19.2">
      <c r="A19529" s="2"/>
      <c r="B19529" s="2"/>
      <c r="C19529" s="2"/>
    </row>
    <row r="19530" spans="1:3" ht="19.2">
      <c r="A19530" s="2"/>
      <c r="B19530" s="2"/>
      <c r="C19530" s="2"/>
    </row>
    <row r="19531" spans="1:3" ht="19.2">
      <c r="A19531" s="2"/>
      <c r="B19531" s="2"/>
      <c r="C19531" s="2"/>
    </row>
    <row r="19532" spans="1:3" ht="19.2">
      <c r="A19532" s="2"/>
      <c r="B19532" s="2"/>
      <c r="C19532" s="2"/>
    </row>
    <row r="19533" spans="1:3" ht="19.2">
      <c r="A19533" s="2"/>
      <c r="B19533" s="2"/>
      <c r="C19533" s="2"/>
    </row>
    <row r="19534" spans="1:3" ht="19.2">
      <c r="A19534" s="2"/>
      <c r="B19534" s="2"/>
      <c r="C19534" s="2"/>
    </row>
    <row r="19535" spans="1:3" ht="19.2">
      <c r="A19535" s="2"/>
      <c r="B19535" s="2"/>
      <c r="C19535" s="2"/>
    </row>
    <row r="19536" spans="1:3" ht="19.2">
      <c r="A19536" s="2"/>
      <c r="B19536" s="2"/>
      <c r="C19536" s="2"/>
    </row>
    <row r="19537" spans="1:3" ht="19.2">
      <c r="A19537" s="2"/>
      <c r="B19537" s="2"/>
      <c r="C19537" s="2"/>
    </row>
    <row r="19538" spans="1:3" ht="19.2">
      <c r="A19538" s="2"/>
      <c r="B19538" s="2"/>
      <c r="C19538" s="2"/>
    </row>
    <row r="19539" spans="1:3" ht="19.2">
      <c r="A19539" s="2"/>
      <c r="B19539" s="2"/>
      <c r="C19539" s="2"/>
    </row>
    <row r="19540" spans="1:3" ht="19.2">
      <c r="A19540" s="2"/>
      <c r="B19540" s="2"/>
      <c r="C19540" s="2"/>
    </row>
    <row r="19541" spans="1:3" ht="19.2">
      <c r="A19541" s="2"/>
      <c r="B19541" s="2"/>
      <c r="C19541" s="2"/>
    </row>
    <row r="19542" spans="1:3" ht="19.2">
      <c r="A19542" s="2"/>
      <c r="B19542" s="2"/>
      <c r="C19542" s="2"/>
    </row>
    <row r="19543" spans="1:3" ht="19.2">
      <c r="A19543" s="2"/>
      <c r="B19543" s="2"/>
      <c r="C19543" s="2"/>
    </row>
    <row r="19544" spans="1:3" ht="19.2">
      <c r="A19544" s="2"/>
      <c r="B19544" s="2"/>
      <c r="C19544" s="2"/>
    </row>
    <row r="19545" spans="1:3" ht="19.2">
      <c r="A19545" s="2"/>
      <c r="B19545" s="2"/>
      <c r="C19545" s="2"/>
    </row>
    <row r="19546" spans="1:3" ht="19.2">
      <c r="A19546" s="2"/>
      <c r="B19546" s="2"/>
      <c r="C19546" s="2"/>
    </row>
    <row r="19547" spans="1:3" ht="19.2">
      <c r="A19547" s="2"/>
      <c r="B19547" s="2"/>
      <c r="C19547" s="2"/>
    </row>
    <row r="19548" spans="1:3" ht="19.2">
      <c r="A19548" s="2"/>
      <c r="B19548" s="2"/>
      <c r="C19548" s="2"/>
    </row>
    <row r="19549" spans="1:3" ht="19.2">
      <c r="A19549" s="2"/>
      <c r="B19549" s="2"/>
      <c r="C19549" s="2"/>
    </row>
    <row r="19550" spans="1:3" ht="19.2">
      <c r="A19550" s="2"/>
      <c r="B19550" s="2"/>
      <c r="C19550" s="2"/>
    </row>
    <row r="19551" spans="1:3" ht="19.2">
      <c r="A19551" s="2"/>
      <c r="B19551" s="2"/>
      <c r="C19551" s="2"/>
    </row>
    <row r="19552" spans="1:3" ht="19.2">
      <c r="A19552" s="2"/>
      <c r="B19552" s="2"/>
      <c r="C19552" s="2"/>
    </row>
    <row r="19553" spans="1:3" ht="19.2">
      <c r="A19553" s="2"/>
      <c r="B19553" s="2"/>
      <c r="C19553" s="2"/>
    </row>
    <row r="19554" spans="1:3" ht="19.2">
      <c r="A19554" s="2"/>
      <c r="B19554" s="2"/>
      <c r="C19554" s="2"/>
    </row>
    <row r="19555" spans="1:3" ht="19.2">
      <c r="A19555" s="2"/>
      <c r="B19555" s="2"/>
      <c r="C19555" s="2"/>
    </row>
    <row r="19556" spans="1:3" ht="19.2">
      <c r="A19556" s="2"/>
      <c r="B19556" s="2"/>
      <c r="C19556" s="2"/>
    </row>
    <row r="19557" spans="1:3" ht="19.2">
      <c r="A19557" s="2"/>
      <c r="B19557" s="2"/>
      <c r="C19557" s="2"/>
    </row>
    <row r="19558" spans="1:3" ht="19.2">
      <c r="A19558" s="2"/>
      <c r="B19558" s="2"/>
      <c r="C19558" s="2"/>
    </row>
    <row r="19559" spans="1:3" ht="19.2">
      <c r="A19559" s="2"/>
      <c r="B19559" s="2"/>
      <c r="C19559" s="2"/>
    </row>
    <row r="19560" spans="1:3" ht="19.2">
      <c r="A19560" s="2"/>
      <c r="B19560" s="2"/>
      <c r="C19560" s="2"/>
    </row>
    <row r="19561" spans="1:3" ht="19.2">
      <c r="A19561" s="2"/>
      <c r="B19561" s="2"/>
      <c r="C19561" s="2"/>
    </row>
    <row r="19562" spans="1:3" ht="19.2">
      <c r="A19562" s="2"/>
      <c r="B19562" s="2"/>
      <c r="C19562" s="2"/>
    </row>
    <row r="19563" spans="1:3" ht="19.2">
      <c r="A19563" s="2"/>
      <c r="B19563" s="2"/>
      <c r="C19563" s="2"/>
    </row>
    <row r="19564" spans="1:3" ht="19.2">
      <c r="A19564" s="2"/>
      <c r="B19564" s="2"/>
      <c r="C19564" s="2"/>
    </row>
    <row r="19565" spans="1:3" ht="19.2">
      <c r="A19565" s="2"/>
      <c r="B19565" s="2"/>
      <c r="C19565" s="2"/>
    </row>
    <row r="19566" spans="1:3" ht="19.2">
      <c r="A19566" s="2"/>
      <c r="B19566" s="2"/>
      <c r="C19566" s="2"/>
    </row>
    <row r="19567" spans="1:3" ht="19.2">
      <c r="A19567" s="2"/>
      <c r="B19567" s="2"/>
      <c r="C19567" s="2"/>
    </row>
    <row r="19568" spans="1:3" ht="19.2">
      <c r="A19568" s="2"/>
      <c r="B19568" s="2"/>
      <c r="C19568" s="2"/>
    </row>
    <row r="19569" spans="1:3" ht="19.2">
      <c r="A19569" s="2"/>
      <c r="B19569" s="2"/>
      <c r="C19569" s="2"/>
    </row>
    <row r="19570" spans="1:3" ht="19.2">
      <c r="A19570" s="2"/>
      <c r="B19570" s="2"/>
      <c r="C19570" s="2"/>
    </row>
    <row r="19571" spans="1:3" ht="19.2">
      <c r="A19571" s="2"/>
      <c r="B19571" s="2"/>
      <c r="C19571" s="2"/>
    </row>
    <row r="19572" spans="1:3" ht="19.2">
      <c r="A19572" s="2"/>
      <c r="B19572" s="2"/>
      <c r="C19572" s="2"/>
    </row>
    <row r="19573" spans="1:3" ht="19.2">
      <c r="A19573" s="2"/>
      <c r="B19573" s="2"/>
      <c r="C19573" s="2"/>
    </row>
    <row r="19574" spans="1:3" ht="19.2">
      <c r="A19574" s="2"/>
      <c r="B19574" s="2"/>
      <c r="C19574" s="2"/>
    </row>
    <row r="19575" spans="1:3" ht="19.2">
      <c r="A19575" s="2"/>
      <c r="B19575" s="2"/>
      <c r="C19575" s="2"/>
    </row>
    <row r="19576" spans="1:3" ht="19.2">
      <c r="A19576" s="2"/>
      <c r="B19576" s="2"/>
      <c r="C19576" s="2"/>
    </row>
    <row r="19577" spans="1:3" ht="19.2">
      <c r="A19577" s="2"/>
      <c r="B19577" s="2"/>
      <c r="C19577" s="2"/>
    </row>
    <row r="19578" spans="1:3" ht="19.2">
      <c r="A19578" s="2"/>
      <c r="B19578" s="2"/>
      <c r="C19578" s="2"/>
    </row>
    <row r="19579" spans="1:3" ht="19.2">
      <c r="A19579" s="2"/>
      <c r="B19579" s="2"/>
      <c r="C19579" s="2"/>
    </row>
    <row r="19580" spans="1:3" ht="19.2">
      <c r="A19580" s="2"/>
      <c r="B19580" s="2"/>
      <c r="C19580" s="2"/>
    </row>
    <row r="19581" spans="1:3" ht="19.2">
      <c r="A19581" s="2"/>
      <c r="B19581" s="2"/>
      <c r="C19581" s="2"/>
    </row>
    <row r="19582" spans="1:3" ht="19.2">
      <c r="A19582" s="2"/>
      <c r="B19582" s="2"/>
      <c r="C19582" s="2"/>
    </row>
    <row r="19583" spans="1:3" ht="19.2">
      <c r="A19583" s="2"/>
      <c r="B19583" s="2"/>
      <c r="C19583" s="2"/>
    </row>
    <row r="19584" spans="1:3" ht="19.2">
      <c r="A19584" s="2"/>
      <c r="B19584" s="2"/>
      <c r="C19584" s="2"/>
    </row>
    <row r="19585" spans="1:3" ht="19.2">
      <c r="A19585" s="2"/>
      <c r="B19585" s="2"/>
      <c r="C19585" s="2"/>
    </row>
    <row r="19586" spans="1:3" ht="19.2">
      <c r="A19586" s="2"/>
      <c r="B19586" s="2"/>
      <c r="C19586" s="2"/>
    </row>
    <row r="19587" spans="1:3" ht="19.2">
      <c r="A19587" s="2"/>
      <c r="B19587" s="2"/>
      <c r="C19587" s="2"/>
    </row>
    <row r="19588" spans="1:3" ht="19.2">
      <c r="A19588" s="2"/>
      <c r="B19588" s="2"/>
      <c r="C19588" s="2"/>
    </row>
    <row r="19589" spans="1:3" ht="19.2">
      <c r="A19589" s="2"/>
      <c r="B19589" s="2"/>
      <c r="C19589" s="2"/>
    </row>
    <row r="19590" spans="1:3" ht="19.2">
      <c r="A19590" s="2"/>
      <c r="B19590" s="2"/>
      <c r="C19590" s="2"/>
    </row>
    <row r="19591" spans="1:3" ht="19.2">
      <c r="A19591" s="2"/>
      <c r="B19591" s="2"/>
      <c r="C19591" s="2"/>
    </row>
    <row r="19592" spans="1:3" ht="19.2">
      <c r="A19592" s="2"/>
      <c r="B19592" s="2"/>
      <c r="C19592" s="2"/>
    </row>
    <row r="19593" spans="1:3" ht="19.2">
      <c r="A19593" s="2"/>
      <c r="B19593" s="2"/>
      <c r="C19593" s="2"/>
    </row>
    <row r="19594" spans="1:3" ht="19.2">
      <c r="A19594" s="2"/>
      <c r="B19594" s="2"/>
      <c r="C19594" s="2"/>
    </row>
    <row r="19595" spans="1:3" ht="19.2">
      <c r="A19595" s="2"/>
      <c r="B19595" s="2"/>
      <c r="C19595" s="2"/>
    </row>
    <row r="19596" spans="1:3" ht="19.2">
      <c r="A19596" s="2"/>
      <c r="B19596" s="2"/>
      <c r="C19596" s="2"/>
    </row>
    <row r="19597" spans="1:3" ht="19.2">
      <c r="A19597" s="2"/>
      <c r="B19597" s="2"/>
      <c r="C19597" s="2"/>
    </row>
    <row r="19598" spans="1:3" ht="19.2">
      <c r="A19598" s="2"/>
      <c r="B19598" s="2"/>
      <c r="C19598" s="2"/>
    </row>
    <row r="19599" spans="1:3" ht="19.2">
      <c r="A19599" s="2"/>
      <c r="B19599" s="2"/>
      <c r="C19599" s="2"/>
    </row>
    <row r="19600" spans="1:3" ht="19.2">
      <c r="A19600" s="2"/>
      <c r="B19600" s="2"/>
      <c r="C19600" s="2"/>
    </row>
    <row r="19601" spans="1:3" ht="19.2">
      <c r="A19601" s="2"/>
      <c r="B19601" s="2"/>
      <c r="C19601" s="2"/>
    </row>
    <row r="19602" spans="1:3" ht="19.2">
      <c r="A19602" s="2"/>
      <c r="B19602" s="2"/>
      <c r="C19602" s="2"/>
    </row>
    <row r="19603" spans="1:3" ht="19.2">
      <c r="A19603" s="2"/>
      <c r="B19603" s="2"/>
      <c r="C19603" s="2"/>
    </row>
    <row r="19604" spans="1:3" ht="19.2">
      <c r="A19604" s="2"/>
      <c r="B19604" s="2"/>
      <c r="C19604" s="2"/>
    </row>
    <row r="19605" spans="1:3" ht="19.2">
      <c r="A19605" s="2"/>
      <c r="B19605" s="2"/>
      <c r="C19605" s="2"/>
    </row>
    <row r="19606" spans="1:3" ht="19.2">
      <c r="A19606" s="2"/>
      <c r="B19606" s="2"/>
      <c r="C19606" s="2"/>
    </row>
    <row r="19607" spans="1:3" ht="19.2">
      <c r="A19607" s="2"/>
      <c r="B19607" s="2"/>
      <c r="C19607" s="2"/>
    </row>
    <row r="19608" spans="1:3" ht="19.2">
      <c r="A19608" s="2"/>
      <c r="B19608" s="2"/>
      <c r="C19608" s="2"/>
    </row>
    <row r="19609" spans="1:3" ht="19.2">
      <c r="A19609" s="2"/>
      <c r="B19609" s="2"/>
      <c r="C19609" s="2"/>
    </row>
    <row r="19610" spans="1:3" ht="19.2">
      <c r="A19610" s="2"/>
      <c r="B19610" s="2"/>
      <c r="C19610" s="2"/>
    </row>
    <row r="19611" spans="1:3" ht="19.2">
      <c r="A19611" s="2"/>
      <c r="B19611" s="2"/>
      <c r="C19611" s="2"/>
    </row>
    <row r="19612" spans="1:3" ht="19.2">
      <c r="A19612" s="2"/>
      <c r="B19612" s="2"/>
      <c r="C19612" s="2"/>
    </row>
    <row r="19613" spans="1:3" ht="19.2">
      <c r="A19613" s="2"/>
      <c r="B19613" s="2"/>
      <c r="C19613" s="2"/>
    </row>
    <row r="19614" spans="1:3" ht="19.2">
      <c r="A19614" s="2"/>
      <c r="B19614" s="2"/>
      <c r="C19614" s="2"/>
    </row>
    <row r="19615" spans="1:3" ht="19.2">
      <c r="A19615" s="2"/>
      <c r="B19615" s="2"/>
      <c r="C19615" s="2"/>
    </row>
    <row r="19616" spans="1:3" ht="19.2">
      <c r="A19616" s="2"/>
      <c r="B19616" s="2"/>
      <c r="C19616" s="2"/>
    </row>
    <row r="19617" spans="1:3" ht="19.2">
      <c r="A19617" s="2"/>
      <c r="B19617" s="2"/>
      <c r="C19617" s="2"/>
    </row>
    <row r="19618" spans="1:3" ht="19.2">
      <c r="A19618" s="2"/>
      <c r="B19618" s="2"/>
      <c r="C19618" s="2"/>
    </row>
    <row r="19619" spans="1:3" ht="19.2">
      <c r="A19619" s="2"/>
      <c r="B19619" s="2"/>
      <c r="C19619" s="2"/>
    </row>
    <row r="19620" spans="1:3" ht="19.2">
      <c r="A19620" s="2"/>
      <c r="B19620" s="2"/>
      <c r="C19620" s="2"/>
    </row>
    <row r="19621" spans="1:3" ht="19.2">
      <c r="A19621" s="2"/>
      <c r="B19621" s="2"/>
      <c r="C19621" s="2"/>
    </row>
    <row r="19622" spans="1:3" ht="19.2">
      <c r="A19622" s="2"/>
      <c r="B19622" s="2"/>
      <c r="C19622" s="2"/>
    </row>
    <row r="19623" spans="1:3" ht="19.2">
      <c r="A19623" s="2"/>
      <c r="B19623" s="2"/>
      <c r="C19623" s="2"/>
    </row>
    <row r="19624" spans="1:3" ht="19.2">
      <c r="A19624" s="2"/>
      <c r="B19624" s="2"/>
      <c r="C19624" s="2"/>
    </row>
    <row r="19625" spans="1:3" ht="19.2">
      <c r="A19625" s="2"/>
      <c r="B19625" s="2"/>
      <c r="C19625" s="2"/>
    </row>
    <row r="19626" spans="1:3" ht="19.2">
      <c r="A19626" s="2"/>
      <c r="B19626" s="2"/>
      <c r="C19626" s="2"/>
    </row>
    <row r="19627" spans="1:3" ht="19.2">
      <c r="A19627" s="2"/>
      <c r="B19627" s="2"/>
      <c r="C19627" s="2"/>
    </row>
    <row r="19628" spans="1:3" ht="19.2">
      <c r="A19628" s="2"/>
      <c r="B19628" s="2"/>
      <c r="C19628" s="2"/>
    </row>
    <row r="19629" spans="1:3" ht="19.2">
      <c r="A19629" s="2"/>
      <c r="B19629" s="2"/>
      <c r="C19629" s="2"/>
    </row>
    <row r="19630" spans="1:3" ht="19.2">
      <c r="A19630" s="2"/>
      <c r="B19630" s="2"/>
      <c r="C19630" s="2"/>
    </row>
    <row r="19631" spans="1:3" ht="19.2">
      <c r="A19631" s="2"/>
      <c r="B19631" s="2"/>
      <c r="C19631" s="2"/>
    </row>
    <row r="19632" spans="1:3" ht="19.2">
      <c r="A19632" s="2"/>
      <c r="B19632" s="2"/>
      <c r="C19632" s="2"/>
    </row>
    <row r="19633" spans="1:3" ht="19.2">
      <c r="A19633" s="2"/>
      <c r="B19633" s="2"/>
      <c r="C19633" s="2"/>
    </row>
    <row r="19634" spans="1:3" ht="19.2">
      <c r="A19634" s="2"/>
      <c r="B19634" s="2"/>
      <c r="C19634" s="2"/>
    </row>
    <row r="19635" spans="1:3" ht="19.2">
      <c r="A19635" s="2"/>
      <c r="B19635" s="2"/>
      <c r="C19635" s="2"/>
    </row>
    <row r="19636" spans="1:3" ht="19.2">
      <c r="A19636" s="2"/>
      <c r="B19636" s="2"/>
      <c r="C19636" s="2"/>
    </row>
    <row r="19637" spans="1:3" ht="19.2">
      <c r="A19637" s="2"/>
      <c r="B19637" s="2"/>
      <c r="C19637" s="2"/>
    </row>
    <row r="19638" spans="1:3" ht="19.2">
      <c r="A19638" s="2"/>
      <c r="B19638" s="2"/>
      <c r="C19638" s="2"/>
    </row>
    <row r="19639" spans="1:3" ht="19.2">
      <c r="A19639" s="2"/>
      <c r="B19639" s="2"/>
      <c r="C19639" s="2"/>
    </row>
    <row r="19640" spans="1:3" ht="19.2">
      <c r="A19640" s="2"/>
      <c r="B19640" s="2"/>
      <c r="C19640" s="2"/>
    </row>
    <row r="19641" spans="1:3" ht="19.2">
      <c r="A19641" s="2"/>
      <c r="B19641" s="2"/>
      <c r="C19641" s="2"/>
    </row>
    <row r="19642" spans="1:3" ht="19.2">
      <c r="A19642" s="2"/>
      <c r="B19642" s="2"/>
      <c r="C19642" s="2"/>
    </row>
    <row r="19643" spans="1:3" ht="19.2">
      <c r="A19643" s="2"/>
      <c r="B19643" s="2"/>
      <c r="C19643" s="2"/>
    </row>
    <row r="19644" spans="1:3" ht="19.2">
      <c r="A19644" s="2"/>
      <c r="B19644" s="2"/>
      <c r="C19644" s="2"/>
    </row>
    <row r="19645" spans="1:3" ht="19.2">
      <c r="A19645" s="2"/>
      <c r="B19645" s="2"/>
      <c r="C19645" s="2"/>
    </row>
    <row r="19646" spans="1:3" ht="19.2">
      <c r="A19646" s="2"/>
      <c r="B19646" s="2"/>
      <c r="C19646" s="2"/>
    </row>
    <row r="19647" spans="1:3" ht="19.2">
      <c r="A19647" s="2"/>
      <c r="B19647" s="2"/>
      <c r="C19647" s="2"/>
    </row>
    <row r="19648" spans="1:3" ht="19.2">
      <c r="A19648" s="2"/>
      <c r="B19648" s="2"/>
      <c r="C19648" s="2"/>
    </row>
    <row r="19649" spans="1:3" ht="19.2">
      <c r="A19649" s="2"/>
      <c r="B19649" s="2"/>
      <c r="C19649" s="2"/>
    </row>
    <row r="19650" spans="1:3" ht="19.2">
      <c r="A19650" s="2"/>
      <c r="B19650" s="2"/>
      <c r="C19650" s="2"/>
    </row>
    <row r="19651" spans="1:3" ht="19.2">
      <c r="A19651" s="2"/>
      <c r="B19651" s="2"/>
      <c r="C19651" s="2"/>
    </row>
    <row r="19652" spans="1:3" ht="19.2">
      <c r="A19652" s="2"/>
      <c r="B19652" s="2"/>
      <c r="C19652" s="2"/>
    </row>
    <row r="19653" spans="1:3" ht="19.2">
      <c r="A19653" s="2"/>
      <c r="B19653" s="2"/>
      <c r="C19653" s="2"/>
    </row>
    <row r="19654" spans="1:3" ht="19.2">
      <c r="A19654" s="2"/>
      <c r="B19654" s="2"/>
      <c r="C19654" s="2"/>
    </row>
    <row r="19655" spans="1:3" ht="19.2">
      <c r="A19655" s="2"/>
      <c r="B19655" s="2"/>
      <c r="C19655" s="2"/>
    </row>
    <row r="19656" spans="1:3" ht="19.2">
      <c r="A19656" s="2"/>
      <c r="B19656" s="2"/>
      <c r="C19656" s="2"/>
    </row>
    <row r="19657" spans="1:3" ht="19.2">
      <c r="A19657" s="2"/>
      <c r="B19657" s="2"/>
      <c r="C19657" s="2"/>
    </row>
    <row r="19658" spans="1:3" ht="19.2">
      <c r="A19658" s="2"/>
      <c r="B19658" s="2"/>
      <c r="C19658" s="2"/>
    </row>
    <row r="19659" spans="1:3" ht="19.2">
      <c r="A19659" s="2"/>
      <c r="B19659" s="2"/>
      <c r="C19659" s="2"/>
    </row>
    <row r="19660" spans="1:3" ht="19.2">
      <c r="A19660" s="2"/>
      <c r="B19660" s="2"/>
      <c r="C19660" s="2"/>
    </row>
    <row r="19661" spans="1:3" ht="19.2">
      <c r="A19661" s="2"/>
      <c r="B19661" s="2"/>
      <c r="C19661" s="2"/>
    </row>
    <row r="19662" spans="1:3" ht="19.2">
      <c r="A19662" s="2"/>
      <c r="B19662" s="2"/>
      <c r="C19662" s="2"/>
    </row>
    <row r="19663" spans="1:3" ht="19.2">
      <c r="A19663" s="2"/>
      <c r="B19663" s="2"/>
      <c r="C19663" s="2"/>
    </row>
    <row r="19664" spans="1:3" ht="19.2">
      <c r="A19664" s="2"/>
      <c r="B19664" s="2"/>
      <c r="C19664" s="2"/>
    </row>
    <row r="19665" spans="1:3" ht="19.2">
      <c r="A19665" s="2"/>
      <c r="B19665" s="2"/>
      <c r="C19665" s="2"/>
    </row>
    <row r="19666" spans="1:3" ht="19.2">
      <c r="A19666" s="2"/>
      <c r="B19666" s="2"/>
      <c r="C19666" s="2"/>
    </row>
    <row r="19667" spans="1:3" ht="19.2">
      <c r="A19667" s="2"/>
      <c r="B19667" s="2"/>
      <c r="C19667" s="2"/>
    </row>
    <row r="19668" spans="1:3" ht="19.2">
      <c r="A19668" s="2"/>
      <c r="B19668" s="2"/>
      <c r="C19668" s="2"/>
    </row>
    <row r="19669" spans="1:3" ht="19.2">
      <c r="A19669" s="2"/>
      <c r="B19669" s="2"/>
      <c r="C19669" s="2"/>
    </row>
    <row r="19670" spans="1:3" ht="19.2">
      <c r="A19670" s="2"/>
      <c r="B19670" s="2"/>
      <c r="C19670" s="2"/>
    </row>
    <row r="19671" spans="1:3" ht="19.2">
      <c r="A19671" s="2"/>
      <c r="B19671" s="2"/>
      <c r="C19671" s="2"/>
    </row>
    <row r="19672" spans="1:3" ht="19.2">
      <c r="A19672" s="2"/>
      <c r="B19672" s="2"/>
      <c r="C19672" s="2"/>
    </row>
    <row r="19673" spans="1:3" ht="19.2">
      <c r="A19673" s="2"/>
      <c r="B19673" s="2"/>
      <c r="C19673" s="2"/>
    </row>
    <row r="19674" spans="1:3" ht="19.2">
      <c r="A19674" s="2"/>
      <c r="B19674" s="2"/>
      <c r="C19674" s="2"/>
    </row>
    <row r="19675" spans="1:3" ht="19.2">
      <c r="A19675" s="2"/>
      <c r="B19675" s="2"/>
      <c r="C19675" s="2"/>
    </row>
    <row r="19676" spans="1:3" ht="19.2">
      <c r="A19676" s="2"/>
      <c r="B19676" s="2"/>
      <c r="C19676" s="2"/>
    </row>
    <row r="19677" spans="1:3" ht="19.2">
      <c r="A19677" s="2"/>
      <c r="B19677" s="2"/>
      <c r="C19677" s="2"/>
    </row>
    <row r="19678" spans="1:3" ht="19.2">
      <c r="A19678" s="2"/>
      <c r="B19678" s="2"/>
      <c r="C19678" s="2"/>
    </row>
    <row r="19679" spans="1:3" ht="19.2">
      <c r="A19679" s="2"/>
      <c r="B19679" s="2"/>
      <c r="C19679" s="2"/>
    </row>
    <row r="19680" spans="1:3" ht="19.2">
      <c r="A19680" s="2"/>
      <c r="B19680" s="2"/>
      <c r="C19680" s="2"/>
    </row>
    <row r="19681" spans="1:3" ht="19.2">
      <c r="A19681" s="2"/>
      <c r="B19681" s="2"/>
      <c r="C19681" s="2"/>
    </row>
    <row r="19682" spans="1:3" ht="19.2">
      <c r="A19682" s="2"/>
      <c r="B19682" s="2"/>
      <c r="C19682" s="2"/>
    </row>
    <row r="19683" spans="1:3" ht="19.2">
      <c r="A19683" s="2"/>
      <c r="B19683" s="2"/>
      <c r="C19683" s="2"/>
    </row>
    <row r="19684" spans="1:3" ht="19.2">
      <c r="A19684" s="2"/>
      <c r="B19684" s="2"/>
      <c r="C19684" s="2"/>
    </row>
    <row r="19685" spans="1:3" ht="19.2">
      <c r="A19685" s="2"/>
      <c r="B19685" s="2"/>
      <c r="C19685" s="2"/>
    </row>
    <row r="19686" spans="1:3" ht="19.2">
      <c r="A19686" s="2"/>
      <c r="B19686" s="2"/>
      <c r="C19686" s="2"/>
    </row>
    <row r="19687" spans="1:3" ht="19.2">
      <c r="A19687" s="2"/>
      <c r="B19687" s="2"/>
      <c r="C19687" s="2"/>
    </row>
    <row r="19688" spans="1:3" ht="19.2">
      <c r="A19688" s="2"/>
      <c r="B19688" s="2"/>
      <c r="C19688" s="2"/>
    </row>
    <row r="19689" spans="1:3" ht="19.2">
      <c r="A19689" s="2"/>
      <c r="B19689" s="2"/>
      <c r="C19689" s="2"/>
    </row>
    <row r="19690" spans="1:3" ht="19.2">
      <c r="A19690" s="2"/>
      <c r="B19690" s="2"/>
      <c r="C19690" s="2"/>
    </row>
    <row r="19691" spans="1:3" ht="19.2">
      <c r="A19691" s="2"/>
      <c r="B19691" s="2"/>
      <c r="C19691" s="2"/>
    </row>
    <row r="19692" spans="1:3" ht="19.2">
      <c r="A19692" s="2"/>
      <c r="B19692" s="2"/>
      <c r="C19692" s="2"/>
    </row>
    <row r="19693" spans="1:3" ht="19.2">
      <c r="A19693" s="2"/>
      <c r="B19693" s="2"/>
      <c r="C19693" s="2"/>
    </row>
    <row r="19694" spans="1:3" ht="19.2">
      <c r="A19694" s="2"/>
      <c r="B19694" s="2"/>
      <c r="C19694" s="2"/>
    </row>
    <row r="19695" spans="1:3" ht="19.2">
      <c r="A19695" s="2"/>
      <c r="B19695" s="2"/>
      <c r="C19695" s="2"/>
    </row>
    <row r="19696" spans="1:3" ht="19.2">
      <c r="A19696" s="2"/>
      <c r="B19696" s="2"/>
      <c r="C19696" s="2"/>
    </row>
    <row r="19697" spans="1:3" ht="19.2">
      <c r="A19697" s="2"/>
      <c r="B19697" s="2"/>
      <c r="C19697" s="2"/>
    </row>
    <row r="19698" spans="1:3" ht="19.2">
      <c r="A19698" s="2"/>
      <c r="B19698" s="2"/>
      <c r="C19698" s="2"/>
    </row>
    <row r="19699" spans="1:3" ht="19.2">
      <c r="A19699" s="2"/>
      <c r="B19699" s="2"/>
      <c r="C19699" s="2"/>
    </row>
    <row r="19700" spans="1:3" ht="19.2">
      <c r="A19700" s="2"/>
      <c r="B19700" s="2"/>
      <c r="C19700" s="2"/>
    </row>
    <row r="19701" spans="1:3" ht="19.2">
      <c r="A19701" s="2"/>
      <c r="B19701" s="2"/>
      <c r="C19701" s="2"/>
    </row>
    <row r="19702" spans="1:3" ht="19.2">
      <c r="A19702" s="2"/>
      <c r="B19702" s="2"/>
      <c r="C19702" s="2"/>
    </row>
    <row r="19703" spans="1:3" ht="19.2">
      <c r="A19703" s="2"/>
      <c r="B19703" s="2"/>
      <c r="C19703" s="2"/>
    </row>
    <row r="19704" spans="1:3" ht="19.2">
      <c r="A19704" s="2"/>
      <c r="B19704" s="2"/>
      <c r="C19704" s="2"/>
    </row>
    <row r="19705" spans="1:3" ht="19.2">
      <c r="A19705" s="2"/>
      <c r="B19705" s="2"/>
      <c r="C19705" s="2"/>
    </row>
    <row r="19706" spans="1:3" ht="19.2">
      <c r="A19706" s="2"/>
      <c r="B19706" s="2"/>
      <c r="C19706" s="2"/>
    </row>
    <row r="19707" spans="1:3" ht="19.2">
      <c r="A19707" s="2"/>
      <c r="B19707" s="2"/>
      <c r="C19707" s="2"/>
    </row>
    <row r="19708" spans="1:3" ht="19.2">
      <c r="A19708" s="2"/>
      <c r="B19708" s="2"/>
      <c r="C19708" s="2"/>
    </row>
    <row r="19709" spans="1:3" ht="19.2">
      <c r="A19709" s="2"/>
      <c r="B19709" s="2"/>
      <c r="C19709" s="2"/>
    </row>
    <row r="19710" spans="1:3" ht="19.2">
      <c r="A19710" s="2"/>
      <c r="B19710" s="2"/>
      <c r="C19710" s="2"/>
    </row>
    <row r="19711" spans="1:3" ht="19.2">
      <c r="A19711" s="2"/>
      <c r="B19711" s="2"/>
      <c r="C19711" s="2"/>
    </row>
    <row r="19712" spans="1:3" ht="19.2">
      <c r="A19712" s="2"/>
      <c r="B19712" s="2"/>
      <c r="C19712" s="2"/>
    </row>
    <row r="19713" spans="1:3" ht="19.2">
      <c r="A19713" s="2"/>
      <c r="B19713" s="2"/>
      <c r="C19713" s="2"/>
    </row>
    <row r="19714" spans="1:3" ht="19.2">
      <c r="A19714" s="2"/>
      <c r="B19714" s="2"/>
      <c r="C19714" s="2"/>
    </row>
    <row r="19715" spans="1:3" ht="19.2">
      <c r="A19715" s="2"/>
      <c r="B19715" s="2"/>
      <c r="C19715" s="2"/>
    </row>
    <row r="19716" spans="1:3" ht="19.2">
      <c r="A19716" s="2"/>
      <c r="B19716" s="2"/>
      <c r="C19716" s="2"/>
    </row>
    <row r="19717" spans="1:3" ht="19.2">
      <c r="A19717" s="2"/>
      <c r="B19717" s="2"/>
      <c r="C19717" s="2"/>
    </row>
    <row r="19718" spans="1:3" ht="19.2">
      <c r="A19718" s="2"/>
      <c r="B19718" s="2"/>
      <c r="C19718" s="2"/>
    </row>
    <row r="19719" spans="1:3" ht="19.2">
      <c r="A19719" s="2"/>
      <c r="B19719" s="2"/>
      <c r="C19719" s="2"/>
    </row>
    <row r="19720" spans="1:3" ht="19.2">
      <c r="A19720" s="2"/>
      <c r="B19720" s="2"/>
      <c r="C19720" s="2"/>
    </row>
    <row r="19721" spans="1:3" ht="19.2">
      <c r="A19721" s="2"/>
      <c r="B19721" s="2"/>
      <c r="C19721" s="2"/>
    </row>
    <row r="19722" spans="1:3" ht="19.2">
      <c r="A19722" s="2"/>
      <c r="B19722" s="2"/>
      <c r="C19722" s="2"/>
    </row>
    <row r="19723" spans="1:3" ht="19.2">
      <c r="A19723" s="2"/>
      <c r="B19723" s="2"/>
      <c r="C19723" s="2"/>
    </row>
    <row r="19724" spans="1:3" ht="19.2">
      <c r="A19724" s="2"/>
      <c r="B19724" s="2"/>
      <c r="C19724" s="2"/>
    </row>
    <row r="19725" spans="1:3" ht="19.2">
      <c r="A19725" s="2"/>
      <c r="B19725" s="2"/>
      <c r="C19725" s="2"/>
    </row>
    <row r="19726" spans="1:3" ht="19.2">
      <c r="A19726" s="2"/>
      <c r="B19726" s="2"/>
      <c r="C19726" s="2"/>
    </row>
    <row r="19727" spans="1:3" ht="19.2">
      <c r="A19727" s="2"/>
      <c r="B19727" s="2"/>
      <c r="C19727" s="2"/>
    </row>
    <row r="19728" spans="1:3" ht="19.2">
      <c r="A19728" s="2"/>
      <c r="B19728" s="2"/>
      <c r="C19728" s="2"/>
    </row>
    <row r="19729" spans="1:3" ht="19.2">
      <c r="A19729" s="2"/>
      <c r="B19729" s="2"/>
      <c r="C19729" s="2"/>
    </row>
    <row r="19730" spans="1:3" ht="19.2">
      <c r="A19730" s="2"/>
      <c r="B19730" s="2"/>
      <c r="C19730" s="2"/>
    </row>
    <row r="19731" spans="1:3" ht="19.2">
      <c r="A19731" s="2"/>
      <c r="B19731" s="2"/>
      <c r="C19731" s="2"/>
    </row>
    <row r="19732" spans="1:3" ht="19.2">
      <c r="A19732" s="2"/>
      <c r="B19732" s="2"/>
      <c r="C19732" s="2"/>
    </row>
    <row r="19733" spans="1:3" ht="19.2">
      <c r="A19733" s="2"/>
      <c r="B19733" s="2"/>
      <c r="C19733" s="2"/>
    </row>
    <row r="19734" spans="1:3" ht="19.2">
      <c r="A19734" s="2"/>
      <c r="B19734" s="2"/>
      <c r="C19734" s="2"/>
    </row>
    <row r="19735" spans="1:3" ht="19.2">
      <c r="A19735" s="2"/>
      <c r="B19735" s="2"/>
      <c r="C19735" s="2"/>
    </row>
    <row r="19736" spans="1:3" ht="19.2">
      <c r="A19736" s="2"/>
      <c r="B19736" s="2"/>
      <c r="C19736" s="2"/>
    </row>
    <row r="19737" spans="1:3" ht="19.2">
      <c r="A19737" s="2"/>
      <c r="B19737" s="2"/>
      <c r="C19737" s="2"/>
    </row>
    <row r="19738" spans="1:3" ht="19.2">
      <c r="A19738" s="2"/>
      <c r="B19738" s="2"/>
      <c r="C19738" s="2"/>
    </row>
    <row r="19739" spans="1:3" ht="19.2">
      <c r="A19739" s="2"/>
      <c r="B19739" s="2"/>
      <c r="C19739" s="2"/>
    </row>
    <row r="19740" spans="1:3" ht="19.2">
      <c r="A19740" s="2"/>
      <c r="B19740" s="2"/>
      <c r="C19740" s="2"/>
    </row>
    <row r="19741" spans="1:3" ht="19.2">
      <c r="A19741" s="2"/>
      <c r="B19741" s="2"/>
      <c r="C19741" s="2"/>
    </row>
    <row r="19742" spans="1:3" ht="19.2">
      <c r="A19742" s="2"/>
      <c r="B19742" s="2"/>
      <c r="C19742" s="2"/>
    </row>
    <row r="19743" spans="1:3" ht="19.2">
      <c r="A19743" s="2"/>
      <c r="B19743" s="2"/>
      <c r="C19743" s="2"/>
    </row>
    <row r="19744" spans="1:3" ht="19.2">
      <c r="A19744" s="2"/>
      <c r="B19744" s="2"/>
      <c r="C19744" s="2"/>
    </row>
    <row r="19745" spans="1:3" ht="19.2">
      <c r="A19745" s="2"/>
      <c r="B19745" s="2"/>
      <c r="C19745" s="2"/>
    </row>
    <row r="19746" spans="1:3" ht="19.2">
      <c r="A19746" s="2"/>
      <c r="B19746" s="2"/>
      <c r="C19746" s="2"/>
    </row>
    <row r="19747" spans="1:3" ht="19.2">
      <c r="A19747" s="2"/>
      <c r="B19747" s="2"/>
      <c r="C19747" s="2"/>
    </row>
    <row r="19748" spans="1:3" ht="19.2">
      <c r="A19748" s="2"/>
      <c r="B19748" s="2"/>
      <c r="C19748" s="2"/>
    </row>
    <row r="19749" spans="1:3" ht="19.2">
      <c r="A19749" s="2"/>
      <c r="B19749" s="2"/>
      <c r="C19749" s="2"/>
    </row>
    <row r="19750" spans="1:3" ht="19.2">
      <c r="A19750" s="2"/>
      <c r="B19750" s="2"/>
      <c r="C19750" s="2"/>
    </row>
    <row r="19751" spans="1:3" ht="19.2">
      <c r="A19751" s="2"/>
      <c r="B19751" s="2"/>
      <c r="C19751" s="2"/>
    </row>
    <row r="19752" spans="1:3" ht="19.2">
      <c r="A19752" s="2"/>
      <c r="B19752" s="2"/>
      <c r="C19752" s="2"/>
    </row>
    <row r="19753" spans="1:3" ht="19.2">
      <c r="A19753" s="2"/>
      <c r="B19753" s="2"/>
      <c r="C19753" s="2"/>
    </row>
    <row r="19754" spans="1:3" ht="19.2">
      <c r="A19754" s="2"/>
      <c r="B19754" s="2"/>
      <c r="C19754" s="2"/>
    </row>
    <row r="19755" spans="1:3" ht="19.2">
      <c r="A19755" s="2"/>
      <c r="B19755" s="2"/>
      <c r="C19755" s="2"/>
    </row>
    <row r="19756" spans="1:3" ht="19.2">
      <c r="A19756" s="2"/>
      <c r="B19756" s="2"/>
      <c r="C19756" s="2"/>
    </row>
    <row r="19757" spans="1:3" ht="19.2">
      <c r="A19757" s="2"/>
      <c r="B19757" s="2"/>
      <c r="C19757" s="2"/>
    </row>
    <row r="19758" spans="1:3" ht="19.2">
      <c r="A19758" s="2"/>
      <c r="B19758" s="2"/>
      <c r="C19758" s="2"/>
    </row>
    <row r="19759" spans="1:3" ht="19.2">
      <c r="A19759" s="2"/>
      <c r="B19759" s="2"/>
      <c r="C19759" s="2"/>
    </row>
    <row r="19760" spans="1:3" ht="19.2">
      <c r="A19760" s="2"/>
      <c r="B19760" s="2"/>
      <c r="C19760" s="2"/>
    </row>
    <row r="19761" spans="1:3" ht="19.2">
      <c r="A19761" s="2"/>
      <c r="B19761" s="2"/>
      <c r="C19761" s="2"/>
    </row>
    <row r="19762" spans="1:3" ht="19.2">
      <c r="A19762" s="2"/>
      <c r="B19762" s="2"/>
      <c r="C19762" s="2"/>
    </row>
    <row r="19763" spans="1:3" ht="19.2">
      <c r="A19763" s="2"/>
      <c r="B19763" s="2"/>
      <c r="C19763" s="2"/>
    </row>
    <row r="19764" spans="1:3" ht="19.2">
      <c r="A19764" s="2"/>
      <c r="B19764" s="2"/>
      <c r="C19764" s="2"/>
    </row>
    <row r="19765" spans="1:3" ht="19.2">
      <c r="A19765" s="2"/>
      <c r="B19765" s="2"/>
      <c r="C19765" s="2"/>
    </row>
    <row r="19766" spans="1:3" ht="19.2">
      <c r="A19766" s="2"/>
      <c r="B19766" s="2"/>
      <c r="C19766" s="2"/>
    </row>
    <row r="19767" spans="1:3" ht="19.2">
      <c r="A19767" s="2"/>
      <c r="B19767" s="2"/>
      <c r="C19767" s="2"/>
    </row>
    <row r="19768" spans="1:3" ht="19.2">
      <c r="A19768" s="2"/>
      <c r="B19768" s="2"/>
      <c r="C19768" s="2"/>
    </row>
    <row r="19769" spans="1:3" ht="19.2">
      <c r="A19769" s="2"/>
      <c r="B19769" s="2"/>
      <c r="C19769" s="2"/>
    </row>
    <row r="19770" spans="1:3" ht="19.2">
      <c r="A19770" s="2"/>
      <c r="B19770" s="2"/>
      <c r="C19770" s="2"/>
    </row>
    <row r="19771" spans="1:3" ht="19.2">
      <c r="A19771" s="2"/>
      <c r="B19771" s="2"/>
      <c r="C19771" s="2"/>
    </row>
    <row r="19772" spans="1:3" ht="19.2">
      <c r="A19772" s="2"/>
      <c r="B19772" s="2"/>
      <c r="C19772" s="2"/>
    </row>
    <row r="19773" spans="1:3" ht="19.2">
      <c r="A19773" s="2"/>
      <c r="B19773" s="2"/>
      <c r="C19773" s="2"/>
    </row>
    <row r="19774" spans="1:3" ht="19.2">
      <c r="A19774" s="2"/>
      <c r="B19774" s="2"/>
      <c r="C19774" s="2"/>
    </row>
    <row r="19775" spans="1:3" ht="19.2">
      <c r="A19775" s="2"/>
      <c r="B19775" s="2"/>
      <c r="C19775" s="2"/>
    </row>
    <row r="19776" spans="1:3" ht="19.2">
      <c r="A19776" s="2"/>
      <c r="B19776" s="2"/>
      <c r="C19776" s="2"/>
    </row>
    <row r="19777" spans="1:3" ht="19.2">
      <c r="A19777" s="2"/>
      <c r="B19777" s="2"/>
      <c r="C19777" s="2"/>
    </row>
    <row r="19778" spans="1:3" ht="19.2">
      <c r="A19778" s="2"/>
      <c r="B19778" s="2"/>
      <c r="C19778" s="2"/>
    </row>
    <row r="19779" spans="1:3" ht="19.2">
      <c r="A19779" s="2"/>
      <c r="B19779" s="2"/>
      <c r="C19779" s="2"/>
    </row>
    <row r="19780" spans="1:3" ht="19.2">
      <c r="A19780" s="2"/>
      <c r="B19780" s="2"/>
      <c r="C19780" s="2"/>
    </row>
    <row r="19781" spans="1:3" ht="19.2">
      <c r="A19781" s="2"/>
      <c r="B19781" s="2"/>
      <c r="C19781" s="2"/>
    </row>
    <row r="19782" spans="1:3" ht="19.2">
      <c r="A19782" s="2"/>
      <c r="B19782" s="2"/>
      <c r="C19782" s="2"/>
    </row>
    <row r="19783" spans="1:3" ht="19.2">
      <c r="A19783" s="2"/>
      <c r="B19783" s="2"/>
      <c r="C19783" s="2"/>
    </row>
    <row r="19784" spans="1:3" ht="19.2">
      <c r="A19784" s="2"/>
      <c r="B19784" s="2"/>
      <c r="C19784" s="2"/>
    </row>
    <row r="19785" spans="1:3" ht="19.2">
      <c r="A19785" s="2"/>
      <c r="B19785" s="2"/>
      <c r="C19785" s="2"/>
    </row>
    <row r="19786" spans="1:3" ht="19.2">
      <c r="A19786" s="2"/>
      <c r="B19786" s="2"/>
      <c r="C19786" s="2"/>
    </row>
    <row r="19787" spans="1:3" ht="19.2">
      <c r="A19787" s="2"/>
      <c r="B19787" s="2"/>
      <c r="C19787" s="2"/>
    </row>
    <row r="19788" spans="1:3" ht="19.2">
      <c r="A19788" s="2"/>
      <c r="B19788" s="2"/>
      <c r="C19788" s="2"/>
    </row>
    <row r="19789" spans="1:3" ht="19.2">
      <c r="A19789" s="2"/>
      <c r="B19789" s="2"/>
      <c r="C19789" s="2"/>
    </row>
    <row r="19790" spans="1:3" ht="19.2">
      <c r="A19790" s="2"/>
      <c r="B19790" s="2"/>
      <c r="C19790" s="2"/>
    </row>
    <row r="19791" spans="1:3" ht="19.2">
      <c r="A19791" s="2"/>
      <c r="B19791" s="2"/>
      <c r="C19791" s="2"/>
    </row>
    <row r="19792" spans="1:3" ht="19.2">
      <c r="A19792" s="2"/>
      <c r="B19792" s="2"/>
      <c r="C19792" s="2"/>
    </row>
    <row r="19793" spans="1:3" ht="19.2">
      <c r="A19793" s="2"/>
      <c r="B19793" s="2"/>
      <c r="C19793" s="2"/>
    </row>
    <row r="19794" spans="1:3" ht="19.2">
      <c r="A19794" s="2"/>
      <c r="B19794" s="2"/>
      <c r="C19794" s="2"/>
    </row>
    <row r="19795" spans="1:3" ht="19.2">
      <c r="A19795" s="2"/>
      <c r="B19795" s="2"/>
      <c r="C19795" s="2"/>
    </row>
    <row r="19796" spans="1:3" ht="19.2">
      <c r="A19796" s="2"/>
      <c r="B19796" s="2"/>
      <c r="C19796" s="2"/>
    </row>
    <row r="19797" spans="1:3" ht="19.2">
      <c r="A19797" s="2"/>
      <c r="B19797" s="2"/>
      <c r="C19797" s="2"/>
    </row>
    <row r="19798" spans="1:3" ht="19.2">
      <c r="A19798" s="2"/>
      <c r="B19798" s="2"/>
      <c r="C19798" s="2"/>
    </row>
    <row r="19799" spans="1:3" ht="19.2">
      <c r="A19799" s="2"/>
      <c r="B19799" s="2"/>
      <c r="C19799" s="2"/>
    </row>
    <row r="19800" spans="1:3" ht="19.2">
      <c r="A19800" s="2"/>
      <c r="B19800" s="2"/>
      <c r="C19800" s="2"/>
    </row>
    <row r="19801" spans="1:3" ht="19.2">
      <c r="A19801" s="2"/>
      <c r="B19801" s="2"/>
      <c r="C19801" s="2"/>
    </row>
    <row r="19802" spans="1:3" ht="19.2">
      <c r="A19802" s="2"/>
      <c r="B19802" s="2"/>
      <c r="C19802" s="2"/>
    </row>
    <row r="19803" spans="1:3" ht="19.2">
      <c r="A19803" s="2"/>
      <c r="B19803" s="2"/>
      <c r="C19803" s="2"/>
    </row>
    <row r="19804" spans="1:3" ht="19.2">
      <c r="A19804" s="2"/>
      <c r="B19804" s="2"/>
      <c r="C19804" s="2"/>
    </row>
    <row r="19805" spans="1:3" ht="19.2">
      <c r="A19805" s="2"/>
      <c r="B19805" s="2"/>
      <c r="C19805" s="2"/>
    </row>
    <row r="19806" spans="1:3" ht="19.2">
      <c r="A19806" s="2"/>
      <c r="B19806" s="2"/>
      <c r="C19806" s="2"/>
    </row>
    <row r="19807" spans="1:3" ht="19.2">
      <c r="A19807" s="2"/>
      <c r="B19807" s="2"/>
      <c r="C19807" s="2"/>
    </row>
    <row r="19808" spans="1:3" ht="19.2">
      <c r="A19808" s="2"/>
      <c r="B19808" s="2"/>
      <c r="C19808" s="2"/>
    </row>
    <row r="19809" spans="1:3" ht="19.2">
      <c r="A19809" s="2"/>
      <c r="B19809" s="2"/>
      <c r="C19809" s="2"/>
    </row>
    <row r="19810" spans="1:3" ht="19.2">
      <c r="A19810" s="2"/>
      <c r="B19810" s="2"/>
      <c r="C19810" s="2"/>
    </row>
    <row r="19811" spans="1:3" ht="19.2">
      <c r="A19811" s="2"/>
      <c r="B19811" s="2"/>
      <c r="C19811" s="2"/>
    </row>
    <row r="19812" spans="1:3" ht="19.2">
      <c r="A19812" s="2"/>
      <c r="B19812" s="2"/>
      <c r="C19812" s="2"/>
    </row>
    <row r="19813" spans="1:3" ht="19.2">
      <c r="A19813" s="2"/>
      <c r="B19813" s="2"/>
      <c r="C19813" s="2"/>
    </row>
    <row r="19814" spans="1:3" ht="19.2">
      <c r="A19814" s="2"/>
      <c r="B19814" s="2"/>
      <c r="C19814" s="2"/>
    </row>
    <row r="19815" spans="1:3" ht="19.2">
      <c r="A19815" s="2"/>
      <c r="B19815" s="2"/>
      <c r="C19815" s="2"/>
    </row>
    <row r="19816" spans="1:3" ht="19.2">
      <c r="A19816" s="2"/>
      <c r="B19816" s="2"/>
      <c r="C19816" s="2"/>
    </row>
    <row r="19817" spans="1:3" ht="19.2">
      <c r="A19817" s="2"/>
      <c r="B19817" s="2"/>
      <c r="C19817" s="2"/>
    </row>
    <row r="19818" spans="1:3" ht="19.2">
      <c r="A19818" s="2"/>
      <c r="B19818" s="2"/>
      <c r="C19818" s="2"/>
    </row>
    <row r="19819" spans="1:3" ht="19.2">
      <c r="A19819" s="2"/>
      <c r="B19819" s="2"/>
      <c r="C19819" s="2"/>
    </row>
    <row r="19820" spans="1:3" ht="19.2">
      <c r="A19820" s="2"/>
      <c r="B19820" s="2"/>
      <c r="C19820" s="2"/>
    </row>
    <row r="19821" spans="1:3" ht="19.2">
      <c r="A19821" s="2"/>
      <c r="B19821" s="2"/>
      <c r="C19821" s="2"/>
    </row>
    <row r="19822" spans="1:3" ht="19.2">
      <c r="A19822" s="2"/>
      <c r="B19822" s="2"/>
      <c r="C19822" s="2"/>
    </row>
    <row r="19823" spans="1:3" ht="19.2">
      <c r="A19823" s="2"/>
      <c r="B19823" s="2"/>
      <c r="C19823" s="2"/>
    </row>
    <row r="19824" spans="1:3" ht="19.2">
      <c r="A19824" s="2"/>
      <c r="B19824" s="2"/>
      <c r="C19824" s="2"/>
    </row>
    <row r="19825" spans="1:3" ht="19.2">
      <c r="A19825" s="2"/>
      <c r="B19825" s="2"/>
      <c r="C19825" s="2"/>
    </row>
    <row r="19826" spans="1:3" ht="19.2">
      <c r="A19826" s="2"/>
      <c r="B19826" s="2"/>
      <c r="C19826" s="2"/>
    </row>
    <row r="19827" spans="1:3" ht="19.2">
      <c r="A19827" s="2"/>
      <c r="B19827" s="2"/>
      <c r="C19827" s="2"/>
    </row>
    <row r="19828" spans="1:3" ht="19.2">
      <c r="A19828" s="2"/>
      <c r="B19828" s="2"/>
      <c r="C19828" s="2"/>
    </row>
    <row r="19829" spans="1:3" ht="19.2">
      <c r="A19829" s="2"/>
      <c r="B19829" s="2"/>
      <c r="C19829" s="2"/>
    </row>
    <row r="19830" spans="1:3" ht="19.2">
      <c r="A19830" s="2"/>
      <c r="B19830" s="2"/>
      <c r="C19830" s="2"/>
    </row>
    <row r="19831" spans="1:3" ht="19.2">
      <c r="A19831" s="2"/>
      <c r="B19831" s="2"/>
      <c r="C19831" s="2"/>
    </row>
    <row r="19832" spans="1:3" ht="19.2">
      <c r="A19832" s="2"/>
      <c r="B19832" s="2"/>
      <c r="C19832" s="2"/>
    </row>
    <row r="19833" spans="1:3" ht="19.2">
      <c r="A19833" s="2"/>
      <c r="B19833" s="2"/>
      <c r="C19833" s="2"/>
    </row>
    <row r="19834" spans="1:3" ht="19.2">
      <c r="A19834" s="2"/>
      <c r="B19834" s="2"/>
      <c r="C19834" s="2"/>
    </row>
    <row r="19835" spans="1:3" ht="19.2">
      <c r="A19835" s="2"/>
      <c r="B19835" s="2"/>
      <c r="C19835" s="2"/>
    </row>
    <row r="19836" spans="1:3" ht="19.2">
      <c r="A19836" s="2"/>
      <c r="B19836" s="2"/>
      <c r="C19836" s="2"/>
    </row>
    <row r="19837" spans="1:3" ht="19.2">
      <c r="A19837" s="2"/>
      <c r="B19837" s="2"/>
      <c r="C19837" s="2"/>
    </row>
    <row r="19838" spans="1:3" ht="19.2">
      <c r="A19838" s="2"/>
      <c r="B19838" s="2"/>
      <c r="C19838" s="2"/>
    </row>
    <row r="19839" spans="1:3" ht="19.2">
      <c r="A19839" s="2"/>
      <c r="B19839" s="2"/>
      <c r="C19839" s="2"/>
    </row>
    <row r="19840" spans="1:3" ht="19.2">
      <c r="A19840" s="2"/>
      <c r="B19840" s="2"/>
      <c r="C19840" s="2"/>
    </row>
    <row r="19841" spans="1:3" ht="19.2">
      <c r="A19841" s="2"/>
      <c r="B19841" s="2"/>
      <c r="C19841" s="2"/>
    </row>
    <row r="19842" spans="1:3" ht="19.2">
      <c r="A19842" s="2"/>
      <c r="B19842" s="2"/>
      <c r="C19842" s="2"/>
    </row>
    <row r="19843" spans="1:3" ht="19.2">
      <c r="A19843" s="2"/>
      <c r="B19843" s="2"/>
      <c r="C19843" s="2"/>
    </row>
    <row r="19844" spans="1:3" ht="19.2">
      <c r="A19844" s="2"/>
      <c r="B19844" s="2"/>
      <c r="C19844" s="2"/>
    </row>
    <row r="19845" spans="1:3" ht="19.2">
      <c r="A19845" s="2"/>
      <c r="B19845" s="2"/>
      <c r="C19845" s="2"/>
    </row>
    <row r="19846" spans="1:3" ht="19.2">
      <c r="A19846" s="2"/>
      <c r="B19846" s="2"/>
      <c r="C19846" s="2"/>
    </row>
    <row r="19847" spans="1:3" ht="19.2">
      <c r="A19847" s="2"/>
      <c r="B19847" s="2"/>
      <c r="C19847" s="2"/>
    </row>
    <row r="19848" spans="1:3" ht="19.2">
      <c r="A19848" s="2"/>
      <c r="B19848" s="2"/>
      <c r="C19848" s="2"/>
    </row>
    <row r="19849" spans="1:3" ht="19.2">
      <c r="A19849" s="2"/>
      <c r="B19849" s="2"/>
      <c r="C19849" s="2"/>
    </row>
    <row r="19850" spans="1:3" ht="19.2">
      <c r="A19850" s="2"/>
      <c r="B19850" s="2"/>
      <c r="C19850" s="2"/>
    </row>
    <row r="19851" spans="1:3" ht="19.2">
      <c r="A19851" s="2"/>
      <c r="B19851" s="2"/>
      <c r="C19851" s="2"/>
    </row>
    <row r="19852" spans="1:3" ht="19.2">
      <c r="A19852" s="2"/>
      <c r="B19852" s="2"/>
      <c r="C19852" s="2"/>
    </row>
    <row r="19853" spans="1:3" ht="19.2">
      <c r="A19853" s="2"/>
      <c r="B19853" s="2"/>
      <c r="C19853" s="2"/>
    </row>
    <row r="19854" spans="1:3" ht="19.2">
      <c r="A19854" s="2"/>
      <c r="B19854" s="2"/>
      <c r="C19854" s="2"/>
    </row>
    <row r="19855" spans="1:3" ht="19.2">
      <c r="A19855" s="2"/>
      <c r="B19855" s="2"/>
      <c r="C19855" s="2"/>
    </row>
    <row r="19856" spans="1:3" ht="19.2">
      <c r="A19856" s="2"/>
      <c r="B19856" s="2"/>
      <c r="C19856" s="2"/>
    </row>
    <row r="19857" spans="1:3" ht="19.2">
      <c r="A19857" s="2"/>
      <c r="B19857" s="2"/>
      <c r="C19857" s="2"/>
    </row>
    <row r="19858" spans="1:3" ht="19.2">
      <c r="A19858" s="2"/>
      <c r="B19858" s="2"/>
      <c r="C19858" s="2"/>
    </row>
    <row r="19859" spans="1:3" ht="19.2">
      <c r="A19859" s="2"/>
      <c r="B19859" s="2"/>
      <c r="C19859" s="2"/>
    </row>
    <row r="19860" spans="1:3" ht="19.2">
      <c r="A19860" s="2"/>
      <c r="B19860" s="2"/>
      <c r="C19860" s="2"/>
    </row>
    <row r="19861" spans="1:3" ht="19.2">
      <c r="A19861" s="2"/>
      <c r="B19861" s="2"/>
      <c r="C19861" s="2"/>
    </row>
    <row r="19862" spans="1:3" ht="19.2">
      <c r="A19862" s="2"/>
      <c r="B19862" s="2"/>
      <c r="C19862" s="2"/>
    </row>
    <row r="19863" spans="1:3" ht="19.2">
      <c r="A19863" s="2"/>
      <c r="B19863" s="2"/>
      <c r="C19863" s="2"/>
    </row>
    <row r="19864" spans="1:3" ht="19.2">
      <c r="A19864" s="2"/>
      <c r="B19864" s="2"/>
      <c r="C19864" s="2"/>
    </row>
    <row r="19865" spans="1:3" ht="19.2">
      <c r="A19865" s="2"/>
      <c r="B19865" s="2"/>
      <c r="C19865" s="2"/>
    </row>
    <row r="19866" spans="1:3" ht="19.2">
      <c r="A19866" s="2"/>
      <c r="B19866" s="2"/>
      <c r="C19866" s="2"/>
    </row>
    <row r="19867" spans="1:3" ht="19.2">
      <c r="A19867" s="2"/>
      <c r="B19867" s="2"/>
      <c r="C19867" s="2"/>
    </row>
    <row r="19868" spans="1:3" ht="19.2">
      <c r="A19868" s="2"/>
      <c r="B19868" s="2"/>
      <c r="C19868" s="2"/>
    </row>
    <row r="19869" spans="1:3" ht="19.2">
      <c r="A19869" s="2"/>
      <c r="B19869" s="2"/>
      <c r="C19869" s="2"/>
    </row>
    <row r="19870" spans="1:3" ht="19.2">
      <c r="A19870" s="2"/>
      <c r="B19870" s="2"/>
      <c r="C19870" s="2"/>
    </row>
    <row r="19871" spans="1:3" ht="19.2">
      <c r="A19871" s="2"/>
      <c r="B19871" s="2"/>
      <c r="C19871" s="2"/>
    </row>
    <row r="19872" spans="1:3" ht="19.2">
      <c r="A19872" s="2"/>
      <c r="B19872" s="2"/>
      <c r="C19872" s="2"/>
    </row>
    <row r="19873" spans="1:3" ht="19.2">
      <c r="A19873" s="2"/>
      <c r="B19873" s="2"/>
      <c r="C19873" s="2"/>
    </row>
    <row r="19874" spans="1:3" ht="19.2">
      <c r="A19874" s="2"/>
      <c r="B19874" s="2"/>
      <c r="C19874" s="2"/>
    </row>
    <row r="19875" spans="1:3" ht="19.2">
      <c r="A19875" s="2"/>
      <c r="B19875" s="2"/>
      <c r="C19875" s="2"/>
    </row>
    <row r="19876" spans="1:3" ht="19.2">
      <c r="A19876" s="2"/>
      <c r="B19876" s="2"/>
      <c r="C19876" s="2"/>
    </row>
    <row r="19877" spans="1:3" ht="19.2">
      <c r="A19877" s="2"/>
      <c r="B19877" s="2"/>
      <c r="C19877" s="2"/>
    </row>
    <row r="19878" spans="1:3" ht="19.2">
      <c r="A19878" s="2"/>
      <c r="B19878" s="2"/>
      <c r="C19878" s="2"/>
    </row>
    <row r="19879" spans="1:3" ht="19.2">
      <c r="A19879" s="2"/>
      <c r="B19879" s="2"/>
      <c r="C19879" s="2"/>
    </row>
    <row r="19880" spans="1:3" ht="19.2">
      <c r="A19880" s="2"/>
      <c r="B19880" s="2"/>
      <c r="C19880" s="2"/>
    </row>
    <row r="19881" spans="1:3" ht="19.2">
      <c r="A19881" s="2"/>
      <c r="B19881" s="2"/>
      <c r="C19881" s="2"/>
    </row>
    <row r="19882" spans="1:3" ht="19.2">
      <c r="A19882" s="2"/>
      <c r="B19882" s="2"/>
      <c r="C19882" s="2"/>
    </row>
    <row r="19883" spans="1:3" ht="19.2">
      <c r="A19883" s="2"/>
      <c r="B19883" s="2"/>
      <c r="C19883" s="2"/>
    </row>
    <row r="19884" spans="1:3" ht="19.2">
      <c r="A19884" s="2"/>
      <c r="B19884" s="2"/>
      <c r="C19884" s="2"/>
    </row>
    <row r="19885" spans="1:3" ht="19.2">
      <c r="A19885" s="2"/>
      <c r="B19885" s="2"/>
      <c r="C19885" s="2"/>
    </row>
    <row r="19886" spans="1:3" ht="19.2">
      <c r="A19886" s="2"/>
      <c r="B19886" s="2"/>
      <c r="C19886" s="2"/>
    </row>
    <row r="19887" spans="1:3" ht="19.2">
      <c r="A19887" s="2"/>
      <c r="B19887" s="2"/>
      <c r="C19887" s="2"/>
    </row>
    <row r="19888" spans="1:3" ht="19.2">
      <c r="A19888" s="2"/>
      <c r="B19888" s="2"/>
      <c r="C19888" s="2"/>
    </row>
    <row r="19889" spans="1:3" ht="19.2">
      <c r="A19889" s="2"/>
      <c r="B19889" s="2"/>
      <c r="C19889" s="2"/>
    </row>
    <row r="19890" spans="1:3" ht="19.2">
      <c r="A19890" s="2"/>
      <c r="B19890" s="2"/>
      <c r="C19890" s="2"/>
    </row>
    <row r="19891" spans="1:3" ht="19.2">
      <c r="A19891" s="2"/>
      <c r="B19891" s="2"/>
      <c r="C19891" s="2"/>
    </row>
    <row r="19892" spans="1:3" ht="19.2">
      <c r="A19892" s="2"/>
      <c r="B19892" s="2"/>
      <c r="C19892" s="2"/>
    </row>
    <row r="19893" spans="1:3" ht="19.2">
      <c r="A19893" s="2"/>
      <c r="B19893" s="2"/>
      <c r="C19893" s="2"/>
    </row>
    <row r="19894" spans="1:3" ht="19.2">
      <c r="A19894" s="2"/>
      <c r="B19894" s="2"/>
      <c r="C19894" s="2"/>
    </row>
    <row r="19895" spans="1:3" ht="19.2">
      <c r="A19895" s="2"/>
      <c r="B19895" s="2"/>
      <c r="C19895" s="2"/>
    </row>
    <row r="19896" spans="1:3" ht="19.2">
      <c r="A19896" s="2"/>
      <c r="B19896" s="2"/>
      <c r="C19896" s="2"/>
    </row>
    <row r="19897" spans="1:3" ht="19.2">
      <c r="A19897" s="2"/>
      <c r="B19897" s="2"/>
      <c r="C19897" s="2"/>
    </row>
    <row r="19898" spans="1:3" ht="19.2">
      <c r="A19898" s="2"/>
      <c r="B19898" s="2"/>
      <c r="C19898" s="2"/>
    </row>
    <row r="19899" spans="1:3" ht="19.2">
      <c r="A19899" s="2"/>
      <c r="B19899" s="2"/>
      <c r="C19899" s="2"/>
    </row>
    <row r="19900" spans="1:3" ht="19.2">
      <c r="A19900" s="2"/>
      <c r="B19900" s="2"/>
      <c r="C19900" s="2"/>
    </row>
    <row r="19901" spans="1:3" ht="19.2">
      <c r="A19901" s="2"/>
      <c r="B19901" s="2"/>
      <c r="C19901" s="2"/>
    </row>
    <row r="19902" spans="1:3" ht="19.2">
      <c r="A19902" s="2"/>
      <c r="B19902" s="2"/>
      <c r="C19902" s="2"/>
    </row>
    <row r="19903" spans="1:3" ht="19.2">
      <c r="A19903" s="2"/>
      <c r="B19903" s="2"/>
      <c r="C19903" s="2"/>
    </row>
    <row r="19904" spans="1:3" ht="19.2">
      <c r="A19904" s="2"/>
      <c r="B19904" s="2"/>
      <c r="C19904" s="2"/>
    </row>
    <row r="19905" spans="1:3" ht="19.2">
      <c r="A19905" s="2"/>
      <c r="B19905" s="2"/>
      <c r="C19905" s="2"/>
    </row>
    <row r="19906" spans="1:3" ht="19.2">
      <c r="A19906" s="2"/>
      <c r="B19906" s="2"/>
      <c r="C19906" s="2"/>
    </row>
    <row r="19907" spans="1:3" ht="19.2">
      <c r="A19907" s="2"/>
      <c r="B19907" s="2"/>
      <c r="C19907" s="2"/>
    </row>
    <row r="19908" spans="1:3" ht="19.2">
      <c r="A19908" s="2"/>
      <c r="B19908" s="2"/>
      <c r="C19908" s="2"/>
    </row>
    <row r="19909" spans="1:3" ht="19.2">
      <c r="A19909" s="2"/>
      <c r="B19909" s="2"/>
      <c r="C19909" s="2"/>
    </row>
    <row r="19910" spans="1:3" ht="19.2">
      <c r="A19910" s="2"/>
      <c r="B19910" s="2"/>
      <c r="C19910" s="2"/>
    </row>
    <row r="19911" spans="1:3" ht="19.2">
      <c r="A19911" s="2"/>
      <c r="B19911" s="2"/>
      <c r="C19911" s="2"/>
    </row>
    <row r="19912" spans="1:3" ht="19.2">
      <c r="A19912" s="2"/>
      <c r="B19912" s="2"/>
      <c r="C19912" s="2"/>
    </row>
    <row r="19913" spans="1:3" ht="19.2">
      <c r="A19913" s="2"/>
      <c r="B19913" s="2"/>
      <c r="C19913" s="2"/>
    </row>
    <row r="19914" spans="1:3" ht="19.2">
      <c r="A19914" s="2"/>
      <c r="B19914" s="2"/>
      <c r="C19914" s="2"/>
    </row>
    <row r="19915" spans="1:3" ht="19.2">
      <c r="A19915" s="2"/>
      <c r="B19915" s="2"/>
      <c r="C19915" s="2"/>
    </row>
    <row r="19916" spans="1:3" ht="19.2">
      <c r="A19916" s="2"/>
      <c r="B19916" s="2"/>
      <c r="C19916" s="2"/>
    </row>
    <row r="19917" spans="1:3" ht="19.2">
      <c r="A19917" s="2"/>
      <c r="B19917" s="2"/>
      <c r="C19917" s="2"/>
    </row>
    <row r="19918" spans="1:3" ht="19.2">
      <c r="A19918" s="2"/>
      <c r="B19918" s="2"/>
      <c r="C19918" s="2"/>
    </row>
    <row r="19919" spans="1:3" ht="19.2">
      <c r="A19919" s="2"/>
      <c r="B19919" s="2"/>
      <c r="C19919" s="2"/>
    </row>
    <row r="19920" spans="1:3" ht="19.2">
      <c r="A19920" s="2"/>
      <c r="B19920" s="2"/>
      <c r="C19920" s="2"/>
    </row>
    <row r="19921" spans="1:3" ht="19.2">
      <c r="A19921" s="2"/>
      <c r="B19921" s="2"/>
      <c r="C19921" s="2"/>
    </row>
    <row r="19922" spans="1:3" ht="19.2">
      <c r="A19922" s="2"/>
      <c r="B19922" s="2"/>
      <c r="C19922" s="2"/>
    </row>
    <row r="19923" spans="1:3" ht="19.2">
      <c r="A19923" s="2"/>
      <c r="B19923" s="2"/>
      <c r="C19923" s="2"/>
    </row>
    <row r="19924" spans="1:3" ht="19.2">
      <c r="A19924" s="2"/>
      <c r="B19924" s="2"/>
      <c r="C19924" s="2"/>
    </row>
    <row r="19925" spans="1:3" ht="19.2">
      <c r="A19925" s="2"/>
      <c r="B19925" s="2"/>
      <c r="C19925" s="2"/>
    </row>
    <row r="19926" spans="1:3" ht="19.2">
      <c r="A19926" s="2"/>
      <c r="B19926" s="2"/>
      <c r="C19926" s="2"/>
    </row>
    <row r="19927" spans="1:3" ht="19.2">
      <c r="A19927" s="2"/>
      <c r="B19927" s="2"/>
      <c r="C19927" s="2"/>
    </row>
    <row r="19928" spans="1:3" ht="19.2">
      <c r="A19928" s="2"/>
      <c r="B19928" s="2"/>
      <c r="C19928" s="2"/>
    </row>
    <row r="19929" spans="1:3" ht="19.2">
      <c r="A19929" s="2"/>
      <c r="B19929" s="2"/>
      <c r="C19929" s="2"/>
    </row>
    <row r="19930" spans="1:3" ht="19.2">
      <c r="A19930" s="2"/>
      <c r="B19930" s="2"/>
      <c r="C19930" s="2"/>
    </row>
    <row r="19931" spans="1:3" ht="19.2">
      <c r="A19931" s="2"/>
      <c r="B19931" s="2"/>
      <c r="C19931" s="2"/>
    </row>
    <row r="19932" spans="1:3" ht="19.2">
      <c r="A19932" s="2"/>
      <c r="B19932" s="2"/>
      <c r="C19932" s="2"/>
    </row>
    <row r="19933" spans="1:3" ht="19.2">
      <c r="A19933" s="2"/>
      <c r="B19933" s="2"/>
      <c r="C19933" s="2"/>
    </row>
    <row r="19934" spans="1:3" ht="19.2">
      <c r="A19934" s="2"/>
      <c r="B19934" s="2"/>
      <c r="C19934" s="2"/>
    </row>
    <row r="19935" spans="1:3" ht="19.2">
      <c r="A19935" s="2"/>
      <c r="B19935" s="2"/>
      <c r="C19935" s="2"/>
    </row>
    <row r="19936" spans="1:3" ht="19.2">
      <c r="A19936" s="2"/>
      <c r="B19936" s="2"/>
      <c r="C19936" s="2"/>
    </row>
    <row r="19937" spans="1:3" ht="19.2">
      <c r="A19937" s="2"/>
      <c r="B19937" s="2"/>
      <c r="C19937" s="2"/>
    </row>
    <row r="19938" spans="1:3" ht="19.2">
      <c r="A19938" s="2"/>
      <c r="B19938" s="2"/>
      <c r="C19938" s="2"/>
    </row>
    <row r="19939" spans="1:3" ht="19.2">
      <c r="A19939" s="2"/>
      <c r="B19939" s="2"/>
      <c r="C19939" s="2"/>
    </row>
    <row r="19940" spans="1:3" ht="19.2">
      <c r="A19940" s="2"/>
      <c r="B19940" s="2"/>
      <c r="C19940" s="2"/>
    </row>
    <row r="19941" spans="1:3" ht="19.2">
      <c r="A19941" s="2"/>
      <c r="B19941" s="2"/>
      <c r="C19941" s="2"/>
    </row>
    <row r="19942" spans="1:3" ht="19.2">
      <c r="A19942" s="2"/>
      <c r="B19942" s="2"/>
      <c r="C19942" s="2"/>
    </row>
    <row r="19943" spans="1:3" ht="19.2">
      <c r="A19943" s="2"/>
      <c r="B19943" s="2"/>
      <c r="C19943" s="2"/>
    </row>
    <row r="19944" spans="1:3" ht="19.2">
      <c r="A19944" s="2"/>
      <c r="B19944" s="2"/>
      <c r="C19944" s="2"/>
    </row>
    <row r="19945" spans="1:3" ht="19.2">
      <c r="A19945" s="2"/>
      <c r="B19945" s="2"/>
      <c r="C19945" s="2"/>
    </row>
    <row r="19946" spans="1:3" ht="19.2">
      <c r="A19946" s="2"/>
      <c r="B19946" s="2"/>
      <c r="C19946" s="2"/>
    </row>
    <row r="19947" spans="1:3" ht="19.2">
      <c r="A19947" s="2"/>
      <c r="B19947" s="2"/>
      <c r="C19947" s="2"/>
    </row>
    <row r="19948" spans="1:3" ht="19.2">
      <c r="A19948" s="2"/>
      <c r="B19948" s="2"/>
      <c r="C19948" s="2"/>
    </row>
    <row r="19949" spans="1:3" ht="19.2">
      <c r="A19949" s="2"/>
      <c r="B19949" s="2"/>
      <c r="C19949" s="2"/>
    </row>
    <row r="19950" spans="1:3" ht="19.2">
      <c r="A19950" s="2"/>
      <c r="B19950" s="2"/>
      <c r="C19950" s="2"/>
    </row>
    <row r="19951" spans="1:3" ht="19.2">
      <c r="A19951" s="2"/>
      <c r="B19951" s="2"/>
      <c r="C19951" s="2"/>
    </row>
    <row r="19952" spans="1:3" ht="19.2">
      <c r="A19952" s="2"/>
      <c r="B19952" s="2"/>
      <c r="C19952" s="2"/>
    </row>
    <row r="19953" spans="1:3" ht="19.2">
      <c r="A19953" s="2"/>
      <c r="B19953" s="2"/>
      <c r="C19953" s="2"/>
    </row>
    <row r="19954" spans="1:3" ht="19.2">
      <c r="A19954" s="2"/>
      <c r="B19954" s="2"/>
      <c r="C19954" s="2"/>
    </row>
    <row r="19955" spans="1:3" ht="19.2">
      <c r="A19955" s="2"/>
      <c r="B19955" s="2"/>
      <c r="C19955" s="2"/>
    </row>
    <row r="19956" spans="1:3" ht="19.2">
      <c r="A19956" s="2"/>
      <c r="B19956" s="2"/>
      <c r="C19956" s="2"/>
    </row>
    <row r="19957" spans="1:3" ht="19.2">
      <c r="A19957" s="2"/>
      <c r="B19957" s="2"/>
      <c r="C19957" s="2"/>
    </row>
    <row r="19958" spans="1:3" ht="19.2">
      <c r="A19958" s="2"/>
      <c r="B19958" s="2"/>
      <c r="C19958" s="2"/>
    </row>
    <row r="19959" spans="1:3" ht="19.2">
      <c r="A19959" s="2"/>
      <c r="B19959" s="2"/>
      <c r="C19959" s="2"/>
    </row>
    <row r="19960" spans="1:3" ht="19.2">
      <c r="A19960" s="2"/>
      <c r="B19960" s="2"/>
      <c r="C19960" s="2"/>
    </row>
    <row r="19961" spans="1:3" ht="19.2">
      <c r="A19961" s="2"/>
      <c r="B19961" s="2"/>
      <c r="C19961" s="2"/>
    </row>
    <row r="19962" spans="1:3" ht="19.2">
      <c r="A19962" s="2"/>
      <c r="B19962" s="2"/>
      <c r="C19962" s="2"/>
    </row>
    <row r="19963" spans="1:3" ht="19.2">
      <c r="A19963" s="2"/>
      <c r="B19963" s="2"/>
      <c r="C19963" s="2"/>
    </row>
    <row r="19964" spans="1:3" ht="19.2">
      <c r="A19964" s="2"/>
      <c r="B19964" s="2"/>
      <c r="C19964" s="2"/>
    </row>
    <row r="19965" spans="1:3" ht="19.2">
      <c r="A19965" s="2"/>
      <c r="B19965" s="2"/>
      <c r="C19965" s="2"/>
    </row>
    <row r="19966" spans="1:3" ht="19.2">
      <c r="A19966" s="2"/>
      <c r="B19966" s="2"/>
      <c r="C19966" s="2"/>
    </row>
    <row r="19967" spans="1:3" ht="19.2">
      <c r="A19967" s="2"/>
      <c r="B19967" s="2"/>
      <c r="C19967" s="2"/>
    </row>
    <row r="19968" spans="1:3" ht="19.2">
      <c r="A19968" s="2"/>
      <c r="B19968" s="2"/>
      <c r="C19968" s="2"/>
    </row>
    <row r="19969" spans="1:3" ht="19.2">
      <c r="A19969" s="2"/>
      <c r="B19969" s="2"/>
      <c r="C19969" s="2"/>
    </row>
    <row r="19970" spans="1:3" ht="19.2">
      <c r="A19970" s="2"/>
      <c r="B19970" s="2"/>
      <c r="C19970" s="2"/>
    </row>
    <row r="19971" spans="1:3" ht="19.2">
      <c r="A19971" s="2"/>
      <c r="B19971" s="2"/>
      <c r="C19971" s="2"/>
    </row>
    <row r="19972" spans="1:3" ht="19.2">
      <c r="A19972" s="2"/>
      <c r="B19972" s="2"/>
      <c r="C19972" s="2"/>
    </row>
    <row r="19973" spans="1:3" ht="19.2">
      <c r="A19973" s="2"/>
      <c r="B19973" s="2"/>
      <c r="C19973" s="2"/>
    </row>
    <row r="19974" spans="1:3" ht="19.2">
      <c r="A19974" s="2"/>
      <c r="B19974" s="2"/>
      <c r="C19974" s="2"/>
    </row>
    <row r="19975" spans="1:3" ht="19.2">
      <c r="A19975" s="2"/>
      <c r="B19975" s="2"/>
      <c r="C19975" s="2"/>
    </row>
    <row r="19976" spans="1:3" ht="19.2">
      <c r="A19976" s="2"/>
      <c r="B19976" s="2"/>
      <c r="C19976" s="2"/>
    </row>
    <row r="19977" spans="1:3" ht="19.2">
      <c r="A19977" s="2"/>
      <c r="B19977" s="2"/>
      <c r="C19977" s="2"/>
    </row>
    <row r="19978" spans="1:3" ht="19.2">
      <c r="A19978" s="2"/>
      <c r="B19978" s="2"/>
      <c r="C19978" s="2"/>
    </row>
    <row r="19979" spans="1:3" ht="19.2">
      <c r="A19979" s="2"/>
      <c r="B19979" s="2"/>
      <c r="C19979" s="2"/>
    </row>
    <row r="19980" spans="1:3" ht="19.2">
      <c r="A19980" s="2"/>
      <c r="B19980" s="2"/>
      <c r="C19980" s="2"/>
    </row>
    <row r="19981" spans="1:3" ht="19.2">
      <c r="A19981" s="2"/>
      <c r="B19981" s="2"/>
      <c r="C19981" s="2"/>
    </row>
    <row r="19982" spans="1:3" ht="19.2">
      <c r="A19982" s="2"/>
      <c r="B19982" s="2"/>
      <c r="C19982" s="2"/>
    </row>
    <row r="19983" spans="1:3" ht="19.2">
      <c r="A19983" s="2"/>
      <c r="B19983" s="2"/>
      <c r="C19983" s="2"/>
    </row>
    <row r="19984" spans="1:3" ht="19.2">
      <c r="A19984" s="2"/>
      <c r="B19984" s="2"/>
      <c r="C19984" s="2"/>
    </row>
    <row r="19985" spans="1:3" ht="19.2">
      <c r="A19985" s="2"/>
      <c r="B19985" s="2"/>
      <c r="C19985" s="2"/>
    </row>
    <row r="19986" spans="1:3" ht="19.2">
      <c r="A19986" s="2"/>
      <c r="B19986" s="2"/>
      <c r="C19986" s="2"/>
    </row>
    <row r="19987" spans="1:3" ht="19.2">
      <c r="A19987" s="2"/>
      <c r="B19987" s="2"/>
      <c r="C19987" s="2"/>
    </row>
    <row r="19988" spans="1:3" ht="19.2">
      <c r="A19988" s="2"/>
      <c r="B19988" s="2"/>
      <c r="C19988" s="2"/>
    </row>
    <row r="19989" spans="1:3" ht="19.2">
      <c r="A19989" s="2"/>
      <c r="B19989" s="2"/>
      <c r="C19989" s="2"/>
    </row>
    <row r="19990" spans="1:3" ht="19.2">
      <c r="A19990" s="2"/>
      <c r="B19990" s="2"/>
      <c r="C19990" s="2"/>
    </row>
    <row r="19991" spans="1:3" ht="19.2">
      <c r="A19991" s="2"/>
      <c r="B19991" s="2"/>
      <c r="C19991" s="2"/>
    </row>
    <row r="19992" spans="1:3" ht="19.2">
      <c r="A19992" s="2"/>
      <c r="B19992" s="2"/>
      <c r="C19992" s="2"/>
    </row>
    <row r="19993" spans="1:3" ht="19.2">
      <c r="A19993" s="2"/>
      <c r="B19993" s="2"/>
      <c r="C19993" s="2"/>
    </row>
    <row r="19994" spans="1:3" ht="19.2">
      <c r="A19994" s="2"/>
      <c r="B19994" s="2"/>
      <c r="C19994" s="2"/>
    </row>
    <row r="19995" spans="1:3" ht="19.2">
      <c r="A19995" s="2"/>
      <c r="B19995" s="2"/>
      <c r="C19995" s="2"/>
    </row>
    <row r="19996" spans="1:3" ht="19.2">
      <c r="A19996" s="2"/>
      <c r="B19996" s="2"/>
      <c r="C19996" s="2"/>
    </row>
    <row r="19997" spans="1:3" ht="19.2">
      <c r="A19997" s="2"/>
      <c r="B19997" s="2"/>
      <c r="C19997" s="2"/>
    </row>
    <row r="19998" spans="1:3" ht="19.2">
      <c r="A19998" s="2"/>
      <c r="B19998" s="2"/>
      <c r="C19998" s="2"/>
    </row>
    <row r="19999" spans="1:3" ht="19.2">
      <c r="A19999" s="2"/>
      <c r="B19999" s="2"/>
      <c r="C19999" s="2"/>
    </row>
    <row r="20000" spans="1:3" ht="19.2">
      <c r="A20000" s="2"/>
      <c r="B20000" s="2"/>
      <c r="C20000" s="2"/>
    </row>
    <row r="20001" spans="1:3" ht="19.2">
      <c r="A20001" s="2"/>
      <c r="B20001" s="2"/>
      <c r="C20001" s="2"/>
    </row>
    <row r="20002" spans="1:3" ht="19.2">
      <c r="A20002" s="2"/>
      <c r="B20002" s="2"/>
      <c r="C20002" s="2"/>
    </row>
    <row r="20003" spans="1:3" ht="19.2">
      <c r="A20003" s="2"/>
      <c r="B20003" s="2"/>
      <c r="C20003" s="2"/>
    </row>
    <row r="20004" spans="1:3" ht="19.2">
      <c r="A20004" s="2"/>
      <c r="B20004" s="2"/>
      <c r="C20004" s="2"/>
    </row>
    <row r="20005" spans="1:3" ht="19.2">
      <c r="A20005" s="2"/>
      <c r="B20005" s="2"/>
      <c r="C20005" s="2"/>
    </row>
    <row r="20006" spans="1:3" ht="19.2">
      <c r="A20006" s="2"/>
      <c r="B20006" s="2"/>
      <c r="C20006" s="2"/>
    </row>
    <row r="20007" spans="1:3" ht="19.2">
      <c r="A20007" s="2"/>
      <c r="B20007" s="2"/>
      <c r="C20007" s="2"/>
    </row>
    <row r="20008" spans="1:3" ht="19.2">
      <c r="A20008" s="2"/>
      <c r="B20008" s="2"/>
      <c r="C20008" s="2"/>
    </row>
    <row r="20009" spans="1:3" ht="19.2">
      <c r="A20009" s="2"/>
      <c r="B20009" s="2"/>
      <c r="C20009" s="2"/>
    </row>
    <row r="20010" spans="1:3" ht="19.2">
      <c r="A20010" s="2"/>
      <c r="B20010" s="2"/>
      <c r="C20010" s="2"/>
    </row>
    <row r="20011" spans="1:3" ht="19.2">
      <c r="A20011" s="2"/>
      <c r="B20011" s="2"/>
      <c r="C20011" s="2"/>
    </row>
    <row r="20012" spans="1:3" ht="19.2">
      <c r="A20012" s="2"/>
      <c r="B20012" s="2"/>
      <c r="C20012" s="2"/>
    </row>
    <row r="20013" spans="1:3" ht="19.2">
      <c r="A20013" s="2"/>
      <c r="B20013" s="2"/>
      <c r="C20013" s="2"/>
    </row>
    <row r="20014" spans="1:3" ht="19.2">
      <c r="A20014" s="2"/>
      <c r="B20014" s="2"/>
      <c r="C20014" s="2"/>
    </row>
    <row r="20015" spans="1:3" ht="19.2">
      <c r="A20015" s="2"/>
      <c r="B20015" s="2"/>
      <c r="C20015" s="2"/>
    </row>
    <row r="20016" spans="1:3" ht="19.2">
      <c r="A20016" s="2"/>
      <c r="B20016" s="2"/>
      <c r="C20016" s="2"/>
    </row>
    <row r="20017" spans="1:3" ht="19.2">
      <c r="A20017" s="2"/>
      <c r="B20017" s="2"/>
      <c r="C20017" s="2"/>
    </row>
    <row r="20018" spans="1:3" ht="19.2">
      <c r="A20018" s="2"/>
      <c r="B20018" s="2"/>
      <c r="C20018" s="2"/>
    </row>
    <row r="20019" spans="1:3" ht="19.2">
      <c r="A20019" s="2"/>
      <c r="B20019" s="2"/>
      <c r="C20019" s="2"/>
    </row>
    <row r="20020" spans="1:3" ht="19.2">
      <c r="A20020" s="2"/>
      <c r="B20020" s="2"/>
      <c r="C20020" s="2"/>
    </row>
    <row r="20021" spans="1:3" ht="19.2">
      <c r="A20021" s="2"/>
      <c r="B20021" s="2"/>
      <c r="C20021" s="2"/>
    </row>
    <row r="20022" spans="1:3" ht="19.2">
      <c r="A20022" s="2"/>
      <c r="B20022" s="2"/>
      <c r="C20022" s="2"/>
    </row>
    <row r="20023" spans="1:3" ht="19.2">
      <c r="A20023" s="2"/>
      <c r="B20023" s="2"/>
      <c r="C20023" s="2"/>
    </row>
    <row r="20024" spans="1:3" ht="19.2">
      <c r="A20024" s="2"/>
      <c r="B20024" s="2"/>
      <c r="C20024" s="2"/>
    </row>
    <row r="20025" spans="1:3" ht="19.2">
      <c r="A20025" s="2"/>
      <c r="B20025" s="2"/>
      <c r="C20025" s="2"/>
    </row>
    <row r="20026" spans="1:3" ht="19.2">
      <c r="A20026" s="2"/>
      <c r="B20026" s="2"/>
      <c r="C20026" s="2"/>
    </row>
    <row r="20027" spans="1:3" ht="19.2">
      <c r="A20027" s="2"/>
      <c r="B20027" s="2"/>
      <c r="C20027" s="2"/>
    </row>
    <row r="20028" spans="1:3" ht="19.2">
      <c r="A20028" s="2"/>
      <c r="B20028" s="2"/>
      <c r="C20028" s="2"/>
    </row>
    <row r="20029" spans="1:3" ht="19.2">
      <c r="A20029" s="2"/>
      <c r="B20029" s="2"/>
      <c r="C20029" s="2"/>
    </row>
    <row r="20030" spans="1:3" ht="19.2">
      <c r="A20030" s="2"/>
      <c r="B20030" s="2"/>
      <c r="C20030" s="2"/>
    </row>
    <row r="20031" spans="1:3" ht="19.2">
      <c r="A20031" s="2"/>
      <c r="B20031" s="2"/>
      <c r="C20031" s="2"/>
    </row>
    <row r="20032" spans="1:3" ht="19.2">
      <c r="A20032" s="2"/>
      <c r="B20032" s="2"/>
      <c r="C20032" s="2"/>
    </row>
    <row r="20033" spans="1:3" ht="19.2">
      <c r="A20033" s="2"/>
      <c r="B20033" s="2"/>
      <c r="C20033" s="2"/>
    </row>
    <row r="20034" spans="1:3" ht="19.2">
      <c r="A20034" s="2"/>
      <c r="B20034" s="2"/>
      <c r="C20034" s="2"/>
    </row>
    <row r="20035" spans="1:3" ht="19.2">
      <c r="A20035" s="2"/>
      <c r="B20035" s="2"/>
      <c r="C20035" s="2"/>
    </row>
    <row r="20036" spans="1:3" ht="19.2">
      <c r="A20036" s="2"/>
      <c r="B20036" s="2"/>
      <c r="C20036" s="2"/>
    </row>
    <row r="20037" spans="1:3" ht="19.2">
      <c r="A20037" s="2"/>
      <c r="B20037" s="2"/>
      <c r="C20037" s="2"/>
    </row>
    <row r="20038" spans="1:3" ht="19.2">
      <c r="A20038" s="2"/>
      <c r="B20038" s="2"/>
      <c r="C20038" s="2"/>
    </row>
    <row r="20039" spans="1:3" ht="19.2">
      <c r="A20039" s="2"/>
      <c r="B20039" s="2"/>
      <c r="C20039" s="2"/>
    </row>
    <row r="20040" spans="1:3" ht="19.2">
      <c r="A20040" s="2"/>
      <c r="B20040" s="2"/>
      <c r="C20040" s="2"/>
    </row>
    <row r="20041" spans="1:3" ht="19.2">
      <c r="A20041" s="2"/>
      <c r="B20041" s="2"/>
      <c r="C20041" s="2"/>
    </row>
    <row r="20042" spans="1:3" ht="19.2">
      <c r="A20042" s="2"/>
      <c r="B20042" s="2"/>
      <c r="C20042" s="2"/>
    </row>
    <row r="20043" spans="1:3" ht="19.2">
      <c r="A20043" s="2"/>
      <c r="B20043" s="2"/>
      <c r="C20043" s="2"/>
    </row>
    <row r="20044" spans="1:3" ht="19.2">
      <c r="A20044" s="2"/>
      <c r="B20044" s="2"/>
      <c r="C20044" s="2"/>
    </row>
    <row r="20045" spans="1:3" ht="19.2">
      <c r="A20045" s="2"/>
      <c r="B20045" s="2"/>
      <c r="C20045" s="2"/>
    </row>
    <row r="20046" spans="1:3" ht="19.2">
      <c r="A20046" s="2"/>
      <c r="B20046" s="2"/>
      <c r="C20046" s="2"/>
    </row>
    <row r="20047" spans="1:3" ht="19.2">
      <c r="A20047" s="2"/>
      <c r="B20047" s="2"/>
      <c r="C20047" s="2"/>
    </row>
    <row r="20048" spans="1:3" ht="19.2">
      <c r="A20048" s="2"/>
      <c r="B20048" s="2"/>
      <c r="C20048" s="2"/>
    </row>
    <row r="20049" spans="1:3" ht="19.2">
      <c r="A20049" s="2"/>
      <c r="B20049" s="2"/>
      <c r="C20049" s="2"/>
    </row>
    <row r="20050" spans="1:3" ht="19.2">
      <c r="A20050" s="2"/>
      <c r="B20050" s="2"/>
      <c r="C20050" s="2"/>
    </row>
    <row r="20051" spans="1:3" ht="19.2">
      <c r="A20051" s="2"/>
      <c r="B20051" s="2"/>
      <c r="C20051" s="2"/>
    </row>
    <row r="20052" spans="1:3" ht="19.2">
      <c r="A20052" s="2"/>
      <c r="B20052" s="2"/>
      <c r="C20052" s="2"/>
    </row>
    <row r="20053" spans="1:3" ht="19.2">
      <c r="A20053" s="2"/>
      <c r="B20053" s="2"/>
      <c r="C20053" s="2"/>
    </row>
    <row r="20054" spans="1:3" ht="19.2">
      <c r="A20054" s="2"/>
      <c r="B20054" s="2"/>
      <c r="C20054" s="2"/>
    </row>
    <row r="20055" spans="1:3" ht="19.2">
      <c r="A20055" s="2"/>
      <c r="B20055" s="2"/>
      <c r="C20055" s="2"/>
    </row>
    <row r="20056" spans="1:3" ht="19.2">
      <c r="A20056" s="2"/>
      <c r="B20056" s="2"/>
      <c r="C20056" s="2"/>
    </row>
    <row r="20057" spans="1:3" ht="19.2">
      <c r="A20057" s="2"/>
      <c r="B20057" s="2"/>
      <c r="C20057" s="2"/>
    </row>
    <row r="20058" spans="1:3" ht="19.2">
      <c r="A20058" s="2"/>
      <c r="B20058" s="2"/>
      <c r="C20058" s="2"/>
    </row>
    <row r="20059" spans="1:3" ht="19.2">
      <c r="A20059" s="2"/>
      <c r="B20059" s="2"/>
      <c r="C20059" s="2"/>
    </row>
    <row r="20060" spans="1:3" ht="19.2">
      <c r="A20060" s="2"/>
      <c r="B20060" s="2"/>
      <c r="C20060" s="2"/>
    </row>
    <row r="20061" spans="1:3" ht="19.2">
      <c r="A20061" s="2"/>
      <c r="B20061" s="2"/>
      <c r="C20061" s="2"/>
    </row>
    <row r="20062" spans="1:3" ht="19.2">
      <c r="A20062" s="2"/>
      <c r="B20062" s="2"/>
      <c r="C20062" s="2"/>
    </row>
    <row r="20063" spans="1:3" ht="19.2">
      <c r="A20063" s="2"/>
      <c r="B20063" s="2"/>
      <c r="C20063" s="2"/>
    </row>
    <row r="20064" spans="1:3" ht="19.2">
      <c r="A20064" s="2"/>
      <c r="B20064" s="2"/>
      <c r="C20064" s="2"/>
    </row>
    <row r="20065" spans="1:3" ht="19.2">
      <c r="A20065" s="2"/>
      <c r="B20065" s="2"/>
      <c r="C20065" s="2"/>
    </row>
    <row r="20066" spans="1:3" ht="19.2">
      <c r="A20066" s="2"/>
      <c r="B20066" s="2"/>
      <c r="C20066" s="2"/>
    </row>
    <row r="20067" spans="1:3" ht="19.2">
      <c r="A20067" s="2"/>
      <c r="B20067" s="2"/>
      <c r="C20067" s="2"/>
    </row>
    <row r="20068" spans="1:3" ht="19.2">
      <c r="A20068" s="2"/>
      <c r="B20068" s="2"/>
      <c r="C20068" s="2"/>
    </row>
    <row r="20069" spans="1:3" ht="19.2">
      <c r="A20069" s="2"/>
      <c r="B20069" s="2"/>
      <c r="C20069" s="2"/>
    </row>
    <row r="20070" spans="1:3" ht="19.2">
      <c r="A20070" s="2"/>
      <c r="B20070" s="2"/>
      <c r="C20070" s="2"/>
    </row>
    <row r="20071" spans="1:3" ht="19.2">
      <c r="A20071" s="2"/>
      <c r="B20071" s="2"/>
      <c r="C20071" s="2"/>
    </row>
    <row r="20072" spans="1:3" ht="19.2">
      <c r="A20072" s="2"/>
      <c r="B20072" s="2"/>
      <c r="C20072" s="2"/>
    </row>
    <row r="20073" spans="1:3" ht="19.2">
      <c r="A20073" s="2"/>
      <c r="B20073" s="2"/>
      <c r="C20073" s="2"/>
    </row>
    <row r="20074" spans="1:3" ht="19.2">
      <c r="A20074" s="2"/>
      <c r="B20074" s="2"/>
      <c r="C20074" s="2"/>
    </row>
    <row r="20075" spans="1:3" ht="19.2">
      <c r="A20075" s="2"/>
      <c r="B20075" s="2"/>
      <c r="C20075" s="2"/>
    </row>
    <row r="20076" spans="1:3" ht="19.2">
      <c r="A20076" s="2"/>
      <c r="B20076" s="2"/>
      <c r="C20076" s="2"/>
    </row>
    <row r="20077" spans="1:3" ht="19.2">
      <c r="A20077" s="2"/>
      <c r="B20077" s="2"/>
      <c r="C20077" s="2"/>
    </row>
    <row r="20078" spans="1:3" ht="19.2">
      <c r="A20078" s="2"/>
      <c r="B20078" s="2"/>
      <c r="C20078" s="2"/>
    </row>
    <row r="20079" spans="1:3" ht="19.2">
      <c r="A20079" s="2"/>
      <c r="B20079" s="2"/>
      <c r="C20079" s="2"/>
    </row>
    <row r="20080" spans="1:3" ht="19.2">
      <c r="A20080" s="2"/>
      <c r="B20080" s="2"/>
      <c r="C20080" s="2"/>
    </row>
    <row r="20081" spans="1:3" ht="19.2">
      <c r="A20081" s="2"/>
      <c r="B20081" s="2"/>
      <c r="C20081" s="2"/>
    </row>
    <row r="20082" spans="1:3" ht="19.2">
      <c r="A20082" s="2"/>
      <c r="B20082" s="2"/>
      <c r="C20082" s="2"/>
    </row>
    <row r="20083" spans="1:3" ht="19.2">
      <c r="A20083" s="2"/>
      <c r="B20083" s="2"/>
      <c r="C20083" s="2"/>
    </row>
    <row r="20084" spans="1:3" ht="19.2">
      <c r="A20084" s="2"/>
      <c r="B20084" s="2"/>
      <c r="C20084" s="2"/>
    </row>
    <row r="20085" spans="1:3" ht="19.2">
      <c r="A20085" s="2"/>
      <c r="B20085" s="2"/>
      <c r="C20085" s="2"/>
    </row>
    <row r="20086" spans="1:3" ht="19.2">
      <c r="A20086" s="2"/>
      <c r="B20086" s="2"/>
      <c r="C20086" s="2"/>
    </row>
    <row r="20087" spans="1:3" ht="19.2">
      <c r="A20087" s="2"/>
      <c r="B20087" s="2"/>
      <c r="C20087" s="2"/>
    </row>
    <row r="20088" spans="1:3" ht="19.2">
      <c r="A20088" s="2"/>
      <c r="B20088" s="2"/>
      <c r="C20088" s="2"/>
    </row>
    <row r="20089" spans="1:3" ht="19.2">
      <c r="A20089" s="2"/>
      <c r="B20089" s="2"/>
      <c r="C20089" s="2"/>
    </row>
    <row r="20090" spans="1:3" ht="19.2">
      <c r="A20090" s="2"/>
      <c r="B20090" s="2"/>
      <c r="C20090" s="2"/>
    </row>
    <row r="20091" spans="1:3" ht="19.2">
      <c r="A20091" s="2"/>
      <c r="B20091" s="2"/>
      <c r="C20091" s="2"/>
    </row>
    <row r="20092" spans="1:3" ht="19.2">
      <c r="A20092" s="2"/>
      <c r="B20092" s="2"/>
      <c r="C20092" s="2"/>
    </row>
    <row r="20093" spans="1:3" ht="19.2">
      <c r="A20093" s="2"/>
      <c r="B20093" s="2"/>
      <c r="C20093" s="2"/>
    </row>
    <row r="20094" spans="1:3" ht="19.2">
      <c r="A20094" s="2"/>
      <c r="B20094" s="2"/>
      <c r="C20094" s="2"/>
    </row>
    <row r="20095" spans="1:3" ht="19.2">
      <c r="A20095" s="2"/>
      <c r="B20095" s="2"/>
      <c r="C20095" s="2"/>
    </row>
    <row r="20096" spans="1:3" ht="19.2">
      <c r="A20096" s="2"/>
      <c r="B20096" s="2"/>
      <c r="C20096" s="2"/>
    </row>
    <row r="20097" spans="1:3" ht="19.2">
      <c r="A20097" s="2"/>
      <c r="B20097" s="2"/>
      <c r="C20097" s="2"/>
    </row>
    <row r="20098" spans="1:3" ht="19.2">
      <c r="A20098" s="2"/>
      <c r="B20098" s="2"/>
      <c r="C20098" s="2"/>
    </row>
    <row r="20099" spans="1:3" ht="19.2">
      <c r="A20099" s="2"/>
      <c r="B20099" s="2"/>
      <c r="C20099" s="2"/>
    </row>
    <row r="20100" spans="1:3" ht="19.2">
      <c r="A20100" s="2"/>
      <c r="B20100" s="2"/>
      <c r="C20100" s="2"/>
    </row>
    <row r="20101" spans="1:3" ht="19.2">
      <c r="A20101" s="2"/>
      <c r="B20101" s="2"/>
      <c r="C20101" s="2"/>
    </row>
    <row r="20102" spans="1:3" ht="19.2">
      <c r="A20102" s="2"/>
      <c r="B20102" s="2"/>
      <c r="C20102" s="2"/>
    </row>
    <row r="20103" spans="1:3" ht="19.2">
      <c r="A20103" s="2"/>
      <c r="B20103" s="2"/>
      <c r="C20103" s="2"/>
    </row>
    <row r="20104" spans="1:3" ht="19.2">
      <c r="A20104" s="2"/>
      <c r="B20104" s="2"/>
      <c r="C20104" s="2"/>
    </row>
    <row r="20105" spans="1:3" ht="19.2">
      <c r="A20105" s="2"/>
      <c r="B20105" s="2"/>
      <c r="C20105" s="2"/>
    </row>
    <row r="20106" spans="1:3" ht="19.2">
      <c r="A20106" s="2"/>
      <c r="B20106" s="2"/>
      <c r="C20106" s="2"/>
    </row>
    <row r="20107" spans="1:3" ht="19.2">
      <c r="A20107" s="2"/>
      <c r="B20107" s="2"/>
      <c r="C20107" s="2"/>
    </row>
    <row r="20108" spans="1:3" ht="19.2">
      <c r="A20108" s="2"/>
      <c r="B20108" s="2"/>
      <c r="C20108" s="2"/>
    </row>
    <row r="20109" spans="1:3" ht="19.2">
      <c r="A20109" s="2"/>
      <c r="B20109" s="2"/>
      <c r="C20109" s="2"/>
    </row>
    <row r="20110" spans="1:3" ht="19.2">
      <c r="A20110" s="2"/>
      <c r="B20110" s="2"/>
      <c r="C20110" s="2"/>
    </row>
    <row r="20111" spans="1:3" ht="19.2">
      <c r="A20111" s="2"/>
      <c r="B20111" s="2"/>
      <c r="C20111" s="2"/>
    </row>
    <row r="20112" spans="1:3" ht="19.2">
      <c r="A20112" s="2"/>
      <c r="B20112" s="2"/>
      <c r="C20112" s="2"/>
    </row>
    <row r="20113" spans="1:3" ht="19.2">
      <c r="A20113" s="2"/>
      <c r="B20113" s="2"/>
      <c r="C20113" s="2"/>
    </row>
    <row r="20114" spans="1:3" ht="19.2">
      <c r="A20114" s="2"/>
      <c r="B20114" s="2"/>
      <c r="C20114" s="2"/>
    </row>
    <row r="20115" spans="1:3" ht="19.2">
      <c r="A20115" s="2"/>
      <c r="B20115" s="2"/>
      <c r="C20115" s="2"/>
    </row>
    <row r="20116" spans="1:3" ht="19.2">
      <c r="A20116" s="2"/>
      <c r="B20116" s="2"/>
      <c r="C20116" s="2"/>
    </row>
    <row r="20117" spans="1:3" ht="19.2">
      <c r="A20117" s="2"/>
      <c r="B20117" s="2"/>
      <c r="C20117" s="2"/>
    </row>
    <row r="20118" spans="1:3" ht="19.2">
      <c r="A20118" s="2"/>
      <c r="B20118" s="2"/>
      <c r="C20118" s="2"/>
    </row>
    <row r="20119" spans="1:3" ht="19.2">
      <c r="A20119" s="2"/>
      <c r="B20119" s="2"/>
      <c r="C20119" s="2"/>
    </row>
    <row r="20120" spans="1:3" ht="19.2">
      <c r="A20120" s="2"/>
      <c r="B20120" s="2"/>
      <c r="C20120" s="2"/>
    </row>
    <row r="20121" spans="1:3" ht="19.2">
      <c r="A20121" s="2"/>
      <c r="B20121" s="2"/>
      <c r="C20121" s="2"/>
    </row>
    <row r="20122" spans="1:3" ht="19.2">
      <c r="A20122" s="2"/>
      <c r="B20122" s="2"/>
      <c r="C20122" s="2"/>
    </row>
    <row r="20123" spans="1:3" ht="19.2">
      <c r="A20123" s="2"/>
      <c r="B20123" s="2"/>
      <c r="C20123" s="2"/>
    </row>
    <row r="20124" spans="1:3" ht="19.2">
      <c r="A20124" s="2"/>
      <c r="B20124" s="2"/>
      <c r="C20124" s="2"/>
    </row>
    <row r="20125" spans="1:3" ht="19.2">
      <c r="A20125" s="2"/>
      <c r="B20125" s="2"/>
      <c r="C20125" s="2"/>
    </row>
    <row r="20126" spans="1:3" ht="19.2">
      <c r="A20126" s="2"/>
      <c r="B20126" s="2"/>
      <c r="C20126" s="2"/>
    </row>
    <row r="20127" spans="1:3" ht="19.2">
      <c r="A20127" s="2"/>
      <c r="B20127" s="2"/>
      <c r="C20127" s="2"/>
    </row>
    <row r="20128" spans="1:3" ht="19.2">
      <c r="A20128" s="2"/>
      <c r="B20128" s="2"/>
      <c r="C20128" s="2"/>
    </row>
    <row r="20129" spans="1:3" ht="19.2">
      <c r="A20129" s="2"/>
      <c r="B20129" s="2"/>
      <c r="C20129" s="2"/>
    </row>
    <row r="20130" spans="1:3" ht="19.2">
      <c r="A20130" s="2"/>
      <c r="B20130" s="2"/>
      <c r="C20130" s="2"/>
    </row>
    <row r="20131" spans="1:3" ht="19.2">
      <c r="A20131" s="2"/>
      <c r="B20131" s="2"/>
      <c r="C20131" s="2"/>
    </row>
    <row r="20132" spans="1:3" ht="19.2">
      <c r="A20132" s="2"/>
      <c r="B20132" s="2"/>
      <c r="C20132" s="2"/>
    </row>
    <row r="20133" spans="1:3" ht="19.2">
      <c r="A20133" s="2"/>
      <c r="B20133" s="2"/>
      <c r="C20133" s="2"/>
    </row>
    <row r="20134" spans="1:3" ht="19.2">
      <c r="A20134" s="2"/>
      <c r="B20134" s="2"/>
      <c r="C20134" s="2"/>
    </row>
    <row r="20135" spans="1:3" ht="19.2">
      <c r="A20135" s="2"/>
      <c r="B20135" s="2"/>
      <c r="C20135" s="2"/>
    </row>
    <row r="20136" spans="1:3" ht="19.2">
      <c r="A20136" s="2"/>
      <c r="B20136" s="2"/>
      <c r="C20136" s="2"/>
    </row>
    <row r="20137" spans="1:3" ht="19.2">
      <c r="A20137" s="2"/>
      <c r="B20137" s="2"/>
      <c r="C20137" s="2"/>
    </row>
    <row r="20138" spans="1:3" ht="19.2">
      <c r="A20138" s="2"/>
      <c r="B20138" s="2"/>
      <c r="C20138" s="2"/>
    </row>
    <row r="20139" spans="1:3" ht="19.2">
      <c r="A20139" s="2"/>
      <c r="B20139" s="2"/>
      <c r="C20139" s="2"/>
    </row>
    <row r="20140" spans="1:3" ht="19.2">
      <c r="A20140" s="2"/>
      <c r="B20140" s="2"/>
      <c r="C20140" s="2"/>
    </row>
    <row r="20141" spans="1:3" ht="19.2">
      <c r="A20141" s="2"/>
      <c r="B20141" s="2"/>
      <c r="C20141" s="2"/>
    </row>
    <row r="20142" spans="1:3" ht="19.2">
      <c r="A20142" s="2"/>
      <c r="B20142" s="2"/>
      <c r="C20142" s="2"/>
    </row>
    <row r="20143" spans="1:3" ht="19.2">
      <c r="A20143" s="2"/>
      <c r="B20143" s="2"/>
      <c r="C20143" s="2"/>
    </row>
    <row r="20144" spans="1:3" ht="19.2">
      <c r="A20144" s="2"/>
      <c r="B20144" s="2"/>
      <c r="C20144" s="2"/>
    </row>
    <row r="20145" spans="1:3" ht="19.2">
      <c r="A20145" s="2"/>
      <c r="B20145" s="2"/>
      <c r="C20145" s="2"/>
    </row>
    <row r="20146" spans="1:3" ht="19.2">
      <c r="A20146" s="2"/>
      <c r="B20146" s="2"/>
      <c r="C20146" s="2"/>
    </row>
    <row r="20147" spans="1:3" ht="19.2">
      <c r="A20147" s="2"/>
      <c r="B20147" s="2"/>
      <c r="C20147" s="2"/>
    </row>
    <row r="20148" spans="1:3" ht="19.2">
      <c r="A20148" s="2"/>
      <c r="B20148" s="2"/>
      <c r="C20148" s="2"/>
    </row>
    <row r="20149" spans="1:3" ht="19.2">
      <c r="A20149" s="2"/>
      <c r="B20149" s="2"/>
      <c r="C20149" s="2"/>
    </row>
    <row r="20150" spans="1:3" ht="19.2">
      <c r="A20150" s="2"/>
      <c r="B20150" s="2"/>
      <c r="C20150" s="2"/>
    </row>
    <row r="20151" spans="1:3" ht="19.2">
      <c r="A20151" s="2"/>
      <c r="B20151" s="2"/>
      <c r="C20151" s="2"/>
    </row>
    <row r="20152" spans="1:3" ht="19.2">
      <c r="A20152" s="2"/>
      <c r="B20152" s="2"/>
      <c r="C20152" s="2"/>
    </row>
    <row r="20153" spans="1:3" ht="19.2">
      <c r="A20153" s="2"/>
      <c r="B20153" s="2"/>
      <c r="C20153" s="2"/>
    </row>
    <row r="20154" spans="1:3" ht="19.2">
      <c r="A20154" s="2"/>
      <c r="B20154" s="2"/>
      <c r="C20154" s="2"/>
    </row>
    <row r="20155" spans="1:3" ht="19.2">
      <c r="A20155" s="2"/>
      <c r="B20155" s="2"/>
      <c r="C20155" s="2"/>
    </row>
    <row r="20156" spans="1:3" ht="19.2">
      <c r="A20156" s="2"/>
      <c r="B20156" s="2"/>
      <c r="C20156" s="2"/>
    </row>
    <row r="20157" spans="1:3" ht="19.2">
      <c r="A20157" s="2"/>
      <c r="B20157" s="2"/>
      <c r="C20157" s="2"/>
    </row>
    <row r="20158" spans="1:3" ht="19.2">
      <c r="A20158" s="2"/>
      <c r="B20158" s="2"/>
      <c r="C20158" s="2"/>
    </row>
    <row r="20159" spans="1:3" ht="19.2">
      <c r="A20159" s="2"/>
      <c r="B20159" s="2"/>
      <c r="C20159" s="2"/>
    </row>
    <row r="20160" spans="1:3" ht="19.2">
      <c r="A20160" s="2"/>
      <c r="B20160" s="2"/>
      <c r="C20160" s="2"/>
    </row>
    <row r="20161" spans="1:3" ht="19.2">
      <c r="A20161" s="2"/>
      <c r="B20161" s="2"/>
      <c r="C20161" s="2"/>
    </row>
    <row r="20162" spans="1:3" ht="19.2">
      <c r="A20162" s="2"/>
      <c r="B20162" s="2"/>
      <c r="C20162" s="2"/>
    </row>
    <row r="20163" spans="1:3" ht="19.2">
      <c r="A20163" s="2"/>
      <c r="B20163" s="2"/>
      <c r="C20163" s="2"/>
    </row>
    <row r="20164" spans="1:3" ht="19.2">
      <c r="A20164" s="2"/>
      <c r="B20164" s="2"/>
      <c r="C20164" s="2"/>
    </row>
    <row r="20165" spans="1:3" ht="19.2">
      <c r="A20165" s="2"/>
      <c r="B20165" s="2"/>
      <c r="C20165" s="2"/>
    </row>
    <row r="20166" spans="1:3" ht="19.2">
      <c r="A20166" s="2"/>
      <c r="B20166" s="2"/>
      <c r="C20166" s="2"/>
    </row>
    <row r="20167" spans="1:3" ht="19.2">
      <c r="A20167" s="2"/>
      <c r="B20167" s="2"/>
      <c r="C20167" s="2"/>
    </row>
    <row r="20168" spans="1:3" ht="19.2">
      <c r="A20168" s="2"/>
      <c r="B20168" s="2"/>
      <c r="C20168" s="2"/>
    </row>
    <row r="20169" spans="1:3" ht="19.2">
      <c r="A20169" s="2"/>
      <c r="B20169" s="2"/>
      <c r="C20169" s="2"/>
    </row>
    <row r="20170" spans="1:3" ht="19.2">
      <c r="A20170" s="2"/>
      <c r="B20170" s="2"/>
      <c r="C20170" s="2"/>
    </row>
    <row r="20171" spans="1:3" ht="19.2">
      <c r="A20171" s="2"/>
      <c r="B20171" s="2"/>
      <c r="C20171" s="2"/>
    </row>
    <row r="20172" spans="1:3" ht="19.2">
      <c r="A20172" s="2"/>
      <c r="B20172" s="2"/>
      <c r="C20172" s="2"/>
    </row>
    <row r="20173" spans="1:3" ht="19.2">
      <c r="A20173" s="2"/>
      <c r="B20173" s="2"/>
      <c r="C20173" s="2"/>
    </row>
    <row r="20174" spans="1:3" ht="19.2">
      <c r="A20174" s="2"/>
      <c r="B20174" s="2"/>
      <c r="C20174" s="2"/>
    </row>
    <row r="20175" spans="1:3" ht="19.2">
      <c r="A20175" s="2"/>
      <c r="B20175" s="2"/>
      <c r="C20175" s="2"/>
    </row>
    <row r="20176" spans="1:3" ht="19.2">
      <c r="A20176" s="2"/>
      <c r="B20176" s="2"/>
      <c r="C20176" s="2"/>
    </row>
    <row r="20177" spans="1:3" ht="19.2">
      <c r="A20177" s="2"/>
      <c r="B20177" s="2"/>
      <c r="C20177" s="2"/>
    </row>
    <row r="20178" spans="1:3" ht="19.2">
      <c r="A20178" s="2"/>
      <c r="B20178" s="2"/>
      <c r="C20178" s="2"/>
    </row>
    <row r="20179" spans="1:3" ht="19.2">
      <c r="A20179" s="2"/>
      <c r="B20179" s="2"/>
      <c r="C20179" s="2"/>
    </row>
    <row r="20180" spans="1:3" ht="19.2">
      <c r="A20180" s="2"/>
      <c r="B20180" s="2"/>
      <c r="C20180" s="2"/>
    </row>
    <row r="20181" spans="1:3" ht="19.2">
      <c r="A20181" s="2"/>
      <c r="B20181" s="2"/>
      <c r="C20181" s="2"/>
    </row>
    <row r="20182" spans="1:3" ht="19.2">
      <c r="A20182" s="2"/>
      <c r="B20182" s="2"/>
      <c r="C20182" s="2"/>
    </row>
    <row r="20183" spans="1:3" ht="19.2">
      <c r="A20183" s="2"/>
      <c r="B20183" s="2"/>
      <c r="C20183" s="2"/>
    </row>
    <row r="20184" spans="1:3" ht="19.2">
      <c r="A20184" s="2"/>
      <c r="B20184" s="2"/>
      <c r="C20184" s="2"/>
    </row>
    <row r="20185" spans="1:3" ht="19.2">
      <c r="A20185" s="2"/>
      <c r="B20185" s="2"/>
      <c r="C20185" s="2"/>
    </row>
    <row r="20186" spans="1:3" ht="19.2">
      <c r="A20186" s="2"/>
      <c r="B20186" s="2"/>
      <c r="C20186" s="2"/>
    </row>
    <row r="20187" spans="1:3" ht="19.2">
      <c r="A20187" s="2"/>
      <c r="B20187" s="2"/>
      <c r="C20187" s="2"/>
    </row>
    <row r="20188" spans="1:3" ht="19.2">
      <c r="A20188" s="2"/>
      <c r="B20188" s="2"/>
      <c r="C20188" s="2"/>
    </row>
    <row r="20189" spans="1:3" ht="19.2">
      <c r="A20189" s="2"/>
      <c r="B20189" s="2"/>
      <c r="C20189" s="2"/>
    </row>
    <row r="20190" spans="1:3" ht="19.2">
      <c r="A20190" s="2"/>
      <c r="B20190" s="2"/>
      <c r="C20190" s="2"/>
    </row>
    <row r="20191" spans="1:3" ht="19.2">
      <c r="A20191" s="2"/>
      <c r="B20191" s="2"/>
      <c r="C20191" s="2"/>
    </row>
    <row r="20192" spans="1:3" ht="19.2">
      <c r="A20192" s="2"/>
      <c r="B20192" s="2"/>
      <c r="C20192" s="2"/>
    </row>
    <row r="20193" spans="1:3" ht="19.2">
      <c r="A20193" s="2"/>
      <c r="B20193" s="2"/>
      <c r="C20193" s="2"/>
    </row>
    <row r="20194" spans="1:3" ht="19.2">
      <c r="A20194" s="2"/>
      <c r="B20194" s="2"/>
      <c r="C20194" s="2"/>
    </row>
    <row r="20195" spans="1:3" ht="19.2">
      <c r="A20195" s="2"/>
      <c r="B20195" s="2"/>
      <c r="C20195" s="2"/>
    </row>
    <row r="20196" spans="1:3" ht="19.2">
      <c r="A20196" s="2"/>
      <c r="B20196" s="2"/>
      <c r="C20196" s="2"/>
    </row>
    <row r="20197" spans="1:3" ht="19.2">
      <c r="A20197" s="2"/>
      <c r="B20197" s="2"/>
      <c r="C20197" s="2"/>
    </row>
    <row r="20198" spans="1:3" ht="19.2">
      <c r="A20198" s="2"/>
      <c r="B20198" s="2"/>
      <c r="C20198" s="2"/>
    </row>
    <row r="20199" spans="1:3" ht="19.2">
      <c r="A20199" s="2"/>
      <c r="B20199" s="2"/>
      <c r="C20199" s="2"/>
    </row>
    <row r="20200" spans="1:3" ht="19.2">
      <c r="A20200" s="2"/>
      <c r="B20200" s="2"/>
      <c r="C20200" s="2"/>
    </row>
    <row r="20201" spans="1:3" ht="19.2">
      <c r="A20201" s="2"/>
      <c r="B20201" s="2"/>
      <c r="C20201" s="2"/>
    </row>
    <row r="20202" spans="1:3" ht="19.2">
      <c r="A20202" s="2"/>
      <c r="B20202" s="2"/>
      <c r="C20202" s="2"/>
    </row>
    <row r="20203" spans="1:3" ht="19.2">
      <c r="A20203" s="2"/>
      <c r="B20203" s="2"/>
      <c r="C20203" s="2"/>
    </row>
    <row r="20204" spans="1:3" ht="19.2">
      <c r="A20204" s="2"/>
      <c r="B20204" s="2"/>
      <c r="C20204" s="2"/>
    </row>
    <row r="20205" spans="1:3" ht="19.2">
      <c r="A20205" s="2"/>
      <c r="B20205" s="2"/>
      <c r="C20205" s="2"/>
    </row>
    <row r="20206" spans="1:3" ht="19.2">
      <c r="A20206" s="2"/>
      <c r="B20206" s="2"/>
      <c r="C20206" s="2"/>
    </row>
    <row r="20207" spans="1:3" ht="19.2">
      <c r="A20207" s="2"/>
      <c r="B20207" s="2"/>
      <c r="C20207" s="2"/>
    </row>
    <row r="20208" spans="1:3" ht="19.2">
      <c r="A20208" s="2"/>
      <c r="B20208" s="2"/>
      <c r="C20208" s="2"/>
    </row>
    <row r="20209" spans="1:3" ht="19.2">
      <c r="A20209" s="2"/>
      <c r="B20209" s="2"/>
      <c r="C20209" s="2"/>
    </row>
    <row r="20210" spans="1:3" ht="19.2">
      <c r="A20210" s="2"/>
      <c r="B20210" s="2"/>
      <c r="C20210" s="2"/>
    </row>
    <row r="20211" spans="1:3" ht="19.2">
      <c r="A20211" s="2"/>
      <c r="B20211" s="2"/>
      <c r="C20211" s="2"/>
    </row>
    <row r="20212" spans="1:3" ht="19.2">
      <c r="A20212" s="2"/>
      <c r="B20212" s="2"/>
      <c r="C20212" s="2"/>
    </row>
    <row r="20213" spans="1:3" ht="19.2">
      <c r="A20213" s="2"/>
      <c r="B20213" s="2"/>
      <c r="C20213" s="2"/>
    </row>
    <row r="20214" spans="1:3" ht="19.2">
      <c r="A20214" s="2"/>
      <c r="B20214" s="2"/>
      <c r="C20214" s="2"/>
    </row>
    <row r="20215" spans="1:3" ht="19.2">
      <c r="A20215" s="2"/>
      <c r="B20215" s="2"/>
      <c r="C20215" s="2"/>
    </row>
    <row r="20216" spans="1:3" ht="19.2">
      <c r="A20216" s="2"/>
      <c r="B20216" s="2"/>
      <c r="C20216" s="2"/>
    </row>
    <row r="20217" spans="1:3" ht="19.2">
      <c r="A20217" s="2"/>
      <c r="B20217" s="2"/>
      <c r="C20217" s="2"/>
    </row>
    <row r="20218" spans="1:3" ht="19.2">
      <c r="A20218" s="2"/>
      <c r="B20218" s="2"/>
      <c r="C20218" s="2"/>
    </row>
    <row r="20219" spans="1:3" ht="19.2">
      <c r="A20219" s="2"/>
      <c r="B20219" s="2"/>
      <c r="C20219" s="2"/>
    </row>
    <row r="20220" spans="1:3" ht="19.2">
      <c r="A20220" s="2"/>
      <c r="B20220" s="2"/>
      <c r="C20220" s="2"/>
    </row>
    <row r="20221" spans="1:3" ht="19.2">
      <c r="A20221" s="2"/>
      <c r="B20221" s="2"/>
      <c r="C20221" s="2"/>
    </row>
    <row r="20222" spans="1:3" ht="19.2">
      <c r="A20222" s="2"/>
      <c r="B20222" s="2"/>
      <c r="C20222" s="2"/>
    </row>
    <row r="20223" spans="1:3" ht="19.2">
      <c r="A20223" s="2"/>
      <c r="B20223" s="2"/>
      <c r="C20223" s="2"/>
    </row>
    <row r="20224" spans="1:3" ht="19.2">
      <c r="A20224" s="2"/>
      <c r="B20224" s="2"/>
      <c r="C20224" s="2"/>
    </row>
    <row r="20225" spans="1:3" ht="19.2">
      <c r="A20225" s="2"/>
      <c r="B20225" s="2"/>
      <c r="C20225" s="2"/>
    </row>
    <row r="20226" spans="1:3" ht="19.2">
      <c r="A20226" s="2"/>
      <c r="B20226" s="2"/>
      <c r="C20226" s="2"/>
    </row>
    <row r="20227" spans="1:3" ht="19.2">
      <c r="A20227" s="2"/>
      <c r="B20227" s="2"/>
      <c r="C20227" s="2"/>
    </row>
    <row r="20228" spans="1:3" ht="19.2">
      <c r="A20228" s="2"/>
      <c r="B20228" s="2"/>
      <c r="C20228" s="2"/>
    </row>
    <row r="20229" spans="1:3" ht="19.2">
      <c r="A20229" s="2"/>
      <c r="B20229" s="2"/>
      <c r="C20229" s="2"/>
    </row>
    <row r="20230" spans="1:3" ht="19.2">
      <c r="A20230" s="2"/>
      <c r="B20230" s="2"/>
      <c r="C20230" s="2"/>
    </row>
    <row r="20231" spans="1:3" ht="19.2">
      <c r="A20231" s="2"/>
      <c r="B20231" s="2"/>
      <c r="C20231" s="2"/>
    </row>
    <row r="20232" spans="1:3" ht="19.2">
      <c r="A20232" s="2"/>
      <c r="B20232" s="2"/>
      <c r="C20232" s="2"/>
    </row>
    <row r="20233" spans="1:3" ht="19.2">
      <c r="A20233" s="2"/>
      <c r="B20233" s="2"/>
      <c r="C20233" s="2"/>
    </row>
    <row r="20234" spans="1:3" ht="19.2">
      <c r="A20234" s="2"/>
      <c r="B20234" s="2"/>
      <c r="C20234" s="2"/>
    </row>
    <row r="20235" spans="1:3" ht="19.2">
      <c r="A20235" s="2"/>
      <c r="B20235" s="2"/>
      <c r="C20235" s="2"/>
    </row>
    <row r="20236" spans="1:3" ht="19.2">
      <c r="A20236" s="2"/>
      <c r="B20236" s="2"/>
      <c r="C20236" s="2"/>
    </row>
    <row r="20237" spans="1:3" ht="19.2">
      <c r="A20237" s="2"/>
      <c r="B20237" s="2"/>
      <c r="C20237" s="2"/>
    </row>
    <row r="20238" spans="1:3" ht="19.2">
      <c r="A20238" s="2"/>
      <c r="B20238" s="2"/>
      <c r="C20238" s="2"/>
    </row>
    <row r="20239" spans="1:3" ht="19.2">
      <c r="A20239" s="2"/>
      <c r="B20239" s="2"/>
      <c r="C20239" s="2"/>
    </row>
    <row r="20240" spans="1:3" ht="19.2">
      <c r="A20240" s="2"/>
      <c r="B20240" s="2"/>
      <c r="C20240" s="2"/>
    </row>
    <row r="20241" spans="1:3" ht="19.2">
      <c r="A20241" s="2"/>
      <c r="B20241" s="2"/>
      <c r="C20241" s="2"/>
    </row>
    <row r="20242" spans="1:3" ht="19.2">
      <c r="A20242" s="2"/>
      <c r="B20242" s="2"/>
      <c r="C20242" s="2"/>
    </row>
    <row r="20243" spans="1:3" ht="19.2">
      <c r="A20243" s="2"/>
      <c r="B20243" s="2"/>
      <c r="C20243" s="2"/>
    </row>
    <row r="20244" spans="1:3" ht="19.2">
      <c r="A20244" s="2"/>
      <c r="B20244" s="2"/>
      <c r="C20244" s="2"/>
    </row>
    <row r="20245" spans="1:3" ht="19.2">
      <c r="A20245" s="2"/>
      <c r="B20245" s="2"/>
      <c r="C20245" s="2"/>
    </row>
    <row r="20246" spans="1:3" ht="19.2">
      <c r="A20246" s="2"/>
      <c r="B20246" s="2"/>
      <c r="C20246" s="2"/>
    </row>
    <row r="20247" spans="1:3" ht="19.2">
      <c r="A20247" s="2"/>
      <c r="B20247" s="2"/>
      <c r="C20247" s="2"/>
    </row>
    <row r="20248" spans="1:3" ht="19.2">
      <c r="A20248" s="2"/>
      <c r="B20248" s="2"/>
      <c r="C20248" s="2"/>
    </row>
    <row r="20249" spans="1:3" ht="19.2">
      <c r="A20249" s="2"/>
      <c r="B20249" s="2"/>
      <c r="C20249" s="2"/>
    </row>
    <row r="20250" spans="1:3" ht="19.2">
      <c r="A20250" s="2"/>
      <c r="B20250" s="2"/>
      <c r="C20250" s="2"/>
    </row>
    <row r="20251" spans="1:3" ht="19.2">
      <c r="A20251" s="2"/>
      <c r="B20251" s="2"/>
      <c r="C20251" s="2"/>
    </row>
    <row r="20252" spans="1:3" ht="19.2">
      <c r="A20252" s="2"/>
      <c r="B20252" s="2"/>
      <c r="C20252" s="2"/>
    </row>
    <row r="20253" spans="1:3" ht="19.2">
      <c r="A20253" s="2"/>
      <c r="B20253" s="2"/>
      <c r="C20253" s="2"/>
    </row>
    <row r="20254" spans="1:3" ht="19.2">
      <c r="A20254" s="2"/>
      <c r="B20254" s="2"/>
      <c r="C20254" s="2"/>
    </row>
    <row r="20255" spans="1:3" ht="19.2">
      <c r="A20255" s="2"/>
      <c r="B20255" s="2"/>
      <c r="C20255" s="2"/>
    </row>
    <row r="20256" spans="1:3" ht="19.2">
      <c r="A20256" s="2"/>
      <c r="B20256" s="2"/>
      <c r="C20256" s="2"/>
    </row>
    <row r="20257" spans="1:3" ht="19.2">
      <c r="A20257" s="2"/>
      <c r="B20257" s="2"/>
      <c r="C20257" s="2"/>
    </row>
    <row r="20258" spans="1:3" ht="19.2">
      <c r="A20258" s="2"/>
      <c r="B20258" s="2"/>
      <c r="C20258" s="2"/>
    </row>
    <row r="20259" spans="1:3" ht="19.2">
      <c r="A20259" s="2"/>
      <c r="B20259" s="2"/>
      <c r="C20259" s="2"/>
    </row>
    <row r="20260" spans="1:3" ht="19.2">
      <c r="A20260" s="2"/>
      <c r="B20260" s="2"/>
      <c r="C20260" s="2"/>
    </row>
    <row r="20261" spans="1:3" ht="19.2">
      <c r="A20261" s="2"/>
      <c r="B20261" s="2"/>
      <c r="C20261" s="2"/>
    </row>
    <row r="20262" spans="1:3" ht="19.2">
      <c r="A20262" s="2"/>
      <c r="B20262" s="2"/>
      <c r="C20262" s="2"/>
    </row>
    <row r="20263" spans="1:3" ht="19.2">
      <c r="A20263" s="2"/>
      <c r="B20263" s="2"/>
      <c r="C20263" s="2"/>
    </row>
    <row r="20264" spans="1:3" ht="19.2">
      <c r="A20264" s="2"/>
      <c r="B20264" s="2"/>
      <c r="C20264" s="2"/>
    </row>
    <row r="20265" spans="1:3" ht="19.2">
      <c r="A20265" s="2"/>
      <c r="B20265" s="2"/>
      <c r="C20265" s="2"/>
    </row>
    <row r="20266" spans="1:3" ht="19.2">
      <c r="A20266" s="2"/>
      <c r="B20266" s="2"/>
      <c r="C20266" s="2"/>
    </row>
    <row r="20267" spans="1:3" ht="19.2">
      <c r="A20267" s="2"/>
      <c r="B20267" s="2"/>
      <c r="C20267" s="2"/>
    </row>
    <row r="20268" spans="1:3" ht="19.2">
      <c r="A20268" s="2"/>
      <c r="B20268" s="2"/>
      <c r="C20268" s="2"/>
    </row>
    <row r="20269" spans="1:3" ht="19.2">
      <c r="A20269" s="2"/>
      <c r="B20269" s="2"/>
      <c r="C20269" s="2"/>
    </row>
    <row r="20270" spans="1:3" ht="19.2">
      <c r="A20270" s="2"/>
      <c r="B20270" s="2"/>
      <c r="C20270" s="2"/>
    </row>
    <row r="20271" spans="1:3" ht="19.2">
      <c r="A20271" s="2"/>
      <c r="B20271" s="2"/>
      <c r="C20271" s="2"/>
    </row>
    <row r="20272" spans="1:3" ht="19.2">
      <c r="A20272" s="2"/>
      <c r="B20272" s="2"/>
      <c r="C20272" s="2"/>
    </row>
    <row r="20273" spans="1:3" ht="19.2">
      <c r="A20273" s="2"/>
      <c r="B20273" s="2"/>
      <c r="C20273" s="2"/>
    </row>
    <row r="20274" spans="1:3" ht="19.2">
      <c r="A20274" s="2"/>
      <c r="B20274" s="2"/>
      <c r="C20274" s="2"/>
    </row>
    <row r="20275" spans="1:3" ht="19.2">
      <c r="A20275" s="2"/>
      <c r="B20275" s="2"/>
      <c r="C20275" s="2"/>
    </row>
    <row r="20276" spans="1:3" ht="19.2">
      <c r="A20276" s="2"/>
      <c r="B20276" s="2"/>
      <c r="C20276" s="2"/>
    </row>
    <row r="20277" spans="1:3" ht="19.2">
      <c r="A20277" s="2"/>
      <c r="B20277" s="2"/>
      <c r="C20277" s="2"/>
    </row>
    <row r="20278" spans="1:3" ht="19.2">
      <c r="A20278" s="2"/>
      <c r="B20278" s="2"/>
      <c r="C20278" s="2"/>
    </row>
    <row r="20279" spans="1:3" ht="19.2">
      <c r="A20279" s="2"/>
      <c r="B20279" s="2"/>
      <c r="C20279" s="2"/>
    </row>
    <row r="20280" spans="1:3" ht="19.2">
      <c r="A20280" s="2"/>
      <c r="B20280" s="2"/>
      <c r="C20280" s="2"/>
    </row>
    <row r="20281" spans="1:3" ht="19.2">
      <c r="A20281" s="2"/>
      <c r="B20281" s="2"/>
      <c r="C20281" s="2"/>
    </row>
    <row r="20282" spans="1:3" ht="19.2">
      <c r="A20282" s="2"/>
      <c r="B20282" s="2"/>
      <c r="C20282" s="2"/>
    </row>
    <row r="20283" spans="1:3" ht="19.2">
      <c r="A20283" s="2"/>
      <c r="B20283" s="2"/>
      <c r="C20283" s="2"/>
    </row>
    <row r="20284" spans="1:3" ht="19.2">
      <c r="A20284" s="2"/>
      <c r="B20284" s="2"/>
      <c r="C20284" s="2"/>
    </row>
    <row r="20285" spans="1:3" ht="19.2">
      <c r="A20285" s="2"/>
      <c r="B20285" s="2"/>
      <c r="C20285" s="2"/>
    </row>
    <row r="20286" spans="1:3" ht="19.2">
      <c r="A20286" s="2"/>
      <c r="B20286" s="2"/>
      <c r="C20286" s="2"/>
    </row>
    <row r="20287" spans="1:3" ht="19.2">
      <c r="A20287" s="2"/>
      <c r="B20287" s="2"/>
      <c r="C20287" s="2"/>
    </row>
    <row r="20288" spans="1:3" ht="19.2">
      <c r="A20288" s="2"/>
      <c r="B20288" s="2"/>
      <c r="C20288" s="2"/>
    </row>
    <row r="20289" spans="1:3" ht="19.2">
      <c r="A20289" s="2"/>
      <c r="B20289" s="2"/>
      <c r="C20289" s="2"/>
    </row>
    <row r="20290" spans="1:3" ht="19.2">
      <c r="A20290" s="2"/>
      <c r="B20290" s="2"/>
      <c r="C20290" s="2"/>
    </row>
    <row r="20291" spans="1:3" ht="19.2">
      <c r="A20291" s="2"/>
      <c r="B20291" s="2"/>
      <c r="C20291" s="2"/>
    </row>
    <row r="20292" spans="1:3" ht="19.2">
      <c r="A20292" s="2"/>
      <c r="B20292" s="2"/>
      <c r="C20292" s="2"/>
    </row>
    <row r="20293" spans="1:3" ht="19.2">
      <c r="A20293" s="2"/>
      <c r="B20293" s="2"/>
      <c r="C20293" s="2"/>
    </row>
    <row r="20294" spans="1:3" ht="19.2">
      <c r="A20294" s="2"/>
      <c r="B20294" s="2"/>
      <c r="C20294" s="2"/>
    </row>
    <row r="20295" spans="1:3" ht="19.2">
      <c r="A20295" s="2"/>
      <c r="B20295" s="2"/>
      <c r="C20295" s="2"/>
    </row>
    <row r="20296" spans="1:3" ht="19.2">
      <c r="A20296" s="2"/>
      <c r="B20296" s="2"/>
      <c r="C20296" s="2"/>
    </row>
    <row r="20297" spans="1:3" ht="19.2">
      <c r="A20297" s="2"/>
      <c r="B20297" s="2"/>
      <c r="C20297" s="2"/>
    </row>
    <row r="20298" spans="1:3" ht="19.2">
      <c r="A20298" s="2"/>
      <c r="B20298" s="2"/>
      <c r="C20298" s="2"/>
    </row>
    <row r="20299" spans="1:3" ht="19.2">
      <c r="A20299" s="2"/>
      <c r="B20299" s="2"/>
      <c r="C20299" s="2"/>
    </row>
    <row r="20300" spans="1:3" ht="19.2">
      <c r="A20300" s="2"/>
      <c r="B20300" s="2"/>
      <c r="C20300" s="2"/>
    </row>
    <row r="20301" spans="1:3" ht="19.2">
      <c r="A20301" s="2"/>
      <c r="B20301" s="2"/>
      <c r="C20301" s="2"/>
    </row>
    <row r="20302" spans="1:3" ht="19.2">
      <c r="A20302" s="2"/>
      <c r="B20302" s="2"/>
      <c r="C20302" s="2"/>
    </row>
    <row r="20303" spans="1:3" ht="19.2">
      <c r="A20303" s="2"/>
      <c r="B20303" s="2"/>
      <c r="C20303" s="2"/>
    </row>
    <row r="20304" spans="1:3" ht="19.2">
      <c r="A20304" s="2"/>
      <c r="B20304" s="2"/>
      <c r="C20304" s="2"/>
    </row>
    <row r="20305" spans="1:3" ht="19.2">
      <c r="A20305" s="2"/>
      <c r="B20305" s="2"/>
      <c r="C20305" s="2"/>
    </row>
    <row r="20306" spans="1:3" ht="19.2">
      <c r="A20306" s="2"/>
      <c r="B20306" s="2"/>
      <c r="C20306" s="2"/>
    </row>
    <row r="20307" spans="1:3" ht="19.2">
      <c r="A20307" s="2"/>
      <c r="B20307" s="2"/>
      <c r="C20307" s="2"/>
    </row>
    <row r="20308" spans="1:3" ht="19.2">
      <c r="A20308" s="2"/>
      <c r="B20308" s="2"/>
      <c r="C20308" s="2"/>
    </row>
    <row r="20309" spans="1:3" ht="19.2">
      <c r="A20309" s="2"/>
      <c r="B20309" s="2"/>
      <c r="C20309" s="2"/>
    </row>
    <row r="20310" spans="1:3" ht="19.2">
      <c r="A20310" s="2"/>
      <c r="B20310" s="2"/>
      <c r="C20310" s="2"/>
    </row>
    <row r="20311" spans="1:3" ht="19.2">
      <c r="A20311" s="2"/>
      <c r="B20311" s="2"/>
      <c r="C20311" s="2"/>
    </row>
    <row r="20312" spans="1:3" ht="19.2">
      <c r="A20312" s="2"/>
      <c r="B20312" s="2"/>
      <c r="C20312" s="2"/>
    </row>
    <row r="20313" spans="1:3" ht="19.2">
      <c r="A20313" s="2"/>
      <c r="B20313" s="2"/>
      <c r="C20313" s="2"/>
    </row>
    <row r="20314" spans="1:3" ht="19.2">
      <c r="A20314" s="2"/>
      <c r="B20314" s="2"/>
      <c r="C20314" s="2"/>
    </row>
    <row r="20315" spans="1:3" ht="19.2">
      <c r="A20315" s="2"/>
      <c r="B20315" s="2"/>
      <c r="C20315" s="2"/>
    </row>
    <row r="20316" spans="1:3" ht="19.2">
      <c r="A20316" s="2"/>
      <c r="B20316" s="2"/>
      <c r="C20316" s="2"/>
    </row>
    <row r="20317" spans="1:3" ht="19.2">
      <c r="A20317" s="2"/>
      <c r="B20317" s="2"/>
      <c r="C20317" s="2"/>
    </row>
    <row r="20318" spans="1:3" ht="19.2">
      <c r="A20318" s="2"/>
      <c r="B20318" s="2"/>
      <c r="C20318" s="2"/>
    </row>
    <row r="20319" spans="1:3" ht="19.2">
      <c r="A20319" s="2"/>
      <c r="B20319" s="2"/>
      <c r="C20319" s="2"/>
    </row>
    <row r="20320" spans="1:3" ht="19.2">
      <c r="A20320" s="2"/>
      <c r="B20320" s="2"/>
      <c r="C20320" s="2"/>
    </row>
    <row r="20321" spans="1:3" ht="19.2">
      <c r="A20321" s="2"/>
      <c r="B20321" s="2"/>
      <c r="C20321" s="2"/>
    </row>
    <row r="20322" spans="1:3" ht="19.2">
      <c r="A20322" s="2"/>
      <c r="B20322" s="2"/>
      <c r="C20322" s="2"/>
    </row>
    <row r="20323" spans="1:3" ht="19.2">
      <c r="A20323" s="2"/>
      <c r="B20323" s="2"/>
      <c r="C20323" s="2"/>
    </row>
    <row r="20324" spans="1:3" ht="19.2">
      <c r="A20324" s="2"/>
      <c r="B20324" s="2"/>
      <c r="C20324" s="2"/>
    </row>
    <row r="20325" spans="1:3" ht="19.2">
      <c r="A20325" s="2"/>
      <c r="B20325" s="2"/>
      <c r="C20325" s="2"/>
    </row>
    <row r="20326" spans="1:3" ht="19.2">
      <c r="A20326" s="2"/>
      <c r="B20326" s="2"/>
      <c r="C20326" s="2"/>
    </row>
    <row r="20327" spans="1:3" ht="19.2">
      <c r="A20327" s="2"/>
      <c r="B20327" s="2"/>
      <c r="C20327" s="2"/>
    </row>
    <row r="20328" spans="1:3" ht="19.2">
      <c r="A20328" s="2"/>
      <c r="B20328" s="2"/>
      <c r="C20328" s="2"/>
    </row>
    <row r="20329" spans="1:3" ht="19.2">
      <c r="A20329" s="2"/>
      <c r="B20329" s="2"/>
      <c r="C20329" s="2"/>
    </row>
    <row r="20330" spans="1:3" ht="19.2">
      <c r="A20330" s="2"/>
      <c r="B20330" s="2"/>
      <c r="C20330" s="2"/>
    </row>
    <row r="20331" spans="1:3" ht="19.2">
      <c r="A20331" s="2"/>
      <c r="B20331" s="2"/>
      <c r="C20331" s="2"/>
    </row>
    <row r="20332" spans="1:3" ht="19.2">
      <c r="A20332" s="2"/>
      <c r="B20332" s="2"/>
      <c r="C20332" s="2"/>
    </row>
    <row r="20333" spans="1:3" ht="19.2">
      <c r="A20333" s="2"/>
      <c r="B20333" s="2"/>
      <c r="C20333" s="2"/>
    </row>
    <row r="20334" spans="1:3" ht="19.2">
      <c r="A20334" s="2"/>
      <c r="B20334" s="2"/>
      <c r="C20334" s="2"/>
    </row>
    <row r="20335" spans="1:3" ht="19.2">
      <c r="A20335" s="2"/>
      <c r="B20335" s="2"/>
      <c r="C20335" s="2"/>
    </row>
    <row r="20336" spans="1:3" ht="19.2">
      <c r="A20336" s="2"/>
      <c r="B20336" s="2"/>
      <c r="C20336" s="2"/>
    </row>
    <row r="20337" spans="1:3" ht="19.2">
      <c r="A20337" s="2"/>
      <c r="B20337" s="2"/>
      <c r="C20337" s="2"/>
    </row>
    <row r="20338" spans="1:3" ht="19.2">
      <c r="A20338" s="2"/>
      <c r="B20338" s="2"/>
      <c r="C20338" s="2"/>
    </row>
    <row r="20339" spans="1:3" ht="19.2">
      <c r="A20339" s="2"/>
      <c r="B20339" s="2"/>
      <c r="C20339" s="2"/>
    </row>
    <row r="20340" spans="1:3" ht="19.2">
      <c r="A20340" s="2"/>
      <c r="B20340" s="2"/>
      <c r="C20340" s="2"/>
    </row>
    <row r="20341" spans="1:3" ht="19.2">
      <c r="A20341" s="2"/>
      <c r="B20341" s="2"/>
      <c r="C20341" s="2"/>
    </row>
    <row r="20342" spans="1:3" ht="19.2">
      <c r="A20342" s="2"/>
      <c r="B20342" s="2"/>
      <c r="C20342" s="2"/>
    </row>
    <row r="20343" spans="1:3" ht="19.2">
      <c r="A20343" s="2"/>
      <c r="B20343" s="2"/>
      <c r="C20343" s="2"/>
    </row>
    <row r="20344" spans="1:3" ht="19.2">
      <c r="A20344" s="2"/>
      <c r="B20344" s="2"/>
      <c r="C20344" s="2"/>
    </row>
    <row r="20345" spans="1:3" ht="19.2">
      <c r="A20345" s="2"/>
      <c r="B20345" s="2"/>
      <c r="C20345" s="2"/>
    </row>
    <row r="20346" spans="1:3" ht="19.2">
      <c r="A20346" s="2"/>
      <c r="B20346" s="2"/>
      <c r="C20346" s="2"/>
    </row>
    <row r="20347" spans="1:3" ht="19.2">
      <c r="A20347" s="2"/>
      <c r="B20347" s="2"/>
      <c r="C20347" s="2"/>
    </row>
    <row r="20348" spans="1:3" ht="19.2">
      <c r="A20348" s="2"/>
      <c r="B20348" s="2"/>
      <c r="C20348" s="2"/>
    </row>
    <row r="20349" spans="1:3" ht="19.2">
      <c r="A20349" s="2"/>
      <c r="B20349" s="2"/>
      <c r="C20349" s="2"/>
    </row>
    <row r="20350" spans="1:3" ht="19.2">
      <c r="A20350" s="2"/>
      <c r="B20350" s="2"/>
      <c r="C20350" s="2"/>
    </row>
    <row r="20351" spans="1:3" ht="19.2">
      <c r="A20351" s="2"/>
      <c r="B20351" s="2"/>
      <c r="C20351" s="2"/>
    </row>
    <row r="20352" spans="1:3" ht="19.2">
      <c r="A20352" s="2"/>
      <c r="B20352" s="2"/>
      <c r="C20352" s="2"/>
    </row>
    <row r="20353" spans="1:3" ht="19.2">
      <c r="A20353" s="2"/>
      <c r="B20353" s="2"/>
      <c r="C20353" s="2"/>
    </row>
    <row r="20354" spans="1:3" ht="19.2">
      <c r="A20354" s="2"/>
      <c r="B20354" s="2"/>
      <c r="C20354" s="2"/>
    </row>
    <row r="20355" spans="1:3" ht="19.2">
      <c r="A20355" s="2"/>
      <c r="B20355" s="2"/>
      <c r="C20355" s="2"/>
    </row>
    <row r="20356" spans="1:3" ht="19.2">
      <c r="A20356" s="2"/>
      <c r="B20356" s="2"/>
      <c r="C20356" s="2"/>
    </row>
    <row r="20357" spans="1:3" ht="19.2">
      <c r="A20357" s="2"/>
      <c r="B20357" s="2"/>
      <c r="C20357" s="2"/>
    </row>
    <row r="20358" spans="1:3" ht="19.2">
      <c r="A20358" s="2"/>
      <c r="B20358" s="2"/>
      <c r="C20358" s="2"/>
    </row>
    <row r="20359" spans="1:3" ht="19.2">
      <c r="A20359" s="2"/>
      <c r="B20359" s="2"/>
      <c r="C20359" s="2"/>
    </row>
    <row r="20360" spans="1:3" ht="19.2">
      <c r="A20360" s="2"/>
      <c r="B20360" s="2"/>
      <c r="C20360" s="2"/>
    </row>
    <row r="20361" spans="1:3" ht="19.2">
      <c r="A20361" s="2"/>
      <c r="B20361" s="2"/>
      <c r="C20361" s="2"/>
    </row>
    <row r="20362" spans="1:3" ht="19.2">
      <c r="A20362" s="2"/>
      <c r="B20362" s="2"/>
      <c r="C20362" s="2"/>
    </row>
    <row r="20363" spans="1:3" ht="19.2">
      <c r="A20363" s="2"/>
      <c r="B20363" s="2"/>
      <c r="C20363" s="2"/>
    </row>
    <row r="20364" spans="1:3" ht="19.2">
      <c r="A20364" s="2"/>
      <c r="B20364" s="2"/>
      <c r="C20364" s="2"/>
    </row>
    <row r="20365" spans="1:3" ht="19.2">
      <c r="A20365" s="2"/>
      <c r="B20365" s="2"/>
      <c r="C20365" s="2"/>
    </row>
    <row r="20366" spans="1:3" ht="19.2">
      <c r="A20366" s="2"/>
      <c r="B20366" s="2"/>
      <c r="C20366" s="2"/>
    </row>
    <row r="20367" spans="1:3" ht="19.2">
      <c r="A20367" s="2"/>
      <c r="B20367" s="2"/>
      <c r="C20367" s="2"/>
    </row>
    <row r="20368" spans="1:3" ht="19.2">
      <c r="A20368" s="2"/>
      <c r="B20368" s="2"/>
      <c r="C20368" s="2"/>
    </row>
    <row r="20369" spans="1:3" ht="19.2">
      <c r="A20369" s="2"/>
      <c r="B20369" s="2"/>
      <c r="C20369" s="2"/>
    </row>
    <row r="20370" spans="1:3" ht="19.2">
      <c r="A20370" s="2"/>
      <c r="B20370" s="2"/>
      <c r="C20370" s="2"/>
    </row>
    <row r="20371" spans="1:3" ht="19.2">
      <c r="A20371" s="2"/>
      <c r="B20371" s="2"/>
      <c r="C20371" s="2"/>
    </row>
    <row r="20372" spans="1:3" ht="19.2">
      <c r="A20372" s="2"/>
      <c r="B20372" s="2"/>
      <c r="C20372" s="2"/>
    </row>
    <row r="20373" spans="1:3" ht="19.2">
      <c r="A20373" s="2"/>
      <c r="B20373" s="2"/>
      <c r="C20373" s="2"/>
    </row>
    <row r="20374" spans="1:3" ht="19.2">
      <c r="A20374" s="2"/>
      <c r="B20374" s="2"/>
      <c r="C20374" s="2"/>
    </row>
    <row r="20375" spans="1:3" ht="19.2">
      <c r="A20375" s="2"/>
      <c r="B20375" s="2"/>
      <c r="C20375" s="2"/>
    </row>
    <row r="20376" spans="1:3" ht="19.2">
      <c r="A20376" s="2"/>
      <c r="B20376" s="2"/>
      <c r="C20376" s="2"/>
    </row>
    <row r="20377" spans="1:3" ht="19.2">
      <c r="A20377" s="2"/>
      <c r="B20377" s="2"/>
      <c r="C20377" s="2"/>
    </row>
    <row r="20378" spans="1:3" ht="19.2">
      <c r="A20378" s="2"/>
      <c r="B20378" s="2"/>
      <c r="C20378" s="2"/>
    </row>
    <row r="20379" spans="1:3" ht="19.2">
      <c r="A20379" s="2"/>
      <c r="B20379" s="2"/>
      <c r="C20379" s="2"/>
    </row>
    <row r="20380" spans="1:3" ht="19.2">
      <c r="A20380" s="2"/>
      <c r="B20380" s="2"/>
      <c r="C20380" s="2"/>
    </row>
    <row r="20381" spans="1:3" ht="19.2">
      <c r="A20381" s="2"/>
      <c r="B20381" s="2"/>
      <c r="C20381" s="2"/>
    </row>
    <row r="20382" spans="1:3" ht="19.2">
      <c r="A20382" s="2"/>
      <c r="B20382" s="2"/>
      <c r="C20382" s="2"/>
    </row>
    <row r="20383" spans="1:3" ht="19.2">
      <c r="A20383" s="2"/>
      <c r="B20383" s="2"/>
      <c r="C20383" s="2"/>
    </row>
    <row r="20384" spans="1:3" ht="19.2">
      <c r="A20384" s="2"/>
      <c r="B20384" s="2"/>
      <c r="C20384" s="2"/>
    </row>
    <row r="20385" spans="1:3" ht="19.2">
      <c r="A20385" s="2"/>
      <c r="B20385" s="2"/>
      <c r="C20385" s="2"/>
    </row>
    <row r="20386" spans="1:3" ht="19.2">
      <c r="A20386" s="2"/>
      <c r="B20386" s="2"/>
      <c r="C20386" s="2"/>
    </row>
    <row r="20387" spans="1:3" ht="19.2">
      <c r="A20387" s="2"/>
      <c r="B20387" s="2"/>
      <c r="C20387" s="2"/>
    </row>
    <row r="20388" spans="1:3" ht="19.2">
      <c r="A20388" s="2"/>
      <c r="B20388" s="2"/>
      <c r="C20388" s="2"/>
    </row>
    <row r="20389" spans="1:3" ht="19.2">
      <c r="A20389" s="2"/>
      <c r="B20389" s="2"/>
      <c r="C20389" s="2"/>
    </row>
    <row r="20390" spans="1:3" ht="19.2">
      <c r="A20390" s="2"/>
      <c r="B20390" s="2"/>
      <c r="C20390" s="2"/>
    </row>
    <row r="20391" spans="1:3" ht="19.2">
      <c r="A20391" s="2"/>
      <c r="B20391" s="2"/>
      <c r="C20391" s="2"/>
    </row>
    <row r="20392" spans="1:3" ht="19.2">
      <c r="A20392" s="2"/>
      <c r="B20392" s="2"/>
      <c r="C20392" s="2"/>
    </row>
    <row r="20393" spans="1:3" ht="19.2">
      <c r="A20393" s="2"/>
      <c r="B20393" s="2"/>
      <c r="C20393" s="2"/>
    </row>
    <row r="20394" spans="1:3" ht="19.2">
      <c r="A20394" s="2"/>
      <c r="B20394" s="2"/>
      <c r="C20394" s="2"/>
    </row>
    <row r="20395" spans="1:3" ht="19.2">
      <c r="A20395" s="2"/>
      <c r="B20395" s="2"/>
      <c r="C20395" s="2"/>
    </row>
    <row r="20396" spans="1:3" ht="19.2">
      <c r="A20396" s="2"/>
      <c r="B20396" s="2"/>
      <c r="C20396" s="2"/>
    </row>
    <row r="20397" spans="1:3" ht="19.2">
      <c r="A20397" s="2"/>
      <c r="B20397" s="2"/>
      <c r="C20397" s="2"/>
    </row>
    <row r="20398" spans="1:3" ht="19.2">
      <c r="A20398" s="2"/>
      <c r="B20398" s="2"/>
      <c r="C20398" s="2"/>
    </row>
    <row r="20399" spans="1:3" ht="19.2">
      <c r="A20399" s="2"/>
      <c r="B20399" s="2"/>
      <c r="C20399" s="2"/>
    </row>
    <row r="20400" spans="1:3" ht="19.2">
      <c r="A20400" s="2"/>
      <c r="B20400" s="2"/>
      <c r="C20400" s="2"/>
    </row>
    <row r="20401" spans="1:3" ht="19.2">
      <c r="A20401" s="2"/>
      <c r="B20401" s="2"/>
      <c r="C20401" s="2"/>
    </row>
    <row r="20402" spans="1:3" ht="19.2">
      <c r="A20402" s="2"/>
      <c r="B20402" s="2"/>
      <c r="C20402" s="2"/>
    </row>
    <row r="20403" spans="1:3" ht="19.2">
      <c r="A20403" s="2"/>
      <c r="B20403" s="2"/>
      <c r="C20403" s="2"/>
    </row>
    <row r="20404" spans="1:3" ht="19.2">
      <c r="A20404" s="2"/>
      <c r="B20404" s="2"/>
      <c r="C20404" s="2"/>
    </row>
    <row r="20405" spans="1:3" ht="19.2">
      <c r="A20405" s="2"/>
      <c r="B20405" s="2"/>
      <c r="C20405" s="2"/>
    </row>
    <row r="20406" spans="1:3" ht="19.2">
      <c r="A20406" s="2"/>
      <c r="B20406" s="2"/>
      <c r="C20406" s="2"/>
    </row>
    <row r="20407" spans="1:3" ht="19.2">
      <c r="A20407" s="2"/>
      <c r="B20407" s="2"/>
      <c r="C20407" s="2"/>
    </row>
    <row r="20408" spans="1:3" ht="19.2">
      <c r="A20408" s="2"/>
      <c r="B20408" s="2"/>
      <c r="C20408" s="2"/>
    </row>
    <row r="20409" spans="1:3" ht="19.2">
      <c r="A20409" s="2"/>
      <c r="B20409" s="2"/>
      <c r="C20409" s="2"/>
    </row>
    <row r="20410" spans="1:3" ht="19.2">
      <c r="A20410" s="2"/>
      <c r="B20410" s="2"/>
      <c r="C20410" s="2"/>
    </row>
    <row r="20411" spans="1:3" ht="19.2">
      <c r="A20411" s="2"/>
      <c r="B20411" s="2"/>
      <c r="C20411" s="2"/>
    </row>
    <row r="20412" spans="1:3" ht="19.2">
      <c r="A20412" s="2"/>
      <c r="B20412" s="2"/>
      <c r="C20412" s="2"/>
    </row>
    <row r="20413" spans="1:3" ht="19.2">
      <c r="A20413" s="2"/>
      <c r="B20413" s="2"/>
      <c r="C20413" s="2"/>
    </row>
    <row r="20414" spans="1:3" ht="19.2">
      <c r="A20414" s="2"/>
      <c r="B20414" s="2"/>
      <c r="C20414" s="2"/>
    </row>
    <row r="20415" spans="1:3" ht="19.2">
      <c r="A20415" s="2"/>
      <c r="B20415" s="2"/>
      <c r="C20415" s="2"/>
    </row>
    <row r="20416" spans="1:3" ht="19.2">
      <c r="A20416" s="2"/>
      <c r="B20416" s="2"/>
      <c r="C20416" s="2"/>
    </row>
    <row r="20417" spans="1:3" ht="19.2">
      <c r="A20417" s="2"/>
      <c r="B20417" s="2"/>
      <c r="C20417" s="2"/>
    </row>
    <row r="20418" spans="1:3" ht="19.2">
      <c r="A20418" s="2"/>
      <c r="B20418" s="2"/>
      <c r="C20418" s="2"/>
    </row>
    <row r="20419" spans="1:3" ht="19.2">
      <c r="A20419" s="2"/>
      <c r="B20419" s="2"/>
      <c r="C20419" s="2"/>
    </row>
    <row r="20420" spans="1:3" ht="19.2">
      <c r="A20420" s="2"/>
      <c r="B20420" s="2"/>
      <c r="C20420" s="2"/>
    </row>
    <row r="20421" spans="1:3" ht="19.2">
      <c r="A20421" s="2"/>
      <c r="B20421" s="2"/>
      <c r="C20421" s="2"/>
    </row>
    <row r="20422" spans="1:3" ht="19.2">
      <c r="A20422" s="2"/>
      <c r="B20422" s="2"/>
      <c r="C20422" s="2"/>
    </row>
    <row r="20423" spans="1:3" ht="19.2">
      <c r="A20423" s="2"/>
      <c r="B20423" s="2"/>
      <c r="C20423" s="2"/>
    </row>
    <row r="20424" spans="1:3" ht="19.2">
      <c r="A20424" s="2"/>
      <c r="B20424" s="2"/>
      <c r="C20424" s="2"/>
    </row>
    <row r="20425" spans="1:3" ht="19.2">
      <c r="A20425" s="2"/>
      <c r="B20425" s="2"/>
      <c r="C20425" s="2"/>
    </row>
    <row r="20426" spans="1:3" ht="19.2">
      <c r="A20426" s="2"/>
      <c r="B20426" s="2"/>
      <c r="C20426" s="2"/>
    </row>
    <row r="20427" spans="1:3" ht="19.2">
      <c r="A20427" s="2"/>
      <c r="B20427" s="2"/>
      <c r="C20427" s="2"/>
    </row>
    <row r="20428" spans="1:3" ht="19.2">
      <c r="A20428" s="2"/>
      <c r="B20428" s="2"/>
      <c r="C20428" s="2"/>
    </row>
    <row r="20429" spans="1:3" ht="19.2">
      <c r="A20429" s="2"/>
      <c r="B20429" s="2"/>
      <c r="C20429" s="2"/>
    </row>
    <row r="20430" spans="1:3" ht="19.2">
      <c r="A20430" s="2"/>
      <c r="B20430" s="2"/>
      <c r="C20430" s="2"/>
    </row>
    <row r="20431" spans="1:3" ht="19.2">
      <c r="A20431" s="2"/>
      <c r="B20431" s="2"/>
      <c r="C20431" s="2"/>
    </row>
    <row r="20432" spans="1:3" ht="19.2">
      <c r="A20432" s="2"/>
      <c r="B20432" s="2"/>
      <c r="C20432" s="2"/>
    </row>
    <row r="20433" spans="1:3" ht="19.2">
      <c r="A20433" s="2"/>
      <c r="B20433" s="2"/>
      <c r="C20433" s="2"/>
    </row>
    <row r="20434" spans="1:3" ht="19.2">
      <c r="A20434" s="2"/>
      <c r="B20434" s="2"/>
      <c r="C20434" s="2"/>
    </row>
    <row r="20435" spans="1:3" ht="19.2">
      <c r="A20435" s="2"/>
      <c r="B20435" s="2"/>
      <c r="C20435" s="2"/>
    </row>
    <row r="20436" spans="1:3" ht="19.2">
      <c r="A20436" s="2"/>
      <c r="B20436" s="2"/>
      <c r="C20436" s="2"/>
    </row>
    <row r="20437" spans="1:3" ht="19.2">
      <c r="A20437" s="2"/>
      <c r="B20437" s="2"/>
      <c r="C20437" s="2"/>
    </row>
    <row r="20438" spans="1:3" ht="19.2">
      <c r="A20438" s="2"/>
      <c r="B20438" s="2"/>
      <c r="C20438" s="2"/>
    </row>
    <row r="20439" spans="1:3" ht="19.2">
      <c r="A20439" s="2"/>
      <c r="B20439" s="2"/>
      <c r="C20439" s="2"/>
    </row>
    <row r="20440" spans="1:3" ht="19.2">
      <c r="A20440" s="2"/>
      <c r="B20440" s="2"/>
      <c r="C20440" s="2"/>
    </row>
    <row r="20441" spans="1:3" ht="19.2">
      <c r="A20441" s="2"/>
      <c r="B20441" s="2"/>
      <c r="C20441" s="2"/>
    </row>
    <row r="20442" spans="1:3" ht="19.2">
      <c r="A20442" s="2"/>
      <c r="B20442" s="2"/>
      <c r="C20442" s="2"/>
    </row>
    <row r="20443" spans="1:3" ht="19.2">
      <c r="A20443" s="2"/>
      <c r="B20443" s="2"/>
      <c r="C20443" s="2"/>
    </row>
    <row r="20444" spans="1:3" ht="19.2">
      <c r="A20444" s="2"/>
      <c r="B20444" s="2"/>
      <c r="C20444" s="2"/>
    </row>
    <row r="20445" spans="1:3" ht="19.2">
      <c r="A20445" s="2"/>
      <c r="B20445" s="2"/>
      <c r="C20445" s="2"/>
    </row>
    <row r="20446" spans="1:3" ht="19.2">
      <c r="A20446" s="2"/>
      <c r="B20446" s="2"/>
      <c r="C20446" s="2"/>
    </row>
    <row r="20447" spans="1:3" ht="19.2">
      <c r="A20447" s="2"/>
      <c r="B20447" s="2"/>
      <c r="C20447" s="2"/>
    </row>
    <row r="20448" spans="1:3" ht="19.2">
      <c r="A20448" s="2"/>
      <c r="B20448" s="2"/>
      <c r="C20448" s="2"/>
    </row>
    <row r="20449" spans="1:3" ht="19.2">
      <c r="A20449" s="2"/>
      <c r="B20449" s="2"/>
      <c r="C20449" s="2"/>
    </row>
    <row r="20450" spans="1:3" ht="19.2">
      <c r="A20450" s="2"/>
      <c r="B20450" s="2"/>
      <c r="C20450" s="2"/>
    </row>
    <row r="20451" spans="1:3" ht="19.2">
      <c r="A20451" s="2"/>
      <c r="B20451" s="2"/>
      <c r="C20451" s="2"/>
    </row>
    <row r="20452" spans="1:3" ht="19.2">
      <c r="A20452" s="2"/>
      <c r="B20452" s="2"/>
      <c r="C20452" s="2"/>
    </row>
    <row r="20453" spans="1:3" ht="19.2">
      <c r="A20453" s="2"/>
      <c r="B20453" s="2"/>
      <c r="C20453" s="2"/>
    </row>
    <row r="20454" spans="1:3" ht="19.2">
      <c r="A20454" s="2"/>
      <c r="B20454" s="2"/>
      <c r="C20454" s="2"/>
    </row>
    <row r="20455" spans="1:3" ht="19.2">
      <c r="A20455" s="2"/>
      <c r="B20455" s="2"/>
      <c r="C20455" s="2"/>
    </row>
    <row r="20456" spans="1:3" ht="19.2">
      <c r="A20456" s="2"/>
      <c r="B20456" s="2"/>
      <c r="C20456" s="2"/>
    </row>
    <row r="20457" spans="1:3" ht="19.2">
      <c r="A20457" s="2"/>
      <c r="B20457" s="2"/>
      <c r="C20457" s="2"/>
    </row>
    <row r="20458" spans="1:3" ht="19.2">
      <c r="A20458" s="2"/>
      <c r="B20458" s="2"/>
      <c r="C20458" s="2"/>
    </row>
    <row r="20459" spans="1:3" ht="19.2">
      <c r="A20459" s="2"/>
      <c r="B20459" s="2"/>
      <c r="C20459" s="2"/>
    </row>
    <row r="20460" spans="1:3" ht="19.2">
      <c r="A20460" s="2"/>
      <c r="B20460" s="2"/>
      <c r="C20460" s="2"/>
    </row>
    <row r="20461" spans="1:3" ht="19.2">
      <c r="A20461" s="2"/>
      <c r="B20461" s="2"/>
      <c r="C20461" s="2"/>
    </row>
    <row r="20462" spans="1:3" ht="19.2">
      <c r="A20462" s="2"/>
      <c r="B20462" s="2"/>
      <c r="C20462" s="2"/>
    </row>
    <row r="20463" spans="1:3" ht="19.2">
      <c r="A20463" s="2"/>
      <c r="B20463" s="2"/>
      <c r="C20463" s="2"/>
    </row>
    <row r="20464" spans="1:3" ht="19.2">
      <c r="A20464" s="2"/>
      <c r="B20464" s="2"/>
      <c r="C20464" s="2"/>
    </row>
    <row r="20465" spans="1:3" ht="19.2">
      <c r="A20465" s="2"/>
      <c r="B20465" s="2"/>
      <c r="C20465" s="2"/>
    </row>
    <row r="20466" spans="1:3" ht="19.2">
      <c r="A20466" s="2"/>
      <c r="B20466" s="2"/>
      <c r="C20466" s="2"/>
    </row>
    <row r="20467" spans="1:3" ht="19.2">
      <c r="A20467" s="2"/>
      <c r="B20467" s="2"/>
      <c r="C20467" s="2"/>
    </row>
    <row r="20468" spans="1:3" ht="19.2">
      <c r="A20468" s="2"/>
      <c r="B20468" s="2"/>
      <c r="C20468" s="2"/>
    </row>
    <row r="20469" spans="1:3" ht="19.2">
      <c r="A20469" s="2"/>
      <c r="B20469" s="2"/>
      <c r="C20469" s="2"/>
    </row>
    <row r="20470" spans="1:3" ht="19.2">
      <c r="A20470" s="2"/>
      <c r="B20470" s="2"/>
      <c r="C20470" s="2"/>
    </row>
    <row r="20471" spans="1:3" ht="19.2">
      <c r="A20471" s="2"/>
      <c r="B20471" s="2"/>
      <c r="C20471" s="2"/>
    </row>
    <row r="20472" spans="1:3" ht="19.2">
      <c r="A20472" s="2"/>
      <c r="B20472" s="2"/>
      <c r="C20472" s="2"/>
    </row>
    <row r="20473" spans="1:3" ht="19.2">
      <c r="A20473" s="2"/>
      <c r="B20473" s="2"/>
      <c r="C20473" s="2"/>
    </row>
    <row r="20474" spans="1:3" ht="19.2">
      <c r="A20474" s="2"/>
      <c r="B20474" s="2"/>
      <c r="C20474" s="2"/>
    </row>
    <row r="20475" spans="1:3" ht="19.2">
      <c r="A20475" s="2"/>
      <c r="B20475" s="2"/>
      <c r="C20475" s="2"/>
    </row>
    <row r="20476" spans="1:3" ht="19.2">
      <c r="A20476" s="2"/>
      <c r="B20476" s="2"/>
      <c r="C20476" s="2"/>
    </row>
    <row r="20477" spans="1:3" ht="19.2">
      <c r="A20477" s="2"/>
      <c r="B20477" s="2"/>
      <c r="C20477" s="2"/>
    </row>
    <row r="20478" spans="1:3" ht="19.2">
      <c r="A20478" s="2"/>
      <c r="B20478" s="2"/>
      <c r="C20478" s="2"/>
    </row>
    <row r="20479" spans="1:3" ht="19.2">
      <c r="A20479" s="2"/>
      <c r="B20479" s="2"/>
      <c r="C20479" s="2"/>
    </row>
    <row r="20480" spans="1:3" ht="19.2">
      <c r="A20480" s="2"/>
      <c r="B20480" s="2"/>
      <c r="C20480" s="2"/>
    </row>
    <row r="20481" spans="1:3" ht="19.2">
      <c r="A20481" s="2"/>
      <c r="B20481" s="2"/>
      <c r="C20481" s="2"/>
    </row>
    <row r="20482" spans="1:3" ht="19.2">
      <c r="A20482" s="2"/>
      <c r="B20482" s="2"/>
      <c r="C20482" s="2"/>
    </row>
    <row r="20483" spans="1:3" ht="19.2">
      <c r="A20483" s="2"/>
      <c r="B20483" s="2"/>
      <c r="C20483" s="2"/>
    </row>
    <row r="20484" spans="1:3" ht="19.2">
      <c r="A20484" s="2"/>
      <c r="B20484" s="2"/>
      <c r="C20484" s="2"/>
    </row>
    <row r="20485" spans="1:3" ht="19.2">
      <c r="A20485" s="2"/>
      <c r="B20485" s="2"/>
      <c r="C20485" s="2"/>
    </row>
    <row r="20486" spans="1:3" ht="19.2">
      <c r="A20486" s="2"/>
      <c r="B20486" s="2"/>
      <c r="C20486" s="2"/>
    </row>
    <row r="20487" spans="1:3" ht="19.2">
      <c r="A20487" s="2"/>
      <c r="B20487" s="2"/>
      <c r="C20487" s="2"/>
    </row>
    <row r="20488" spans="1:3" ht="19.2">
      <c r="A20488" s="2"/>
      <c r="B20488" s="2"/>
      <c r="C20488" s="2"/>
    </row>
    <row r="20489" spans="1:3" ht="19.2">
      <c r="A20489" s="2"/>
      <c r="B20489" s="2"/>
      <c r="C20489" s="2"/>
    </row>
    <row r="20490" spans="1:3" ht="19.2">
      <c r="A20490" s="2"/>
      <c r="B20490" s="2"/>
      <c r="C20490" s="2"/>
    </row>
    <row r="20491" spans="1:3" ht="19.2">
      <c r="A20491" s="2"/>
      <c r="B20491" s="2"/>
      <c r="C20491" s="2"/>
    </row>
    <row r="20492" spans="1:3" ht="19.2">
      <c r="A20492" s="2"/>
      <c r="B20492" s="2"/>
      <c r="C20492" s="2"/>
    </row>
    <row r="20493" spans="1:3" ht="19.2">
      <c r="A20493" s="2"/>
      <c r="B20493" s="2"/>
      <c r="C20493" s="2"/>
    </row>
    <row r="20494" spans="1:3" ht="19.2">
      <c r="A20494" s="2"/>
      <c r="B20494" s="2"/>
      <c r="C20494" s="2"/>
    </row>
    <row r="20495" spans="1:3" ht="19.2">
      <c r="A20495" s="2"/>
      <c r="B20495" s="2"/>
      <c r="C20495" s="2"/>
    </row>
    <row r="20496" spans="1:3" ht="19.2">
      <c r="A20496" s="2"/>
      <c r="B20496" s="2"/>
      <c r="C20496" s="2"/>
    </row>
    <row r="20497" spans="1:3" ht="19.2">
      <c r="A20497" s="2"/>
      <c r="B20497" s="2"/>
      <c r="C20497" s="2"/>
    </row>
    <row r="20498" spans="1:3" ht="19.2">
      <c r="A20498" s="2"/>
      <c r="B20498" s="2"/>
      <c r="C20498" s="2"/>
    </row>
    <row r="20499" spans="1:3" ht="19.2">
      <c r="A20499" s="2"/>
      <c r="B20499" s="2"/>
      <c r="C20499" s="2"/>
    </row>
    <row r="20500" spans="1:3" ht="19.2">
      <c r="A20500" s="2"/>
      <c r="B20500" s="2"/>
      <c r="C20500" s="2"/>
    </row>
    <row r="20501" spans="1:3" ht="19.2">
      <c r="A20501" s="2"/>
      <c r="B20501" s="2"/>
      <c r="C20501" s="2"/>
    </row>
    <row r="20502" spans="1:3" ht="19.2">
      <c r="A20502" s="2"/>
      <c r="B20502" s="2"/>
      <c r="C20502" s="2"/>
    </row>
    <row r="20503" spans="1:3" ht="19.2">
      <c r="A20503" s="2"/>
      <c r="B20503" s="2"/>
      <c r="C20503" s="2"/>
    </row>
    <row r="20504" spans="1:3" ht="19.2">
      <c r="A20504" s="2"/>
      <c r="B20504" s="2"/>
      <c r="C20504" s="2"/>
    </row>
    <row r="20505" spans="1:3" ht="19.2">
      <c r="A20505" s="2"/>
      <c r="B20505" s="2"/>
      <c r="C20505" s="2"/>
    </row>
    <row r="20506" spans="1:3" ht="19.2">
      <c r="A20506" s="2"/>
      <c r="B20506" s="2"/>
      <c r="C20506" s="2"/>
    </row>
    <row r="20507" spans="1:3" ht="19.2">
      <c r="A20507" s="2"/>
      <c r="B20507" s="2"/>
      <c r="C20507" s="2"/>
    </row>
    <row r="20508" spans="1:3" ht="19.2">
      <c r="A20508" s="2"/>
      <c r="B20508" s="2"/>
      <c r="C20508" s="2"/>
    </row>
    <row r="20509" spans="1:3" ht="19.2">
      <c r="A20509" s="2"/>
      <c r="B20509" s="2"/>
      <c r="C20509" s="2"/>
    </row>
    <row r="20510" spans="1:3" ht="19.2">
      <c r="A20510" s="2"/>
      <c r="B20510" s="2"/>
      <c r="C20510" s="2"/>
    </row>
    <row r="20511" spans="1:3" ht="19.2">
      <c r="A20511" s="2"/>
      <c r="B20511" s="2"/>
      <c r="C20511" s="2"/>
    </row>
    <row r="20512" spans="1:3" ht="19.2">
      <c r="A20512" s="2"/>
      <c r="B20512" s="2"/>
      <c r="C20512" s="2"/>
    </row>
    <row r="20513" spans="1:3" ht="19.2">
      <c r="A20513" s="2"/>
      <c r="B20513" s="2"/>
      <c r="C20513" s="2"/>
    </row>
    <row r="20514" spans="1:3" ht="19.2">
      <c r="A20514" s="2"/>
      <c r="B20514" s="2"/>
      <c r="C20514" s="2"/>
    </row>
    <row r="20515" spans="1:3" ht="19.2">
      <c r="A20515" s="2"/>
      <c r="B20515" s="2"/>
      <c r="C20515" s="2"/>
    </row>
    <row r="20516" spans="1:3" ht="19.2">
      <c r="A20516" s="2"/>
      <c r="B20516" s="2"/>
      <c r="C20516" s="2"/>
    </row>
    <row r="20517" spans="1:3" ht="19.2">
      <c r="A20517" s="2"/>
      <c r="B20517" s="2"/>
      <c r="C20517" s="2"/>
    </row>
    <row r="20518" spans="1:3" ht="19.2">
      <c r="A20518" s="2"/>
      <c r="B20518" s="2"/>
      <c r="C20518" s="2"/>
    </row>
    <row r="20519" spans="1:3" ht="19.2">
      <c r="A20519" s="2"/>
      <c r="B20519" s="2"/>
      <c r="C20519" s="2"/>
    </row>
    <row r="20520" spans="1:3" ht="19.2">
      <c r="A20520" s="2"/>
      <c r="B20520" s="2"/>
      <c r="C20520" s="2"/>
    </row>
    <row r="20521" spans="1:3" ht="19.2">
      <c r="A20521" s="2"/>
      <c r="B20521" s="2"/>
      <c r="C20521" s="2"/>
    </row>
    <row r="20522" spans="1:3" ht="19.2">
      <c r="A20522" s="2"/>
      <c r="B20522" s="2"/>
      <c r="C20522" s="2"/>
    </row>
    <row r="20523" spans="1:3" ht="19.2">
      <c r="A20523" s="2"/>
      <c r="B20523" s="2"/>
      <c r="C20523" s="2"/>
    </row>
    <row r="20524" spans="1:3" ht="19.2">
      <c r="A20524" s="2"/>
      <c r="B20524" s="2"/>
      <c r="C20524" s="2"/>
    </row>
    <row r="20525" spans="1:3" ht="19.2">
      <c r="A20525" s="2"/>
      <c r="B20525" s="2"/>
      <c r="C20525" s="2"/>
    </row>
    <row r="20526" spans="1:3" ht="19.2">
      <c r="A20526" s="2"/>
      <c r="B20526" s="2"/>
      <c r="C20526" s="2"/>
    </row>
    <row r="20527" spans="1:3" ht="19.2">
      <c r="A20527" s="2"/>
      <c r="B20527" s="2"/>
      <c r="C20527" s="2"/>
    </row>
    <row r="20528" spans="1:3" ht="19.2">
      <c r="A20528" s="2"/>
      <c r="B20528" s="2"/>
      <c r="C20528" s="2"/>
    </row>
    <row r="20529" spans="1:3" ht="19.2">
      <c r="A20529" s="2"/>
      <c r="B20529" s="2"/>
      <c r="C20529" s="2"/>
    </row>
    <row r="20530" spans="1:3" ht="19.2">
      <c r="A20530" s="2"/>
      <c r="B20530" s="2"/>
      <c r="C20530" s="2"/>
    </row>
    <row r="20531" spans="1:3" ht="19.2">
      <c r="A20531" s="2"/>
      <c r="B20531" s="2"/>
      <c r="C20531" s="2"/>
    </row>
    <row r="20532" spans="1:3" ht="19.2">
      <c r="A20532" s="2"/>
      <c r="B20532" s="2"/>
      <c r="C20532" s="2"/>
    </row>
    <row r="20533" spans="1:3" ht="19.2">
      <c r="A20533" s="2"/>
      <c r="B20533" s="2"/>
      <c r="C20533" s="2"/>
    </row>
    <row r="20534" spans="1:3" ht="19.2">
      <c r="A20534" s="2"/>
      <c r="B20534" s="2"/>
      <c r="C20534" s="2"/>
    </row>
    <row r="20535" spans="1:3" ht="19.2">
      <c r="A20535" s="2"/>
      <c r="B20535" s="2"/>
      <c r="C20535" s="2"/>
    </row>
    <row r="20536" spans="1:3" ht="19.2">
      <c r="A20536" s="2"/>
      <c r="B20536" s="2"/>
      <c r="C20536" s="2"/>
    </row>
    <row r="20537" spans="1:3" ht="19.2">
      <c r="A20537" s="2"/>
      <c r="B20537" s="2"/>
      <c r="C20537" s="2"/>
    </row>
    <row r="20538" spans="1:3" ht="19.2">
      <c r="A20538" s="2"/>
      <c r="B20538" s="2"/>
      <c r="C20538" s="2"/>
    </row>
    <row r="20539" spans="1:3" ht="19.2">
      <c r="A20539" s="2"/>
      <c r="B20539" s="2"/>
      <c r="C20539" s="2"/>
    </row>
    <row r="20540" spans="1:3" ht="19.2">
      <c r="A20540" s="2"/>
      <c r="B20540" s="2"/>
      <c r="C20540" s="2"/>
    </row>
    <row r="20541" spans="1:3" ht="19.2">
      <c r="A20541" s="2"/>
      <c r="B20541" s="2"/>
      <c r="C20541" s="2"/>
    </row>
    <row r="20542" spans="1:3" ht="19.2">
      <c r="A20542" s="2"/>
      <c r="B20542" s="2"/>
      <c r="C20542" s="2"/>
    </row>
    <row r="20543" spans="1:3" ht="19.2">
      <c r="A20543" s="2"/>
      <c r="B20543" s="2"/>
      <c r="C20543" s="2"/>
    </row>
    <row r="20544" spans="1:3" ht="19.2">
      <c r="A20544" s="2"/>
      <c r="B20544" s="2"/>
      <c r="C20544" s="2"/>
    </row>
    <row r="20545" spans="1:3" ht="19.2">
      <c r="A20545" s="2"/>
      <c r="B20545" s="2"/>
      <c r="C20545" s="2"/>
    </row>
    <row r="20546" spans="1:3" ht="19.2">
      <c r="A20546" s="2"/>
      <c r="B20546" s="2"/>
      <c r="C20546" s="2"/>
    </row>
    <row r="20547" spans="1:3" ht="19.2">
      <c r="A20547" s="2"/>
      <c r="B20547" s="2"/>
      <c r="C20547" s="2"/>
    </row>
    <row r="20548" spans="1:3" ht="19.2">
      <c r="A20548" s="2"/>
      <c r="B20548" s="2"/>
      <c r="C20548" s="2"/>
    </row>
    <row r="20549" spans="1:3" ht="19.2">
      <c r="A20549" s="2"/>
      <c r="B20549" s="2"/>
      <c r="C20549" s="2"/>
    </row>
    <row r="20550" spans="1:3" ht="19.2">
      <c r="A20550" s="2"/>
      <c r="B20550" s="2"/>
      <c r="C20550" s="2"/>
    </row>
    <row r="20551" spans="1:3" ht="19.2">
      <c r="A20551" s="2"/>
      <c r="B20551" s="2"/>
      <c r="C20551" s="2"/>
    </row>
    <row r="20552" spans="1:3" ht="19.2">
      <c r="A20552" s="2"/>
      <c r="B20552" s="2"/>
      <c r="C20552" s="2"/>
    </row>
    <row r="20553" spans="1:3" ht="19.2">
      <c r="A20553" s="2"/>
      <c r="B20553" s="2"/>
      <c r="C20553" s="2"/>
    </row>
    <row r="20554" spans="1:3" ht="19.2">
      <c r="A20554" s="2"/>
      <c r="B20554" s="2"/>
      <c r="C20554" s="2"/>
    </row>
    <row r="20555" spans="1:3" ht="19.2">
      <c r="A20555" s="2"/>
      <c r="B20555" s="2"/>
      <c r="C20555" s="2"/>
    </row>
    <row r="20556" spans="1:3" ht="19.2">
      <c r="A20556" s="2"/>
      <c r="B20556" s="2"/>
      <c r="C20556" s="2"/>
    </row>
    <row r="20557" spans="1:3" ht="19.2">
      <c r="A20557" s="2"/>
      <c r="B20557" s="2"/>
      <c r="C20557" s="2"/>
    </row>
    <row r="20558" spans="1:3" ht="19.2">
      <c r="A20558" s="2"/>
      <c r="B20558" s="2"/>
      <c r="C20558" s="2"/>
    </row>
    <row r="20559" spans="1:3" ht="19.2">
      <c r="A20559" s="2"/>
      <c r="B20559" s="2"/>
      <c r="C20559" s="2"/>
    </row>
    <row r="20560" spans="1:3" ht="19.2">
      <c r="A20560" s="2"/>
      <c r="B20560" s="2"/>
      <c r="C20560" s="2"/>
    </row>
    <row r="20561" spans="1:3" ht="19.2">
      <c r="A20561" s="2"/>
      <c r="B20561" s="2"/>
      <c r="C20561" s="2"/>
    </row>
    <row r="20562" spans="1:3" ht="19.2">
      <c r="A20562" s="2"/>
      <c r="B20562" s="2"/>
      <c r="C20562" s="2"/>
    </row>
    <row r="20563" spans="1:3" ht="19.2">
      <c r="A20563" s="2"/>
      <c r="B20563" s="2"/>
      <c r="C20563" s="2"/>
    </row>
    <row r="20564" spans="1:3" ht="19.2">
      <c r="A20564" s="2"/>
      <c r="B20564" s="2"/>
      <c r="C20564" s="2"/>
    </row>
    <row r="20565" spans="1:3" ht="19.2">
      <c r="A20565" s="2"/>
      <c r="B20565" s="2"/>
      <c r="C20565" s="2"/>
    </row>
    <row r="20566" spans="1:3" ht="19.2">
      <c r="A20566" s="2"/>
      <c r="B20566" s="2"/>
      <c r="C20566" s="2"/>
    </row>
    <row r="20567" spans="1:3" ht="19.2">
      <c r="A20567" s="2"/>
      <c r="B20567" s="2"/>
      <c r="C20567" s="2"/>
    </row>
    <row r="20568" spans="1:3" ht="19.2">
      <c r="A20568" s="2"/>
      <c r="B20568" s="2"/>
      <c r="C20568" s="2"/>
    </row>
    <row r="20569" spans="1:3" ht="19.2">
      <c r="A20569" s="2"/>
      <c r="B20569" s="2"/>
      <c r="C20569" s="2"/>
    </row>
    <row r="20570" spans="1:3" ht="19.2">
      <c r="A20570" s="2"/>
      <c r="B20570" s="2"/>
      <c r="C20570" s="2"/>
    </row>
    <row r="20571" spans="1:3" ht="19.2">
      <c r="A20571" s="2"/>
      <c r="B20571" s="2"/>
      <c r="C20571" s="2"/>
    </row>
    <row r="20572" spans="1:3" ht="19.2">
      <c r="A20572" s="2"/>
      <c r="B20572" s="2"/>
      <c r="C20572" s="2"/>
    </row>
    <row r="20573" spans="1:3" ht="19.2">
      <c r="A20573" s="2"/>
      <c r="B20573" s="2"/>
      <c r="C20573" s="2"/>
    </row>
    <row r="20574" spans="1:3" ht="19.2">
      <c r="A20574" s="2"/>
      <c r="B20574" s="2"/>
      <c r="C20574" s="2"/>
    </row>
    <row r="20575" spans="1:3" ht="19.2">
      <c r="A20575" s="2"/>
      <c r="B20575" s="2"/>
      <c r="C20575" s="2"/>
    </row>
    <row r="20576" spans="1:3" ht="19.2">
      <c r="A20576" s="2"/>
      <c r="B20576" s="2"/>
      <c r="C20576" s="2"/>
    </row>
    <row r="20577" spans="1:3" ht="19.2">
      <c r="A20577" s="2"/>
      <c r="B20577" s="2"/>
      <c r="C20577" s="2"/>
    </row>
    <row r="20578" spans="1:3" ht="19.2">
      <c r="A20578" s="2"/>
      <c r="B20578" s="2"/>
      <c r="C20578" s="2"/>
    </row>
    <row r="20579" spans="1:3" ht="19.2">
      <c r="A20579" s="2"/>
      <c r="B20579" s="2"/>
      <c r="C20579" s="2"/>
    </row>
    <row r="20580" spans="1:3" ht="19.2">
      <c r="A20580" s="2"/>
      <c r="B20580" s="2"/>
      <c r="C20580" s="2"/>
    </row>
    <row r="20581" spans="1:3" ht="19.2">
      <c r="A20581" s="2"/>
      <c r="B20581" s="2"/>
      <c r="C20581" s="2"/>
    </row>
    <row r="20582" spans="1:3" ht="19.2">
      <c r="A20582" s="2"/>
      <c r="B20582" s="2"/>
      <c r="C20582" s="2"/>
    </row>
    <row r="20583" spans="1:3" ht="19.2">
      <c r="A20583" s="2"/>
      <c r="B20583" s="2"/>
      <c r="C20583" s="2"/>
    </row>
    <row r="20584" spans="1:3" ht="19.2">
      <c r="A20584" s="2"/>
      <c r="B20584" s="2"/>
      <c r="C20584" s="2"/>
    </row>
    <row r="20585" spans="1:3" ht="19.2">
      <c r="A20585" s="2"/>
      <c r="B20585" s="2"/>
      <c r="C20585" s="2"/>
    </row>
    <row r="20586" spans="1:3" ht="19.2">
      <c r="A20586" s="2"/>
      <c r="B20586" s="2"/>
      <c r="C20586" s="2"/>
    </row>
    <row r="20587" spans="1:3" ht="19.2">
      <c r="A20587" s="2"/>
      <c r="B20587" s="2"/>
      <c r="C20587" s="2"/>
    </row>
    <row r="20588" spans="1:3" ht="19.2">
      <c r="A20588" s="2"/>
      <c r="B20588" s="2"/>
      <c r="C20588" s="2"/>
    </row>
    <row r="20589" spans="1:3" ht="19.2">
      <c r="A20589" s="2"/>
      <c r="B20589" s="2"/>
      <c r="C20589" s="2"/>
    </row>
    <row r="20590" spans="1:3" ht="19.2">
      <c r="A20590" s="2"/>
      <c r="B20590" s="2"/>
      <c r="C20590" s="2"/>
    </row>
    <row r="20591" spans="1:3" ht="19.2">
      <c r="A20591" s="2"/>
      <c r="B20591" s="2"/>
      <c r="C20591" s="2"/>
    </row>
    <row r="20592" spans="1:3" ht="19.2">
      <c r="A20592" s="2"/>
      <c r="B20592" s="2"/>
      <c r="C20592" s="2"/>
    </row>
    <row r="20593" spans="1:3" ht="19.2">
      <c r="A20593" s="2"/>
      <c r="B20593" s="2"/>
      <c r="C20593" s="2"/>
    </row>
    <row r="20594" spans="1:3" ht="19.2">
      <c r="A20594" s="2"/>
      <c r="B20594" s="2"/>
      <c r="C20594" s="2"/>
    </row>
    <row r="20595" spans="1:3" ht="19.2">
      <c r="A20595" s="2"/>
      <c r="B20595" s="2"/>
      <c r="C20595" s="2"/>
    </row>
    <row r="20596" spans="1:3" ht="19.2">
      <c r="A20596" s="2"/>
      <c r="B20596" s="2"/>
      <c r="C20596" s="2"/>
    </row>
    <row r="20597" spans="1:3" ht="19.2">
      <c r="A20597" s="2"/>
      <c r="B20597" s="2"/>
      <c r="C20597" s="2"/>
    </row>
    <row r="20598" spans="1:3" ht="19.2">
      <c r="A20598" s="2"/>
      <c r="B20598" s="2"/>
      <c r="C20598" s="2"/>
    </row>
    <row r="20599" spans="1:3" ht="19.2">
      <c r="A20599" s="2"/>
      <c r="B20599" s="2"/>
      <c r="C20599" s="2"/>
    </row>
    <row r="20600" spans="1:3" ht="19.2">
      <c r="A20600" s="2"/>
      <c r="B20600" s="2"/>
      <c r="C20600" s="2"/>
    </row>
    <row r="20601" spans="1:3" ht="19.2">
      <c r="A20601" s="2"/>
      <c r="B20601" s="2"/>
      <c r="C20601" s="2"/>
    </row>
    <row r="20602" spans="1:3" ht="19.2">
      <c r="A20602" s="2"/>
      <c r="B20602" s="2"/>
      <c r="C20602" s="2"/>
    </row>
    <row r="20603" spans="1:3" ht="19.2">
      <c r="A20603" s="2"/>
      <c r="B20603" s="2"/>
      <c r="C20603" s="2"/>
    </row>
    <row r="20604" spans="1:3" ht="19.2">
      <c r="A20604" s="2"/>
      <c r="B20604" s="2"/>
      <c r="C20604" s="2"/>
    </row>
    <row r="20605" spans="1:3" ht="19.2">
      <c r="A20605" s="2"/>
      <c r="B20605" s="2"/>
      <c r="C20605" s="2"/>
    </row>
    <row r="20606" spans="1:3" ht="19.2">
      <c r="A20606" s="2"/>
      <c r="B20606" s="2"/>
      <c r="C20606" s="2"/>
    </row>
    <row r="20607" spans="1:3" ht="19.2">
      <c r="A20607" s="2"/>
      <c r="B20607" s="2"/>
      <c r="C20607" s="2"/>
    </row>
    <row r="20608" spans="1:3" ht="19.2">
      <c r="A20608" s="2"/>
      <c r="B20608" s="2"/>
      <c r="C20608" s="2"/>
    </row>
    <row r="20609" spans="1:3" ht="19.2">
      <c r="A20609" s="2"/>
      <c r="B20609" s="2"/>
      <c r="C20609" s="2"/>
    </row>
    <row r="20610" spans="1:3" ht="19.2">
      <c r="A20610" s="2"/>
      <c r="B20610" s="2"/>
      <c r="C20610" s="2"/>
    </row>
    <row r="20611" spans="1:3" ht="19.2">
      <c r="A20611" s="2"/>
      <c r="B20611" s="2"/>
      <c r="C20611" s="2"/>
    </row>
    <row r="20612" spans="1:3" ht="19.2">
      <c r="A20612" s="2"/>
      <c r="B20612" s="2"/>
      <c r="C20612" s="2"/>
    </row>
    <row r="20613" spans="1:3" ht="19.2">
      <c r="A20613" s="2"/>
      <c r="B20613" s="2"/>
      <c r="C20613" s="2"/>
    </row>
    <row r="20614" spans="1:3" ht="19.2">
      <c r="A20614" s="2"/>
      <c r="B20614" s="2"/>
      <c r="C20614" s="2"/>
    </row>
    <row r="20615" spans="1:3" ht="19.2">
      <c r="A20615" s="2"/>
      <c r="B20615" s="2"/>
      <c r="C20615" s="2"/>
    </row>
    <row r="20616" spans="1:3" ht="19.2">
      <c r="A20616" s="2"/>
      <c r="B20616" s="2"/>
      <c r="C20616" s="2"/>
    </row>
    <row r="20617" spans="1:3" ht="19.2">
      <c r="A20617" s="2"/>
      <c r="B20617" s="2"/>
      <c r="C20617" s="2"/>
    </row>
    <row r="20618" spans="1:3" ht="19.2">
      <c r="A20618" s="2"/>
      <c r="B20618" s="2"/>
      <c r="C20618" s="2"/>
    </row>
    <row r="20619" spans="1:3" ht="19.2">
      <c r="A20619" s="2"/>
      <c r="B20619" s="2"/>
      <c r="C20619" s="2"/>
    </row>
    <row r="20620" spans="1:3" ht="19.2">
      <c r="A20620" s="2"/>
      <c r="B20620" s="2"/>
      <c r="C20620" s="2"/>
    </row>
    <row r="20621" spans="1:3" ht="19.2">
      <c r="A20621" s="2"/>
      <c r="B20621" s="2"/>
      <c r="C20621" s="2"/>
    </row>
    <row r="20622" spans="1:3" ht="19.2">
      <c r="A20622" s="2"/>
      <c r="B20622" s="2"/>
      <c r="C20622" s="2"/>
    </row>
    <row r="20623" spans="1:3" ht="19.2">
      <c r="A20623" s="2"/>
      <c r="B20623" s="2"/>
      <c r="C20623" s="2"/>
    </row>
    <row r="20624" spans="1:3" ht="19.2">
      <c r="A20624" s="2"/>
      <c r="B20624" s="2"/>
      <c r="C20624" s="2"/>
    </row>
    <row r="20625" spans="1:3" ht="19.2">
      <c r="A20625" s="2"/>
      <c r="B20625" s="2"/>
      <c r="C20625" s="2"/>
    </row>
    <row r="20626" spans="1:3" ht="19.2">
      <c r="A20626" s="2"/>
      <c r="B20626" s="2"/>
      <c r="C20626" s="2"/>
    </row>
    <row r="20627" spans="1:3" ht="19.2">
      <c r="A20627" s="2"/>
      <c r="B20627" s="2"/>
      <c r="C20627" s="2"/>
    </row>
    <row r="20628" spans="1:3" ht="19.2">
      <c r="A20628" s="2"/>
      <c r="B20628" s="2"/>
      <c r="C20628" s="2"/>
    </row>
    <row r="20629" spans="1:3" ht="19.2">
      <c r="A20629" s="2"/>
      <c r="B20629" s="2"/>
      <c r="C20629" s="2"/>
    </row>
    <row r="20630" spans="1:3" ht="19.2">
      <c r="A20630" s="2"/>
      <c r="B20630" s="2"/>
      <c r="C20630" s="2"/>
    </row>
    <row r="20631" spans="1:3" ht="19.2">
      <c r="A20631" s="2"/>
      <c r="B20631" s="2"/>
      <c r="C20631" s="2"/>
    </row>
    <row r="20632" spans="1:3" ht="19.2">
      <c r="A20632" s="2"/>
      <c r="B20632" s="2"/>
      <c r="C20632" s="2"/>
    </row>
    <row r="20633" spans="1:3" ht="19.2">
      <c r="A20633" s="2"/>
      <c r="B20633" s="2"/>
      <c r="C20633" s="2"/>
    </row>
    <row r="20634" spans="1:3" ht="19.2">
      <c r="A20634" s="2"/>
      <c r="B20634" s="2"/>
      <c r="C20634" s="2"/>
    </row>
    <row r="20635" spans="1:3" ht="19.2">
      <c r="A20635" s="2"/>
      <c r="B20635" s="2"/>
      <c r="C20635" s="2"/>
    </row>
    <row r="20636" spans="1:3" ht="19.2">
      <c r="A20636" s="2"/>
      <c r="B20636" s="2"/>
      <c r="C20636" s="2"/>
    </row>
    <row r="20637" spans="1:3" ht="19.2">
      <c r="A20637" s="2"/>
      <c r="B20637" s="2"/>
      <c r="C20637" s="2"/>
    </row>
    <row r="20638" spans="1:3" ht="19.2">
      <c r="A20638" s="2"/>
      <c r="B20638" s="2"/>
      <c r="C20638" s="2"/>
    </row>
    <row r="20639" spans="1:3" ht="19.2">
      <c r="A20639" s="2"/>
      <c r="B20639" s="2"/>
      <c r="C20639" s="2"/>
    </row>
    <row r="20640" spans="1:3" ht="19.2">
      <c r="A20640" s="2"/>
      <c r="B20640" s="2"/>
      <c r="C20640" s="2"/>
    </row>
    <row r="20641" spans="1:3" ht="19.2">
      <c r="A20641" s="2"/>
      <c r="B20641" s="2"/>
      <c r="C20641" s="2"/>
    </row>
    <row r="20642" spans="1:3" ht="19.2">
      <c r="A20642" s="2"/>
      <c r="B20642" s="2"/>
      <c r="C20642" s="2"/>
    </row>
    <row r="20643" spans="1:3" ht="19.2">
      <c r="A20643" s="2"/>
      <c r="B20643" s="2"/>
      <c r="C20643" s="2"/>
    </row>
    <row r="20644" spans="1:3" ht="19.2">
      <c r="A20644" s="2"/>
      <c r="B20644" s="2"/>
      <c r="C20644" s="2"/>
    </row>
    <row r="20645" spans="1:3" ht="19.2">
      <c r="A20645" s="2"/>
      <c r="B20645" s="2"/>
      <c r="C20645" s="2"/>
    </row>
    <row r="20646" spans="1:3" ht="19.2">
      <c r="A20646" s="2"/>
      <c r="B20646" s="2"/>
      <c r="C20646" s="2"/>
    </row>
    <row r="20647" spans="1:3" ht="19.2">
      <c r="A20647" s="2"/>
      <c r="B20647" s="2"/>
      <c r="C20647" s="2"/>
    </row>
    <row r="20648" spans="1:3" ht="19.2">
      <c r="A20648" s="2"/>
      <c r="B20648" s="2"/>
      <c r="C20648" s="2"/>
    </row>
    <row r="20649" spans="1:3" ht="19.2">
      <c r="A20649" s="2"/>
      <c r="B20649" s="2"/>
      <c r="C20649" s="2"/>
    </row>
    <row r="20650" spans="1:3" ht="19.2">
      <c r="A20650" s="2"/>
      <c r="B20650" s="2"/>
      <c r="C20650" s="2"/>
    </row>
    <row r="20651" spans="1:3" ht="19.2">
      <c r="A20651" s="2"/>
      <c r="B20651" s="2"/>
      <c r="C20651" s="2"/>
    </row>
    <row r="20652" spans="1:3" ht="19.2">
      <c r="A20652" s="2"/>
      <c r="B20652" s="2"/>
      <c r="C20652" s="2"/>
    </row>
    <row r="20653" spans="1:3" ht="19.2">
      <c r="A20653" s="2"/>
      <c r="B20653" s="2"/>
      <c r="C20653" s="2"/>
    </row>
    <row r="20654" spans="1:3" ht="19.2">
      <c r="A20654" s="2"/>
      <c r="B20654" s="2"/>
      <c r="C20654" s="2"/>
    </row>
    <row r="20655" spans="1:3" ht="19.2">
      <c r="A20655" s="2"/>
      <c r="B20655" s="2"/>
      <c r="C20655" s="2"/>
    </row>
    <row r="20656" spans="1:3" ht="19.2">
      <c r="A20656" s="2"/>
      <c r="B20656" s="2"/>
      <c r="C20656" s="2"/>
    </row>
    <row r="20657" spans="1:3" ht="19.2">
      <c r="A20657" s="2"/>
      <c r="B20657" s="2"/>
      <c r="C20657" s="2"/>
    </row>
    <row r="20658" spans="1:3" ht="19.2">
      <c r="A20658" s="2"/>
      <c r="B20658" s="2"/>
      <c r="C20658" s="2"/>
    </row>
    <row r="20659" spans="1:3" ht="19.2">
      <c r="A20659" s="2"/>
      <c r="B20659" s="2"/>
      <c r="C20659" s="2"/>
    </row>
    <row r="20660" spans="1:3" ht="19.2">
      <c r="A20660" s="2"/>
      <c r="B20660" s="2"/>
      <c r="C20660" s="2"/>
    </row>
    <row r="20661" spans="1:3" ht="19.2">
      <c r="A20661" s="2"/>
      <c r="B20661" s="2"/>
      <c r="C20661" s="2"/>
    </row>
    <row r="20662" spans="1:3" ht="19.2">
      <c r="A20662" s="2"/>
      <c r="B20662" s="2"/>
      <c r="C20662" s="2"/>
    </row>
    <row r="20663" spans="1:3" ht="19.2">
      <c r="A20663" s="2"/>
      <c r="B20663" s="2"/>
      <c r="C20663" s="2"/>
    </row>
    <row r="20664" spans="1:3" ht="19.2">
      <c r="A20664" s="2"/>
      <c r="B20664" s="2"/>
      <c r="C20664" s="2"/>
    </row>
    <row r="20665" spans="1:3" ht="19.2">
      <c r="A20665" s="2"/>
      <c r="B20665" s="2"/>
      <c r="C20665" s="2"/>
    </row>
    <row r="20666" spans="1:3" ht="19.2">
      <c r="A20666" s="2"/>
      <c r="B20666" s="2"/>
      <c r="C20666" s="2"/>
    </row>
    <row r="20667" spans="1:3" ht="19.2">
      <c r="A20667" s="2"/>
      <c r="B20667" s="2"/>
      <c r="C20667" s="2"/>
    </row>
    <row r="20668" spans="1:3" ht="19.2">
      <c r="A20668" s="2"/>
      <c r="B20668" s="2"/>
      <c r="C20668" s="2"/>
    </row>
    <row r="20669" spans="1:3" ht="19.2">
      <c r="A20669" s="2"/>
      <c r="B20669" s="2"/>
      <c r="C20669" s="2"/>
    </row>
    <row r="20670" spans="1:3" ht="19.2">
      <c r="A20670" s="2"/>
      <c r="B20670" s="2"/>
      <c r="C20670" s="2"/>
    </row>
    <row r="20671" spans="1:3" ht="19.2">
      <c r="A20671" s="2"/>
      <c r="B20671" s="2"/>
      <c r="C20671" s="2"/>
    </row>
    <row r="20672" spans="1:3" ht="19.2">
      <c r="A20672" s="2"/>
      <c r="B20672" s="2"/>
      <c r="C20672" s="2"/>
    </row>
    <row r="20673" spans="1:3" ht="19.2">
      <c r="A20673" s="2"/>
      <c r="B20673" s="2"/>
      <c r="C20673" s="2"/>
    </row>
    <row r="20674" spans="1:3" ht="19.2">
      <c r="A20674" s="2"/>
      <c r="B20674" s="2"/>
      <c r="C20674" s="2"/>
    </row>
    <row r="20675" spans="1:3" ht="19.2">
      <c r="A20675" s="2"/>
      <c r="B20675" s="2"/>
      <c r="C20675" s="2"/>
    </row>
    <row r="20676" spans="1:3" ht="19.2">
      <c r="A20676" s="2"/>
      <c r="B20676" s="2"/>
      <c r="C20676" s="2"/>
    </row>
    <row r="20677" spans="1:3" ht="19.2">
      <c r="A20677" s="2"/>
      <c r="B20677" s="2"/>
      <c r="C20677" s="2"/>
    </row>
    <row r="20678" spans="1:3" ht="19.2">
      <c r="A20678" s="2"/>
      <c r="B20678" s="2"/>
      <c r="C20678" s="2"/>
    </row>
    <row r="20679" spans="1:3" ht="19.2">
      <c r="A20679" s="2"/>
      <c r="B20679" s="2"/>
      <c r="C20679" s="2"/>
    </row>
    <row r="20680" spans="1:3" ht="19.2">
      <c r="A20680" s="2"/>
      <c r="B20680" s="2"/>
      <c r="C20680" s="2"/>
    </row>
    <row r="20681" spans="1:3" ht="19.2">
      <c r="A20681" s="2"/>
      <c r="B20681" s="2"/>
      <c r="C20681" s="2"/>
    </row>
    <row r="20682" spans="1:3" ht="19.2">
      <c r="A20682" s="2"/>
      <c r="B20682" s="2"/>
      <c r="C20682" s="2"/>
    </row>
    <row r="20683" spans="1:3" ht="19.2">
      <c r="A20683" s="2"/>
      <c r="B20683" s="2"/>
      <c r="C20683" s="2"/>
    </row>
    <row r="20684" spans="1:3" ht="19.2">
      <c r="A20684" s="2"/>
      <c r="B20684" s="2"/>
      <c r="C20684" s="2"/>
    </row>
    <row r="20685" spans="1:3" ht="19.2">
      <c r="A20685" s="2"/>
      <c r="B20685" s="2"/>
      <c r="C20685" s="2"/>
    </row>
    <row r="20686" spans="1:3" ht="19.2">
      <c r="A20686" s="2"/>
      <c r="B20686" s="2"/>
      <c r="C20686" s="2"/>
    </row>
    <row r="20687" spans="1:3" ht="19.2">
      <c r="A20687" s="2"/>
      <c r="B20687" s="2"/>
      <c r="C20687" s="2"/>
    </row>
    <row r="20688" spans="1:3" ht="19.2">
      <c r="A20688" s="2"/>
      <c r="B20688" s="2"/>
      <c r="C20688" s="2"/>
    </row>
    <row r="20689" spans="1:3" ht="19.2">
      <c r="A20689" s="2"/>
      <c r="B20689" s="2"/>
      <c r="C20689" s="2"/>
    </row>
    <row r="20690" spans="1:3" ht="19.2">
      <c r="A20690" s="2"/>
      <c r="B20690" s="2"/>
      <c r="C20690" s="2"/>
    </row>
    <row r="20691" spans="1:3" ht="19.2">
      <c r="A20691" s="2"/>
      <c r="B20691" s="2"/>
      <c r="C20691" s="2"/>
    </row>
    <row r="20692" spans="1:3" ht="19.2">
      <c r="A20692" s="2"/>
      <c r="B20692" s="2"/>
      <c r="C20692" s="2"/>
    </row>
    <row r="20693" spans="1:3" ht="19.2">
      <c r="A20693" s="2"/>
      <c r="B20693" s="2"/>
      <c r="C20693" s="2"/>
    </row>
    <row r="20694" spans="1:3" ht="19.2">
      <c r="A20694" s="2"/>
      <c r="B20694" s="2"/>
      <c r="C20694" s="2"/>
    </row>
    <row r="20695" spans="1:3" ht="19.2">
      <c r="A20695" s="2"/>
      <c r="B20695" s="2"/>
      <c r="C20695" s="2"/>
    </row>
    <row r="20696" spans="1:3" ht="19.2">
      <c r="A20696" s="2"/>
      <c r="B20696" s="2"/>
      <c r="C20696" s="2"/>
    </row>
    <row r="20697" spans="1:3" ht="19.2">
      <c r="A20697" s="2"/>
      <c r="B20697" s="2"/>
      <c r="C20697" s="2"/>
    </row>
    <row r="20698" spans="1:3" ht="19.2">
      <c r="A20698" s="2"/>
      <c r="B20698" s="2"/>
      <c r="C20698" s="2"/>
    </row>
    <row r="20699" spans="1:3" ht="19.2">
      <c r="A20699" s="2"/>
      <c r="B20699" s="2"/>
      <c r="C20699" s="2"/>
    </row>
    <row r="20700" spans="1:3" ht="19.2">
      <c r="A20700" s="2"/>
      <c r="B20700" s="2"/>
      <c r="C20700" s="2"/>
    </row>
    <row r="20701" spans="1:3" ht="19.2">
      <c r="A20701" s="2"/>
      <c r="B20701" s="2"/>
      <c r="C20701" s="2"/>
    </row>
    <row r="20702" spans="1:3" ht="19.2">
      <c r="A20702" s="2"/>
      <c r="B20702" s="2"/>
      <c r="C20702" s="2"/>
    </row>
    <row r="20703" spans="1:3" ht="19.2">
      <c r="A20703" s="2"/>
      <c r="B20703" s="2"/>
      <c r="C20703" s="2"/>
    </row>
    <row r="20704" spans="1:3" ht="19.2">
      <c r="A20704" s="2"/>
      <c r="B20704" s="2"/>
      <c r="C20704" s="2"/>
    </row>
    <row r="20705" spans="1:3" ht="19.2">
      <c r="A20705" s="2"/>
      <c r="B20705" s="2"/>
      <c r="C20705" s="2"/>
    </row>
    <row r="20706" spans="1:3" ht="19.2">
      <c r="A20706" s="2"/>
      <c r="B20706" s="2"/>
      <c r="C20706" s="2"/>
    </row>
    <row r="20707" spans="1:3" ht="19.2">
      <c r="A20707" s="2"/>
      <c r="B20707" s="2"/>
      <c r="C20707" s="2"/>
    </row>
    <row r="20708" spans="1:3" ht="19.2">
      <c r="A20708" s="2"/>
      <c r="B20708" s="2"/>
      <c r="C20708" s="2"/>
    </row>
    <row r="20709" spans="1:3" ht="19.2">
      <c r="A20709" s="2"/>
      <c r="B20709" s="2"/>
      <c r="C20709" s="2"/>
    </row>
    <row r="20710" spans="1:3" ht="19.2">
      <c r="A20710" s="2"/>
      <c r="B20710" s="2"/>
      <c r="C20710" s="2"/>
    </row>
    <row r="20711" spans="1:3" ht="19.2">
      <c r="A20711" s="2"/>
      <c r="B20711" s="2"/>
      <c r="C20711" s="2"/>
    </row>
    <row r="20712" spans="1:3" ht="19.2">
      <c r="A20712" s="2"/>
      <c r="B20712" s="2"/>
      <c r="C20712" s="2"/>
    </row>
    <row r="20713" spans="1:3" ht="19.2">
      <c r="A20713" s="2"/>
      <c r="B20713" s="2"/>
      <c r="C20713" s="2"/>
    </row>
    <row r="20714" spans="1:3" ht="19.2">
      <c r="A20714" s="2"/>
      <c r="B20714" s="2"/>
      <c r="C20714" s="2"/>
    </row>
    <row r="20715" spans="1:3" ht="19.2">
      <c r="A20715" s="2"/>
      <c r="B20715" s="2"/>
      <c r="C20715" s="2"/>
    </row>
    <row r="20716" spans="1:3" ht="19.2">
      <c r="A20716" s="2"/>
      <c r="B20716" s="2"/>
      <c r="C20716" s="2"/>
    </row>
    <row r="20717" spans="1:3" ht="19.2">
      <c r="A20717" s="2"/>
      <c r="B20717" s="2"/>
      <c r="C20717" s="2"/>
    </row>
    <row r="20718" spans="1:3" ht="19.2">
      <c r="A20718" s="2"/>
      <c r="B20718" s="2"/>
      <c r="C20718" s="2"/>
    </row>
    <row r="20719" spans="1:3" ht="19.2">
      <c r="A20719" s="2"/>
      <c r="B20719" s="2"/>
      <c r="C20719" s="2"/>
    </row>
    <row r="20720" spans="1:3" ht="19.2">
      <c r="A20720" s="2"/>
      <c r="B20720" s="2"/>
      <c r="C20720" s="2"/>
    </row>
    <row r="20721" spans="1:3" ht="19.2">
      <c r="A20721" s="2"/>
      <c r="B20721" s="2"/>
      <c r="C20721" s="2"/>
    </row>
    <row r="20722" spans="1:3" ht="19.2">
      <c r="A20722" s="2"/>
      <c r="B20722" s="2"/>
      <c r="C20722" s="2"/>
    </row>
    <row r="20723" spans="1:3" ht="19.2">
      <c r="A20723" s="2"/>
      <c r="B20723" s="2"/>
      <c r="C20723" s="2"/>
    </row>
    <row r="20724" spans="1:3" ht="19.2">
      <c r="A20724" s="2"/>
      <c r="B20724" s="2"/>
      <c r="C20724" s="2"/>
    </row>
    <row r="20725" spans="1:3" ht="19.2">
      <c r="A20725" s="2"/>
      <c r="B20725" s="2"/>
      <c r="C20725" s="2"/>
    </row>
    <row r="20726" spans="1:3" ht="19.2">
      <c r="A20726" s="2"/>
      <c r="B20726" s="2"/>
      <c r="C20726" s="2"/>
    </row>
    <row r="20727" spans="1:3" ht="19.2">
      <c r="A20727" s="2"/>
      <c r="B20727" s="2"/>
      <c r="C20727" s="2"/>
    </row>
    <row r="20728" spans="1:3" ht="19.2">
      <c r="A20728" s="2"/>
      <c r="B20728" s="2"/>
      <c r="C20728" s="2"/>
    </row>
    <row r="20729" spans="1:3" ht="19.2">
      <c r="A20729" s="2"/>
      <c r="B20729" s="2"/>
      <c r="C20729" s="2"/>
    </row>
    <row r="20730" spans="1:3" ht="19.2">
      <c r="A20730" s="2"/>
      <c r="B20730" s="2"/>
      <c r="C20730" s="2"/>
    </row>
    <row r="20731" spans="1:3" ht="19.2">
      <c r="A20731" s="2"/>
      <c r="B20731" s="2"/>
      <c r="C20731" s="2"/>
    </row>
    <row r="20732" spans="1:3" ht="19.2">
      <c r="A20732" s="2"/>
      <c r="B20732" s="2"/>
      <c r="C20732" s="2"/>
    </row>
    <row r="20733" spans="1:3" ht="19.2">
      <c r="A20733" s="2"/>
      <c r="B20733" s="2"/>
      <c r="C20733" s="2"/>
    </row>
    <row r="20734" spans="1:3" ht="19.2">
      <c r="A20734" s="2"/>
      <c r="B20734" s="2"/>
      <c r="C20734" s="2"/>
    </row>
    <row r="20735" spans="1:3" ht="19.2">
      <c r="A20735" s="2"/>
      <c r="B20735" s="2"/>
      <c r="C20735" s="2"/>
    </row>
    <row r="20736" spans="1:3" ht="19.2">
      <c r="A20736" s="2"/>
      <c r="B20736" s="2"/>
      <c r="C20736" s="2"/>
    </row>
    <row r="20737" spans="1:3" ht="19.2">
      <c r="A20737" s="2"/>
      <c r="B20737" s="2"/>
      <c r="C20737" s="2"/>
    </row>
    <row r="20738" spans="1:3" ht="19.2">
      <c r="A20738" s="2"/>
      <c r="B20738" s="2"/>
      <c r="C20738" s="2"/>
    </row>
    <row r="20739" spans="1:3" ht="19.2">
      <c r="A20739" s="2"/>
      <c r="B20739" s="2"/>
      <c r="C20739" s="2"/>
    </row>
    <row r="20740" spans="1:3" ht="19.2">
      <c r="A20740" s="2"/>
      <c r="B20740" s="2"/>
      <c r="C20740" s="2"/>
    </row>
    <row r="20741" spans="1:3" ht="19.2">
      <c r="A20741" s="2"/>
      <c r="B20741" s="2"/>
      <c r="C20741" s="2"/>
    </row>
    <row r="20742" spans="1:3" ht="19.2">
      <c r="A20742" s="2"/>
      <c r="B20742" s="2"/>
      <c r="C20742" s="2"/>
    </row>
    <row r="20743" spans="1:3" ht="19.2">
      <c r="A20743" s="2"/>
      <c r="B20743" s="2"/>
      <c r="C20743" s="2"/>
    </row>
    <row r="20744" spans="1:3" ht="19.2">
      <c r="A20744" s="2"/>
      <c r="B20744" s="2"/>
      <c r="C20744" s="2"/>
    </row>
    <row r="20745" spans="1:3" ht="19.2">
      <c r="A20745" s="2"/>
      <c r="B20745" s="2"/>
      <c r="C20745" s="2"/>
    </row>
    <row r="20746" spans="1:3" ht="19.2">
      <c r="A20746" s="2"/>
      <c r="B20746" s="2"/>
      <c r="C20746" s="2"/>
    </row>
    <row r="20747" spans="1:3" ht="19.2">
      <c r="A20747" s="2"/>
      <c r="B20747" s="2"/>
      <c r="C20747" s="2"/>
    </row>
    <row r="20748" spans="1:3" ht="19.2">
      <c r="A20748" s="2"/>
      <c r="B20748" s="2"/>
      <c r="C20748" s="2"/>
    </row>
    <row r="20749" spans="1:3" ht="19.2">
      <c r="A20749" s="2"/>
      <c r="B20749" s="2"/>
      <c r="C20749" s="2"/>
    </row>
    <row r="20750" spans="1:3" ht="19.2">
      <c r="A20750" s="2"/>
      <c r="B20750" s="2"/>
      <c r="C20750" s="2"/>
    </row>
    <row r="20751" spans="1:3" ht="19.2">
      <c r="A20751" s="2"/>
      <c r="B20751" s="2"/>
      <c r="C20751" s="2"/>
    </row>
    <row r="20752" spans="1:3" ht="19.2">
      <c r="A20752" s="2"/>
      <c r="B20752" s="2"/>
      <c r="C20752" s="2"/>
    </row>
    <row r="20753" spans="1:3" ht="19.2">
      <c r="A20753" s="2"/>
      <c r="B20753" s="2"/>
      <c r="C20753" s="2"/>
    </row>
    <row r="20754" spans="1:3" ht="19.2">
      <c r="A20754" s="2"/>
      <c r="B20754" s="2"/>
      <c r="C20754" s="2"/>
    </row>
    <row r="20755" spans="1:3" ht="19.2">
      <c r="A20755" s="2"/>
      <c r="B20755" s="2"/>
      <c r="C20755" s="2"/>
    </row>
    <row r="20756" spans="1:3" ht="19.2">
      <c r="A20756" s="2"/>
      <c r="B20756" s="2"/>
      <c r="C20756" s="2"/>
    </row>
    <row r="20757" spans="1:3" ht="19.2">
      <c r="A20757" s="2"/>
      <c r="B20757" s="2"/>
      <c r="C20757" s="2"/>
    </row>
    <row r="20758" spans="1:3" ht="19.2">
      <c r="A20758" s="2"/>
      <c r="B20758" s="2"/>
      <c r="C20758" s="2"/>
    </row>
    <row r="20759" spans="1:3" ht="19.2">
      <c r="A20759" s="2"/>
      <c r="B20759" s="2"/>
      <c r="C20759" s="2"/>
    </row>
    <row r="20760" spans="1:3" ht="19.2">
      <c r="A20760" s="2"/>
      <c r="B20760" s="2"/>
      <c r="C20760" s="2"/>
    </row>
    <row r="20761" spans="1:3" ht="19.2">
      <c r="A20761" s="2"/>
      <c r="B20761" s="2"/>
      <c r="C20761" s="2"/>
    </row>
    <row r="20762" spans="1:3" ht="19.2">
      <c r="A20762" s="2"/>
      <c r="B20762" s="2"/>
      <c r="C20762" s="2"/>
    </row>
    <row r="20763" spans="1:3" ht="19.2">
      <c r="A20763" s="2"/>
      <c r="B20763" s="2"/>
      <c r="C20763" s="2"/>
    </row>
    <row r="20764" spans="1:3" ht="19.2">
      <c r="A20764" s="2"/>
      <c r="B20764" s="2"/>
      <c r="C20764" s="2"/>
    </row>
    <row r="20765" spans="1:3" ht="19.2">
      <c r="A20765" s="2"/>
      <c r="B20765" s="2"/>
      <c r="C20765" s="2"/>
    </row>
    <row r="20766" spans="1:3" ht="19.2">
      <c r="A20766" s="2"/>
      <c r="B20766" s="2"/>
      <c r="C20766" s="2"/>
    </row>
    <row r="20767" spans="1:3" ht="19.2">
      <c r="A20767" s="2"/>
      <c r="B20767" s="2"/>
      <c r="C20767" s="2"/>
    </row>
    <row r="20768" spans="1:3" ht="19.2">
      <c r="A20768" s="2"/>
      <c r="B20768" s="2"/>
      <c r="C20768" s="2"/>
    </row>
    <row r="20769" spans="1:3" ht="19.2">
      <c r="A20769" s="2"/>
      <c r="B20769" s="2"/>
      <c r="C20769" s="2"/>
    </row>
    <row r="20770" spans="1:3" ht="19.2">
      <c r="A20770" s="2"/>
      <c r="B20770" s="2"/>
      <c r="C20770" s="2"/>
    </row>
    <row r="20771" spans="1:3" ht="19.2">
      <c r="A20771" s="2"/>
      <c r="B20771" s="2"/>
      <c r="C20771" s="2"/>
    </row>
    <row r="20772" spans="1:3" ht="19.2">
      <c r="A20772" s="2"/>
      <c r="B20772" s="2"/>
      <c r="C20772" s="2"/>
    </row>
    <row r="20773" spans="1:3" ht="19.2">
      <c r="A20773" s="2"/>
      <c r="B20773" s="2"/>
      <c r="C20773" s="2"/>
    </row>
    <row r="20774" spans="1:3" ht="19.2">
      <c r="A20774" s="2"/>
      <c r="B20774" s="2"/>
      <c r="C20774" s="2"/>
    </row>
    <row r="20775" spans="1:3" ht="19.2">
      <c r="A20775" s="2"/>
      <c r="B20775" s="2"/>
      <c r="C20775" s="2"/>
    </row>
    <row r="20776" spans="1:3" ht="19.2">
      <c r="A20776" s="2"/>
      <c r="B20776" s="2"/>
      <c r="C20776" s="2"/>
    </row>
    <row r="20777" spans="1:3" ht="19.2">
      <c r="A20777" s="2"/>
      <c r="B20777" s="2"/>
      <c r="C20777" s="2"/>
    </row>
    <row r="20778" spans="1:3" ht="19.2">
      <c r="A20778" s="2"/>
      <c r="B20778" s="2"/>
      <c r="C20778" s="2"/>
    </row>
    <row r="20779" spans="1:3" ht="19.2">
      <c r="A20779" s="2"/>
      <c r="B20779" s="2"/>
      <c r="C20779" s="2"/>
    </row>
    <row r="20780" spans="1:3" ht="19.2">
      <c r="A20780" s="2"/>
      <c r="B20780" s="2"/>
      <c r="C20780" s="2"/>
    </row>
    <row r="20781" spans="1:3" ht="19.2">
      <c r="A20781" s="2"/>
      <c r="B20781" s="2"/>
      <c r="C20781" s="2"/>
    </row>
    <row r="20782" spans="1:3" ht="19.2">
      <c r="A20782" s="2"/>
      <c r="B20782" s="2"/>
      <c r="C20782" s="2"/>
    </row>
    <row r="20783" spans="1:3" ht="19.2">
      <c r="A20783" s="2"/>
      <c r="B20783" s="2"/>
      <c r="C20783" s="2"/>
    </row>
    <row r="20784" spans="1:3" ht="19.2">
      <c r="A20784" s="2"/>
      <c r="B20784" s="2"/>
      <c r="C20784" s="2"/>
    </row>
    <row r="20785" spans="1:3" ht="19.2">
      <c r="A20785" s="2"/>
      <c r="B20785" s="2"/>
      <c r="C20785" s="2"/>
    </row>
    <row r="20786" spans="1:3" ht="19.2">
      <c r="A20786" s="2"/>
      <c r="B20786" s="2"/>
      <c r="C20786" s="2"/>
    </row>
    <row r="20787" spans="1:3" ht="19.2">
      <c r="A20787" s="2"/>
      <c r="B20787" s="2"/>
      <c r="C20787" s="2"/>
    </row>
    <row r="20788" spans="1:3" ht="19.2">
      <c r="A20788" s="2"/>
      <c r="B20788" s="2"/>
      <c r="C20788" s="2"/>
    </row>
    <row r="20789" spans="1:3" ht="19.2">
      <c r="A20789" s="2"/>
      <c r="B20789" s="2"/>
      <c r="C20789" s="2"/>
    </row>
    <row r="20790" spans="1:3" ht="19.2">
      <c r="A20790" s="2"/>
      <c r="B20790" s="2"/>
      <c r="C20790" s="2"/>
    </row>
    <row r="20791" spans="1:3" ht="19.2">
      <c r="A20791" s="2"/>
      <c r="B20791" s="2"/>
      <c r="C20791" s="2"/>
    </row>
    <row r="20792" spans="1:3" ht="19.2">
      <c r="A20792" s="2"/>
      <c r="B20792" s="2"/>
      <c r="C20792" s="2"/>
    </row>
    <row r="20793" spans="1:3" ht="19.2">
      <c r="A20793" s="2"/>
      <c r="B20793" s="2"/>
      <c r="C20793" s="2"/>
    </row>
    <row r="20794" spans="1:3" ht="19.2">
      <c r="A20794" s="2"/>
      <c r="B20794" s="2"/>
      <c r="C20794" s="2"/>
    </row>
    <row r="20795" spans="1:3" ht="19.2">
      <c r="A20795" s="2"/>
      <c r="B20795" s="2"/>
      <c r="C20795" s="2"/>
    </row>
    <row r="20796" spans="1:3" ht="19.2">
      <c r="A20796" s="2"/>
      <c r="B20796" s="2"/>
      <c r="C20796" s="2"/>
    </row>
    <row r="20797" spans="1:3" ht="19.2">
      <c r="A20797" s="2"/>
      <c r="B20797" s="2"/>
      <c r="C20797" s="2"/>
    </row>
    <row r="20798" spans="1:3" ht="19.2">
      <c r="A20798" s="2"/>
      <c r="B20798" s="2"/>
      <c r="C20798" s="2"/>
    </row>
    <row r="20799" spans="1:3" ht="19.2">
      <c r="A20799" s="2"/>
      <c r="B20799" s="2"/>
      <c r="C20799" s="2"/>
    </row>
    <row r="20800" spans="1:3" ht="19.2">
      <c r="A20800" s="2"/>
      <c r="B20800" s="2"/>
      <c r="C20800" s="2"/>
    </row>
    <row r="20801" spans="1:3" ht="19.2">
      <c r="A20801" s="2"/>
      <c r="B20801" s="2"/>
      <c r="C20801" s="2"/>
    </row>
    <row r="20802" spans="1:3" ht="19.2">
      <c r="A20802" s="2"/>
      <c r="B20802" s="2"/>
      <c r="C20802" s="2"/>
    </row>
    <row r="20803" spans="1:3" ht="19.2">
      <c r="A20803" s="2"/>
      <c r="B20803" s="2"/>
      <c r="C20803" s="2"/>
    </row>
    <row r="20804" spans="1:3" ht="19.2">
      <c r="A20804" s="2"/>
      <c r="B20804" s="2"/>
      <c r="C20804" s="2"/>
    </row>
    <row r="20805" spans="1:3" ht="19.2">
      <c r="A20805" s="2"/>
      <c r="B20805" s="2"/>
      <c r="C20805" s="2"/>
    </row>
    <row r="20806" spans="1:3" ht="19.2">
      <c r="A20806" s="2"/>
      <c r="B20806" s="2"/>
      <c r="C20806" s="2"/>
    </row>
    <row r="20807" spans="1:3" ht="19.2">
      <c r="A20807" s="2"/>
      <c r="B20807" s="2"/>
      <c r="C20807" s="2"/>
    </row>
    <row r="20808" spans="1:3" ht="19.2">
      <c r="A20808" s="2"/>
      <c r="B20808" s="2"/>
      <c r="C20808" s="2"/>
    </row>
    <row r="20809" spans="1:3" ht="19.2">
      <c r="A20809" s="2"/>
      <c r="B20809" s="2"/>
      <c r="C20809" s="2"/>
    </row>
    <row r="20810" spans="1:3" ht="19.2">
      <c r="A20810" s="2"/>
      <c r="B20810" s="2"/>
      <c r="C20810" s="2"/>
    </row>
    <row r="20811" spans="1:3" ht="19.2">
      <c r="A20811" s="2"/>
      <c r="B20811" s="2"/>
      <c r="C20811" s="2"/>
    </row>
    <row r="20812" spans="1:3" ht="19.2">
      <c r="A20812" s="2"/>
      <c r="B20812" s="2"/>
      <c r="C20812" s="2"/>
    </row>
    <row r="20813" spans="1:3" ht="19.2">
      <c r="A20813" s="2"/>
      <c r="B20813" s="2"/>
      <c r="C20813" s="2"/>
    </row>
    <row r="20814" spans="1:3" ht="19.2">
      <c r="A20814" s="2"/>
      <c r="B20814" s="2"/>
      <c r="C20814" s="2"/>
    </row>
    <row r="20815" spans="1:3" ht="19.2">
      <c r="A20815" s="2"/>
      <c r="B20815" s="2"/>
      <c r="C20815" s="2"/>
    </row>
    <row r="20816" spans="1:3" ht="19.2">
      <c r="A20816" s="2"/>
      <c r="B20816" s="2"/>
      <c r="C20816" s="2"/>
    </row>
    <row r="20817" spans="1:3" ht="19.2">
      <c r="A20817" s="2"/>
      <c r="B20817" s="2"/>
      <c r="C20817" s="2"/>
    </row>
    <row r="20818" spans="1:3" ht="19.2">
      <c r="A20818" s="2"/>
      <c r="B20818" s="2"/>
      <c r="C20818" s="2"/>
    </row>
    <row r="20819" spans="1:3" ht="19.2">
      <c r="A20819" s="2"/>
      <c r="B20819" s="2"/>
      <c r="C20819" s="2"/>
    </row>
    <row r="20820" spans="1:3" ht="19.2">
      <c r="A20820" s="2"/>
      <c r="B20820" s="2"/>
      <c r="C20820" s="2"/>
    </row>
    <row r="20821" spans="1:3" ht="19.2">
      <c r="A20821" s="2"/>
      <c r="B20821" s="2"/>
      <c r="C20821" s="2"/>
    </row>
    <row r="20822" spans="1:3" ht="19.2">
      <c r="A20822" s="2"/>
      <c r="B20822" s="2"/>
      <c r="C20822" s="2"/>
    </row>
    <row r="20823" spans="1:3" ht="19.2">
      <c r="A20823" s="2"/>
      <c r="B20823" s="2"/>
      <c r="C20823" s="2"/>
    </row>
    <row r="20824" spans="1:3" ht="19.2">
      <c r="A20824" s="2"/>
      <c r="B20824" s="2"/>
      <c r="C20824" s="2"/>
    </row>
    <row r="20825" spans="1:3" ht="19.2">
      <c r="A20825" s="2"/>
      <c r="B20825" s="2"/>
      <c r="C20825" s="2"/>
    </row>
    <row r="20826" spans="1:3" ht="19.2">
      <c r="A20826" s="2"/>
      <c r="B20826" s="2"/>
      <c r="C20826" s="2"/>
    </row>
    <row r="20827" spans="1:3" ht="19.2">
      <c r="A20827" s="2"/>
      <c r="B20827" s="2"/>
      <c r="C20827" s="2"/>
    </row>
    <row r="20828" spans="1:3" ht="19.2">
      <c r="A20828" s="2"/>
      <c r="B20828" s="2"/>
      <c r="C20828" s="2"/>
    </row>
    <row r="20829" spans="1:3" ht="19.2">
      <c r="A20829" s="2"/>
      <c r="B20829" s="2"/>
      <c r="C20829" s="2"/>
    </row>
    <row r="20830" spans="1:3" ht="19.2">
      <c r="A20830" s="2"/>
      <c r="B20830" s="2"/>
      <c r="C20830" s="2"/>
    </row>
    <row r="20831" spans="1:3" ht="19.2">
      <c r="A20831" s="2"/>
      <c r="B20831" s="2"/>
      <c r="C20831" s="2"/>
    </row>
    <row r="20832" spans="1:3" ht="19.2">
      <c r="A20832" s="2"/>
      <c r="B20832" s="2"/>
      <c r="C20832" s="2"/>
    </row>
    <row r="20833" spans="1:3" ht="19.2">
      <c r="A20833" s="2"/>
      <c r="B20833" s="2"/>
      <c r="C20833" s="2"/>
    </row>
    <row r="20834" spans="1:3" ht="19.2">
      <c r="A20834" s="2"/>
      <c r="B20834" s="2"/>
      <c r="C20834" s="2"/>
    </row>
    <row r="20835" spans="1:3" ht="19.2">
      <c r="A20835" s="2"/>
      <c r="B20835" s="2"/>
      <c r="C20835" s="2"/>
    </row>
    <row r="20836" spans="1:3" ht="19.2">
      <c r="A20836" s="2"/>
      <c r="B20836" s="2"/>
      <c r="C20836" s="2"/>
    </row>
    <row r="20837" spans="1:3" ht="19.2">
      <c r="A20837" s="2"/>
      <c r="B20837" s="2"/>
      <c r="C20837" s="2"/>
    </row>
    <row r="20838" spans="1:3" ht="19.2">
      <c r="A20838" s="2"/>
      <c r="B20838" s="2"/>
      <c r="C20838" s="2"/>
    </row>
    <row r="20839" spans="1:3" ht="19.2">
      <c r="A20839" s="2"/>
      <c r="B20839" s="2"/>
      <c r="C20839" s="2"/>
    </row>
    <row r="20840" spans="1:3" ht="19.2">
      <c r="A20840" s="2"/>
      <c r="B20840" s="2"/>
      <c r="C20840" s="2"/>
    </row>
    <row r="20841" spans="1:3" ht="19.2">
      <c r="A20841" s="2"/>
      <c r="B20841" s="2"/>
      <c r="C20841" s="2"/>
    </row>
    <row r="20842" spans="1:3" ht="19.2">
      <c r="A20842" s="2"/>
      <c r="B20842" s="2"/>
      <c r="C20842" s="2"/>
    </row>
    <row r="20843" spans="1:3" ht="19.2">
      <c r="A20843" s="2"/>
      <c r="B20843" s="2"/>
      <c r="C20843" s="2"/>
    </row>
    <row r="20844" spans="1:3" ht="19.2">
      <c r="A20844" s="2"/>
      <c r="B20844" s="2"/>
      <c r="C20844" s="2"/>
    </row>
    <row r="20845" spans="1:3" ht="19.2">
      <c r="A20845" s="2"/>
      <c r="B20845" s="2"/>
      <c r="C20845" s="2"/>
    </row>
    <row r="20846" spans="1:3" ht="19.2">
      <c r="A20846" s="2"/>
      <c r="B20846" s="2"/>
      <c r="C20846" s="2"/>
    </row>
    <row r="20847" spans="1:3" ht="19.2">
      <c r="A20847" s="2"/>
      <c r="B20847" s="2"/>
      <c r="C20847" s="2"/>
    </row>
    <row r="20848" spans="1:3" ht="19.2">
      <c r="A20848" s="2"/>
      <c r="B20848" s="2"/>
      <c r="C20848" s="2"/>
    </row>
    <row r="20849" spans="1:3" ht="19.2">
      <c r="A20849" s="2"/>
      <c r="B20849" s="2"/>
      <c r="C20849" s="2"/>
    </row>
    <row r="20850" spans="1:3" ht="19.2">
      <c r="A20850" s="2"/>
      <c r="B20850" s="2"/>
      <c r="C20850" s="2"/>
    </row>
    <row r="20851" spans="1:3" ht="19.2">
      <c r="A20851" s="2"/>
      <c r="B20851" s="2"/>
      <c r="C20851" s="2"/>
    </row>
    <row r="20852" spans="1:3" ht="19.2">
      <c r="A20852" s="2"/>
      <c r="B20852" s="2"/>
      <c r="C20852" s="2"/>
    </row>
    <row r="20853" spans="1:3" ht="19.2">
      <c r="A20853" s="2"/>
      <c r="B20853" s="2"/>
      <c r="C20853" s="2"/>
    </row>
    <row r="20854" spans="1:3" ht="19.2">
      <c r="A20854" s="2"/>
      <c r="B20854" s="2"/>
      <c r="C20854" s="2"/>
    </row>
    <row r="20855" spans="1:3" ht="19.2">
      <c r="A20855" s="2"/>
      <c r="B20855" s="2"/>
      <c r="C20855" s="2"/>
    </row>
    <row r="20856" spans="1:3" ht="19.2">
      <c r="A20856" s="2"/>
      <c r="B20856" s="2"/>
      <c r="C20856" s="2"/>
    </row>
    <row r="20857" spans="1:3" ht="19.2">
      <c r="A20857" s="2"/>
      <c r="B20857" s="2"/>
      <c r="C20857" s="2"/>
    </row>
    <row r="20858" spans="1:3" ht="19.2">
      <c r="A20858" s="2"/>
      <c r="B20858" s="2"/>
      <c r="C20858" s="2"/>
    </row>
    <row r="20859" spans="1:3" ht="19.2">
      <c r="A20859" s="2"/>
      <c r="B20859" s="2"/>
      <c r="C20859" s="2"/>
    </row>
    <row r="20860" spans="1:3" ht="19.2">
      <c r="A20860" s="2"/>
      <c r="B20860" s="2"/>
      <c r="C20860" s="2"/>
    </row>
    <row r="20861" spans="1:3" ht="19.2">
      <c r="A20861" s="2"/>
      <c r="B20861" s="2"/>
      <c r="C20861" s="2"/>
    </row>
    <row r="20862" spans="1:3" ht="19.2">
      <c r="A20862" s="2"/>
      <c r="B20862" s="2"/>
      <c r="C20862" s="2"/>
    </row>
    <row r="20863" spans="1:3" ht="19.2">
      <c r="A20863" s="2"/>
      <c r="B20863" s="2"/>
      <c r="C20863" s="2"/>
    </row>
    <row r="20864" spans="1:3" ht="19.2">
      <c r="A20864" s="2"/>
      <c r="B20864" s="2"/>
      <c r="C20864" s="2"/>
    </row>
    <row r="20865" spans="1:3" ht="19.2">
      <c r="A20865" s="2"/>
      <c r="B20865" s="2"/>
      <c r="C20865" s="2"/>
    </row>
    <row r="20866" spans="1:3" ht="19.2">
      <c r="A20866" s="2"/>
      <c r="B20866" s="2"/>
      <c r="C20866" s="2"/>
    </row>
    <row r="20867" spans="1:3" ht="19.2">
      <c r="A20867" s="2"/>
      <c r="B20867" s="2"/>
      <c r="C20867" s="2"/>
    </row>
    <row r="20868" spans="1:3" ht="19.2">
      <c r="A20868" s="2"/>
      <c r="B20868" s="2"/>
      <c r="C20868" s="2"/>
    </row>
    <row r="20869" spans="1:3" ht="19.2">
      <c r="A20869" s="2"/>
      <c r="B20869" s="2"/>
      <c r="C20869" s="2"/>
    </row>
    <row r="20870" spans="1:3" ht="19.2">
      <c r="A20870" s="2"/>
      <c r="B20870" s="2"/>
      <c r="C20870" s="2"/>
    </row>
    <row r="20871" spans="1:3" ht="19.2">
      <c r="A20871" s="2"/>
      <c r="B20871" s="2"/>
      <c r="C20871" s="2"/>
    </row>
    <row r="20872" spans="1:3" ht="19.2">
      <c r="A20872" s="2"/>
      <c r="B20872" s="2"/>
      <c r="C20872" s="2"/>
    </row>
    <row r="20873" spans="1:3" ht="19.2">
      <c r="A20873" s="2"/>
      <c r="B20873" s="2"/>
      <c r="C20873" s="2"/>
    </row>
    <row r="20874" spans="1:3" ht="19.2">
      <c r="A20874" s="2"/>
      <c r="B20874" s="2"/>
      <c r="C20874" s="2"/>
    </row>
    <row r="20875" spans="1:3" ht="19.2">
      <c r="A20875" s="2"/>
      <c r="B20875" s="2"/>
      <c r="C20875" s="2"/>
    </row>
    <row r="20876" spans="1:3" ht="19.2">
      <c r="A20876" s="2"/>
      <c r="B20876" s="2"/>
      <c r="C20876" s="2"/>
    </row>
    <row r="20877" spans="1:3" ht="19.2">
      <c r="A20877" s="2"/>
      <c r="B20877" s="2"/>
      <c r="C20877" s="2"/>
    </row>
    <row r="20878" spans="1:3" ht="19.2">
      <c r="A20878" s="2"/>
      <c r="B20878" s="2"/>
      <c r="C20878" s="2"/>
    </row>
    <row r="20879" spans="1:3" ht="19.2">
      <c r="A20879" s="2"/>
      <c r="B20879" s="2"/>
      <c r="C20879" s="2"/>
    </row>
    <row r="20880" spans="1:3" ht="19.2">
      <c r="A20880" s="2"/>
      <c r="B20880" s="2"/>
      <c r="C20880" s="2"/>
    </row>
    <row r="20881" spans="1:3" ht="19.2">
      <c r="A20881" s="2"/>
      <c r="B20881" s="2"/>
      <c r="C20881" s="2"/>
    </row>
    <row r="20882" spans="1:3" ht="19.2">
      <c r="A20882" s="2"/>
      <c r="B20882" s="2"/>
      <c r="C20882" s="2"/>
    </row>
    <row r="20883" spans="1:3" ht="19.2">
      <c r="A20883" s="2"/>
      <c r="B20883" s="2"/>
      <c r="C20883" s="2"/>
    </row>
    <row r="20884" spans="1:3" ht="19.2">
      <c r="A20884" s="2"/>
      <c r="B20884" s="2"/>
      <c r="C20884" s="2"/>
    </row>
    <row r="20885" spans="1:3" ht="19.2">
      <c r="A20885" s="2"/>
      <c r="B20885" s="2"/>
      <c r="C20885" s="2"/>
    </row>
    <row r="20886" spans="1:3" ht="19.2">
      <c r="A20886" s="2"/>
      <c r="B20886" s="2"/>
      <c r="C20886" s="2"/>
    </row>
    <row r="20887" spans="1:3" ht="19.2">
      <c r="A20887" s="2"/>
      <c r="B20887" s="2"/>
      <c r="C20887" s="2"/>
    </row>
    <row r="20888" spans="1:3" ht="19.2">
      <c r="A20888" s="2"/>
      <c r="B20888" s="2"/>
      <c r="C20888" s="2"/>
    </row>
    <row r="20889" spans="1:3" ht="19.2">
      <c r="A20889" s="2"/>
      <c r="B20889" s="2"/>
      <c r="C20889" s="2"/>
    </row>
    <row r="20890" spans="1:3" ht="19.2">
      <c r="A20890" s="2"/>
      <c r="B20890" s="2"/>
      <c r="C20890" s="2"/>
    </row>
    <row r="20891" spans="1:3" ht="19.2">
      <c r="A20891" s="2"/>
      <c r="B20891" s="2"/>
      <c r="C20891" s="2"/>
    </row>
    <row r="20892" spans="1:3" ht="19.2">
      <c r="A20892" s="2"/>
      <c r="B20892" s="2"/>
      <c r="C20892" s="2"/>
    </row>
    <row r="20893" spans="1:3" ht="19.2">
      <c r="A20893" s="2"/>
      <c r="B20893" s="2"/>
      <c r="C20893" s="2"/>
    </row>
    <row r="20894" spans="1:3" ht="19.2">
      <c r="A20894" s="2"/>
      <c r="B20894" s="2"/>
      <c r="C20894" s="2"/>
    </row>
    <row r="20895" spans="1:3" ht="19.2">
      <c r="A20895" s="2"/>
      <c r="B20895" s="2"/>
      <c r="C20895" s="2"/>
    </row>
    <row r="20896" spans="1:3" ht="19.2">
      <c r="A20896" s="2"/>
      <c r="B20896" s="2"/>
      <c r="C20896" s="2"/>
    </row>
    <row r="20897" spans="1:3" ht="19.2">
      <c r="A20897" s="2"/>
      <c r="B20897" s="2"/>
      <c r="C20897" s="2"/>
    </row>
    <row r="20898" spans="1:3" ht="19.2">
      <c r="A20898" s="2"/>
      <c r="B20898" s="2"/>
      <c r="C20898" s="2"/>
    </row>
    <row r="20899" spans="1:3" ht="19.2">
      <c r="A20899" s="2"/>
      <c r="B20899" s="2"/>
      <c r="C20899" s="2"/>
    </row>
    <row r="20900" spans="1:3" ht="19.2">
      <c r="A20900" s="2"/>
      <c r="B20900" s="2"/>
      <c r="C20900" s="2"/>
    </row>
    <row r="20901" spans="1:3" ht="19.2">
      <c r="A20901" s="2"/>
      <c r="B20901" s="2"/>
      <c r="C20901" s="2"/>
    </row>
    <row r="20902" spans="1:3" ht="19.2">
      <c r="A20902" s="2"/>
      <c r="B20902" s="2"/>
      <c r="C20902" s="2"/>
    </row>
    <row r="20903" spans="1:3" ht="19.2">
      <c r="A20903" s="2"/>
      <c r="B20903" s="2"/>
      <c r="C20903" s="2"/>
    </row>
    <row r="20904" spans="1:3" ht="19.2">
      <c r="A20904" s="2"/>
      <c r="B20904" s="2"/>
      <c r="C20904" s="2"/>
    </row>
    <row r="20905" spans="1:3" ht="19.2">
      <c r="A20905" s="2"/>
      <c r="B20905" s="2"/>
      <c r="C20905" s="2"/>
    </row>
    <row r="20906" spans="1:3" ht="19.2">
      <c r="A20906" s="2"/>
      <c r="B20906" s="2"/>
      <c r="C20906" s="2"/>
    </row>
    <row r="20907" spans="1:3" ht="19.2">
      <c r="A20907" s="2"/>
      <c r="B20907" s="2"/>
      <c r="C20907" s="2"/>
    </row>
    <row r="20908" spans="1:3" ht="19.2">
      <c r="A20908" s="2"/>
      <c r="B20908" s="2"/>
      <c r="C20908" s="2"/>
    </row>
    <row r="20909" spans="1:3" ht="19.2">
      <c r="A20909" s="2"/>
      <c r="B20909" s="2"/>
      <c r="C20909" s="2"/>
    </row>
    <row r="20910" spans="1:3" ht="19.2">
      <c r="A20910" s="2"/>
      <c r="B20910" s="2"/>
      <c r="C20910" s="2"/>
    </row>
    <row r="20911" spans="1:3" ht="19.2">
      <c r="A20911" s="2"/>
      <c r="B20911" s="2"/>
      <c r="C20911" s="2"/>
    </row>
    <row r="20912" spans="1:3" ht="19.2">
      <c r="A20912" s="2"/>
      <c r="B20912" s="2"/>
      <c r="C20912" s="2"/>
    </row>
    <row r="20913" spans="1:3" ht="19.2">
      <c r="A20913" s="2"/>
      <c r="B20913" s="2"/>
      <c r="C20913" s="2"/>
    </row>
    <row r="20914" spans="1:3" ht="19.2">
      <c r="A20914" s="2"/>
      <c r="B20914" s="2"/>
      <c r="C20914" s="2"/>
    </row>
    <row r="20915" spans="1:3" ht="19.2">
      <c r="A20915" s="2"/>
      <c r="B20915" s="2"/>
      <c r="C20915" s="2"/>
    </row>
    <row r="20916" spans="1:3" ht="19.2">
      <c r="A20916" s="2"/>
      <c r="B20916" s="2"/>
      <c r="C20916" s="2"/>
    </row>
    <row r="20917" spans="1:3" ht="19.2">
      <c r="A20917" s="2"/>
      <c r="B20917" s="2"/>
      <c r="C20917" s="2"/>
    </row>
    <row r="20918" spans="1:3" ht="19.2">
      <c r="A20918" s="2"/>
      <c r="B20918" s="2"/>
      <c r="C20918" s="2"/>
    </row>
    <row r="20919" spans="1:3" ht="19.2">
      <c r="A20919" s="2"/>
      <c r="B20919" s="2"/>
      <c r="C20919" s="2"/>
    </row>
    <row r="20920" spans="1:3" ht="19.2">
      <c r="A20920" s="2"/>
      <c r="B20920" s="2"/>
      <c r="C20920" s="2"/>
    </row>
    <row r="20921" spans="1:3" ht="19.2">
      <c r="A20921" s="2"/>
      <c r="B20921" s="2"/>
      <c r="C20921" s="2"/>
    </row>
    <row r="20922" spans="1:3" ht="19.2">
      <c r="A20922" s="2"/>
      <c r="B20922" s="2"/>
      <c r="C20922" s="2"/>
    </row>
    <row r="20923" spans="1:3" ht="19.2">
      <c r="A20923" s="2"/>
      <c r="B20923" s="2"/>
      <c r="C20923" s="2"/>
    </row>
    <row r="20924" spans="1:3" ht="19.2">
      <c r="A20924" s="2"/>
      <c r="B20924" s="2"/>
      <c r="C20924" s="2"/>
    </row>
    <row r="20925" spans="1:3" ht="19.2">
      <c r="A20925" s="2"/>
      <c r="B20925" s="2"/>
      <c r="C20925" s="2"/>
    </row>
    <row r="20926" spans="1:3" ht="19.2">
      <c r="A20926" s="2"/>
      <c r="B20926" s="2"/>
      <c r="C20926" s="2"/>
    </row>
    <row r="20927" spans="1:3" ht="19.2">
      <c r="A20927" s="2"/>
      <c r="B20927" s="2"/>
      <c r="C20927" s="2"/>
    </row>
    <row r="20928" spans="1:3" ht="19.2">
      <c r="A20928" s="2"/>
      <c r="B20928" s="2"/>
      <c r="C20928" s="2"/>
    </row>
    <row r="20929" spans="1:3" ht="19.2">
      <c r="A20929" s="2"/>
      <c r="B20929" s="2"/>
      <c r="C20929" s="2"/>
    </row>
    <row r="20930" spans="1:3" ht="19.2">
      <c r="A20930" s="2"/>
      <c r="B20930" s="2"/>
      <c r="C20930" s="2"/>
    </row>
    <row r="20931" spans="1:3" ht="19.2">
      <c r="A20931" s="2"/>
      <c r="B20931" s="2"/>
      <c r="C20931" s="2"/>
    </row>
    <row r="20932" spans="1:3" ht="19.2">
      <c r="A20932" s="2"/>
      <c r="B20932" s="2"/>
      <c r="C20932" s="2"/>
    </row>
    <row r="20933" spans="1:3" ht="19.2">
      <c r="A20933" s="2"/>
      <c r="B20933" s="2"/>
      <c r="C20933" s="2"/>
    </row>
    <row r="20934" spans="1:3" ht="19.2">
      <c r="A20934" s="2"/>
      <c r="B20934" s="2"/>
      <c r="C20934" s="2"/>
    </row>
    <row r="20935" spans="1:3" ht="19.2">
      <c r="A20935" s="2"/>
      <c r="B20935" s="2"/>
      <c r="C20935" s="2"/>
    </row>
    <row r="20936" spans="1:3" ht="19.2">
      <c r="A20936" s="2"/>
      <c r="B20936" s="2"/>
      <c r="C20936" s="2"/>
    </row>
    <row r="20937" spans="1:3" ht="19.2">
      <c r="A20937" s="2"/>
      <c r="B20937" s="2"/>
      <c r="C20937" s="2"/>
    </row>
    <row r="20938" spans="1:3" ht="19.2">
      <c r="A20938" s="2"/>
      <c r="B20938" s="2"/>
      <c r="C20938" s="2"/>
    </row>
    <row r="20939" spans="1:3" ht="19.2">
      <c r="A20939" s="2"/>
      <c r="B20939" s="2"/>
      <c r="C20939" s="2"/>
    </row>
    <row r="20940" spans="1:3" ht="19.2">
      <c r="A20940" s="2"/>
      <c r="B20940" s="2"/>
      <c r="C20940" s="2"/>
    </row>
    <row r="20941" spans="1:3" ht="19.2">
      <c r="A20941" s="2"/>
      <c r="B20941" s="2"/>
      <c r="C20941" s="2"/>
    </row>
    <row r="20942" spans="1:3" ht="19.2">
      <c r="A20942" s="2"/>
      <c r="B20942" s="2"/>
      <c r="C20942" s="2"/>
    </row>
    <row r="20943" spans="1:3" ht="19.2">
      <c r="A20943" s="2"/>
      <c r="B20943" s="2"/>
      <c r="C20943" s="2"/>
    </row>
    <row r="20944" spans="1:3" ht="19.2">
      <c r="A20944" s="2"/>
      <c r="B20944" s="2"/>
      <c r="C20944" s="2"/>
    </row>
    <row r="20945" spans="1:3" ht="19.2">
      <c r="A20945" s="2"/>
      <c r="B20945" s="2"/>
      <c r="C20945" s="2"/>
    </row>
    <row r="20946" spans="1:3" ht="19.2">
      <c r="A20946" s="2"/>
      <c r="B20946" s="2"/>
      <c r="C20946" s="2"/>
    </row>
    <row r="20947" spans="1:3" ht="19.2">
      <c r="A20947" s="2"/>
      <c r="B20947" s="2"/>
      <c r="C20947" s="2"/>
    </row>
    <row r="20948" spans="1:3" ht="19.2">
      <c r="A20948" s="2"/>
      <c r="B20948" s="2"/>
      <c r="C20948" s="2"/>
    </row>
    <row r="20949" spans="1:3" ht="19.2">
      <c r="A20949" s="2"/>
      <c r="B20949" s="2"/>
      <c r="C20949" s="2"/>
    </row>
    <row r="20950" spans="1:3" ht="19.2">
      <c r="A20950" s="2"/>
      <c r="B20950" s="2"/>
      <c r="C20950" s="2"/>
    </row>
    <row r="20951" spans="1:3" ht="19.2">
      <c r="A20951" s="2"/>
      <c r="B20951" s="2"/>
      <c r="C20951" s="2"/>
    </row>
    <row r="20952" spans="1:3" ht="19.2">
      <c r="A20952" s="2"/>
      <c r="B20952" s="2"/>
      <c r="C20952" s="2"/>
    </row>
    <row r="20953" spans="1:3" ht="19.2">
      <c r="A20953" s="2"/>
      <c r="B20953" s="2"/>
      <c r="C20953" s="2"/>
    </row>
    <row r="20954" spans="1:3" ht="19.2">
      <c r="A20954" s="2"/>
      <c r="B20954" s="2"/>
      <c r="C20954" s="2"/>
    </row>
    <row r="20955" spans="1:3" ht="19.2">
      <c r="A20955" s="2"/>
      <c r="B20955" s="2"/>
      <c r="C20955" s="2"/>
    </row>
    <row r="20956" spans="1:3" ht="19.2">
      <c r="A20956" s="2"/>
      <c r="B20956" s="2"/>
      <c r="C20956" s="2"/>
    </row>
    <row r="20957" spans="1:3" ht="19.2">
      <c r="A20957" s="2"/>
      <c r="B20957" s="2"/>
      <c r="C20957" s="2"/>
    </row>
    <row r="20958" spans="1:3" ht="19.2">
      <c r="A20958" s="2"/>
      <c r="B20958" s="2"/>
      <c r="C20958" s="2"/>
    </row>
    <row r="20959" spans="1:3" ht="19.2">
      <c r="A20959" s="2"/>
      <c r="B20959" s="2"/>
      <c r="C20959" s="2"/>
    </row>
    <row r="20960" spans="1:3" ht="19.2">
      <c r="A20960" s="2"/>
      <c r="B20960" s="2"/>
      <c r="C20960" s="2"/>
    </row>
    <row r="20961" spans="1:3" ht="19.2">
      <c r="A20961" s="2"/>
      <c r="B20961" s="2"/>
      <c r="C20961" s="2"/>
    </row>
    <row r="20962" spans="1:3" ht="19.2">
      <c r="A20962" s="2"/>
      <c r="B20962" s="2"/>
      <c r="C20962" s="2"/>
    </row>
    <row r="20963" spans="1:3" ht="19.2">
      <c r="A20963" s="2"/>
      <c r="B20963" s="2"/>
      <c r="C20963" s="2"/>
    </row>
    <row r="20964" spans="1:3" ht="19.2">
      <c r="A20964" s="2"/>
      <c r="B20964" s="2"/>
      <c r="C20964" s="2"/>
    </row>
    <row r="20965" spans="1:3" ht="19.2">
      <c r="A20965" s="2"/>
      <c r="B20965" s="2"/>
      <c r="C20965" s="2"/>
    </row>
    <row r="20966" spans="1:3" ht="19.2">
      <c r="A20966" s="2"/>
      <c r="B20966" s="2"/>
      <c r="C20966" s="2"/>
    </row>
    <row r="20967" spans="1:3" ht="19.2">
      <c r="A20967" s="2"/>
      <c r="B20967" s="2"/>
      <c r="C20967" s="2"/>
    </row>
    <row r="20968" spans="1:3" ht="19.2">
      <c r="A20968" s="2"/>
      <c r="B20968" s="2"/>
      <c r="C20968" s="2"/>
    </row>
    <row r="20969" spans="1:3" ht="19.2">
      <c r="A20969" s="2"/>
      <c r="B20969" s="2"/>
      <c r="C20969" s="2"/>
    </row>
    <row r="20970" spans="1:3" ht="19.2">
      <c r="A20970" s="2"/>
      <c r="B20970" s="2"/>
      <c r="C20970" s="2"/>
    </row>
    <row r="20971" spans="1:3" ht="19.2">
      <c r="A20971" s="2"/>
      <c r="B20971" s="2"/>
      <c r="C20971" s="2"/>
    </row>
    <row r="20972" spans="1:3" ht="19.2">
      <c r="A20972" s="2"/>
      <c r="B20972" s="2"/>
      <c r="C20972" s="2"/>
    </row>
    <row r="20973" spans="1:3" ht="19.2">
      <c r="A20973" s="2"/>
      <c r="B20973" s="2"/>
      <c r="C20973" s="2"/>
    </row>
    <row r="20974" spans="1:3" ht="19.2">
      <c r="A20974" s="2"/>
      <c r="B20974" s="2"/>
      <c r="C20974" s="2"/>
    </row>
    <row r="20975" spans="1:3" ht="19.2">
      <c r="A20975" s="2"/>
      <c r="B20975" s="2"/>
      <c r="C20975" s="2"/>
    </row>
    <row r="20976" spans="1:3" ht="19.2">
      <c r="A20976" s="2"/>
      <c r="B20976" s="2"/>
      <c r="C20976" s="2"/>
    </row>
    <row r="20977" spans="1:3" ht="19.2">
      <c r="A20977" s="2"/>
      <c r="B20977" s="2"/>
      <c r="C20977" s="2"/>
    </row>
    <row r="20978" spans="1:3" ht="19.2">
      <c r="A20978" s="2"/>
      <c r="B20978" s="2"/>
      <c r="C20978" s="2"/>
    </row>
    <row r="20979" spans="1:3" ht="19.2">
      <c r="A20979" s="2"/>
      <c r="B20979" s="2"/>
      <c r="C20979" s="2"/>
    </row>
    <row r="20980" spans="1:3" ht="19.2">
      <c r="A20980" s="2"/>
      <c r="B20980" s="2"/>
      <c r="C20980" s="2"/>
    </row>
    <row r="20981" spans="1:3" ht="19.2">
      <c r="A20981" s="2"/>
      <c r="B20981" s="2"/>
      <c r="C20981" s="2"/>
    </row>
    <row r="20982" spans="1:3" ht="19.2">
      <c r="A20982" s="2"/>
      <c r="B20982" s="2"/>
      <c r="C20982" s="2"/>
    </row>
    <row r="20983" spans="1:3" ht="19.2">
      <c r="A20983" s="2"/>
      <c r="B20983" s="2"/>
      <c r="C20983" s="2"/>
    </row>
    <row r="20984" spans="1:3" ht="19.2">
      <c r="A20984" s="2"/>
      <c r="B20984" s="2"/>
      <c r="C20984" s="2"/>
    </row>
    <row r="20985" spans="1:3" ht="19.2">
      <c r="A20985" s="2"/>
      <c r="B20985" s="2"/>
      <c r="C20985" s="2"/>
    </row>
    <row r="20986" spans="1:3" ht="19.2">
      <c r="A20986" s="2"/>
      <c r="B20986" s="2"/>
      <c r="C20986" s="2"/>
    </row>
    <row r="20987" spans="1:3" ht="19.2">
      <c r="A20987" s="2"/>
      <c r="B20987" s="2"/>
      <c r="C20987" s="2"/>
    </row>
    <row r="20988" spans="1:3" ht="19.2">
      <c r="A20988" s="2"/>
      <c r="B20988" s="2"/>
      <c r="C20988" s="2"/>
    </row>
    <row r="20989" spans="1:3" ht="19.2">
      <c r="A20989" s="2"/>
      <c r="B20989" s="2"/>
      <c r="C20989" s="2"/>
    </row>
    <row r="20990" spans="1:3" ht="19.2">
      <c r="A20990" s="2"/>
      <c r="B20990" s="2"/>
      <c r="C20990" s="2"/>
    </row>
    <row r="20991" spans="1:3" ht="19.2">
      <c r="A20991" s="2"/>
      <c r="B20991" s="2"/>
      <c r="C20991" s="2"/>
    </row>
    <row r="20992" spans="1:3" ht="19.2">
      <c r="A20992" s="2"/>
      <c r="B20992" s="2"/>
      <c r="C20992" s="2"/>
    </row>
    <row r="20993" spans="1:3" ht="19.2">
      <c r="A20993" s="2"/>
      <c r="B20993" s="2"/>
      <c r="C20993" s="2"/>
    </row>
    <row r="20994" spans="1:3" ht="19.2">
      <c r="A20994" s="2"/>
      <c r="B20994" s="2"/>
      <c r="C20994" s="2"/>
    </row>
    <row r="20995" spans="1:3" ht="19.2">
      <c r="A20995" s="2"/>
      <c r="B20995" s="2"/>
      <c r="C20995" s="2"/>
    </row>
    <row r="20996" spans="1:3" ht="19.2">
      <c r="A20996" s="2"/>
      <c r="B20996" s="2"/>
      <c r="C20996" s="2"/>
    </row>
    <row r="20997" spans="1:3" ht="19.2">
      <c r="A20997" s="2"/>
      <c r="B20997" s="2"/>
      <c r="C20997" s="2"/>
    </row>
    <row r="20998" spans="1:3" ht="19.2">
      <c r="A20998" s="2"/>
      <c r="B20998" s="2"/>
      <c r="C20998" s="2"/>
    </row>
    <row r="20999" spans="1:3" ht="19.2">
      <c r="A20999" s="2"/>
      <c r="B20999" s="2"/>
      <c r="C20999" s="2"/>
    </row>
    <row r="21000" spans="1:3" ht="19.2">
      <c r="A21000" s="2"/>
      <c r="B21000" s="2"/>
      <c r="C21000" s="2"/>
    </row>
    <row r="21001" spans="1:3" ht="19.2">
      <c r="A21001" s="2"/>
      <c r="B21001" s="2"/>
      <c r="C21001" s="2"/>
    </row>
    <row r="21002" spans="1:3" ht="19.2">
      <c r="A21002" s="2"/>
      <c r="B21002" s="2"/>
      <c r="C21002" s="2"/>
    </row>
    <row r="21003" spans="1:3" ht="19.2">
      <c r="A21003" s="2"/>
      <c r="B21003" s="2"/>
      <c r="C21003" s="2"/>
    </row>
    <row r="21004" spans="1:3" ht="19.2">
      <c r="A21004" s="2"/>
      <c r="B21004" s="2"/>
      <c r="C21004" s="2"/>
    </row>
    <row r="21005" spans="1:3" ht="19.2">
      <c r="A21005" s="2"/>
      <c r="B21005" s="2"/>
      <c r="C21005" s="2"/>
    </row>
    <row r="21006" spans="1:3" ht="19.2">
      <c r="A21006" s="2"/>
      <c r="B21006" s="2"/>
      <c r="C21006" s="2"/>
    </row>
    <row r="21007" spans="1:3" ht="19.2">
      <c r="A21007" s="2"/>
      <c r="B21007" s="2"/>
      <c r="C21007" s="2"/>
    </row>
    <row r="21008" spans="1:3" ht="19.2">
      <c r="A21008" s="2"/>
      <c r="B21008" s="2"/>
      <c r="C21008" s="2"/>
    </row>
    <row r="21009" spans="1:3" ht="19.2">
      <c r="A21009" s="2"/>
      <c r="B21009" s="2"/>
      <c r="C21009" s="2"/>
    </row>
    <row r="21010" spans="1:3" ht="19.2">
      <c r="A21010" s="2"/>
      <c r="B21010" s="2"/>
      <c r="C21010" s="2"/>
    </row>
    <row r="21011" spans="1:3" ht="19.2">
      <c r="A21011" s="2"/>
      <c r="B21011" s="2"/>
      <c r="C21011" s="2"/>
    </row>
    <row r="21012" spans="1:3" ht="19.2">
      <c r="A21012" s="2"/>
      <c r="B21012" s="2"/>
      <c r="C21012" s="2"/>
    </row>
    <row r="21013" spans="1:3" ht="19.2">
      <c r="A21013" s="2"/>
      <c r="B21013" s="2"/>
      <c r="C21013" s="2"/>
    </row>
    <row r="21014" spans="1:3" ht="19.2">
      <c r="A21014" s="2"/>
      <c r="B21014" s="2"/>
      <c r="C21014" s="2"/>
    </row>
    <row r="21015" spans="1:3" ht="19.2">
      <c r="A21015" s="2"/>
      <c r="B21015" s="2"/>
      <c r="C21015" s="2"/>
    </row>
    <row r="21016" spans="1:3" ht="19.2">
      <c r="A21016" s="2"/>
      <c r="B21016" s="2"/>
      <c r="C21016" s="2"/>
    </row>
    <row r="21017" spans="1:3" ht="19.2">
      <c r="A21017" s="2"/>
      <c r="B21017" s="2"/>
      <c r="C21017" s="2"/>
    </row>
    <row r="21018" spans="1:3" ht="19.2">
      <c r="A21018" s="2"/>
      <c r="B21018" s="2"/>
      <c r="C21018" s="2"/>
    </row>
    <row r="21019" spans="1:3" ht="19.2">
      <c r="A21019" s="2"/>
      <c r="B21019" s="2"/>
      <c r="C21019" s="2"/>
    </row>
    <row r="21020" spans="1:3" ht="19.2">
      <c r="A21020" s="2"/>
      <c r="B21020" s="2"/>
      <c r="C21020" s="2"/>
    </row>
    <row r="21021" spans="1:3" ht="19.2">
      <c r="A21021" s="2"/>
      <c r="B21021" s="2"/>
      <c r="C21021" s="2"/>
    </row>
    <row r="21022" spans="1:3" ht="19.2">
      <c r="A21022" s="2"/>
      <c r="B21022" s="2"/>
      <c r="C21022" s="2"/>
    </row>
    <row r="21023" spans="1:3" ht="19.2">
      <c r="A21023" s="2"/>
      <c r="B21023" s="2"/>
      <c r="C21023" s="2"/>
    </row>
    <row r="21024" spans="1:3" ht="19.2">
      <c r="A21024" s="2"/>
      <c r="B21024" s="2"/>
      <c r="C21024" s="2"/>
    </row>
    <row r="21025" spans="1:3" ht="19.2">
      <c r="A21025" s="2"/>
      <c r="B21025" s="2"/>
      <c r="C21025" s="2"/>
    </row>
    <row r="21026" spans="1:3" ht="19.2">
      <c r="A21026" s="2"/>
      <c r="B21026" s="2"/>
      <c r="C21026" s="2"/>
    </row>
    <row r="21027" spans="1:3" ht="19.2">
      <c r="A21027" s="2"/>
      <c r="B21027" s="2"/>
      <c r="C21027" s="2"/>
    </row>
    <row r="21028" spans="1:3" ht="19.2">
      <c r="A21028" s="2"/>
      <c r="B21028" s="2"/>
      <c r="C21028" s="2"/>
    </row>
    <row r="21029" spans="1:3" ht="19.2">
      <c r="A21029" s="2"/>
      <c r="B21029" s="2"/>
      <c r="C21029" s="2"/>
    </row>
    <row r="21030" spans="1:3" ht="19.2">
      <c r="A21030" s="2"/>
      <c r="B21030" s="2"/>
      <c r="C21030" s="2"/>
    </row>
    <row r="21031" spans="1:3" ht="19.2">
      <c r="A21031" s="2"/>
      <c r="B21031" s="2"/>
      <c r="C21031" s="2"/>
    </row>
    <row r="21032" spans="1:3" ht="19.2">
      <c r="A21032" s="2"/>
      <c r="B21032" s="2"/>
      <c r="C21032" s="2"/>
    </row>
    <row r="21033" spans="1:3" ht="19.2">
      <c r="A21033" s="2"/>
      <c r="B21033" s="2"/>
      <c r="C21033" s="2"/>
    </row>
    <row r="21034" spans="1:3" ht="19.2">
      <c r="A21034" s="2"/>
      <c r="B21034" s="2"/>
      <c r="C21034" s="2"/>
    </row>
    <row r="21035" spans="1:3" ht="19.2">
      <c r="A21035" s="2"/>
      <c r="B21035" s="2"/>
      <c r="C21035" s="2"/>
    </row>
    <row r="21036" spans="1:3" ht="19.2">
      <c r="A21036" s="2"/>
      <c r="B21036" s="2"/>
      <c r="C21036" s="2"/>
    </row>
    <row r="21037" spans="1:3" ht="19.2">
      <c r="A21037" s="2"/>
      <c r="B21037" s="2"/>
      <c r="C21037" s="2"/>
    </row>
    <row r="21038" spans="1:3" ht="19.2">
      <c r="A21038" s="2"/>
      <c r="B21038" s="2"/>
      <c r="C21038" s="2"/>
    </row>
    <row r="21039" spans="1:3" ht="19.2">
      <c r="A21039" s="2"/>
      <c r="B21039" s="2"/>
      <c r="C21039" s="2"/>
    </row>
    <row r="21040" spans="1:3" ht="19.2">
      <c r="A21040" s="2"/>
      <c r="B21040" s="2"/>
      <c r="C21040" s="2"/>
    </row>
    <row r="21041" spans="1:3" ht="19.2">
      <c r="A21041" s="2"/>
      <c r="B21041" s="2"/>
      <c r="C21041" s="2"/>
    </row>
    <row r="21042" spans="1:3" ht="19.2">
      <c r="A21042" s="2"/>
      <c r="B21042" s="2"/>
      <c r="C21042" s="2"/>
    </row>
    <row r="21043" spans="1:3" ht="19.2">
      <c r="A21043" s="2"/>
      <c r="B21043" s="2"/>
      <c r="C21043" s="2"/>
    </row>
    <row r="21044" spans="1:3" ht="19.2">
      <c r="A21044" s="2"/>
      <c r="B21044" s="2"/>
      <c r="C21044" s="2"/>
    </row>
    <row r="21045" spans="1:3" ht="19.2">
      <c r="A21045" s="2"/>
      <c r="B21045" s="2"/>
      <c r="C21045" s="2"/>
    </row>
    <row r="21046" spans="1:3" ht="19.2">
      <c r="A21046" s="2"/>
      <c r="B21046" s="2"/>
      <c r="C21046" s="2"/>
    </row>
    <row r="21047" spans="1:3" ht="19.2">
      <c r="A21047" s="2"/>
      <c r="B21047" s="2"/>
      <c r="C21047" s="2"/>
    </row>
    <row r="21048" spans="1:3" ht="19.2">
      <c r="A21048" s="2"/>
      <c r="B21048" s="2"/>
      <c r="C21048" s="2"/>
    </row>
    <row r="21049" spans="1:3" ht="19.2">
      <c r="A21049" s="2"/>
      <c r="B21049" s="2"/>
      <c r="C21049" s="2"/>
    </row>
    <row r="21050" spans="1:3" ht="19.2">
      <c r="A21050" s="2"/>
      <c r="B21050" s="2"/>
      <c r="C21050" s="2"/>
    </row>
    <row r="21051" spans="1:3" ht="19.2">
      <c r="A21051" s="2"/>
      <c r="B21051" s="2"/>
      <c r="C21051" s="2"/>
    </row>
    <row r="21052" spans="1:3" ht="19.2">
      <c r="A21052" s="2"/>
      <c r="B21052" s="2"/>
      <c r="C21052" s="2"/>
    </row>
    <row r="21053" spans="1:3" ht="19.2">
      <c r="A21053" s="2"/>
      <c r="B21053" s="2"/>
      <c r="C21053" s="2"/>
    </row>
    <row r="21054" spans="1:3" ht="19.2">
      <c r="A21054" s="2"/>
      <c r="B21054" s="2"/>
      <c r="C21054" s="2"/>
    </row>
    <row r="21055" spans="1:3" ht="19.2">
      <c r="A21055" s="2"/>
      <c r="B21055" s="2"/>
      <c r="C21055" s="2"/>
    </row>
    <row r="21056" spans="1:3" ht="19.2">
      <c r="A21056" s="2"/>
      <c r="B21056" s="2"/>
      <c r="C21056" s="2"/>
    </row>
    <row r="21057" spans="1:3" ht="19.2">
      <c r="A21057" s="2"/>
      <c r="B21057" s="2"/>
      <c r="C21057" s="2"/>
    </row>
    <row r="21058" spans="1:3" ht="19.2">
      <c r="A21058" s="2"/>
      <c r="B21058" s="2"/>
      <c r="C21058" s="2"/>
    </row>
    <row r="21059" spans="1:3" ht="19.2">
      <c r="A21059" s="2"/>
      <c r="B21059" s="2"/>
      <c r="C21059" s="2"/>
    </row>
    <row r="21060" spans="1:3" ht="19.2">
      <c r="A21060" s="2"/>
      <c r="B21060" s="2"/>
      <c r="C21060" s="2"/>
    </row>
    <row r="21061" spans="1:3" ht="19.2">
      <c r="A21061" s="2"/>
      <c r="B21061" s="2"/>
      <c r="C21061" s="2"/>
    </row>
    <row r="21062" spans="1:3" ht="19.2">
      <c r="A21062" s="2"/>
      <c r="B21062" s="2"/>
      <c r="C21062" s="2"/>
    </row>
    <row r="21063" spans="1:3" ht="19.2">
      <c r="A21063" s="2"/>
      <c r="B21063" s="2"/>
      <c r="C21063" s="2"/>
    </row>
    <row r="21064" spans="1:3" ht="19.2">
      <c r="A21064" s="2"/>
      <c r="B21064" s="2"/>
      <c r="C21064" s="2"/>
    </row>
    <row r="21065" spans="1:3" ht="19.2">
      <c r="A21065" s="2"/>
      <c r="B21065" s="2"/>
      <c r="C21065" s="2"/>
    </row>
    <row r="21066" spans="1:3" ht="19.2">
      <c r="A21066" s="2"/>
      <c r="B21066" s="2"/>
      <c r="C21066" s="2"/>
    </row>
    <row r="21067" spans="1:3" ht="19.2">
      <c r="A21067" s="2"/>
      <c r="B21067" s="2"/>
      <c r="C21067" s="2"/>
    </row>
    <row r="21068" spans="1:3" ht="19.2">
      <c r="A21068" s="2"/>
      <c r="B21068" s="2"/>
      <c r="C21068" s="2"/>
    </row>
    <row r="21069" spans="1:3" ht="19.2">
      <c r="A21069" s="2"/>
      <c r="B21069" s="2"/>
      <c r="C21069" s="2"/>
    </row>
    <row r="21070" spans="1:3" ht="19.2">
      <c r="A21070" s="2"/>
      <c r="B21070" s="2"/>
      <c r="C21070" s="2"/>
    </row>
    <row r="21071" spans="1:3" ht="19.2">
      <c r="A21071" s="2"/>
      <c r="B21071" s="2"/>
      <c r="C21071" s="2"/>
    </row>
    <row r="21072" spans="1:3" ht="19.2">
      <c r="A21072" s="2"/>
      <c r="B21072" s="2"/>
      <c r="C21072" s="2"/>
    </row>
    <row r="21073" spans="1:3" ht="19.2">
      <c r="A21073" s="2"/>
      <c r="B21073" s="2"/>
      <c r="C21073" s="2"/>
    </row>
    <row r="21074" spans="1:3" ht="19.2">
      <c r="A21074" s="2"/>
      <c r="B21074" s="2"/>
      <c r="C21074" s="2"/>
    </row>
    <row r="21075" spans="1:3" ht="19.2">
      <c r="A21075" s="2"/>
      <c r="B21075" s="2"/>
      <c r="C21075" s="2"/>
    </row>
    <row r="21076" spans="1:3" ht="19.2">
      <c r="A21076" s="2"/>
      <c r="B21076" s="2"/>
      <c r="C21076" s="2"/>
    </row>
    <row r="21077" spans="1:3" ht="19.2">
      <c r="A21077" s="2"/>
      <c r="B21077" s="2"/>
      <c r="C21077" s="2"/>
    </row>
    <row r="21078" spans="1:3" ht="19.2">
      <c r="A21078" s="2"/>
      <c r="B21078" s="2"/>
      <c r="C21078" s="2"/>
    </row>
    <row r="21079" spans="1:3" ht="19.2">
      <c r="A21079" s="2"/>
      <c r="B21079" s="2"/>
      <c r="C21079" s="2"/>
    </row>
    <row r="21080" spans="1:3" ht="19.2">
      <c r="A21080" s="2"/>
      <c r="B21080" s="2"/>
      <c r="C21080" s="2"/>
    </row>
    <row r="21081" spans="1:3" ht="19.2">
      <c r="A21081" s="2"/>
      <c r="B21081" s="2"/>
      <c r="C21081" s="2"/>
    </row>
    <row r="21082" spans="1:3" ht="19.2">
      <c r="A21082" s="2"/>
      <c r="B21082" s="2"/>
      <c r="C21082" s="2"/>
    </row>
    <row r="21083" spans="1:3" ht="19.2">
      <c r="A21083" s="2"/>
      <c r="B21083" s="2"/>
      <c r="C21083" s="2"/>
    </row>
    <row r="21084" spans="1:3" ht="19.2">
      <c r="A21084" s="2"/>
      <c r="B21084" s="2"/>
      <c r="C21084" s="2"/>
    </row>
    <row r="21085" spans="1:3" ht="19.2">
      <c r="A21085" s="2"/>
      <c r="B21085" s="2"/>
      <c r="C21085" s="2"/>
    </row>
    <row r="21086" spans="1:3" ht="19.2">
      <c r="A21086" s="2"/>
      <c r="B21086" s="2"/>
      <c r="C21086" s="2"/>
    </row>
    <row r="21087" spans="1:3" ht="19.2">
      <c r="A21087" s="2"/>
      <c r="B21087" s="2"/>
      <c r="C21087" s="2"/>
    </row>
    <row r="21088" spans="1:3" ht="19.2">
      <c r="A21088" s="2"/>
      <c r="B21088" s="2"/>
      <c r="C21088" s="2"/>
    </row>
    <row r="21089" spans="1:3" ht="19.2">
      <c r="A21089" s="2"/>
      <c r="B21089" s="2"/>
      <c r="C21089" s="2"/>
    </row>
    <row r="21090" spans="1:3" ht="19.2">
      <c r="A21090" s="2"/>
      <c r="B21090" s="2"/>
      <c r="C21090" s="2"/>
    </row>
    <row r="21091" spans="1:3" ht="19.2">
      <c r="A21091" s="2"/>
      <c r="B21091" s="2"/>
      <c r="C21091" s="2"/>
    </row>
    <row r="21092" spans="1:3" ht="19.2">
      <c r="A21092" s="2"/>
      <c r="B21092" s="2"/>
      <c r="C21092" s="2"/>
    </row>
    <row r="21093" spans="1:3" ht="19.2">
      <c r="A21093" s="2"/>
      <c r="B21093" s="2"/>
      <c r="C21093" s="2"/>
    </row>
    <row r="21094" spans="1:3" ht="19.2">
      <c r="A21094" s="2"/>
      <c r="B21094" s="2"/>
      <c r="C21094" s="2"/>
    </row>
    <row r="21095" spans="1:3" ht="19.2">
      <c r="A21095" s="2"/>
      <c r="B21095" s="2"/>
      <c r="C21095" s="2"/>
    </row>
    <row r="21096" spans="1:3" ht="19.2">
      <c r="A21096" s="2"/>
      <c r="B21096" s="2"/>
      <c r="C21096" s="2"/>
    </row>
    <row r="21097" spans="1:3" ht="19.2">
      <c r="A21097" s="2"/>
      <c r="B21097" s="2"/>
      <c r="C21097" s="2"/>
    </row>
    <row r="21098" spans="1:3" ht="19.2">
      <c r="A21098" s="2"/>
      <c r="B21098" s="2"/>
      <c r="C21098" s="2"/>
    </row>
    <row r="21099" spans="1:3" ht="19.2">
      <c r="A21099" s="2"/>
      <c r="B21099" s="2"/>
      <c r="C21099" s="2"/>
    </row>
    <row r="21100" spans="1:3" ht="19.2">
      <c r="A21100" s="2"/>
      <c r="B21100" s="2"/>
      <c r="C21100" s="2"/>
    </row>
    <row r="21101" spans="1:3" ht="19.2">
      <c r="A21101" s="2"/>
      <c r="B21101" s="2"/>
      <c r="C21101" s="2"/>
    </row>
    <row r="21102" spans="1:3" ht="19.2">
      <c r="A21102" s="2"/>
      <c r="B21102" s="2"/>
      <c r="C21102" s="2"/>
    </row>
    <row r="21103" spans="1:3" ht="19.2">
      <c r="A21103" s="2"/>
      <c r="B21103" s="2"/>
      <c r="C21103" s="2"/>
    </row>
    <row r="21104" spans="1:3" ht="19.2">
      <c r="A21104" s="2"/>
      <c r="B21104" s="2"/>
      <c r="C21104" s="2"/>
    </row>
    <row r="21105" spans="1:3" ht="19.2">
      <c r="A21105" s="2"/>
      <c r="B21105" s="2"/>
      <c r="C21105" s="2"/>
    </row>
    <row r="21106" spans="1:3" ht="19.2">
      <c r="A21106" s="2"/>
      <c r="B21106" s="2"/>
      <c r="C21106" s="2"/>
    </row>
    <row r="21107" spans="1:3" ht="19.2">
      <c r="A21107" s="2"/>
      <c r="B21107" s="2"/>
      <c r="C21107" s="2"/>
    </row>
    <row r="21108" spans="1:3" ht="19.2">
      <c r="A21108" s="2"/>
      <c r="B21108" s="2"/>
      <c r="C21108" s="2"/>
    </row>
    <row r="21109" spans="1:3" ht="19.2">
      <c r="A21109" s="2"/>
      <c r="B21109" s="2"/>
      <c r="C21109" s="2"/>
    </row>
    <row r="21110" spans="1:3" ht="19.2">
      <c r="A21110" s="2"/>
      <c r="B21110" s="2"/>
      <c r="C21110" s="2"/>
    </row>
    <row r="21111" spans="1:3" ht="19.2">
      <c r="A21111" s="2"/>
      <c r="B21111" s="2"/>
      <c r="C21111" s="2"/>
    </row>
    <row r="21112" spans="1:3" ht="19.2">
      <c r="A21112" s="2"/>
      <c r="B21112" s="2"/>
      <c r="C21112" s="2"/>
    </row>
    <row r="21113" spans="1:3" ht="19.2">
      <c r="A21113" s="2"/>
      <c r="B21113" s="2"/>
      <c r="C21113" s="2"/>
    </row>
    <row r="21114" spans="1:3" ht="19.2">
      <c r="A21114" s="2"/>
      <c r="B21114" s="2"/>
      <c r="C21114" s="2"/>
    </row>
    <row r="21115" spans="1:3" ht="19.2">
      <c r="A21115" s="2"/>
      <c r="B21115" s="2"/>
      <c r="C21115" s="2"/>
    </row>
    <row r="21116" spans="1:3" ht="19.2">
      <c r="A21116" s="2"/>
      <c r="B21116" s="2"/>
      <c r="C21116" s="2"/>
    </row>
    <row r="21117" spans="1:3" ht="19.2">
      <c r="A21117" s="2"/>
      <c r="B21117" s="2"/>
      <c r="C21117" s="2"/>
    </row>
    <row r="21118" spans="1:3" ht="19.2">
      <c r="A21118" s="2"/>
      <c r="B21118" s="2"/>
      <c r="C21118" s="2"/>
    </row>
    <row r="21119" spans="1:3" ht="19.2">
      <c r="A21119" s="2"/>
      <c r="B21119" s="2"/>
      <c r="C21119" s="2"/>
    </row>
    <row r="21120" spans="1:3" ht="19.2">
      <c r="A21120" s="2"/>
      <c r="B21120" s="2"/>
      <c r="C21120" s="2"/>
    </row>
    <row r="21121" spans="1:3" ht="19.2">
      <c r="A21121" s="2"/>
      <c r="B21121" s="2"/>
      <c r="C21121" s="2"/>
    </row>
    <row r="21122" spans="1:3" ht="19.2">
      <c r="A21122" s="2"/>
      <c r="B21122" s="2"/>
      <c r="C21122" s="2"/>
    </row>
    <row r="21123" spans="1:3" ht="19.2">
      <c r="A21123" s="2"/>
      <c r="B21123" s="2"/>
      <c r="C21123" s="2"/>
    </row>
    <row r="21124" spans="1:3" ht="19.2">
      <c r="A21124" s="2"/>
      <c r="B21124" s="2"/>
      <c r="C21124" s="2"/>
    </row>
    <row r="21125" spans="1:3" ht="19.2">
      <c r="A21125" s="2"/>
      <c r="B21125" s="2"/>
      <c r="C21125" s="2"/>
    </row>
    <row r="21126" spans="1:3" ht="19.2">
      <c r="A21126" s="2"/>
      <c r="B21126" s="2"/>
      <c r="C21126" s="2"/>
    </row>
    <row r="21127" spans="1:3" ht="19.2">
      <c r="A21127" s="2"/>
      <c r="B21127" s="2"/>
      <c r="C21127" s="2"/>
    </row>
    <row r="21128" spans="1:3" ht="19.2">
      <c r="A21128" s="2"/>
      <c r="B21128" s="2"/>
      <c r="C21128" s="2"/>
    </row>
    <row r="21129" spans="1:3" ht="19.2">
      <c r="A21129" s="2"/>
      <c r="B21129" s="2"/>
      <c r="C21129" s="2"/>
    </row>
    <row r="21130" spans="1:3" ht="19.2">
      <c r="A21130" s="2"/>
      <c r="B21130" s="2"/>
      <c r="C21130" s="2"/>
    </row>
    <row r="21131" spans="1:3" ht="19.2">
      <c r="A21131" s="2"/>
      <c r="B21131" s="2"/>
      <c r="C21131" s="2"/>
    </row>
    <row r="21132" spans="1:3" ht="19.2">
      <c r="A21132" s="2"/>
      <c r="B21132" s="2"/>
      <c r="C21132" s="2"/>
    </row>
    <row r="21133" spans="1:3" ht="19.2">
      <c r="A21133" s="2"/>
      <c r="B21133" s="2"/>
      <c r="C21133" s="2"/>
    </row>
    <row r="21134" spans="1:3" ht="19.2">
      <c r="A21134" s="2"/>
      <c r="B21134" s="2"/>
      <c r="C21134" s="2"/>
    </row>
    <row r="21135" spans="1:3" ht="19.2">
      <c r="A21135" s="2"/>
      <c r="B21135" s="2"/>
      <c r="C21135" s="2"/>
    </row>
    <row r="21136" spans="1:3" ht="19.2">
      <c r="A21136" s="2"/>
      <c r="B21136" s="2"/>
      <c r="C21136" s="2"/>
    </row>
    <row r="21137" spans="1:3" ht="19.2">
      <c r="A21137" s="2"/>
      <c r="B21137" s="2"/>
      <c r="C21137" s="2"/>
    </row>
    <row r="21138" spans="1:3" ht="19.2">
      <c r="A21138" s="2"/>
      <c r="B21138" s="2"/>
      <c r="C21138" s="2"/>
    </row>
    <row r="21139" spans="1:3" ht="19.2">
      <c r="A21139" s="2"/>
      <c r="B21139" s="2"/>
      <c r="C21139" s="2"/>
    </row>
    <row r="21140" spans="1:3" ht="19.2">
      <c r="A21140" s="2"/>
      <c r="B21140" s="2"/>
      <c r="C21140" s="2"/>
    </row>
    <row r="21141" spans="1:3" ht="19.2">
      <c r="A21141" s="2"/>
      <c r="B21141" s="2"/>
      <c r="C21141" s="2"/>
    </row>
    <row r="21142" spans="1:3" ht="19.2">
      <c r="A21142" s="2"/>
      <c r="B21142" s="2"/>
      <c r="C21142" s="2"/>
    </row>
    <row r="21143" spans="1:3" ht="19.2">
      <c r="A21143" s="2"/>
      <c r="B21143" s="2"/>
      <c r="C21143" s="2"/>
    </row>
    <row r="21144" spans="1:3" ht="19.2">
      <c r="A21144" s="2"/>
      <c r="B21144" s="2"/>
      <c r="C21144" s="2"/>
    </row>
    <row r="21145" spans="1:3" ht="19.2">
      <c r="A21145" s="2"/>
      <c r="B21145" s="2"/>
      <c r="C21145" s="2"/>
    </row>
    <row r="21146" spans="1:3" ht="19.2">
      <c r="A21146" s="2"/>
      <c r="B21146" s="2"/>
      <c r="C21146" s="2"/>
    </row>
    <row r="21147" spans="1:3" ht="19.2">
      <c r="A21147" s="2"/>
      <c r="B21147" s="2"/>
      <c r="C21147" s="2"/>
    </row>
    <row r="21148" spans="1:3" ht="19.2">
      <c r="A21148" s="2"/>
      <c r="B21148" s="2"/>
      <c r="C21148" s="2"/>
    </row>
    <row r="21149" spans="1:3" ht="19.2">
      <c r="A21149" s="2"/>
      <c r="B21149" s="2"/>
      <c r="C21149" s="2"/>
    </row>
    <row r="21150" spans="1:3" ht="19.2">
      <c r="A21150" s="2"/>
      <c r="B21150" s="2"/>
      <c r="C21150" s="2"/>
    </row>
    <row r="21151" spans="1:3" ht="19.2">
      <c r="A21151" s="2"/>
      <c r="B21151" s="2"/>
      <c r="C21151" s="2"/>
    </row>
    <row r="21152" spans="1:3" ht="19.2">
      <c r="A21152" s="2"/>
      <c r="B21152" s="2"/>
      <c r="C21152" s="2"/>
    </row>
    <row r="21153" spans="1:3" ht="19.2">
      <c r="A21153" s="2"/>
      <c r="B21153" s="2"/>
      <c r="C21153" s="2"/>
    </row>
    <row r="21154" spans="1:3" ht="19.2">
      <c r="A21154" s="2"/>
      <c r="B21154" s="2"/>
      <c r="C21154" s="2"/>
    </row>
    <row r="21155" spans="1:3" ht="19.2">
      <c r="A21155" s="2"/>
      <c r="B21155" s="2"/>
      <c r="C21155" s="2"/>
    </row>
    <row r="21156" spans="1:3" ht="19.2">
      <c r="A21156" s="2"/>
      <c r="B21156" s="2"/>
      <c r="C21156" s="2"/>
    </row>
    <row r="21157" spans="1:3" ht="19.2">
      <c r="A21157" s="2"/>
      <c r="B21157" s="2"/>
      <c r="C21157" s="2"/>
    </row>
    <row r="21158" spans="1:3" ht="19.2">
      <c r="A21158" s="2"/>
      <c r="B21158" s="2"/>
      <c r="C21158" s="2"/>
    </row>
    <row r="21159" spans="1:3" ht="19.2">
      <c r="A21159" s="2"/>
      <c r="B21159" s="2"/>
      <c r="C21159" s="2"/>
    </row>
    <row r="21160" spans="1:3" ht="19.2">
      <c r="A21160" s="2"/>
      <c r="B21160" s="2"/>
      <c r="C21160" s="2"/>
    </row>
    <row r="21161" spans="1:3" ht="19.2">
      <c r="A21161" s="2"/>
      <c r="B21161" s="2"/>
      <c r="C21161" s="2"/>
    </row>
    <row r="21162" spans="1:3" ht="19.2">
      <c r="A21162" s="2"/>
      <c r="B21162" s="2"/>
      <c r="C21162" s="2"/>
    </row>
    <row r="21163" spans="1:3" ht="19.2">
      <c r="A21163" s="2"/>
      <c r="B21163" s="2"/>
      <c r="C21163" s="2"/>
    </row>
    <row r="21164" spans="1:3" ht="19.2">
      <c r="A21164" s="2"/>
      <c r="B21164" s="2"/>
      <c r="C21164" s="2"/>
    </row>
    <row r="21165" spans="1:3" ht="19.2">
      <c r="A21165" s="2"/>
      <c r="B21165" s="2"/>
      <c r="C21165" s="2"/>
    </row>
    <row r="21166" spans="1:3" ht="19.2">
      <c r="A21166" s="2"/>
      <c r="B21166" s="2"/>
      <c r="C21166" s="2"/>
    </row>
    <row r="21167" spans="1:3" ht="19.2">
      <c r="A21167" s="2"/>
      <c r="B21167" s="2"/>
      <c r="C21167" s="2"/>
    </row>
    <row r="21168" spans="1:3" ht="19.2">
      <c r="A21168" s="2"/>
      <c r="B21168" s="2"/>
      <c r="C21168" s="2"/>
    </row>
    <row r="21169" spans="1:3" ht="19.2">
      <c r="A21169" s="2"/>
      <c r="B21169" s="2"/>
      <c r="C21169" s="2"/>
    </row>
    <row r="21170" spans="1:3" ht="19.2">
      <c r="A21170" s="2"/>
      <c r="B21170" s="2"/>
      <c r="C21170" s="2"/>
    </row>
    <row r="21171" spans="1:3" ht="19.2">
      <c r="A21171" s="2"/>
      <c r="B21171" s="2"/>
      <c r="C21171" s="2"/>
    </row>
    <row r="21172" spans="1:3" ht="19.2">
      <c r="A21172" s="2"/>
      <c r="B21172" s="2"/>
      <c r="C21172" s="2"/>
    </row>
    <row r="21173" spans="1:3" ht="19.2">
      <c r="A21173" s="2"/>
      <c r="B21173" s="2"/>
      <c r="C21173" s="2"/>
    </row>
    <row r="21174" spans="1:3" ht="19.2">
      <c r="A21174" s="2"/>
      <c r="B21174" s="2"/>
      <c r="C21174" s="2"/>
    </row>
    <row r="21175" spans="1:3" ht="19.2">
      <c r="A21175" s="2"/>
      <c r="B21175" s="2"/>
      <c r="C21175" s="2"/>
    </row>
    <row r="21176" spans="1:3" ht="19.2">
      <c r="A21176" s="2"/>
      <c r="B21176" s="2"/>
      <c r="C21176" s="2"/>
    </row>
    <row r="21177" spans="1:3" ht="19.2">
      <c r="A21177" s="2"/>
      <c r="B21177" s="2"/>
      <c r="C21177" s="2"/>
    </row>
    <row r="21178" spans="1:3" ht="19.2">
      <c r="A21178" s="2"/>
      <c r="B21178" s="2"/>
      <c r="C21178" s="2"/>
    </row>
    <row r="21179" spans="1:3" ht="19.2">
      <c r="A21179" s="2"/>
      <c r="B21179" s="2"/>
      <c r="C21179" s="2"/>
    </row>
    <row r="21180" spans="1:3" ht="19.2">
      <c r="A21180" s="2"/>
      <c r="B21180" s="2"/>
      <c r="C21180" s="2"/>
    </row>
    <row r="21181" spans="1:3" ht="19.2">
      <c r="A21181" s="2"/>
      <c r="B21181" s="2"/>
      <c r="C21181" s="2"/>
    </row>
    <row r="21182" spans="1:3" ht="19.2">
      <c r="A21182" s="2"/>
      <c r="B21182" s="2"/>
      <c r="C21182" s="2"/>
    </row>
    <row r="21183" spans="1:3" ht="19.2">
      <c r="A21183" s="2"/>
      <c r="B21183" s="2"/>
      <c r="C21183" s="2"/>
    </row>
    <row r="21184" spans="1:3" ht="19.2">
      <c r="A21184" s="2"/>
      <c r="B21184" s="2"/>
      <c r="C21184" s="2"/>
    </row>
    <row r="21185" spans="1:3" ht="19.2">
      <c r="A21185" s="2"/>
      <c r="B21185" s="2"/>
      <c r="C21185" s="2"/>
    </row>
    <row r="21186" spans="1:3" ht="19.2">
      <c r="A21186" s="2"/>
      <c r="B21186" s="2"/>
      <c r="C21186" s="2"/>
    </row>
    <row r="21187" spans="1:3" ht="19.2">
      <c r="A21187" s="2"/>
      <c r="B21187" s="2"/>
      <c r="C21187" s="2"/>
    </row>
    <row r="21188" spans="1:3" ht="19.2">
      <c r="A21188" s="2"/>
      <c r="B21188" s="2"/>
      <c r="C21188" s="2"/>
    </row>
    <row r="21189" spans="1:3" ht="19.2">
      <c r="A21189" s="2"/>
      <c r="B21189" s="2"/>
      <c r="C21189" s="2"/>
    </row>
    <row r="21190" spans="1:3" ht="19.2">
      <c r="A21190" s="2"/>
      <c r="B21190" s="2"/>
      <c r="C21190" s="2"/>
    </row>
    <row r="21191" spans="1:3" ht="19.2">
      <c r="A21191" s="2"/>
      <c r="B21191" s="2"/>
      <c r="C21191" s="2"/>
    </row>
    <row r="21192" spans="1:3" ht="19.2">
      <c r="A21192" s="2"/>
      <c r="B21192" s="2"/>
      <c r="C21192" s="2"/>
    </row>
    <row r="21193" spans="1:3" ht="19.2">
      <c r="A21193" s="2"/>
      <c r="B21193" s="2"/>
      <c r="C21193" s="2"/>
    </row>
    <row r="21194" spans="1:3" ht="19.2">
      <c r="A21194" s="2"/>
      <c r="B21194" s="2"/>
      <c r="C21194" s="2"/>
    </row>
    <row r="21195" spans="1:3" ht="19.2">
      <c r="A21195" s="2"/>
      <c r="B21195" s="2"/>
      <c r="C21195" s="2"/>
    </row>
    <row r="21196" spans="1:3" ht="19.2">
      <c r="A21196" s="2"/>
      <c r="B21196" s="2"/>
      <c r="C21196" s="2"/>
    </row>
    <row r="21197" spans="1:3" ht="19.2">
      <c r="A21197" s="2"/>
      <c r="B21197" s="2"/>
      <c r="C21197" s="2"/>
    </row>
    <row r="21198" spans="1:3" ht="19.2">
      <c r="A21198" s="2"/>
      <c r="B21198" s="2"/>
      <c r="C21198" s="2"/>
    </row>
    <row r="21199" spans="1:3" ht="19.2">
      <c r="A21199" s="2"/>
      <c r="B21199" s="2"/>
      <c r="C21199" s="2"/>
    </row>
    <row r="21200" spans="1:3" ht="19.2">
      <c r="A21200" s="2"/>
      <c r="B21200" s="2"/>
      <c r="C21200" s="2"/>
    </row>
    <row r="21201" spans="1:3" ht="19.2">
      <c r="A21201" s="2"/>
      <c r="B21201" s="2"/>
      <c r="C21201" s="2"/>
    </row>
    <row r="21202" spans="1:3" ht="19.2">
      <c r="A21202" s="2"/>
      <c r="B21202" s="2"/>
      <c r="C21202" s="2"/>
    </row>
    <row r="21203" spans="1:3" ht="19.2">
      <c r="A21203" s="2"/>
      <c r="B21203" s="2"/>
      <c r="C21203" s="2"/>
    </row>
    <row r="21204" spans="1:3" ht="19.2">
      <c r="A21204" s="2"/>
      <c r="B21204" s="2"/>
      <c r="C21204" s="2"/>
    </row>
    <row r="21205" spans="1:3" ht="19.2">
      <c r="A21205" s="2"/>
      <c r="B21205" s="2"/>
      <c r="C21205" s="2"/>
    </row>
    <row r="21206" spans="1:3" ht="19.2">
      <c r="A21206" s="2"/>
      <c r="B21206" s="2"/>
      <c r="C21206" s="2"/>
    </row>
    <row r="21207" spans="1:3" ht="19.2">
      <c r="A21207" s="2"/>
      <c r="B21207" s="2"/>
      <c r="C21207" s="2"/>
    </row>
    <row r="21208" spans="1:3" ht="19.2">
      <c r="A21208" s="2"/>
      <c r="B21208" s="2"/>
      <c r="C21208" s="2"/>
    </row>
    <row r="21209" spans="1:3" ht="19.2">
      <c r="A21209" s="2"/>
      <c r="B21209" s="2"/>
      <c r="C21209" s="2"/>
    </row>
    <row r="21210" spans="1:3" ht="19.2">
      <c r="A21210" s="2"/>
      <c r="B21210" s="2"/>
      <c r="C21210" s="2"/>
    </row>
    <row r="21211" spans="1:3" ht="19.2">
      <c r="A21211" s="2"/>
      <c r="B21211" s="2"/>
      <c r="C21211" s="2"/>
    </row>
    <row r="21212" spans="1:3" ht="19.2">
      <c r="A21212" s="2"/>
      <c r="B21212" s="2"/>
      <c r="C21212" s="2"/>
    </row>
    <row r="21213" spans="1:3" ht="19.2">
      <c r="A21213" s="2"/>
      <c r="B21213" s="2"/>
      <c r="C21213" s="2"/>
    </row>
    <row r="21214" spans="1:3" ht="19.2">
      <c r="A21214" s="2"/>
      <c r="B21214" s="2"/>
      <c r="C21214" s="2"/>
    </row>
    <row r="21215" spans="1:3" ht="19.2">
      <c r="A21215" s="2"/>
      <c r="B21215" s="2"/>
      <c r="C21215" s="2"/>
    </row>
    <row r="21216" spans="1:3" ht="19.2">
      <c r="A21216" s="2"/>
      <c r="B21216" s="2"/>
      <c r="C21216" s="2"/>
    </row>
    <row r="21217" spans="1:3" ht="19.2">
      <c r="A21217" s="2"/>
      <c r="B21217" s="2"/>
      <c r="C21217" s="2"/>
    </row>
    <row r="21218" spans="1:3" ht="19.2">
      <c r="A21218" s="2"/>
      <c r="B21218" s="2"/>
      <c r="C21218" s="2"/>
    </row>
    <row r="21219" spans="1:3" ht="19.2">
      <c r="A21219" s="2"/>
      <c r="B21219" s="2"/>
      <c r="C21219" s="2"/>
    </row>
    <row r="21220" spans="1:3" ht="19.2">
      <c r="A21220" s="2"/>
      <c r="B21220" s="2"/>
      <c r="C21220" s="2"/>
    </row>
    <row r="21221" spans="1:3" ht="19.2">
      <c r="A21221" s="2"/>
      <c r="B21221" s="2"/>
      <c r="C21221" s="2"/>
    </row>
    <row r="21222" spans="1:3" ht="19.2">
      <c r="A21222" s="2"/>
      <c r="B21222" s="2"/>
      <c r="C21222" s="2"/>
    </row>
    <row r="21223" spans="1:3" ht="19.2">
      <c r="A21223" s="2"/>
      <c r="B21223" s="2"/>
      <c r="C21223" s="2"/>
    </row>
    <row r="21224" spans="1:3" ht="19.2">
      <c r="A21224" s="2"/>
      <c r="B21224" s="2"/>
      <c r="C21224" s="2"/>
    </row>
    <row r="21225" spans="1:3" ht="19.2">
      <c r="A21225" s="2"/>
      <c r="B21225" s="2"/>
      <c r="C21225" s="2"/>
    </row>
    <row r="21226" spans="1:3" ht="19.2">
      <c r="A21226" s="2"/>
      <c r="B21226" s="2"/>
      <c r="C21226" s="2"/>
    </row>
    <row r="21227" spans="1:3" ht="19.2">
      <c r="A21227" s="2"/>
      <c r="B21227" s="2"/>
      <c r="C21227" s="2"/>
    </row>
    <row r="21228" spans="1:3" ht="19.2">
      <c r="A21228" s="2"/>
      <c r="B21228" s="2"/>
      <c r="C21228" s="2"/>
    </row>
    <row r="21229" spans="1:3" ht="19.2">
      <c r="A21229" s="2"/>
      <c r="B21229" s="2"/>
      <c r="C21229" s="2"/>
    </row>
    <row r="21230" spans="1:3" ht="19.2">
      <c r="A21230" s="2"/>
      <c r="B21230" s="2"/>
      <c r="C21230" s="2"/>
    </row>
    <row r="21231" spans="1:3" ht="19.2">
      <c r="A21231" s="2"/>
      <c r="B21231" s="2"/>
      <c r="C21231" s="2"/>
    </row>
    <row r="21232" spans="1:3" ht="19.2">
      <c r="A21232" s="2"/>
      <c r="B21232" s="2"/>
      <c r="C21232" s="2"/>
    </row>
    <row r="21233" spans="1:3" ht="19.2">
      <c r="A21233" s="2"/>
      <c r="B21233" s="2"/>
      <c r="C21233" s="2"/>
    </row>
    <row r="21234" spans="1:3" ht="19.2">
      <c r="A21234" s="2"/>
      <c r="B21234" s="2"/>
      <c r="C21234" s="2"/>
    </row>
    <row r="21235" spans="1:3" ht="19.2">
      <c r="A21235" s="2"/>
      <c r="B21235" s="2"/>
      <c r="C21235" s="2"/>
    </row>
    <row r="21236" spans="1:3" ht="19.2">
      <c r="A21236" s="2"/>
      <c r="B21236" s="2"/>
      <c r="C21236" s="2"/>
    </row>
    <row r="21237" spans="1:3" ht="19.2">
      <c r="A21237" s="2"/>
      <c r="B21237" s="2"/>
      <c r="C21237" s="2"/>
    </row>
    <row r="21238" spans="1:3" ht="19.2">
      <c r="A21238" s="2"/>
      <c r="B21238" s="2"/>
      <c r="C21238" s="2"/>
    </row>
    <row r="21239" spans="1:3" ht="19.2">
      <c r="A21239" s="2"/>
      <c r="B21239" s="2"/>
      <c r="C21239" s="2"/>
    </row>
    <row r="21240" spans="1:3" ht="19.2">
      <c r="A21240" s="2"/>
      <c r="B21240" s="2"/>
      <c r="C21240" s="2"/>
    </row>
    <row r="21241" spans="1:3" ht="19.2">
      <c r="A21241" s="2"/>
      <c r="B21241" s="2"/>
      <c r="C21241" s="2"/>
    </row>
    <row r="21242" spans="1:3" ht="19.2">
      <c r="A21242" s="2"/>
      <c r="B21242" s="2"/>
      <c r="C21242" s="2"/>
    </row>
    <row r="21243" spans="1:3" ht="19.2">
      <c r="A21243" s="2"/>
      <c r="B21243" s="2"/>
      <c r="C21243" s="2"/>
    </row>
    <row r="21244" spans="1:3" ht="19.2">
      <c r="A21244" s="2"/>
      <c r="B21244" s="2"/>
      <c r="C21244" s="2"/>
    </row>
    <row r="21245" spans="1:3" ht="19.2">
      <c r="A21245" s="2"/>
      <c r="B21245" s="2"/>
      <c r="C21245" s="2"/>
    </row>
    <row r="21246" spans="1:3" ht="19.2">
      <c r="A21246" s="2"/>
      <c r="B21246" s="2"/>
      <c r="C21246" s="2"/>
    </row>
    <row r="21247" spans="1:3" ht="19.2">
      <c r="A21247" s="2"/>
      <c r="B21247" s="2"/>
      <c r="C21247" s="2"/>
    </row>
    <row r="21248" spans="1:3" ht="19.2">
      <c r="A21248" s="2"/>
      <c r="B21248" s="2"/>
      <c r="C21248" s="2"/>
    </row>
    <row r="21249" spans="1:3" ht="19.2">
      <c r="A21249" s="2"/>
      <c r="B21249" s="2"/>
      <c r="C21249" s="2"/>
    </row>
    <row r="21250" spans="1:3" ht="19.2">
      <c r="A21250" s="2"/>
      <c r="B21250" s="2"/>
      <c r="C21250" s="2"/>
    </row>
    <row r="21251" spans="1:3" ht="19.2">
      <c r="A21251" s="2"/>
      <c r="B21251" s="2"/>
      <c r="C21251" s="2"/>
    </row>
    <row r="21252" spans="1:3" ht="19.2">
      <c r="A21252" s="2"/>
      <c r="B21252" s="2"/>
      <c r="C21252" s="2"/>
    </row>
    <row r="21253" spans="1:3" ht="19.2">
      <c r="A21253" s="2"/>
      <c r="B21253" s="2"/>
      <c r="C21253" s="2"/>
    </row>
    <row r="21254" spans="1:3" ht="19.2">
      <c r="A21254" s="2"/>
      <c r="B21254" s="2"/>
      <c r="C21254" s="2"/>
    </row>
    <row r="21255" spans="1:3" ht="19.2">
      <c r="A21255" s="2"/>
      <c r="B21255" s="2"/>
      <c r="C21255" s="2"/>
    </row>
    <row r="21256" spans="1:3" ht="19.2">
      <c r="A21256" s="2"/>
      <c r="B21256" s="2"/>
      <c r="C21256" s="2"/>
    </row>
    <row r="21257" spans="1:3" ht="19.2">
      <c r="A21257" s="2"/>
      <c r="B21257" s="2"/>
      <c r="C21257" s="2"/>
    </row>
    <row r="21258" spans="1:3" ht="19.2">
      <c r="A21258" s="2"/>
      <c r="B21258" s="2"/>
      <c r="C21258" s="2"/>
    </row>
    <row r="21259" spans="1:3" ht="19.2">
      <c r="A21259" s="2"/>
      <c r="B21259" s="2"/>
      <c r="C21259" s="2"/>
    </row>
    <row r="21260" spans="1:3" ht="19.2">
      <c r="A21260" s="2"/>
      <c r="B21260" s="2"/>
      <c r="C21260" s="2"/>
    </row>
    <row r="21261" spans="1:3" ht="19.2">
      <c r="A21261" s="2"/>
      <c r="B21261" s="2"/>
      <c r="C21261" s="2"/>
    </row>
    <row r="21262" spans="1:3" ht="19.2">
      <c r="A21262" s="2"/>
      <c r="B21262" s="2"/>
      <c r="C21262" s="2"/>
    </row>
    <row r="21263" spans="1:3" ht="19.2">
      <c r="A21263" s="2"/>
      <c r="B21263" s="2"/>
      <c r="C21263" s="2"/>
    </row>
    <row r="21264" spans="1:3" ht="19.2">
      <c r="A21264" s="2"/>
      <c r="B21264" s="2"/>
      <c r="C21264" s="2"/>
    </row>
    <row r="21265" spans="1:3" ht="19.2">
      <c r="A21265" s="2"/>
      <c r="B21265" s="2"/>
      <c r="C21265" s="2"/>
    </row>
    <row r="21266" spans="1:3" ht="19.2">
      <c r="A21266" s="2"/>
      <c r="B21266" s="2"/>
      <c r="C21266" s="2"/>
    </row>
    <row r="21267" spans="1:3" ht="19.2">
      <c r="A21267" s="2"/>
      <c r="B21267" s="2"/>
      <c r="C21267" s="2"/>
    </row>
    <row r="21268" spans="1:3" ht="19.2">
      <c r="A21268" s="2"/>
      <c r="B21268" s="2"/>
      <c r="C21268" s="2"/>
    </row>
    <row r="21269" spans="1:3" ht="19.2">
      <c r="A21269" s="2"/>
      <c r="B21269" s="2"/>
      <c r="C21269" s="2"/>
    </row>
    <row r="21270" spans="1:3" ht="19.2">
      <c r="A21270" s="2"/>
      <c r="B21270" s="2"/>
      <c r="C21270" s="2"/>
    </row>
    <row r="21271" spans="1:3" ht="19.2">
      <c r="A21271" s="2"/>
      <c r="B21271" s="2"/>
      <c r="C21271" s="2"/>
    </row>
    <row r="21272" spans="1:3" ht="19.2">
      <c r="A21272" s="2"/>
      <c r="B21272" s="2"/>
      <c r="C21272" s="2"/>
    </row>
    <row r="21273" spans="1:3" ht="19.2">
      <c r="A21273" s="2"/>
      <c r="B21273" s="2"/>
      <c r="C21273" s="2"/>
    </row>
    <row r="21274" spans="1:3" ht="19.2">
      <c r="A21274" s="2"/>
      <c r="B21274" s="2"/>
      <c r="C21274" s="2"/>
    </row>
    <row r="21275" spans="1:3" ht="19.2">
      <c r="A21275" s="2"/>
      <c r="B21275" s="2"/>
      <c r="C21275" s="2"/>
    </row>
    <row r="21276" spans="1:3" ht="19.2">
      <c r="A21276" s="2"/>
      <c r="B21276" s="2"/>
      <c r="C21276" s="2"/>
    </row>
    <row r="21277" spans="1:3" ht="19.2">
      <c r="A21277" s="2"/>
      <c r="B21277" s="2"/>
      <c r="C21277" s="2"/>
    </row>
    <row r="21278" spans="1:3" ht="19.2">
      <c r="A21278" s="2"/>
      <c r="B21278" s="2"/>
      <c r="C21278" s="2"/>
    </row>
    <row r="21279" spans="1:3" ht="19.2">
      <c r="A21279" s="2"/>
      <c r="B21279" s="2"/>
      <c r="C21279" s="2"/>
    </row>
    <row r="21280" spans="1:3" ht="19.2">
      <c r="A21280" s="2"/>
      <c r="B21280" s="2"/>
      <c r="C21280" s="2"/>
    </row>
    <row r="21281" spans="1:3" ht="19.2">
      <c r="A21281" s="2"/>
      <c r="B21281" s="2"/>
      <c r="C21281" s="2"/>
    </row>
    <row r="21282" spans="1:3" ht="19.2">
      <c r="A21282" s="2"/>
      <c r="B21282" s="2"/>
      <c r="C21282" s="2"/>
    </row>
    <row r="21283" spans="1:3" ht="19.2">
      <c r="A21283" s="2"/>
      <c r="B21283" s="2"/>
      <c r="C21283" s="2"/>
    </row>
    <row r="21284" spans="1:3" ht="19.2">
      <c r="A21284" s="2"/>
      <c r="B21284" s="2"/>
      <c r="C21284" s="2"/>
    </row>
    <row r="21285" spans="1:3" ht="19.2">
      <c r="A21285" s="2"/>
      <c r="B21285" s="2"/>
      <c r="C21285" s="2"/>
    </row>
    <row r="21286" spans="1:3" ht="19.2">
      <c r="A21286" s="2"/>
      <c r="B21286" s="2"/>
      <c r="C21286" s="2"/>
    </row>
    <row r="21287" spans="1:3" ht="19.2">
      <c r="A21287" s="2"/>
      <c r="B21287" s="2"/>
      <c r="C21287" s="2"/>
    </row>
    <row r="21288" spans="1:3" ht="19.2">
      <c r="A21288" s="2"/>
      <c r="B21288" s="2"/>
      <c r="C21288" s="2"/>
    </row>
    <row r="21289" spans="1:3" ht="19.2">
      <c r="A21289" s="2"/>
      <c r="B21289" s="2"/>
      <c r="C21289" s="2"/>
    </row>
    <row r="21290" spans="1:3" ht="19.2">
      <c r="A21290" s="2"/>
      <c r="B21290" s="2"/>
      <c r="C21290" s="2"/>
    </row>
    <row r="21291" spans="1:3" ht="19.2">
      <c r="A21291" s="2"/>
      <c r="B21291" s="2"/>
      <c r="C21291" s="2"/>
    </row>
    <row r="21292" spans="1:3" ht="19.2">
      <c r="A21292" s="2"/>
      <c r="B21292" s="2"/>
      <c r="C21292" s="2"/>
    </row>
    <row r="21293" spans="1:3" ht="19.2">
      <c r="A21293" s="2"/>
      <c r="B21293" s="2"/>
      <c r="C21293" s="2"/>
    </row>
    <row r="21294" spans="1:3" ht="19.2">
      <c r="A21294" s="2"/>
      <c r="B21294" s="2"/>
      <c r="C21294" s="2"/>
    </row>
    <row r="21295" spans="1:3" ht="19.2">
      <c r="A21295" s="2"/>
      <c r="B21295" s="2"/>
      <c r="C21295" s="2"/>
    </row>
    <row r="21296" spans="1:3" ht="19.2">
      <c r="A21296" s="2"/>
      <c r="B21296" s="2"/>
      <c r="C21296" s="2"/>
    </row>
    <row r="21297" spans="1:3" ht="19.2">
      <c r="A21297" s="2"/>
      <c r="B21297" s="2"/>
      <c r="C21297" s="2"/>
    </row>
    <row r="21298" spans="1:3" ht="19.2">
      <c r="A21298" s="2"/>
      <c r="B21298" s="2"/>
      <c r="C21298" s="2"/>
    </row>
    <row r="21299" spans="1:3" ht="19.2">
      <c r="A21299" s="2"/>
      <c r="B21299" s="2"/>
      <c r="C21299" s="2"/>
    </row>
    <row r="21300" spans="1:3" ht="19.2">
      <c r="A21300" s="2"/>
      <c r="B21300" s="2"/>
      <c r="C21300" s="2"/>
    </row>
    <row r="21301" spans="1:3" ht="19.2">
      <c r="A21301" s="2"/>
      <c r="B21301" s="2"/>
      <c r="C21301" s="2"/>
    </row>
    <row r="21302" spans="1:3" ht="19.2">
      <c r="A21302" s="2"/>
      <c r="B21302" s="2"/>
      <c r="C21302" s="2"/>
    </row>
    <row r="21303" spans="1:3" ht="19.2">
      <c r="A21303" s="2"/>
      <c r="B21303" s="2"/>
      <c r="C21303" s="2"/>
    </row>
    <row r="21304" spans="1:3" ht="19.2">
      <c r="A21304" s="2"/>
      <c r="B21304" s="2"/>
      <c r="C21304" s="2"/>
    </row>
    <row r="21305" spans="1:3" ht="19.2">
      <c r="A21305" s="2"/>
      <c r="B21305" s="2"/>
      <c r="C21305" s="2"/>
    </row>
    <row r="21306" spans="1:3" ht="19.2">
      <c r="A21306" s="2"/>
      <c r="B21306" s="2"/>
      <c r="C21306" s="2"/>
    </row>
    <row r="21307" spans="1:3" ht="19.2">
      <c r="A21307" s="2"/>
      <c r="B21307" s="2"/>
      <c r="C21307" s="2"/>
    </row>
    <row r="21308" spans="1:3" ht="19.2">
      <c r="A21308" s="2"/>
      <c r="B21308" s="2"/>
      <c r="C21308" s="2"/>
    </row>
    <row r="21309" spans="1:3" ht="19.2">
      <c r="A21309" s="2"/>
      <c r="B21309" s="2"/>
      <c r="C21309" s="2"/>
    </row>
    <row r="21310" spans="1:3" ht="19.2">
      <c r="A21310" s="2"/>
      <c r="B21310" s="2"/>
      <c r="C21310" s="2"/>
    </row>
    <row r="21311" spans="1:3" ht="19.2">
      <c r="A21311" s="2"/>
      <c r="B21311" s="2"/>
      <c r="C21311" s="2"/>
    </row>
    <row r="21312" spans="1:3" ht="19.2">
      <c r="A21312" s="2"/>
      <c r="B21312" s="2"/>
      <c r="C21312" s="2"/>
    </row>
    <row r="21313" spans="1:3" ht="19.2">
      <c r="A21313" s="2"/>
      <c r="B21313" s="2"/>
      <c r="C21313" s="2"/>
    </row>
    <row r="21314" spans="1:3" ht="19.2">
      <c r="A21314" s="2"/>
      <c r="B21314" s="2"/>
      <c r="C21314" s="2"/>
    </row>
    <row r="21315" spans="1:3" ht="19.2">
      <c r="A21315" s="2"/>
      <c r="B21315" s="2"/>
      <c r="C21315" s="2"/>
    </row>
    <row r="21316" spans="1:3" ht="19.2">
      <c r="A21316" s="2"/>
      <c r="B21316" s="2"/>
      <c r="C21316" s="2"/>
    </row>
    <row r="21317" spans="1:3" ht="19.2">
      <c r="A21317" s="2"/>
      <c r="B21317" s="2"/>
      <c r="C21317" s="2"/>
    </row>
    <row r="21318" spans="1:3" ht="19.2">
      <c r="A21318" s="2"/>
      <c r="B21318" s="2"/>
      <c r="C21318" s="2"/>
    </row>
    <row r="21319" spans="1:3" ht="19.2">
      <c r="A21319" s="2"/>
      <c r="B21319" s="2"/>
      <c r="C21319" s="2"/>
    </row>
    <row r="21320" spans="1:3" ht="19.2">
      <c r="A21320" s="2"/>
      <c r="B21320" s="2"/>
      <c r="C21320" s="2"/>
    </row>
    <row r="21321" spans="1:3" ht="19.2">
      <c r="A21321" s="2"/>
      <c r="B21321" s="2"/>
      <c r="C21321" s="2"/>
    </row>
    <row r="21322" spans="1:3" ht="19.2">
      <c r="A21322" s="2"/>
      <c r="B21322" s="2"/>
      <c r="C21322" s="2"/>
    </row>
    <row r="21323" spans="1:3" ht="19.2">
      <c r="A21323" s="2"/>
      <c r="B21323" s="2"/>
      <c r="C21323" s="2"/>
    </row>
    <row r="21324" spans="1:3" ht="19.2">
      <c r="A21324" s="2"/>
      <c r="B21324" s="2"/>
      <c r="C21324" s="2"/>
    </row>
    <row r="21325" spans="1:3" ht="19.2">
      <c r="A21325" s="2"/>
      <c r="B21325" s="2"/>
      <c r="C21325" s="2"/>
    </row>
    <row r="21326" spans="1:3" ht="19.2">
      <c r="A21326" s="2"/>
      <c r="B21326" s="2"/>
      <c r="C21326" s="2"/>
    </row>
    <row r="21327" spans="1:3" ht="19.2">
      <c r="A21327" s="2"/>
      <c r="B21327" s="2"/>
      <c r="C21327" s="2"/>
    </row>
    <row r="21328" spans="1:3" ht="19.2">
      <c r="A21328" s="2"/>
      <c r="B21328" s="2"/>
      <c r="C21328" s="2"/>
    </row>
    <row r="21329" spans="1:3" ht="19.2">
      <c r="A21329" s="2"/>
      <c r="B21329" s="2"/>
      <c r="C21329" s="2"/>
    </row>
    <row r="21330" spans="1:3" ht="19.2">
      <c r="A21330" s="2"/>
      <c r="B21330" s="2"/>
      <c r="C21330" s="2"/>
    </row>
    <row r="21331" spans="1:3" ht="19.2">
      <c r="A21331" s="2"/>
      <c r="B21331" s="2"/>
      <c r="C21331" s="2"/>
    </row>
    <row r="21332" spans="1:3" ht="19.2">
      <c r="A21332" s="2"/>
      <c r="B21332" s="2"/>
      <c r="C21332" s="2"/>
    </row>
    <row r="21333" spans="1:3" ht="19.2">
      <c r="A21333" s="2"/>
      <c r="B21333" s="2"/>
      <c r="C21333" s="2"/>
    </row>
    <row r="21334" spans="1:3" ht="19.2">
      <c r="A21334" s="2"/>
      <c r="B21334" s="2"/>
      <c r="C21334" s="2"/>
    </row>
    <row r="21335" spans="1:3" ht="19.2">
      <c r="A21335" s="2"/>
      <c r="B21335" s="2"/>
      <c r="C21335" s="2"/>
    </row>
    <row r="21336" spans="1:3" ht="19.2">
      <c r="A21336" s="2"/>
      <c r="B21336" s="2"/>
      <c r="C21336" s="2"/>
    </row>
    <row r="21337" spans="1:3" ht="19.2">
      <c r="A21337" s="2"/>
      <c r="B21337" s="2"/>
      <c r="C21337" s="2"/>
    </row>
    <row r="21338" spans="1:3" ht="19.2">
      <c r="A21338" s="2"/>
      <c r="B21338" s="2"/>
      <c r="C21338" s="2"/>
    </row>
    <row r="21339" spans="1:3" ht="19.2">
      <c r="A21339" s="2"/>
      <c r="B21339" s="2"/>
      <c r="C21339" s="2"/>
    </row>
    <row r="21340" spans="1:3" ht="19.2">
      <c r="A21340" s="2"/>
      <c r="B21340" s="2"/>
      <c r="C21340" s="2"/>
    </row>
    <row r="21341" spans="1:3" ht="19.2">
      <c r="A21341" s="2"/>
      <c r="B21341" s="2"/>
      <c r="C21341" s="2"/>
    </row>
    <row r="21342" spans="1:3" ht="19.2">
      <c r="A21342" s="2"/>
      <c r="B21342" s="2"/>
      <c r="C21342" s="2"/>
    </row>
    <row r="21343" spans="1:3" ht="19.2">
      <c r="A21343" s="2"/>
      <c r="B21343" s="2"/>
      <c r="C21343" s="2"/>
    </row>
    <row r="21344" spans="1:3" ht="19.2">
      <c r="A21344" s="2"/>
      <c r="B21344" s="2"/>
      <c r="C21344" s="2"/>
    </row>
    <row r="21345" spans="1:3" ht="19.2">
      <c r="A21345" s="2"/>
      <c r="B21345" s="2"/>
      <c r="C21345" s="2"/>
    </row>
    <row r="21346" spans="1:3" ht="19.2">
      <c r="A21346" s="2"/>
      <c r="B21346" s="2"/>
      <c r="C21346" s="2"/>
    </row>
    <row r="21347" spans="1:3" ht="19.2">
      <c r="A21347" s="2"/>
      <c r="B21347" s="2"/>
      <c r="C21347" s="2"/>
    </row>
    <row r="21348" spans="1:3" ht="19.2">
      <c r="A21348" s="2"/>
      <c r="B21348" s="2"/>
      <c r="C21348" s="2"/>
    </row>
    <row r="21349" spans="1:3" ht="19.2">
      <c r="A21349" s="2"/>
      <c r="B21349" s="2"/>
      <c r="C21349" s="2"/>
    </row>
    <row r="21350" spans="1:3" ht="19.2">
      <c r="A21350" s="2"/>
      <c r="B21350" s="2"/>
      <c r="C21350" s="2"/>
    </row>
    <row r="21351" spans="1:3" ht="19.2">
      <c r="A21351" s="2"/>
      <c r="B21351" s="2"/>
      <c r="C21351" s="2"/>
    </row>
    <row r="21352" spans="1:3" ht="19.2">
      <c r="A21352" s="2"/>
      <c r="B21352" s="2"/>
      <c r="C21352" s="2"/>
    </row>
    <row r="21353" spans="1:3" ht="19.2">
      <c r="A21353" s="2"/>
      <c r="B21353" s="2"/>
      <c r="C21353" s="2"/>
    </row>
    <row r="21354" spans="1:3" ht="19.2">
      <c r="A21354" s="2"/>
      <c r="B21354" s="2"/>
      <c r="C21354" s="2"/>
    </row>
    <row r="21355" spans="1:3" ht="19.2">
      <c r="A21355" s="2"/>
      <c r="B21355" s="2"/>
      <c r="C21355" s="2"/>
    </row>
    <row r="21356" spans="1:3" ht="19.2">
      <c r="A21356" s="2"/>
      <c r="B21356" s="2"/>
      <c r="C21356" s="2"/>
    </row>
    <row r="21357" spans="1:3" ht="19.2">
      <c r="A21357" s="2"/>
      <c r="B21357" s="2"/>
      <c r="C21357" s="2"/>
    </row>
    <row r="21358" spans="1:3" ht="19.2">
      <c r="A21358" s="2"/>
      <c r="B21358" s="2"/>
      <c r="C21358" s="2"/>
    </row>
    <row r="21359" spans="1:3" ht="19.2">
      <c r="A21359" s="2"/>
      <c r="B21359" s="2"/>
      <c r="C21359" s="2"/>
    </row>
    <row r="21360" spans="1:3" ht="19.2">
      <c r="A21360" s="2"/>
      <c r="B21360" s="2"/>
      <c r="C21360" s="2"/>
    </row>
    <row r="21361" spans="1:3" ht="19.2">
      <c r="A21361" s="2"/>
      <c r="B21361" s="2"/>
      <c r="C21361" s="2"/>
    </row>
    <row r="21362" spans="1:3" ht="19.2">
      <c r="A21362" s="2"/>
      <c r="B21362" s="2"/>
      <c r="C21362" s="2"/>
    </row>
    <row r="21363" spans="1:3" ht="19.2">
      <c r="A21363" s="2"/>
      <c r="B21363" s="2"/>
      <c r="C21363" s="2"/>
    </row>
    <row r="21364" spans="1:3" ht="19.2">
      <c r="A21364" s="2"/>
      <c r="B21364" s="2"/>
      <c r="C21364" s="2"/>
    </row>
    <row r="21365" spans="1:3" ht="19.2">
      <c r="A21365" s="2"/>
      <c r="B21365" s="2"/>
      <c r="C21365" s="2"/>
    </row>
    <row r="21366" spans="1:3" ht="19.2">
      <c r="A21366" s="2"/>
      <c r="B21366" s="2"/>
      <c r="C21366" s="2"/>
    </row>
    <row r="21367" spans="1:3" ht="19.2">
      <c r="A21367" s="2"/>
      <c r="B21367" s="2"/>
      <c r="C21367" s="2"/>
    </row>
    <row r="21368" spans="1:3" ht="19.2">
      <c r="A21368" s="2"/>
      <c r="B21368" s="2"/>
      <c r="C21368" s="2"/>
    </row>
    <row r="21369" spans="1:3" ht="19.2">
      <c r="A21369" s="2"/>
      <c r="B21369" s="2"/>
      <c r="C21369" s="2"/>
    </row>
    <row r="21370" spans="1:3" ht="19.2">
      <c r="A21370" s="2"/>
      <c r="B21370" s="2"/>
      <c r="C21370" s="2"/>
    </row>
    <row r="21371" spans="1:3" ht="19.2">
      <c r="A21371" s="2"/>
      <c r="B21371" s="2"/>
      <c r="C21371" s="2"/>
    </row>
    <row r="21372" spans="1:3" ht="19.2">
      <c r="A21372" s="2"/>
      <c r="B21372" s="2"/>
      <c r="C21372" s="2"/>
    </row>
    <row r="21373" spans="1:3" ht="19.2">
      <c r="A21373" s="2"/>
      <c r="B21373" s="2"/>
      <c r="C21373" s="2"/>
    </row>
    <row r="21374" spans="1:3" ht="19.2">
      <c r="A21374" s="2"/>
      <c r="B21374" s="2"/>
      <c r="C21374" s="2"/>
    </row>
    <row r="21375" spans="1:3" ht="19.2">
      <c r="A21375" s="2"/>
      <c r="B21375" s="2"/>
      <c r="C21375" s="2"/>
    </row>
    <row r="21376" spans="1:3" ht="19.2">
      <c r="A21376" s="2"/>
      <c r="B21376" s="2"/>
      <c r="C21376" s="2"/>
    </row>
    <row r="21377" spans="1:3" ht="19.2">
      <c r="A21377" s="2"/>
      <c r="B21377" s="2"/>
      <c r="C21377" s="2"/>
    </row>
    <row r="21378" spans="1:3" ht="19.2">
      <c r="A21378" s="2"/>
      <c r="B21378" s="2"/>
      <c r="C21378" s="2"/>
    </row>
    <row r="21379" spans="1:3" ht="19.2">
      <c r="A21379" s="2"/>
      <c r="B21379" s="2"/>
      <c r="C21379" s="2"/>
    </row>
    <row r="21380" spans="1:3" ht="19.2">
      <c r="A21380" s="2"/>
      <c r="B21380" s="2"/>
      <c r="C21380" s="2"/>
    </row>
    <row r="21381" spans="1:3" ht="19.2">
      <c r="A21381" s="2"/>
      <c r="B21381" s="2"/>
      <c r="C21381" s="2"/>
    </row>
    <row r="21382" spans="1:3" ht="19.2">
      <c r="A21382" s="2"/>
      <c r="B21382" s="2"/>
      <c r="C21382" s="2"/>
    </row>
    <row r="21383" spans="1:3" ht="19.2">
      <c r="A21383" s="2"/>
      <c r="B21383" s="2"/>
      <c r="C21383" s="2"/>
    </row>
    <row r="21384" spans="1:3" ht="19.2">
      <c r="A21384" s="2"/>
      <c r="B21384" s="2"/>
      <c r="C21384" s="2"/>
    </row>
    <row r="21385" spans="1:3" ht="19.2">
      <c r="A21385" s="2"/>
      <c r="B21385" s="2"/>
      <c r="C21385" s="2"/>
    </row>
    <row r="21386" spans="1:3" ht="19.2">
      <c r="A21386" s="2"/>
      <c r="B21386" s="2"/>
      <c r="C21386" s="2"/>
    </row>
    <row r="21387" spans="1:3" ht="19.2">
      <c r="A21387" s="2"/>
      <c r="B21387" s="2"/>
      <c r="C21387" s="2"/>
    </row>
    <row r="21388" spans="1:3" ht="19.2">
      <c r="A21388" s="2"/>
      <c r="B21388" s="2"/>
      <c r="C21388" s="2"/>
    </row>
    <row r="21389" spans="1:3" ht="19.2">
      <c r="A21389" s="2"/>
      <c r="B21389" s="2"/>
      <c r="C21389" s="2"/>
    </row>
    <row r="21390" spans="1:3" ht="19.2">
      <c r="A21390" s="2"/>
      <c r="B21390" s="2"/>
      <c r="C21390" s="2"/>
    </row>
    <row r="21391" spans="1:3" ht="19.2">
      <c r="A21391" s="2"/>
      <c r="B21391" s="2"/>
      <c r="C21391" s="2"/>
    </row>
    <row r="21392" spans="1:3" ht="19.2">
      <c r="A21392" s="2"/>
      <c r="B21392" s="2"/>
      <c r="C21392" s="2"/>
    </row>
    <row r="21393" spans="1:3" ht="19.2">
      <c r="A21393" s="2"/>
      <c r="B21393" s="2"/>
      <c r="C21393" s="2"/>
    </row>
    <row r="21394" spans="1:3" ht="19.2">
      <c r="A21394" s="2"/>
      <c r="B21394" s="2"/>
      <c r="C21394" s="2"/>
    </row>
    <row r="21395" spans="1:3" ht="19.2">
      <c r="A21395" s="2"/>
      <c r="B21395" s="2"/>
      <c r="C21395" s="2"/>
    </row>
    <row r="21396" spans="1:3" ht="19.2">
      <c r="A21396" s="2"/>
      <c r="B21396" s="2"/>
      <c r="C21396" s="2"/>
    </row>
    <row r="21397" spans="1:3" ht="19.2">
      <c r="A21397" s="2"/>
      <c r="B21397" s="2"/>
      <c r="C21397" s="2"/>
    </row>
    <row r="21398" spans="1:3" ht="19.2">
      <c r="A21398" s="2"/>
      <c r="B21398" s="2"/>
      <c r="C21398" s="2"/>
    </row>
    <row r="21399" spans="1:3" ht="19.2">
      <c r="A21399" s="2"/>
      <c r="B21399" s="2"/>
      <c r="C21399" s="2"/>
    </row>
    <row r="21400" spans="1:3" ht="19.2">
      <c r="A21400" s="2"/>
      <c r="B21400" s="2"/>
      <c r="C21400" s="2"/>
    </row>
    <row r="21401" spans="1:3" ht="19.2">
      <c r="A21401" s="2"/>
      <c r="B21401" s="2"/>
      <c r="C21401" s="2"/>
    </row>
    <row r="21402" spans="1:3" ht="19.2">
      <c r="A21402" s="2"/>
      <c r="B21402" s="2"/>
      <c r="C21402" s="2"/>
    </row>
    <row r="21403" spans="1:3" ht="19.2">
      <c r="A21403" s="2"/>
      <c r="B21403" s="2"/>
      <c r="C21403" s="2"/>
    </row>
    <row r="21404" spans="1:3" ht="19.2">
      <c r="A21404" s="2"/>
      <c r="B21404" s="2"/>
      <c r="C21404" s="2"/>
    </row>
    <row r="21405" spans="1:3" ht="19.2">
      <c r="A21405" s="2"/>
      <c r="B21405" s="2"/>
      <c r="C21405" s="2"/>
    </row>
    <row r="21406" spans="1:3" ht="19.2">
      <c r="A21406" s="2"/>
      <c r="B21406" s="2"/>
      <c r="C21406" s="2"/>
    </row>
    <row r="21407" spans="1:3" ht="19.2">
      <c r="A21407" s="2"/>
      <c r="B21407" s="2"/>
      <c r="C21407" s="2"/>
    </row>
    <row r="21408" spans="1:3" ht="19.2">
      <c r="A21408" s="2"/>
      <c r="B21408" s="2"/>
      <c r="C21408" s="2"/>
    </row>
    <row r="21409" spans="1:3" ht="19.2">
      <c r="A21409" s="2"/>
      <c r="B21409" s="2"/>
      <c r="C21409" s="2"/>
    </row>
    <row r="21410" spans="1:3" ht="19.2">
      <c r="A21410" s="2"/>
      <c r="B21410" s="2"/>
      <c r="C21410" s="2"/>
    </row>
    <row r="21411" spans="1:3" ht="19.2">
      <c r="A21411" s="2"/>
      <c r="B21411" s="2"/>
      <c r="C21411" s="2"/>
    </row>
    <row r="21412" spans="1:3" ht="19.2">
      <c r="A21412" s="2"/>
      <c r="B21412" s="2"/>
      <c r="C21412" s="2"/>
    </row>
    <row r="21413" spans="1:3" ht="19.2">
      <c r="A21413" s="2"/>
      <c r="B21413" s="2"/>
      <c r="C21413" s="2"/>
    </row>
    <row r="21414" spans="1:3" ht="19.2">
      <c r="A21414" s="2"/>
      <c r="B21414" s="2"/>
      <c r="C21414" s="2"/>
    </row>
    <row r="21415" spans="1:3" ht="19.2">
      <c r="A21415" s="2"/>
      <c r="B21415" s="2"/>
      <c r="C21415" s="2"/>
    </row>
    <row r="21416" spans="1:3" ht="19.2">
      <c r="A21416" s="2"/>
      <c r="B21416" s="2"/>
      <c r="C21416" s="2"/>
    </row>
    <row r="21417" spans="1:3" ht="19.2">
      <c r="A21417" s="2"/>
      <c r="B21417" s="2"/>
      <c r="C21417" s="2"/>
    </row>
    <row r="21418" spans="1:3" ht="19.2">
      <c r="A21418" s="2"/>
      <c r="B21418" s="2"/>
      <c r="C21418" s="2"/>
    </row>
    <row r="21419" spans="1:3" ht="19.2">
      <c r="A21419" s="2"/>
      <c r="B21419" s="2"/>
      <c r="C21419" s="2"/>
    </row>
    <row r="21420" spans="1:3" ht="19.2">
      <c r="A21420" s="2"/>
      <c r="B21420" s="2"/>
      <c r="C21420" s="2"/>
    </row>
    <row r="21421" spans="1:3" ht="19.2">
      <c r="A21421" s="2"/>
      <c r="B21421" s="2"/>
      <c r="C21421" s="2"/>
    </row>
    <row r="21422" spans="1:3" ht="19.2">
      <c r="A21422" s="2"/>
      <c r="B21422" s="2"/>
      <c r="C21422" s="2"/>
    </row>
    <row r="21423" spans="1:3" ht="19.2">
      <c r="A21423" s="2"/>
      <c r="B21423" s="2"/>
      <c r="C21423" s="2"/>
    </row>
    <row r="21424" spans="1:3" ht="19.2">
      <c r="A21424" s="2"/>
      <c r="B21424" s="2"/>
      <c r="C21424" s="2"/>
    </row>
    <row r="21425" spans="1:3" ht="19.2">
      <c r="A21425" s="2"/>
      <c r="B21425" s="2"/>
      <c r="C21425" s="2"/>
    </row>
    <row r="21426" spans="1:3" ht="19.2">
      <c r="A21426" s="2"/>
      <c r="B21426" s="2"/>
      <c r="C21426" s="2"/>
    </row>
    <row r="21427" spans="1:3" ht="19.2">
      <c r="A21427" s="2"/>
      <c r="B21427" s="2"/>
      <c r="C21427" s="2"/>
    </row>
    <row r="21428" spans="1:3" ht="19.2">
      <c r="A21428" s="2"/>
      <c r="B21428" s="2"/>
      <c r="C21428" s="2"/>
    </row>
    <row r="21429" spans="1:3" ht="19.2">
      <c r="A21429" s="2"/>
      <c r="B21429" s="2"/>
      <c r="C21429" s="2"/>
    </row>
    <row r="21430" spans="1:3" ht="19.2">
      <c r="A21430" s="2"/>
      <c r="B21430" s="2"/>
      <c r="C21430" s="2"/>
    </row>
    <row r="21431" spans="1:3" ht="19.2">
      <c r="A21431" s="2"/>
      <c r="B21431" s="2"/>
      <c r="C21431" s="2"/>
    </row>
    <row r="21432" spans="1:3" ht="19.2">
      <c r="A21432" s="2"/>
      <c r="B21432" s="2"/>
      <c r="C21432" s="2"/>
    </row>
    <row r="21433" spans="1:3" ht="19.2">
      <c r="A21433" s="2"/>
      <c r="B21433" s="2"/>
      <c r="C21433" s="2"/>
    </row>
    <row r="21434" spans="1:3" ht="19.2">
      <c r="A21434" s="2"/>
      <c r="B21434" s="2"/>
      <c r="C21434" s="2"/>
    </row>
    <row r="21435" spans="1:3" ht="19.2">
      <c r="A21435" s="2"/>
      <c r="B21435" s="2"/>
      <c r="C21435" s="2"/>
    </row>
    <row r="21436" spans="1:3" ht="19.2">
      <c r="A21436" s="2"/>
      <c r="B21436" s="2"/>
      <c r="C21436" s="2"/>
    </row>
    <row r="21437" spans="1:3" ht="19.2">
      <c r="A21437" s="2"/>
      <c r="B21437" s="2"/>
      <c r="C21437" s="2"/>
    </row>
    <row r="21438" spans="1:3" ht="19.2">
      <c r="A21438" s="2"/>
      <c r="B21438" s="2"/>
      <c r="C21438" s="2"/>
    </row>
    <row r="21439" spans="1:3" ht="19.2">
      <c r="A21439" s="2"/>
      <c r="B21439" s="2"/>
      <c r="C21439" s="2"/>
    </row>
    <row r="21440" spans="1:3" ht="19.2">
      <c r="A21440" s="2"/>
      <c r="B21440" s="2"/>
      <c r="C21440" s="2"/>
    </row>
    <row r="21441" spans="1:3" ht="19.2">
      <c r="A21441" s="2"/>
      <c r="B21441" s="2"/>
      <c r="C21441" s="2"/>
    </row>
    <row r="21442" spans="1:3" ht="19.2">
      <c r="A21442" s="2"/>
      <c r="B21442" s="2"/>
      <c r="C21442" s="2"/>
    </row>
    <row r="21443" spans="1:3" ht="19.2">
      <c r="A21443" s="2"/>
      <c r="B21443" s="2"/>
      <c r="C21443" s="2"/>
    </row>
    <row r="21444" spans="1:3" ht="19.2">
      <c r="A21444" s="2"/>
      <c r="B21444" s="2"/>
      <c r="C21444" s="2"/>
    </row>
    <row r="21445" spans="1:3" ht="19.2">
      <c r="A21445" s="2"/>
      <c r="B21445" s="2"/>
      <c r="C21445" s="2"/>
    </row>
    <row r="21446" spans="1:3" ht="19.2">
      <c r="A21446" s="2"/>
      <c r="B21446" s="2"/>
      <c r="C21446" s="2"/>
    </row>
    <row r="21447" spans="1:3" ht="19.2">
      <c r="A21447" s="2"/>
      <c r="B21447" s="2"/>
      <c r="C21447" s="2"/>
    </row>
    <row r="21448" spans="1:3" ht="19.2">
      <c r="A21448" s="2"/>
      <c r="B21448" s="2"/>
      <c r="C21448" s="2"/>
    </row>
    <row r="21449" spans="1:3" ht="19.2">
      <c r="A21449" s="2"/>
      <c r="B21449" s="2"/>
      <c r="C21449" s="2"/>
    </row>
    <row r="21450" spans="1:3" ht="19.2">
      <c r="A21450" s="2"/>
      <c r="B21450" s="2"/>
      <c r="C21450" s="2"/>
    </row>
    <row r="21451" spans="1:3" ht="19.2">
      <c r="A21451" s="2"/>
      <c r="B21451" s="2"/>
      <c r="C21451" s="2"/>
    </row>
    <row r="21452" spans="1:3" ht="19.2">
      <c r="A21452" s="2"/>
      <c r="B21452" s="2"/>
      <c r="C21452" s="2"/>
    </row>
    <row r="21453" spans="1:3" ht="19.2">
      <c r="A21453" s="2"/>
      <c r="B21453" s="2"/>
      <c r="C21453" s="2"/>
    </row>
    <row r="21454" spans="1:3" ht="19.2">
      <c r="A21454" s="2"/>
      <c r="B21454" s="2"/>
      <c r="C21454" s="2"/>
    </row>
    <row r="21455" spans="1:3" ht="19.2">
      <c r="A21455" s="2"/>
      <c r="B21455" s="2"/>
      <c r="C21455" s="2"/>
    </row>
    <row r="21456" spans="1:3" ht="19.2">
      <c r="A21456" s="2"/>
      <c r="B21456" s="2"/>
      <c r="C21456" s="2"/>
    </row>
    <row r="21457" spans="1:3" ht="19.2">
      <c r="A21457" s="2"/>
      <c r="B21457" s="2"/>
      <c r="C21457" s="2"/>
    </row>
    <row r="21458" spans="1:3" ht="19.2">
      <c r="A21458" s="2"/>
      <c r="B21458" s="2"/>
      <c r="C21458" s="2"/>
    </row>
    <row r="21459" spans="1:3" ht="19.2">
      <c r="A21459" s="2"/>
      <c r="B21459" s="2"/>
      <c r="C21459" s="2"/>
    </row>
    <row r="21460" spans="1:3" ht="19.2">
      <c r="A21460" s="2"/>
      <c r="B21460" s="2"/>
      <c r="C21460" s="2"/>
    </row>
    <row r="21461" spans="1:3" ht="19.2">
      <c r="A21461" s="2"/>
      <c r="B21461" s="2"/>
      <c r="C21461" s="2"/>
    </row>
    <row r="21462" spans="1:3" ht="19.2">
      <c r="A21462" s="2"/>
      <c r="B21462" s="2"/>
      <c r="C21462" s="2"/>
    </row>
    <row r="21463" spans="1:3" ht="19.2">
      <c r="A21463" s="2"/>
      <c r="B21463" s="2"/>
      <c r="C21463" s="2"/>
    </row>
    <row r="21464" spans="1:3" ht="19.2">
      <c r="A21464" s="2"/>
      <c r="B21464" s="2"/>
      <c r="C21464" s="2"/>
    </row>
    <row r="21465" spans="1:3" ht="19.2">
      <c r="A21465" s="2"/>
      <c r="B21465" s="2"/>
      <c r="C21465" s="2"/>
    </row>
    <row r="21466" spans="1:3" ht="19.2">
      <c r="A21466" s="2"/>
      <c r="B21466" s="2"/>
      <c r="C21466" s="2"/>
    </row>
    <row r="21467" spans="1:3" ht="19.2">
      <c r="A21467" s="2"/>
      <c r="B21467" s="2"/>
      <c r="C21467" s="2"/>
    </row>
    <row r="21468" spans="1:3" ht="19.2">
      <c r="A21468" s="2"/>
      <c r="B21468" s="2"/>
      <c r="C21468" s="2"/>
    </row>
    <row r="21469" spans="1:3" ht="19.2">
      <c r="A21469" s="2"/>
      <c r="B21469" s="2"/>
      <c r="C21469" s="2"/>
    </row>
    <row r="21470" spans="1:3" ht="19.2">
      <c r="A21470" s="2"/>
      <c r="B21470" s="2"/>
      <c r="C21470" s="2"/>
    </row>
    <row r="21471" spans="1:3" ht="19.2">
      <c r="A21471" s="2"/>
      <c r="B21471" s="2"/>
      <c r="C21471" s="2"/>
    </row>
    <row r="21472" spans="1:3" ht="19.2">
      <c r="A21472" s="2"/>
      <c r="B21472" s="2"/>
      <c r="C21472" s="2"/>
    </row>
    <row r="21473" spans="1:3" ht="19.2">
      <c r="A21473" s="2"/>
      <c r="B21473" s="2"/>
      <c r="C21473" s="2"/>
    </row>
    <row r="21474" spans="1:3" ht="19.2">
      <c r="A21474" s="2"/>
      <c r="B21474" s="2"/>
      <c r="C21474" s="2"/>
    </row>
    <row r="21475" spans="1:3" ht="19.2">
      <c r="A21475" s="2"/>
      <c r="B21475" s="2"/>
      <c r="C21475" s="2"/>
    </row>
    <row r="21476" spans="1:3" ht="19.2">
      <c r="A21476" s="2"/>
      <c r="B21476" s="2"/>
      <c r="C21476" s="2"/>
    </row>
    <row r="21477" spans="1:3" ht="19.2">
      <c r="A21477" s="2"/>
      <c r="B21477" s="2"/>
      <c r="C21477" s="2"/>
    </row>
    <row r="21478" spans="1:3" ht="19.2">
      <c r="A21478" s="2"/>
      <c r="B21478" s="2"/>
      <c r="C21478" s="2"/>
    </row>
    <row r="21479" spans="1:3" ht="19.2">
      <c r="A21479" s="2"/>
      <c r="B21479" s="2"/>
      <c r="C21479" s="2"/>
    </row>
    <row r="21480" spans="1:3" ht="19.2">
      <c r="A21480" s="2"/>
      <c r="B21480" s="2"/>
      <c r="C21480" s="2"/>
    </row>
    <row r="21481" spans="1:3" ht="19.2">
      <c r="A21481" s="2"/>
      <c r="B21481" s="2"/>
      <c r="C21481" s="2"/>
    </row>
    <row r="21482" spans="1:3" ht="19.2">
      <c r="A21482" s="2"/>
      <c r="B21482" s="2"/>
      <c r="C21482" s="2"/>
    </row>
    <row r="21483" spans="1:3" ht="19.2">
      <c r="A21483" s="2"/>
      <c r="B21483" s="2"/>
      <c r="C21483" s="2"/>
    </row>
    <row r="21484" spans="1:3" ht="19.2">
      <c r="A21484" s="2"/>
      <c r="B21484" s="2"/>
      <c r="C21484" s="2"/>
    </row>
    <row r="21485" spans="1:3" ht="19.2">
      <c r="A21485" s="2"/>
      <c r="B21485" s="2"/>
      <c r="C21485" s="2"/>
    </row>
    <row r="21486" spans="1:3" ht="19.2">
      <c r="A21486" s="2"/>
      <c r="B21486" s="2"/>
      <c r="C21486" s="2"/>
    </row>
    <row r="21487" spans="1:3" ht="19.2">
      <c r="A21487" s="2"/>
      <c r="B21487" s="2"/>
      <c r="C21487" s="2"/>
    </row>
    <row r="21488" spans="1:3" ht="19.2">
      <c r="A21488" s="2"/>
      <c r="B21488" s="2"/>
      <c r="C21488" s="2"/>
    </row>
    <row r="21489" spans="1:3" ht="19.2">
      <c r="A21489" s="2"/>
      <c r="B21489" s="2"/>
      <c r="C21489" s="2"/>
    </row>
    <row r="21490" spans="1:3" ht="19.2">
      <c r="A21490" s="2"/>
      <c r="B21490" s="2"/>
      <c r="C21490" s="2"/>
    </row>
    <row r="21491" spans="1:3" ht="19.2">
      <c r="A21491" s="2"/>
      <c r="B21491" s="2"/>
      <c r="C21491" s="2"/>
    </row>
    <row r="21492" spans="1:3" ht="19.2">
      <c r="A21492" s="2"/>
      <c r="B21492" s="2"/>
      <c r="C21492" s="2"/>
    </row>
    <row r="21493" spans="1:3" ht="19.2">
      <c r="A21493" s="2"/>
      <c r="B21493" s="2"/>
      <c r="C21493" s="2"/>
    </row>
    <row r="21494" spans="1:3" ht="19.2">
      <c r="A21494" s="2"/>
      <c r="B21494" s="2"/>
      <c r="C21494" s="2"/>
    </row>
    <row r="21495" spans="1:3" ht="19.2">
      <c r="A21495" s="2"/>
      <c r="B21495" s="2"/>
      <c r="C21495" s="2"/>
    </row>
    <row r="21496" spans="1:3" ht="19.2">
      <c r="A21496" s="2"/>
      <c r="B21496" s="2"/>
      <c r="C21496" s="2"/>
    </row>
    <row r="21497" spans="1:3" ht="19.2">
      <c r="A21497" s="2"/>
      <c r="B21497" s="2"/>
      <c r="C21497" s="2"/>
    </row>
    <row r="21498" spans="1:3" ht="19.2">
      <c r="A21498" s="2"/>
      <c r="B21498" s="2"/>
      <c r="C21498" s="2"/>
    </row>
    <row r="21499" spans="1:3" ht="19.2">
      <c r="A21499" s="2"/>
      <c r="B21499" s="2"/>
      <c r="C21499" s="2"/>
    </row>
    <row r="21500" spans="1:3" ht="19.2">
      <c r="A21500" s="2"/>
      <c r="B21500" s="2"/>
      <c r="C21500" s="2"/>
    </row>
    <row r="21501" spans="1:3" ht="19.2">
      <c r="A21501" s="2"/>
      <c r="B21501" s="2"/>
      <c r="C21501" s="2"/>
    </row>
    <row r="21502" spans="1:3" ht="19.2">
      <c r="A21502" s="2"/>
      <c r="B21502" s="2"/>
      <c r="C21502" s="2"/>
    </row>
    <row r="21503" spans="1:3" ht="19.2">
      <c r="A21503" s="2"/>
      <c r="B21503" s="2"/>
      <c r="C21503" s="2"/>
    </row>
    <row r="21504" spans="1:3" ht="19.2">
      <c r="A21504" s="2"/>
      <c r="B21504" s="2"/>
      <c r="C21504" s="2"/>
    </row>
    <row r="21505" spans="1:3" ht="19.2">
      <c r="A21505" s="2"/>
      <c r="B21505" s="2"/>
      <c r="C21505" s="2"/>
    </row>
    <row r="21506" spans="1:3" ht="19.2">
      <c r="A21506" s="2"/>
      <c r="B21506" s="2"/>
      <c r="C21506" s="2"/>
    </row>
    <row r="21507" spans="1:3" ht="19.2">
      <c r="A21507" s="2"/>
      <c r="B21507" s="2"/>
      <c r="C21507" s="2"/>
    </row>
    <row r="21508" spans="1:3" ht="19.2">
      <c r="A21508" s="2"/>
      <c r="B21508" s="2"/>
      <c r="C21508" s="2"/>
    </row>
    <row r="21509" spans="1:3" ht="19.2">
      <c r="A21509" s="2"/>
      <c r="B21509" s="2"/>
      <c r="C21509" s="2"/>
    </row>
    <row r="21510" spans="1:3" ht="19.2">
      <c r="A21510" s="2"/>
      <c r="B21510" s="2"/>
      <c r="C21510" s="2"/>
    </row>
    <row r="21511" spans="1:3" ht="19.2">
      <c r="A21511" s="2"/>
      <c r="B21511" s="2"/>
      <c r="C21511" s="2"/>
    </row>
    <row r="21512" spans="1:3" ht="19.2">
      <c r="A21512" s="2"/>
      <c r="B21512" s="2"/>
      <c r="C21512" s="2"/>
    </row>
    <row r="21513" spans="1:3" ht="19.2">
      <c r="A21513" s="2"/>
      <c r="B21513" s="2"/>
      <c r="C21513" s="2"/>
    </row>
    <row r="21514" spans="1:3" ht="19.2">
      <c r="A21514" s="2"/>
      <c r="B21514" s="2"/>
      <c r="C21514" s="2"/>
    </row>
    <row r="21515" spans="1:3" ht="19.2">
      <c r="A21515" s="2"/>
      <c r="B21515" s="2"/>
      <c r="C21515" s="2"/>
    </row>
    <row r="21516" spans="1:3" ht="19.2">
      <c r="A21516" s="2"/>
      <c r="B21516" s="2"/>
      <c r="C21516" s="2"/>
    </row>
    <row r="21517" spans="1:3" ht="19.2">
      <c r="A21517" s="2"/>
      <c r="B21517" s="2"/>
      <c r="C21517" s="2"/>
    </row>
    <row r="21518" spans="1:3" ht="19.2">
      <c r="A21518" s="2"/>
      <c r="B21518" s="2"/>
      <c r="C21518" s="2"/>
    </row>
    <row r="21519" spans="1:3" ht="19.2">
      <c r="A21519" s="2"/>
      <c r="B21519" s="2"/>
      <c r="C21519" s="2"/>
    </row>
    <row r="21520" spans="1:3" ht="19.2">
      <c r="A21520" s="2"/>
      <c r="B21520" s="2"/>
      <c r="C21520" s="2"/>
    </row>
    <row r="21521" spans="1:3" ht="19.2">
      <c r="A21521" s="2"/>
      <c r="B21521" s="2"/>
      <c r="C21521" s="2"/>
    </row>
    <row r="21522" spans="1:3" ht="19.2">
      <c r="A21522" s="2"/>
      <c r="B21522" s="2"/>
      <c r="C21522" s="2"/>
    </row>
    <row r="21523" spans="1:3" ht="19.2">
      <c r="A21523" s="2"/>
      <c r="B21523" s="2"/>
      <c r="C21523" s="2"/>
    </row>
    <row r="21524" spans="1:3" ht="19.2">
      <c r="A21524" s="2"/>
      <c r="B21524" s="2"/>
      <c r="C21524" s="2"/>
    </row>
    <row r="21525" spans="1:3" ht="19.2">
      <c r="A21525" s="2"/>
      <c r="B21525" s="2"/>
      <c r="C21525" s="2"/>
    </row>
    <row r="21526" spans="1:3" ht="19.2">
      <c r="A21526" s="2"/>
      <c r="B21526" s="2"/>
      <c r="C21526" s="2"/>
    </row>
    <row r="21527" spans="1:3" ht="19.2">
      <c r="A21527" s="2"/>
      <c r="B21527" s="2"/>
      <c r="C21527" s="2"/>
    </row>
    <row r="21528" spans="1:3" ht="19.2">
      <c r="A21528" s="2"/>
      <c r="B21528" s="2"/>
      <c r="C21528" s="2"/>
    </row>
    <row r="21529" spans="1:3" ht="19.2">
      <c r="A21529" s="2"/>
      <c r="B21529" s="2"/>
      <c r="C21529" s="2"/>
    </row>
    <row r="21530" spans="1:3" ht="19.2">
      <c r="A21530" s="2"/>
      <c r="B21530" s="2"/>
      <c r="C21530" s="2"/>
    </row>
    <row r="21531" spans="1:3" ht="19.2">
      <c r="A21531" s="2"/>
      <c r="B21531" s="2"/>
      <c r="C21531" s="2"/>
    </row>
    <row r="21532" spans="1:3" ht="19.2">
      <c r="A21532" s="2"/>
      <c r="B21532" s="2"/>
      <c r="C21532" s="2"/>
    </row>
    <row r="21533" spans="1:3" ht="19.2">
      <c r="A21533" s="2"/>
      <c r="B21533" s="2"/>
      <c r="C21533" s="2"/>
    </row>
    <row r="21534" spans="1:3" ht="19.2">
      <c r="A21534" s="2"/>
      <c r="B21534" s="2"/>
      <c r="C21534" s="2"/>
    </row>
    <row r="21535" spans="1:3" ht="19.2">
      <c r="A21535" s="2"/>
      <c r="B21535" s="2"/>
      <c r="C21535" s="2"/>
    </row>
    <row r="21536" spans="1:3" ht="19.2">
      <c r="A21536" s="2"/>
      <c r="B21536" s="2"/>
      <c r="C21536" s="2"/>
    </row>
    <row r="21537" spans="1:3" ht="19.2">
      <c r="A21537" s="2"/>
      <c r="B21537" s="2"/>
      <c r="C21537" s="2"/>
    </row>
    <row r="21538" spans="1:3" ht="19.2">
      <c r="A21538" s="2"/>
      <c r="B21538" s="2"/>
      <c r="C21538" s="2"/>
    </row>
    <row r="21539" spans="1:3" ht="19.2">
      <c r="A21539" s="2"/>
      <c r="B21539" s="2"/>
      <c r="C21539" s="2"/>
    </row>
    <row r="21540" spans="1:3" ht="19.2">
      <c r="A21540" s="2"/>
      <c r="B21540" s="2"/>
      <c r="C21540" s="2"/>
    </row>
    <row r="21541" spans="1:3" ht="19.2">
      <c r="A21541" s="2"/>
      <c r="B21541" s="2"/>
      <c r="C21541" s="2"/>
    </row>
    <row r="21542" spans="1:3" ht="19.2">
      <c r="A21542" s="2"/>
      <c r="B21542" s="2"/>
      <c r="C21542" s="2"/>
    </row>
    <row r="21543" spans="1:3" ht="19.2">
      <c r="A21543" s="2"/>
      <c r="B21543" s="2"/>
      <c r="C21543" s="2"/>
    </row>
    <row r="21544" spans="1:3" ht="19.2">
      <c r="A21544" s="2"/>
      <c r="B21544" s="2"/>
      <c r="C21544" s="2"/>
    </row>
    <row r="21545" spans="1:3" ht="19.2">
      <c r="A21545" s="2"/>
      <c r="B21545" s="2"/>
      <c r="C21545" s="2"/>
    </row>
    <row r="21546" spans="1:3" ht="19.2">
      <c r="A21546" s="2"/>
      <c r="B21546" s="2"/>
      <c r="C21546" s="2"/>
    </row>
    <row r="21547" spans="1:3" ht="19.2">
      <c r="A21547" s="2"/>
      <c r="B21547" s="2"/>
      <c r="C21547" s="2"/>
    </row>
    <row r="21548" spans="1:3" ht="19.2">
      <c r="A21548" s="2"/>
      <c r="B21548" s="2"/>
      <c r="C21548" s="2"/>
    </row>
    <row r="21549" spans="1:3" ht="19.2">
      <c r="A21549" s="2"/>
      <c r="B21549" s="2"/>
      <c r="C21549" s="2"/>
    </row>
    <row r="21550" spans="1:3" ht="19.2">
      <c r="A21550" s="2"/>
      <c r="B21550" s="2"/>
      <c r="C21550" s="2"/>
    </row>
    <row r="21551" spans="1:3" ht="19.2">
      <c r="A21551" s="2"/>
      <c r="B21551" s="2"/>
      <c r="C21551" s="2"/>
    </row>
    <row r="21552" spans="1:3" ht="19.2">
      <c r="A21552" s="2"/>
      <c r="B21552" s="2"/>
      <c r="C21552" s="2"/>
    </row>
    <row r="21553" spans="1:3" ht="19.2">
      <c r="A21553" s="2"/>
      <c r="B21553" s="2"/>
      <c r="C21553" s="2"/>
    </row>
    <row r="21554" spans="1:3" ht="19.2">
      <c r="A21554" s="2"/>
      <c r="B21554" s="2"/>
      <c r="C21554" s="2"/>
    </row>
    <row r="21555" spans="1:3" ht="19.2">
      <c r="A21555" s="2"/>
      <c r="B21555" s="2"/>
      <c r="C21555" s="2"/>
    </row>
    <row r="21556" spans="1:3" ht="19.2">
      <c r="A21556" s="2"/>
      <c r="B21556" s="2"/>
      <c r="C21556" s="2"/>
    </row>
    <row r="21557" spans="1:3" ht="19.2">
      <c r="A21557" s="2"/>
      <c r="B21557" s="2"/>
      <c r="C21557" s="2"/>
    </row>
    <row r="21558" spans="1:3" ht="19.2">
      <c r="A21558" s="2"/>
      <c r="B21558" s="2"/>
      <c r="C21558" s="2"/>
    </row>
    <row r="21559" spans="1:3" ht="19.2">
      <c r="A21559" s="2"/>
      <c r="B21559" s="2"/>
      <c r="C21559" s="2"/>
    </row>
    <row r="21560" spans="1:3" ht="19.2">
      <c r="A21560" s="2"/>
      <c r="B21560" s="2"/>
      <c r="C21560" s="2"/>
    </row>
    <row r="21561" spans="1:3" ht="19.2">
      <c r="A21561" s="2"/>
      <c r="B21561" s="2"/>
      <c r="C21561" s="2"/>
    </row>
    <row r="21562" spans="1:3" ht="19.2">
      <c r="A21562" s="2"/>
      <c r="B21562" s="2"/>
      <c r="C21562" s="2"/>
    </row>
    <row r="21563" spans="1:3" ht="19.2">
      <c r="A21563" s="2"/>
      <c r="B21563" s="2"/>
      <c r="C21563" s="2"/>
    </row>
    <row r="21564" spans="1:3" ht="19.2">
      <c r="A21564" s="2"/>
      <c r="B21564" s="2"/>
      <c r="C21564" s="2"/>
    </row>
    <row r="21565" spans="1:3" ht="19.2">
      <c r="A21565" s="2"/>
      <c r="B21565" s="2"/>
      <c r="C21565" s="2"/>
    </row>
    <row r="21566" spans="1:3" ht="19.2">
      <c r="A21566" s="2"/>
      <c r="B21566" s="2"/>
      <c r="C21566" s="2"/>
    </row>
    <row r="21567" spans="1:3" ht="19.2">
      <c r="A21567" s="2"/>
      <c r="B21567" s="2"/>
      <c r="C21567" s="2"/>
    </row>
    <row r="21568" spans="1:3" ht="19.2">
      <c r="A21568" s="2"/>
      <c r="B21568" s="2"/>
      <c r="C21568" s="2"/>
    </row>
    <row r="21569" spans="1:3" ht="19.2">
      <c r="A21569" s="2"/>
      <c r="B21569" s="2"/>
      <c r="C21569" s="2"/>
    </row>
    <row r="21570" spans="1:3" ht="19.2">
      <c r="A21570" s="2"/>
      <c r="B21570" s="2"/>
      <c r="C21570" s="2"/>
    </row>
    <row r="21571" spans="1:3" ht="19.2">
      <c r="A21571" s="2"/>
      <c r="B21571" s="2"/>
      <c r="C21571" s="2"/>
    </row>
    <row r="21572" spans="1:3" ht="19.2">
      <c r="A21572" s="2"/>
      <c r="B21572" s="2"/>
      <c r="C21572" s="2"/>
    </row>
    <row r="21573" spans="1:3" ht="19.2">
      <c r="A21573" s="2"/>
      <c r="B21573" s="2"/>
      <c r="C21573" s="2"/>
    </row>
    <row r="21574" spans="1:3" ht="19.2">
      <c r="A21574" s="2"/>
      <c r="B21574" s="2"/>
      <c r="C21574" s="2"/>
    </row>
    <row r="21575" spans="1:3" ht="19.2">
      <c r="A21575" s="2"/>
      <c r="B21575" s="2"/>
      <c r="C21575" s="2"/>
    </row>
    <row r="21576" spans="1:3" ht="19.2">
      <c r="A21576" s="2"/>
      <c r="B21576" s="2"/>
      <c r="C21576" s="2"/>
    </row>
    <row r="21577" spans="1:3" ht="19.2">
      <c r="A21577" s="2"/>
      <c r="B21577" s="2"/>
      <c r="C21577" s="2"/>
    </row>
    <row r="21578" spans="1:3" ht="19.2">
      <c r="A21578" s="2"/>
      <c r="B21578" s="2"/>
      <c r="C21578" s="2"/>
    </row>
    <row r="21579" spans="1:3" ht="19.2">
      <c r="A21579" s="2"/>
      <c r="B21579" s="2"/>
      <c r="C21579" s="2"/>
    </row>
    <row r="21580" spans="1:3" ht="19.2">
      <c r="A21580" s="2"/>
      <c r="B21580" s="2"/>
      <c r="C21580" s="2"/>
    </row>
    <row r="21581" spans="1:3" ht="19.2">
      <c r="A21581" s="2"/>
      <c r="B21581" s="2"/>
      <c r="C21581" s="2"/>
    </row>
    <row r="21582" spans="1:3" ht="19.2">
      <c r="A21582" s="2"/>
      <c r="B21582" s="2"/>
      <c r="C21582" s="2"/>
    </row>
    <row r="21583" spans="1:3" ht="19.2">
      <c r="A21583" s="2"/>
      <c r="B21583" s="2"/>
      <c r="C21583" s="2"/>
    </row>
    <row r="21584" spans="1:3" ht="19.2">
      <c r="A21584" s="2"/>
      <c r="B21584" s="2"/>
      <c r="C21584" s="2"/>
    </row>
    <row r="21585" spans="1:3" ht="19.2">
      <c r="A21585" s="2"/>
      <c r="B21585" s="2"/>
      <c r="C21585" s="2"/>
    </row>
    <row r="21586" spans="1:3" ht="19.2">
      <c r="A21586" s="2"/>
      <c r="B21586" s="2"/>
      <c r="C21586" s="2"/>
    </row>
    <row r="21587" spans="1:3" ht="19.2">
      <c r="A21587" s="2"/>
      <c r="B21587" s="2"/>
      <c r="C21587" s="2"/>
    </row>
    <row r="21588" spans="1:3" ht="19.2">
      <c r="A21588" s="2"/>
      <c r="B21588" s="2"/>
      <c r="C21588" s="2"/>
    </row>
    <row r="21589" spans="1:3" ht="19.2">
      <c r="A21589" s="2"/>
      <c r="B21589" s="2"/>
      <c r="C21589" s="2"/>
    </row>
    <row r="21590" spans="1:3" ht="19.2">
      <c r="A21590" s="2"/>
      <c r="B21590" s="2"/>
      <c r="C21590" s="2"/>
    </row>
    <row r="21591" spans="1:3" ht="19.2">
      <c r="A21591" s="2"/>
      <c r="B21591" s="2"/>
      <c r="C21591" s="2"/>
    </row>
    <row r="21592" spans="1:3" ht="19.2">
      <c r="A21592" s="2"/>
      <c r="B21592" s="2"/>
      <c r="C21592" s="2"/>
    </row>
    <row r="21593" spans="1:3" ht="19.2">
      <c r="A21593" s="2"/>
      <c r="B21593" s="2"/>
      <c r="C21593" s="2"/>
    </row>
    <row r="21594" spans="1:3" ht="19.2">
      <c r="A21594" s="2"/>
      <c r="B21594" s="2"/>
      <c r="C21594" s="2"/>
    </row>
    <row r="21595" spans="1:3" ht="19.2">
      <c r="A21595" s="2"/>
      <c r="B21595" s="2"/>
      <c r="C21595" s="2"/>
    </row>
    <row r="21596" spans="1:3" ht="19.2">
      <c r="A21596" s="2"/>
      <c r="B21596" s="2"/>
      <c r="C21596" s="2"/>
    </row>
    <row r="21597" spans="1:3" ht="19.2">
      <c r="A21597" s="2"/>
      <c r="B21597" s="2"/>
      <c r="C21597" s="2"/>
    </row>
    <row r="21598" spans="1:3" ht="19.2">
      <c r="A21598" s="2"/>
      <c r="B21598" s="2"/>
      <c r="C21598" s="2"/>
    </row>
    <row r="21599" spans="1:3" ht="19.2">
      <c r="A21599" s="2"/>
      <c r="B21599" s="2"/>
      <c r="C21599" s="2"/>
    </row>
    <row r="21600" spans="1:3" ht="19.2">
      <c r="A21600" s="2"/>
      <c r="B21600" s="2"/>
      <c r="C21600" s="2"/>
    </row>
    <row r="21601" spans="1:3" ht="19.2">
      <c r="A21601" s="2"/>
      <c r="B21601" s="2"/>
      <c r="C21601" s="2"/>
    </row>
    <row r="21602" spans="1:3" ht="19.2">
      <c r="A21602" s="2"/>
      <c r="B21602" s="2"/>
      <c r="C21602" s="2"/>
    </row>
    <row r="21603" spans="1:3" ht="19.2">
      <c r="A21603" s="2"/>
      <c r="B21603" s="2"/>
      <c r="C21603" s="2"/>
    </row>
    <row r="21604" spans="1:3" ht="19.2">
      <c r="A21604" s="2"/>
      <c r="B21604" s="2"/>
      <c r="C21604" s="2"/>
    </row>
    <row r="21605" spans="1:3" ht="19.2">
      <c r="A21605" s="2"/>
      <c r="B21605" s="2"/>
      <c r="C21605" s="2"/>
    </row>
    <row r="21606" spans="1:3" ht="19.2">
      <c r="A21606" s="2"/>
      <c r="B21606" s="2"/>
      <c r="C21606" s="2"/>
    </row>
    <row r="21607" spans="1:3" ht="19.2">
      <c r="A21607" s="2"/>
      <c r="B21607" s="2"/>
      <c r="C21607" s="2"/>
    </row>
    <row r="21608" spans="1:3" ht="19.2">
      <c r="A21608" s="2"/>
      <c r="B21608" s="2"/>
      <c r="C21608" s="2"/>
    </row>
    <row r="21609" spans="1:3" ht="19.2">
      <c r="A21609" s="2"/>
      <c r="B21609" s="2"/>
      <c r="C21609" s="2"/>
    </row>
    <row r="21610" spans="1:3" ht="19.2">
      <c r="A21610" s="2"/>
      <c r="B21610" s="2"/>
      <c r="C21610" s="2"/>
    </row>
    <row r="21611" spans="1:3" ht="19.2">
      <c r="A21611" s="2"/>
      <c r="B21611" s="2"/>
      <c r="C21611" s="2"/>
    </row>
    <row r="21612" spans="1:3" ht="19.2">
      <c r="A21612" s="2"/>
      <c r="B21612" s="2"/>
      <c r="C21612" s="2"/>
    </row>
    <row r="21613" spans="1:3" ht="19.2">
      <c r="A21613" s="2"/>
      <c r="B21613" s="2"/>
      <c r="C21613" s="2"/>
    </row>
    <row r="21614" spans="1:3" ht="19.2">
      <c r="A21614" s="2"/>
      <c r="B21614" s="2"/>
      <c r="C21614" s="2"/>
    </row>
    <row r="21615" spans="1:3" ht="19.2">
      <c r="A21615" s="2"/>
      <c r="B21615" s="2"/>
      <c r="C21615" s="2"/>
    </row>
    <row r="21616" spans="1:3" ht="19.2">
      <c r="A21616" s="2"/>
      <c r="B21616" s="2"/>
      <c r="C21616" s="2"/>
    </row>
    <row r="21617" spans="1:3" ht="19.2">
      <c r="A21617" s="2"/>
      <c r="B21617" s="2"/>
      <c r="C21617" s="2"/>
    </row>
    <row r="21618" spans="1:3" ht="19.2">
      <c r="A21618" s="2"/>
      <c r="B21618" s="2"/>
      <c r="C21618" s="2"/>
    </row>
    <row r="21619" spans="1:3" ht="19.2">
      <c r="A21619" s="2"/>
      <c r="B21619" s="2"/>
      <c r="C21619" s="2"/>
    </row>
    <row r="21620" spans="1:3" ht="19.2">
      <c r="A21620" s="2"/>
      <c r="B21620" s="2"/>
      <c r="C21620" s="2"/>
    </row>
    <row r="21621" spans="1:3" ht="19.2">
      <c r="A21621" s="2"/>
      <c r="B21621" s="2"/>
      <c r="C21621" s="2"/>
    </row>
    <row r="21622" spans="1:3" ht="19.2">
      <c r="A21622" s="2"/>
      <c r="B21622" s="2"/>
      <c r="C21622" s="2"/>
    </row>
    <row r="21623" spans="1:3" ht="19.2">
      <c r="A21623" s="2"/>
      <c r="B21623" s="2"/>
      <c r="C21623" s="2"/>
    </row>
    <row r="21624" spans="1:3" ht="19.2">
      <c r="A21624" s="2"/>
      <c r="B21624" s="2"/>
      <c r="C21624" s="2"/>
    </row>
    <row r="21625" spans="1:3" ht="19.2">
      <c r="A21625" s="2"/>
      <c r="B21625" s="2"/>
      <c r="C21625" s="2"/>
    </row>
    <row r="21626" spans="1:3" ht="19.2">
      <c r="A21626" s="2"/>
      <c r="B21626" s="2"/>
      <c r="C21626" s="2"/>
    </row>
    <row r="21627" spans="1:3" ht="19.2">
      <c r="A21627" s="2"/>
      <c r="B21627" s="2"/>
      <c r="C21627" s="2"/>
    </row>
    <row r="21628" spans="1:3" ht="19.2">
      <c r="A21628" s="2"/>
      <c r="B21628" s="2"/>
      <c r="C21628" s="2"/>
    </row>
    <row r="21629" spans="1:3" ht="19.2">
      <c r="A21629" s="2"/>
      <c r="B21629" s="2"/>
      <c r="C21629" s="2"/>
    </row>
    <row r="21630" spans="1:3" ht="19.2">
      <c r="A21630" s="2"/>
      <c r="B21630" s="2"/>
      <c r="C21630" s="2"/>
    </row>
    <row r="21631" spans="1:3" ht="19.2">
      <c r="A21631" s="2"/>
      <c r="B21631" s="2"/>
      <c r="C21631" s="2"/>
    </row>
    <row r="21632" spans="1:3" ht="19.2">
      <c r="A21632" s="2"/>
      <c r="B21632" s="2"/>
      <c r="C21632" s="2"/>
    </row>
    <row r="21633" spans="1:3" ht="19.2">
      <c r="A21633" s="2"/>
      <c r="B21633" s="2"/>
      <c r="C21633" s="2"/>
    </row>
    <row r="21634" spans="1:3" ht="19.2">
      <c r="A21634" s="2"/>
      <c r="B21634" s="2"/>
      <c r="C21634" s="2"/>
    </row>
    <row r="21635" spans="1:3" ht="19.2">
      <c r="A21635" s="2"/>
      <c r="B21635" s="2"/>
      <c r="C21635" s="2"/>
    </row>
    <row r="21636" spans="1:3" ht="19.2">
      <c r="A21636" s="2"/>
      <c r="B21636" s="2"/>
      <c r="C21636" s="2"/>
    </row>
    <row r="21637" spans="1:3" ht="19.2">
      <c r="A21637" s="2"/>
      <c r="B21637" s="2"/>
      <c r="C21637" s="2"/>
    </row>
    <row r="21638" spans="1:3" ht="19.2">
      <c r="A21638" s="2"/>
      <c r="B21638" s="2"/>
      <c r="C21638" s="2"/>
    </row>
    <row r="21639" spans="1:3" ht="19.2">
      <c r="A21639" s="2"/>
      <c r="B21639" s="2"/>
      <c r="C21639" s="2"/>
    </row>
    <row r="21640" spans="1:3" ht="19.2">
      <c r="A21640" s="2"/>
      <c r="B21640" s="2"/>
      <c r="C21640" s="2"/>
    </row>
    <row r="21641" spans="1:3" ht="19.2">
      <c r="A21641" s="2"/>
      <c r="B21641" s="2"/>
      <c r="C21641" s="2"/>
    </row>
    <row r="21642" spans="1:3" ht="19.2">
      <c r="A21642" s="2"/>
      <c r="B21642" s="2"/>
      <c r="C21642" s="2"/>
    </row>
    <row r="21643" spans="1:3" ht="19.2">
      <c r="A21643" s="2"/>
      <c r="B21643" s="2"/>
      <c r="C21643" s="2"/>
    </row>
    <row r="21644" spans="1:3" ht="19.2">
      <c r="A21644" s="2"/>
      <c r="B21644" s="2"/>
      <c r="C21644" s="2"/>
    </row>
    <row r="21645" spans="1:3" ht="19.2">
      <c r="A21645" s="2"/>
      <c r="B21645" s="2"/>
      <c r="C21645" s="2"/>
    </row>
    <row r="21646" spans="1:3" ht="19.2">
      <c r="A21646" s="2"/>
      <c r="B21646" s="2"/>
      <c r="C21646" s="2"/>
    </row>
    <row r="21647" spans="1:3" ht="19.2">
      <c r="A21647" s="2"/>
      <c r="B21647" s="2"/>
      <c r="C21647" s="2"/>
    </row>
    <row r="21648" spans="1:3" ht="19.2">
      <c r="A21648" s="2"/>
      <c r="B21648" s="2"/>
      <c r="C21648" s="2"/>
    </row>
    <row r="21649" spans="1:3" ht="19.2">
      <c r="A21649" s="2"/>
      <c r="B21649" s="2"/>
      <c r="C21649" s="2"/>
    </row>
    <row r="21650" spans="1:3" ht="19.2">
      <c r="A21650" s="2"/>
      <c r="B21650" s="2"/>
      <c r="C21650" s="2"/>
    </row>
    <row r="21651" spans="1:3" ht="19.2">
      <c r="A21651" s="2"/>
      <c r="B21651" s="2"/>
      <c r="C21651" s="2"/>
    </row>
    <row r="21652" spans="1:3" ht="19.2">
      <c r="A21652" s="2"/>
      <c r="B21652" s="2"/>
      <c r="C21652" s="2"/>
    </row>
    <row r="21653" spans="1:3" ht="19.2">
      <c r="A21653" s="2"/>
      <c r="B21653" s="2"/>
      <c r="C21653" s="2"/>
    </row>
    <row r="21654" spans="1:3" ht="19.2">
      <c r="A21654" s="2"/>
      <c r="B21654" s="2"/>
      <c r="C21654" s="2"/>
    </row>
    <row r="21655" spans="1:3" ht="19.2">
      <c r="A21655" s="2"/>
      <c r="B21655" s="2"/>
      <c r="C21655" s="2"/>
    </row>
    <row r="21656" spans="1:3" ht="19.2">
      <c r="A21656" s="2"/>
      <c r="B21656" s="2"/>
      <c r="C21656" s="2"/>
    </row>
    <row r="21657" spans="1:3" ht="19.2">
      <c r="A21657" s="2"/>
      <c r="B21657" s="2"/>
      <c r="C21657" s="2"/>
    </row>
    <row r="21658" spans="1:3" ht="19.2">
      <c r="A21658" s="2"/>
      <c r="B21658" s="2"/>
      <c r="C21658" s="2"/>
    </row>
    <row r="21659" spans="1:3" ht="19.2">
      <c r="A21659" s="2"/>
      <c r="B21659" s="2"/>
      <c r="C21659" s="2"/>
    </row>
    <row r="21660" spans="1:3" ht="19.2">
      <c r="A21660" s="2"/>
      <c r="B21660" s="2"/>
      <c r="C21660" s="2"/>
    </row>
    <row r="21661" spans="1:3" ht="19.2">
      <c r="A21661" s="2"/>
      <c r="B21661" s="2"/>
      <c r="C21661" s="2"/>
    </row>
    <row r="21662" spans="1:3" ht="19.2">
      <c r="A21662" s="2"/>
      <c r="B21662" s="2"/>
      <c r="C21662" s="2"/>
    </row>
    <row r="21663" spans="1:3" ht="19.2">
      <c r="A21663" s="2"/>
      <c r="B21663" s="2"/>
      <c r="C21663" s="2"/>
    </row>
    <row r="21664" spans="1:3" ht="19.2">
      <c r="A21664" s="2"/>
      <c r="B21664" s="2"/>
      <c r="C21664" s="2"/>
    </row>
    <row r="21665" spans="1:3" ht="19.2">
      <c r="A21665" s="2"/>
      <c r="B21665" s="2"/>
      <c r="C21665" s="2"/>
    </row>
    <row r="21666" spans="1:3" ht="19.2">
      <c r="A21666" s="2"/>
      <c r="B21666" s="2"/>
      <c r="C21666" s="2"/>
    </row>
    <row r="21667" spans="1:3" ht="19.2">
      <c r="A21667" s="2"/>
      <c r="B21667" s="2"/>
      <c r="C21667" s="2"/>
    </row>
    <row r="21668" spans="1:3" ht="19.2">
      <c r="A21668" s="2"/>
      <c r="B21668" s="2"/>
      <c r="C21668" s="2"/>
    </row>
    <row r="21669" spans="1:3" ht="19.2">
      <c r="A21669" s="2"/>
      <c r="B21669" s="2"/>
      <c r="C21669" s="2"/>
    </row>
    <row r="21670" spans="1:3" ht="19.2">
      <c r="A21670" s="2"/>
      <c r="B21670" s="2"/>
      <c r="C21670" s="2"/>
    </row>
    <row r="21671" spans="1:3" ht="19.2">
      <c r="A21671" s="2"/>
      <c r="B21671" s="2"/>
      <c r="C21671" s="2"/>
    </row>
    <row r="21672" spans="1:3" ht="19.2">
      <c r="A21672" s="2"/>
      <c r="B21672" s="2"/>
      <c r="C21672" s="2"/>
    </row>
    <row r="21673" spans="1:3" ht="19.2">
      <c r="A21673" s="2"/>
      <c r="B21673" s="2"/>
      <c r="C21673" s="2"/>
    </row>
    <row r="21674" spans="1:3" ht="19.2">
      <c r="A21674" s="2"/>
      <c r="B21674" s="2"/>
      <c r="C21674" s="2"/>
    </row>
    <row r="21675" spans="1:3" ht="19.2">
      <c r="A21675" s="2"/>
      <c r="B21675" s="2"/>
      <c r="C21675" s="2"/>
    </row>
    <row r="21676" spans="1:3" ht="19.2">
      <c r="A21676" s="2"/>
      <c r="B21676" s="2"/>
      <c r="C21676" s="2"/>
    </row>
    <row r="21677" spans="1:3" ht="19.2">
      <c r="A21677" s="2"/>
      <c r="B21677" s="2"/>
      <c r="C21677" s="2"/>
    </row>
    <row r="21678" spans="1:3" ht="19.2">
      <c r="A21678" s="2"/>
      <c r="B21678" s="2"/>
      <c r="C21678" s="2"/>
    </row>
    <row r="21679" spans="1:3" ht="19.2">
      <c r="A21679" s="2"/>
      <c r="B21679" s="2"/>
      <c r="C21679" s="2"/>
    </row>
    <row r="21680" spans="1:3" ht="19.2">
      <c r="A21680" s="2"/>
      <c r="B21680" s="2"/>
      <c r="C21680" s="2"/>
    </row>
    <row r="21681" spans="1:3" ht="19.2">
      <c r="A21681" s="2"/>
      <c r="B21681" s="2"/>
      <c r="C21681" s="2"/>
    </row>
    <row r="21682" spans="1:3" ht="19.2">
      <c r="A21682" s="2"/>
      <c r="B21682" s="2"/>
      <c r="C21682" s="2"/>
    </row>
    <row r="21683" spans="1:3" ht="19.2">
      <c r="A21683" s="2"/>
      <c r="B21683" s="2"/>
      <c r="C21683" s="2"/>
    </row>
    <row r="21684" spans="1:3" ht="19.2">
      <c r="A21684" s="2"/>
      <c r="B21684" s="2"/>
      <c r="C21684" s="2"/>
    </row>
    <row r="21685" spans="1:3" ht="19.2">
      <c r="A21685" s="2"/>
      <c r="B21685" s="2"/>
      <c r="C21685" s="2"/>
    </row>
    <row r="21686" spans="1:3" ht="19.2">
      <c r="A21686" s="2"/>
      <c r="B21686" s="2"/>
      <c r="C21686" s="2"/>
    </row>
    <row r="21687" spans="1:3" ht="19.2">
      <c r="A21687" s="2"/>
      <c r="B21687" s="2"/>
      <c r="C21687" s="2"/>
    </row>
    <row r="21688" spans="1:3" ht="19.2">
      <c r="A21688" s="2"/>
      <c r="B21688" s="2"/>
      <c r="C21688" s="2"/>
    </row>
    <row r="21689" spans="1:3" ht="19.2">
      <c r="A21689" s="2"/>
      <c r="B21689" s="2"/>
      <c r="C21689" s="2"/>
    </row>
    <row r="21690" spans="1:3" ht="19.2">
      <c r="A21690" s="2"/>
      <c r="B21690" s="2"/>
      <c r="C21690" s="2"/>
    </row>
    <row r="21691" spans="1:3" ht="19.2">
      <c r="A21691" s="2"/>
      <c r="B21691" s="2"/>
      <c r="C21691" s="2"/>
    </row>
    <row r="21692" spans="1:3" ht="19.2">
      <c r="A21692" s="2"/>
      <c r="B21692" s="2"/>
      <c r="C21692" s="2"/>
    </row>
    <row r="21693" spans="1:3" ht="19.2">
      <c r="A21693" s="2"/>
      <c r="B21693" s="2"/>
      <c r="C21693" s="2"/>
    </row>
    <row r="21694" spans="1:3" ht="19.2">
      <c r="A21694" s="2"/>
      <c r="B21694" s="2"/>
      <c r="C21694" s="2"/>
    </row>
    <row r="21695" spans="1:3" ht="19.2">
      <c r="A21695" s="2"/>
      <c r="B21695" s="2"/>
      <c r="C21695" s="2"/>
    </row>
    <row r="21696" spans="1:3" ht="19.2">
      <c r="A21696" s="2"/>
      <c r="B21696" s="2"/>
      <c r="C21696" s="2"/>
    </row>
    <row r="21697" spans="1:3" ht="19.2">
      <c r="A21697" s="2"/>
      <c r="B21697" s="2"/>
      <c r="C21697" s="2"/>
    </row>
    <row r="21698" spans="1:3" ht="19.2">
      <c r="A21698" s="2"/>
      <c r="B21698" s="2"/>
      <c r="C21698" s="2"/>
    </row>
    <row r="21699" spans="1:3" ht="19.2">
      <c r="A21699" s="2"/>
      <c r="B21699" s="2"/>
      <c r="C21699" s="2"/>
    </row>
    <row r="21700" spans="1:3" ht="19.2">
      <c r="A21700" s="2"/>
      <c r="B21700" s="2"/>
      <c r="C21700" s="2"/>
    </row>
    <row r="21701" spans="1:3" ht="19.2">
      <c r="A21701" s="2"/>
      <c r="B21701" s="2"/>
      <c r="C21701" s="2"/>
    </row>
    <row r="21702" spans="1:3" ht="19.2">
      <c r="A21702" s="2"/>
      <c r="B21702" s="2"/>
      <c r="C21702" s="2"/>
    </row>
    <row r="21703" spans="1:3" ht="19.2">
      <c r="A21703" s="2"/>
      <c r="B21703" s="2"/>
      <c r="C21703" s="2"/>
    </row>
    <row r="21704" spans="1:3" ht="19.2">
      <c r="A21704" s="2"/>
      <c r="B21704" s="2"/>
      <c r="C21704" s="2"/>
    </row>
    <row r="21705" spans="1:3" ht="19.2">
      <c r="A21705" s="2"/>
      <c r="B21705" s="2"/>
      <c r="C21705" s="2"/>
    </row>
    <row r="21706" spans="1:3" ht="19.2">
      <c r="A21706" s="2"/>
      <c r="B21706" s="2"/>
      <c r="C21706" s="2"/>
    </row>
    <row r="21707" spans="1:3" ht="19.2">
      <c r="A21707" s="2"/>
      <c r="B21707" s="2"/>
      <c r="C21707" s="2"/>
    </row>
    <row r="21708" spans="1:3" ht="19.2">
      <c r="A21708" s="2"/>
      <c r="B21708" s="2"/>
      <c r="C21708" s="2"/>
    </row>
    <row r="21709" spans="1:3" ht="19.2">
      <c r="A21709" s="2"/>
      <c r="B21709" s="2"/>
      <c r="C21709" s="2"/>
    </row>
    <row r="21710" spans="1:3" ht="19.2">
      <c r="A21710" s="2"/>
      <c r="B21710" s="2"/>
      <c r="C21710" s="2"/>
    </row>
    <row r="21711" spans="1:3" ht="19.2">
      <c r="A21711" s="2"/>
      <c r="B21711" s="2"/>
      <c r="C21711" s="2"/>
    </row>
    <row r="21712" spans="1:3" ht="19.2">
      <c r="A21712" s="2"/>
      <c r="B21712" s="2"/>
      <c r="C21712" s="2"/>
    </row>
    <row r="21713" spans="1:3" ht="19.2">
      <c r="A21713" s="2"/>
      <c r="B21713" s="2"/>
      <c r="C21713" s="2"/>
    </row>
    <row r="21714" spans="1:3" ht="19.2">
      <c r="A21714" s="2"/>
      <c r="B21714" s="2"/>
      <c r="C21714" s="2"/>
    </row>
    <row r="21715" spans="1:3" ht="19.2">
      <c r="A21715" s="2"/>
      <c r="B21715" s="2"/>
      <c r="C21715" s="2"/>
    </row>
    <row r="21716" spans="1:3" ht="19.2">
      <c r="A21716" s="2"/>
      <c r="B21716" s="2"/>
      <c r="C21716" s="2"/>
    </row>
    <row r="21717" spans="1:3" ht="19.2">
      <c r="A21717" s="2"/>
      <c r="B21717" s="2"/>
      <c r="C21717" s="2"/>
    </row>
    <row r="21718" spans="1:3" ht="19.2">
      <c r="A21718" s="2"/>
      <c r="B21718" s="2"/>
      <c r="C21718" s="2"/>
    </row>
    <row r="21719" spans="1:3" ht="19.2">
      <c r="A21719" s="2"/>
      <c r="B21719" s="2"/>
      <c r="C21719" s="2"/>
    </row>
    <row r="21720" spans="1:3" ht="19.2">
      <c r="A21720" s="2"/>
      <c r="B21720" s="2"/>
      <c r="C21720" s="2"/>
    </row>
    <row r="21721" spans="1:3" ht="19.2">
      <c r="A21721" s="2"/>
      <c r="B21721" s="2"/>
      <c r="C21721" s="2"/>
    </row>
    <row r="21722" spans="1:3" ht="19.2">
      <c r="A21722" s="2"/>
      <c r="B21722" s="2"/>
      <c r="C21722" s="2"/>
    </row>
    <row r="21723" spans="1:3" ht="19.2">
      <c r="A21723" s="2"/>
      <c r="B21723" s="2"/>
      <c r="C21723" s="2"/>
    </row>
    <row r="21724" spans="1:3" ht="19.2">
      <c r="A21724" s="2"/>
      <c r="B21724" s="2"/>
      <c r="C21724" s="2"/>
    </row>
    <row r="21725" spans="1:3" ht="19.2">
      <c r="A21725" s="2"/>
      <c r="B21725" s="2"/>
      <c r="C21725" s="2"/>
    </row>
    <row r="21726" spans="1:3" ht="19.2">
      <c r="A21726" s="2"/>
      <c r="B21726" s="2"/>
      <c r="C21726" s="2"/>
    </row>
    <row r="21727" spans="1:3" ht="19.2">
      <c r="A21727" s="2"/>
      <c r="B21727" s="2"/>
      <c r="C21727" s="2"/>
    </row>
    <row r="21728" spans="1:3" ht="19.2">
      <c r="A21728" s="2"/>
      <c r="B21728" s="2"/>
      <c r="C21728" s="2"/>
    </row>
    <row r="21729" spans="1:3" ht="19.2">
      <c r="A21729" s="2"/>
      <c r="B21729" s="2"/>
      <c r="C21729" s="2"/>
    </row>
    <row r="21730" spans="1:3" ht="19.2">
      <c r="A21730" s="2"/>
      <c r="B21730" s="2"/>
      <c r="C21730" s="2"/>
    </row>
    <row r="21731" spans="1:3" ht="19.2">
      <c r="A21731" s="2"/>
      <c r="B21731" s="2"/>
      <c r="C21731" s="2"/>
    </row>
    <row r="21732" spans="1:3" ht="19.2">
      <c r="A21732" s="2"/>
      <c r="B21732" s="2"/>
      <c r="C21732" s="2"/>
    </row>
    <row r="21733" spans="1:3" ht="19.2">
      <c r="A21733" s="2"/>
      <c r="B21733" s="2"/>
      <c r="C21733" s="2"/>
    </row>
    <row r="21734" spans="1:3" ht="19.2">
      <c r="A21734" s="2"/>
      <c r="B21734" s="2"/>
      <c r="C21734" s="2"/>
    </row>
    <row r="21735" spans="1:3" ht="19.2">
      <c r="A21735" s="2"/>
      <c r="B21735" s="2"/>
      <c r="C21735" s="2"/>
    </row>
    <row r="21736" spans="1:3" ht="19.2">
      <c r="A21736" s="2"/>
      <c r="B21736" s="2"/>
      <c r="C21736" s="2"/>
    </row>
    <row r="21737" spans="1:3" ht="19.2">
      <c r="A21737" s="2"/>
      <c r="B21737" s="2"/>
      <c r="C21737" s="2"/>
    </row>
    <row r="21738" spans="1:3" ht="19.2">
      <c r="A21738" s="2"/>
      <c r="B21738" s="2"/>
      <c r="C21738" s="2"/>
    </row>
    <row r="21739" spans="1:3" ht="19.2">
      <c r="A21739" s="2"/>
      <c r="B21739" s="2"/>
      <c r="C21739" s="2"/>
    </row>
    <row r="21740" spans="1:3" ht="19.2">
      <c r="A21740" s="2"/>
      <c r="B21740" s="2"/>
      <c r="C21740" s="2"/>
    </row>
    <row r="21741" spans="1:3" ht="19.2">
      <c r="A21741" s="2"/>
      <c r="B21741" s="2"/>
      <c r="C21741" s="2"/>
    </row>
    <row r="21742" spans="1:3" ht="19.2">
      <c r="A21742" s="2"/>
      <c r="B21742" s="2"/>
      <c r="C21742" s="2"/>
    </row>
    <row r="21743" spans="1:3" ht="19.2">
      <c r="A21743" s="2"/>
      <c r="B21743" s="2"/>
      <c r="C21743" s="2"/>
    </row>
    <row r="21744" spans="1:3" ht="19.2">
      <c r="A21744" s="2"/>
      <c r="B21744" s="2"/>
      <c r="C21744" s="2"/>
    </row>
    <row r="21745" spans="1:3" ht="19.2">
      <c r="A21745" s="2"/>
      <c r="B21745" s="2"/>
      <c r="C21745" s="2"/>
    </row>
    <row r="21746" spans="1:3" ht="19.2">
      <c r="A21746" s="2"/>
      <c r="B21746" s="2"/>
      <c r="C21746" s="2"/>
    </row>
    <row r="21747" spans="1:3" ht="19.2">
      <c r="A21747" s="2"/>
      <c r="B21747" s="2"/>
      <c r="C21747" s="2"/>
    </row>
    <row r="21748" spans="1:3" ht="19.2">
      <c r="A21748" s="2"/>
      <c r="B21748" s="2"/>
      <c r="C21748" s="2"/>
    </row>
    <row r="21749" spans="1:3" ht="19.2">
      <c r="A21749" s="2"/>
      <c r="B21749" s="2"/>
      <c r="C21749" s="2"/>
    </row>
    <row r="21750" spans="1:3" ht="19.2">
      <c r="A21750" s="2"/>
      <c r="B21750" s="2"/>
      <c r="C21750" s="2"/>
    </row>
    <row r="21751" spans="1:3" ht="19.2">
      <c r="A21751" s="2"/>
      <c r="B21751" s="2"/>
      <c r="C21751" s="2"/>
    </row>
    <row r="21752" spans="1:3" ht="19.2">
      <c r="A21752" s="2"/>
      <c r="B21752" s="2"/>
      <c r="C21752" s="2"/>
    </row>
    <row r="21753" spans="1:3" ht="19.2">
      <c r="A21753" s="2"/>
      <c r="B21753" s="2"/>
      <c r="C21753" s="2"/>
    </row>
    <row r="21754" spans="1:3" ht="19.2">
      <c r="A21754" s="2"/>
      <c r="B21754" s="2"/>
      <c r="C21754" s="2"/>
    </row>
    <row r="21755" spans="1:3" ht="19.2">
      <c r="A21755" s="2"/>
      <c r="B21755" s="2"/>
      <c r="C21755" s="2"/>
    </row>
    <row r="21756" spans="1:3" ht="19.2">
      <c r="A21756" s="2"/>
      <c r="B21756" s="2"/>
      <c r="C21756" s="2"/>
    </row>
    <row r="21757" spans="1:3" ht="19.2">
      <c r="A21757" s="2"/>
      <c r="B21757" s="2"/>
      <c r="C21757" s="2"/>
    </row>
    <row r="21758" spans="1:3" ht="19.2">
      <c r="A21758" s="2"/>
      <c r="B21758" s="2"/>
      <c r="C21758" s="2"/>
    </row>
    <row r="21759" spans="1:3" ht="19.2">
      <c r="A21759" s="2"/>
      <c r="B21759" s="2"/>
      <c r="C21759" s="2"/>
    </row>
    <row r="21760" spans="1:3" ht="19.2">
      <c r="A21760" s="2"/>
      <c r="B21760" s="2"/>
      <c r="C21760" s="2"/>
    </row>
    <row r="21761" spans="1:3" ht="19.2">
      <c r="A21761" s="2"/>
      <c r="B21761" s="2"/>
      <c r="C21761" s="2"/>
    </row>
    <row r="21762" spans="1:3" ht="19.2">
      <c r="A21762" s="2"/>
      <c r="B21762" s="2"/>
      <c r="C21762" s="2"/>
    </row>
    <row r="21763" spans="1:3" ht="19.2">
      <c r="A21763" s="2"/>
      <c r="B21763" s="2"/>
      <c r="C21763" s="2"/>
    </row>
    <row r="21764" spans="1:3" ht="19.2">
      <c r="A21764" s="2"/>
      <c r="B21764" s="2"/>
      <c r="C21764" s="2"/>
    </row>
    <row r="21765" spans="1:3" ht="19.2">
      <c r="A21765" s="2"/>
      <c r="B21765" s="2"/>
      <c r="C21765" s="2"/>
    </row>
    <row r="21766" spans="1:3" ht="19.2">
      <c r="A21766" s="2"/>
      <c r="B21766" s="2"/>
      <c r="C21766" s="2"/>
    </row>
    <row r="21767" spans="1:3" ht="19.2">
      <c r="A21767" s="2"/>
      <c r="B21767" s="2"/>
      <c r="C21767" s="2"/>
    </row>
    <row r="21768" spans="1:3" ht="19.2">
      <c r="A21768" s="2"/>
      <c r="B21768" s="2"/>
      <c r="C21768" s="2"/>
    </row>
    <row r="21769" spans="1:3" ht="19.2">
      <c r="A21769" s="2"/>
      <c r="B21769" s="2"/>
      <c r="C21769" s="2"/>
    </row>
    <row r="21770" spans="1:3" ht="19.2">
      <c r="A21770" s="2"/>
      <c r="B21770" s="2"/>
      <c r="C21770" s="2"/>
    </row>
    <row r="21771" spans="1:3" ht="19.2">
      <c r="A21771" s="2"/>
      <c r="B21771" s="2"/>
      <c r="C21771" s="2"/>
    </row>
    <row r="21772" spans="1:3" ht="19.2">
      <c r="A21772" s="2"/>
      <c r="B21772" s="2"/>
      <c r="C21772" s="2"/>
    </row>
    <row r="21773" spans="1:3" ht="19.2">
      <c r="A21773" s="2"/>
      <c r="B21773" s="2"/>
      <c r="C21773" s="2"/>
    </row>
    <row r="21774" spans="1:3" ht="19.2">
      <c r="A21774" s="2"/>
      <c r="B21774" s="2"/>
      <c r="C21774" s="2"/>
    </row>
    <row r="21775" spans="1:3" ht="19.2">
      <c r="A21775" s="2"/>
      <c r="B21775" s="2"/>
      <c r="C21775" s="2"/>
    </row>
    <row r="21776" spans="1:3" ht="19.2">
      <c r="A21776" s="2"/>
      <c r="B21776" s="2"/>
      <c r="C21776" s="2"/>
    </row>
    <row r="21777" spans="1:3" ht="19.2">
      <c r="A21777" s="2"/>
      <c r="B21777" s="2"/>
      <c r="C21777" s="2"/>
    </row>
    <row r="21778" spans="1:3" ht="19.2">
      <c r="A21778" s="2"/>
      <c r="B21778" s="2"/>
      <c r="C21778" s="2"/>
    </row>
    <row r="21779" spans="1:3" ht="19.2">
      <c r="A21779" s="2"/>
      <c r="B21779" s="2"/>
      <c r="C21779" s="2"/>
    </row>
    <row r="21780" spans="1:3" ht="19.2">
      <c r="A21780" s="2"/>
      <c r="B21780" s="2"/>
      <c r="C21780" s="2"/>
    </row>
    <row r="21781" spans="1:3" ht="19.2">
      <c r="A21781" s="2"/>
      <c r="B21781" s="2"/>
      <c r="C21781" s="2"/>
    </row>
    <row r="21782" spans="1:3" ht="19.2">
      <c r="A21782" s="2"/>
      <c r="B21782" s="2"/>
      <c r="C21782" s="2"/>
    </row>
    <row r="21783" spans="1:3" ht="19.2">
      <c r="A21783" s="2"/>
      <c r="B21783" s="2"/>
      <c r="C21783" s="2"/>
    </row>
    <row r="21784" spans="1:3" ht="19.2">
      <c r="A21784" s="2"/>
      <c r="B21784" s="2"/>
      <c r="C21784" s="2"/>
    </row>
    <row r="21785" spans="1:3" ht="19.2">
      <c r="A21785" s="2"/>
      <c r="B21785" s="2"/>
      <c r="C21785" s="2"/>
    </row>
    <row r="21786" spans="1:3" ht="19.2">
      <c r="A21786" s="2"/>
      <c r="B21786" s="2"/>
      <c r="C21786" s="2"/>
    </row>
    <row r="21787" spans="1:3" ht="19.2">
      <c r="A21787" s="2"/>
      <c r="B21787" s="2"/>
      <c r="C21787" s="2"/>
    </row>
    <row r="21788" spans="1:3" ht="19.2">
      <c r="A21788" s="2"/>
      <c r="B21788" s="2"/>
      <c r="C21788" s="2"/>
    </row>
    <row r="21789" spans="1:3" ht="19.2">
      <c r="A21789" s="2"/>
      <c r="B21789" s="2"/>
      <c r="C21789" s="2"/>
    </row>
    <row r="21790" spans="1:3" ht="19.2">
      <c r="A21790" s="2"/>
      <c r="B21790" s="2"/>
      <c r="C21790" s="2"/>
    </row>
    <row r="21791" spans="1:3" ht="19.2">
      <c r="A21791" s="2"/>
      <c r="B21791" s="2"/>
      <c r="C21791" s="2"/>
    </row>
    <row r="21792" spans="1:3" ht="19.2">
      <c r="A21792" s="2"/>
      <c r="B21792" s="2"/>
      <c r="C21792" s="2"/>
    </row>
    <row r="21793" spans="1:3" ht="19.2">
      <c r="A21793" s="2"/>
      <c r="B21793" s="2"/>
      <c r="C21793" s="2"/>
    </row>
    <row r="21794" spans="1:3" ht="19.2">
      <c r="A21794" s="2"/>
      <c r="B21794" s="2"/>
      <c r="C21794" s="2"/>
    </row>
    <row r="21795" spans="1:3" ht="19.2">
      <c r="A21795" s="2"/>
      <c r="B21795" s="2"/>
      <c r="C21795" s="2"/>
    </row>
    <row r="21796" spans="1:3" ht="19.2">
      <c r="A21796" s="2"/>
      <c r="B21796" s="2"/>
      <c r="C21796" s="2"/>
    </row>
    <row r="21797" spans="1:3" ht="19.2">
      <c r="A21797" s="2"/>
      <c r="B21797" s="2"/>
      <c r="C21797" s="2"/>
    </row>
    <row r="21798" spans="1:3" ht="19.2">
      <c r="A21798" s="2"/>
      <c r="B21798" s="2"/>
      <c r="C21798" s="2"/>
    </row>
    <row r="21799" spans="1:3" ht="19.2">
      <c r="A21799" s="2"/>
      <c r="B21799" s="2"/>
      <c r="C21799" s="2"/>
    </row>
    <row r="21800" spans="1:3" ht="19.2">
      <c r="A21800" s="2"/>
      <c r="B21800" s="2"/>
      <c r="C21800" s="2"/>
    </row>
    <row r="21801" spans="1:3" ht="19.2">
      <c r="A21801" s="2"/>
      <c r="B21801" s="2"/>
      <c r="C21801" s="2"/>
    </row>
    <row r="21802" spans="1:3" ht="19.2">
      <c r="A21802" s="2"/>
      <c r="B21802" s="2"/>
      <c r="C21802" s="2"/>
    </row>
    <row r="21803" spans="1:3" ht="19.2">
      <c r="A21803" s="2"/>
      <c r="B21803" s="2"/>
      <c r="C21803" s="2"/>
    </row>
    <row r="21804" spans="1:3" ht="19.2">
      <c r="A21804" s="2"/>
      <c r="B21804" s="2"/>
      <c r="C21804" s="2"/>
    </row>
    <row r="21805" spans="1:3" ht="19.2">
      <c r="A21805" s="2"/>
      <c r="B21805" s="2"/>
      <c r="C21805" s="2"/>
    </row>
    <row r="21806" spans="1:3" ht="19.2">
      <c r="A21806" s="2"/>
      <c r="B21806" s="2"/>
      <c r="C21806" s="2"/>
    </row>
    <row r="21807" spans="1:3" ht="19.2">
      <c r="A21807" s="2"/>
      <c r="B21807" s="2"/>
      <c r="C21807" s="2"/>
    </row>
    <row r="21808" spans="1:3" ht="19.2">
      <c r="A21808" s="2"/>
      <c r="B21808" s="2"/>
      <c r="C21808" s="2"/>
    </row>
    <row r="21809" spans="1:3" ht="19.2">
      <c r="A21809" s="2"/>
      <c r="B21809" s="2"/>
      <c r="C21809" s="2"/>
    </row>
    <row r="21810" spans="1:3" ht="19.2">
      <c r="A21810" s="2"/>
      <c r="B21810" s="2"/>
      <c r="C21810" s="2"/>
    </row>
    <row r="21811" spans="1:3" ht="19.2">
      <c r="A21811" s="2"/>
      <c r="B21811" s="2"/>
      <c r="C21811" s="2"/>
    </row>
    <row r="21812" spans="1:3" ht="19.2">
      <c r="A21812" s="2"/>
      <c r="B21812" s="2"/>
      <c r="C21812" s="2"/>
    </row>
    <row r="21813" spans="1:3" ht="19.2">
      <c r="A21813" s="2"/>
      <c r="B21813" s="2"/>
      <c r="C21813" s="2"/>
    </row>
    <row r="21814" spans="1:3" ht="19.2">
      <c r="A21814" s="2"/>
      <c r="B21814" s="2"/>
      <c r="C21814" s="2"/>
    </row>
    <row r="21815" spans="1:3" ht="19.2">
      <c r="A21815" s="2"/>
      <c r="B21815" s="2"/>
      <c r="C21815" s="2"/>
    </row>
    <row r="21816" spans="1:3" ht="19.2">
      <c r="A21816" s="2"/>
      <c r="B21816" s="2"/>
      <c r="C21816" s="2"/>
    </row>
    <row r="21817" spans="1:3" ht="19.2">
      <c r="A21817" s="2"/>
      <c r="B21817" s="2"/>
      <c r="C21817" s="2"/>
    </row>
    <row r="21818" spans="1:3" ht="19.2">
      <c r="A21818" s="2"/>
      <c r="B21818" s="2"/>
      <c r="C21818" s="2"/>
    </row>
    <row r="21819" spans="1:3" ht="19.2">
      <c r="A21819" s="2"/>
      <c r="B21819" s="2"/>
      <c r="C21819" s="2"/>
    </row>
    <row r="21820" spans="1:3" ht="19.2">
      <c r="A21820" s="2"/>
      <c r="B21820" s="2"/>
      <c r="C21820" s="2"/>
    </row>
    <row r="21821" spans="1:3" ht="19.2">
      <c r="A21821" s="2"/>
      <c r="B21821" s="2"/>
      <c r="C21821" s="2"/>
    </row>
    <row r="21822" spans="1:3" ht="19.2">
      <c r="A21822" s="2"/>
      <c r="B21822" s="2"/>
      <c r="C21822" s="2"/>
    </row>
    <row r="21823" spans="1:3" ht="19.2">
      <c r="A21823" s="2"/>
      <c r="B21823" s="2"/>
      <c r="C21823" s="2"/>
    </row>
    <row r="21824" spans="1:3" ht="19.2">
      <c r="A21824" s="2"/>
      <c r="B21824" s="2"/>
      <c r="C21824" s="2"/>
    </row>
    <row r="21825" spans="1:3" ht="19.2">
      <c r="A21825" s="2"/>
      <c r="B21825" s="2"/>
      <c r="C21825" s="2"/>
    </row>
    <row r="21826" spans="1:3" ht="19.2">
      <c r="A21826" s="2"/>
      <c r="B21826" s="2"/>
      <c r="C21826" s="2"/>
    </row>
    <row r="21827" spans="1:3" ht="19.2">
      <c r="A21827" s="2"/>
      <c r="B21827" s="2"/>
      <c r="C21827" s="2"/>
    </row>
    <row r="21828" spans="1:3" ht="19.2">
      <c r="A21828" s="2"/>
      <c r="B21828" s="2"/>
      <c r="C21828" s="2"/>
    </row>
    <row r="21829" spans="1:3" ht="19.2">
      <c r="A21829" s="2"/>
      <c r="B21829" s="2"/>
      <c r="C21829" s="2"/>
    </row>
    <row r="21830" spans="1:3" ht="19.2">
      <c r="A21830" s="2"/>
      <c r="B21830" s="2"/>
      <c r="C21830" s="2"/>
    </row>
    <row r="21831" spans="1:3" ht="19.2">
      <c r="A21831" s="2"/>
      <c r="B21831" s="2"/>
      <c r="C21831" s="2"/>
    </row>
    <row r="21832" spans="1:3" ht="19.2">
      <c r="A21832" s="2"/>
      <c r="B21832" s="2"/>
      <c r="C21832" s="2"/>
    </row>
    <row r="21833" spans="1:3" ht="19.2">
      <c r="A21833" s="2"/>
      <c r="B21833" s="2"/>
      <c r="C21833" s="2"/>
    </row>
    <row r="21834" spans="1:3" ht="19.2">
      <c r="A21834" s="2"/>
      <c r="B21834" s="2"/>
      <c r="C21834" s="2"/>
    </row>
    <row r="21835" spans="1:3" ht="19.2">
      <c r="A21835" s="2"/>
      <c r="B21835" s="2"/>
      <c r="C21835" s="2"/>
    </row>
    <row r="21836" spans="1:3" ht="19.2">
      <c r="A21836" s="2"/>
      <c r="B21836" s="2"/>
      <c r="C21836" s="2"/>
    </row>
    <row r="21837" spans="1:3" ht="19.2">
      <c r="A21837" s="2"/>
      <c r="B21837" s="2"/>
      <c r="C21837" s="2"/>
    </row>
    <row r="21838" spans="1:3" ht="19.2">
      <c r="A21838" s="2"/>
      <c r="B21838" s="2"/>
      <c r="C21838" s="2"/>
    </row>
    <row r="21839" spans="1:3" ht="19.2">
      <c r="A21839" s="2"/>
      <c r="B21839" s="2"/>
      <c r="C21839" s="2"/>
    </row>
    <row r="21840" spans="1:3" ht="19.2">
      <c r="A21840" s="2"/>
      <c r="B21840" s="2"/>
      <c r="C21840" s="2"/>
    </row>
    <row r="21841" spans="1:3" ht="19.2">
      <c r="A21841" s="2"/>
      <c r="B21841" s="2"/>
      <c r="C21841" s="2"/>
    </row>
    <row r="21842" spans="1:3" ht="19.2">
      <c r="A21842" s="2"/>
      <c r="B21842" s="2"/>
      <c r="C21842" s="2"/>
    </row>
    <row r="21843" spans="1:3" ht="19.2">
      <c r="A21843" s="2"/>
      <c r="B21843" s="2"/>
      <c r="C21843" s="2"/>
    </row>
    <row r="21844" spans="1:3" ht="19.2">
      <c r="A21844" s="2"/>
      <c r="B21844" s="2"/>
      <c r="C21844" s="2"/>
    </row>
    <row r="21845" spans="1:3" ht="19.2">
      <c r="A21845" s="2"/>
      <c r="B21845" s="2"/>
      <c r="C21845" s="2"/>
    </row>
    <row r="21846" spans="1:3" ht="19.2">
      <c r="A21846" s="2"/>
      <c r="B21846" s="2"/>
      <c r="C21846" s="2"/>
    </row>
    <row r="21847" spans="1:3" ht="19.2">
      <c r="A21847" s="2"/>
      <c r="B21847" s="2"/>
      <c r="C21847" s="2"/>
    </row>
    <row r="21848" spans="1:3" ht="19.2">
      <c r="A21848" s="2"/>
      <c r="B21848" s="2"/>
      <c r="C21848" s="2"/>
    </row>
    <row r="21849" spans="1:3" ht="19.2">
      <c r="A21849" s="2"/>
      <c r="B21849" s="2"/>
      <c r="C21849" s="2"/>
    </row>
    <row r="21850" spans="1:3" ht="19.2">
      <c r="A21850" s="2"/>
      <c r="B21850" s="2"/>
      <c r="C21850" s="2"/>
    </row>
    <row r="21851" spans="1:3" ht="19.2">
      <c r="A21851" s="2"/>
      <c r="B21851" s="2"/>
      <c r="C21851" s="2"/>
    </row>
    <row r="21852" spans="1:3" ht="19.2">
      <c r="A21852" s="2"/>
      <c r="B21852" s="2"/>
      <c r="C21852" s="2"/>
    </row>
    <row r="21853" spans="1:3" ht="19.2">
      <c r="A21853" s="2"/>
      <c r="B21853" s="2"/>
      <c r="C21853" s="2"/>
    </row>
    <row r="21854" spans="1:3" ht="19.2">
      <c r="A21854" s="2"/>
      <c r="B21854" s="2"/>
      <c r="C21854" s="2"/>
    </row>
    <row r="21855" spans="1:3" ht="19.2">
      <c r="A21855" s="2"/>
      <c r="B21855" s="2"/>
      <c r="C21855" s="2"/>
    </row>
    <row r="21856" spans="1:3" ht="19.2">
      <c r="A21856" s="2"/>
      <c r="B21856" s="2"/>
      <c r="C21856" s="2"/>
    </row>
    <row r="21857" spans="1:3" ht="19.2">
      <c r="A21857" s="2"/>
      <c r="B21857" s="2"/>
      <c r="C21857" s="2"/>
    </row>
    <row r="21858" spans="1:3" ht="19.2">
      <c r="A21858" s="2"/>
      <c r="B21858" s="2"/>
      <c r="C21858" s="2"/>
    </row>
    <row r="21859" spans="1:3" ht="19.2">
      <c r="A21859" s="2"/>
      <c r="B21859" s="2"/>
      <c r="C21859" s="2"/>
    </row>
    <row r="21860" spans="1:3" ht="19.2">
      <c r="A21860" s="2"/>
      <c r="B21860" s="2"/>
      <c r="C21860" s="2"/>
    </row>
    <row r="21861" spans="1:3" ht="19.2">
      <c r="A21861" s="2"/>
      <c r="B21861" s="2"/>
      <c r="C21861" s="2"/>
    </row>
    <row r="21862" spans="1:3" ht="19.2">
      <c r="A21862" s="2"/>
      <c r="B21862" s="2"/>
      <c r="C21862" s="2"/>
    </row>
    <row r="21863" spans="1:3" ht="19.2">
      <c r="A21863" s="2"/>
      <c r="B21863" s="2"/>
      <c r="C21863" s="2"/>
    </row>
    <row r="21864" spans="1:3" ht="19.2">
      <c r="A21864" s="2"/>
      <c r="B21864" s="2"/>
      <c r="C21864" s="2"/>
    </row>
    <row r="21865" spans="1:3" ht="19.2">
      <c r="A21865" s="2"/>
      <c r="B21865" s="2"/>
      <c r="C21865" s="2"/>
    </row>
    <row r="21866" spans="1:3" ht="19.2">
      <c r="A21866" s="2"/>
      <c r="B21866" s="2"/>
      <c r="C21866" s="2"/>
    </row>
    <row r="21867" spans="1:3" ht="19.2">
      <c r="A21867" s="2"/>
      <c r="B21867" s="2"/>
      <c r="C21867" s="2"/>
    </row>
    <row r="21868" spans="1:3" ht="19.2">
      <c r="A21868" s="2"/>
      <c r="B21868" s="2"/>
      <c r="C21868" s="2"/>
    </row>
    <row r="21869" spans="1:3" ht="19.2">
      <c r="A21869" s="2"/>
      <c r="B21869" s="2"/>
      <c r="C21869" s="2"/>
    </row>
    <row r="21870" spans="1:3" ht="19.2">
      <c r="A21870" s="2"/>
      <c r="B21870" s="2"/>
      <c r="C21870" s="2"/>
    </row>
    <row r="21871" spans="1:3" ht="19.2">
      <c r="A21871" s="2"/>
      <c r="B21871" s="2"/>
      <c r="C21871" s="2"/>
    </row>
    <row r="21872" spans="1:3" ht="19.2">
      <c r="A21872" s="2"/>
      <c r="B21872" s="2"/>
      <c r="C21872" s="2"/>
    </row>
    <row r="21873" spans="1:3" ht="19.2">
      <c r="A21873" s="2"/>
      <c r="B21873" s="2"/>
      <c r="C21873" s="2"/>
    </row>
    <row r="21874" spans="1:3" ht="19.2">
      <c r="A21874" s="2"/>
      <c r="B21874" s="2"/>
      <c r="C21874" s="2"/>
    </row>
    <row r="21875" spans="1:3" ht="19.2">
      <c r="A21875" s="2"/>
      <c r="B21875" s="2"/>
      <c r="C21875" s="2"/>
    </row>
    <row r="21876" spans="1:3" ht="19.2">
      <c r="A21876" s="2"/>
      <c r="B21876" s="2"/>
      <c r="C21876" s="2"/>
    </row>
    <row r="21877" spans="1:3" ht="19.2">
      <c r="A21877" s="2"/>
      <c r="B21877" s="2"/>
      <c r="C21877" s="2"/>
    </row>
    <row r="21878" spans="1:3" ht="19.2">
      <c r="A21878" s="2"/>
      <c r="B21878" s="2"/>
      <c r="C21878" s="2"/>
    </row>
    <row r="21879" spans="1:3" ht="19.2">
      <c r="A21879" s="2"/>
      <c r="B21879" s="2"/>
      <c r="C21879" s="2"/>
    </row>
    <row r="21880" spans="1:3" ht="19.2">
      <c r="A21880" s="2"/>
      <c r="B21880" s="2"/>
      <c r="C21880" s="2"/>
    </row>
    <row r="21881" spans="1:3" ht="19.2">
      <c r="A21881" s="2"/>
      <c r="B21881" s="2"/>
      <c r="C21881" s="2"/>
    </row>
    <row r="21882" spans="1:3" ht="19.2">
      <c r="A21882" s="2"/>
      <c r="B21882" s="2"/>
      <c r="C21882" s="2"/>
    </row>
    <row r="21883" spans="1:3" ht="19.2">
      <c r="A21883" s="2"/>
      <c r="B21883" s="2"/>
      <c r="C21883" s="2"/>
    </row>
    <row r="21884" spans="1:3" ht="19.2">
      <c r="A21884" s="2"/>
      <c r="B21884" s="2"/>
      <c r="C21884" s="2"/>
    </row>
    <row r="21885" spans="1:3" ht="19.2">
      <c r="A21885" s="2"/>
      <c r="B21885" s="2"/>
      <c r="C21885" s="2"/>
    </row>
    <row r="21886" spans="1:3" ht="19.2">
      <c r="A21886" s="2"/>
      <c r="B21886" s="2"/>
      <c r="C21886" s="2"/>
    </row>
    <row r="21887" spans="1:3" ht="19.2">
      <c r="A21887" s="2"/>
      <c r="B21887" s="2"/>
      <c r="C21887" s="2"/>
    </row>
    <row r="21888" spans="1:3" ht="19.2">
      <c r="A21888" s="2"/>
      <c r="B21888" s="2"/>
      <c r="C21888" s="2"/>
    </row>
    <row r="21889" spans="1:3" ht="19.2">
      <c r="A21889" s="2"/>
      <c r="B21889" s="2"/>
      <c r="C21889" s="2"/>
    </row>
    <row r="21890" spans="1:3" ht="19.2">
      <c r="A21890" s="2"/>
      <c r="B21890" s="2"/>
      <c r="C21890" s="2"/>
    </row>
    <row r="21891" spans="1:3" ht="19.2">
      <c r="A21891" s="2"/>
      <c r="B21891" s="2"/>
      <c r="C21891" s="2"/>
    </row>
    <row r="21892" spans="1:3" ht="19.2">
      <c r="A21892" s="2"/>
      <c r="B21892" s="2"/>
      <c r="C21892" s="2"/>
    </row>
    <row r="21893" spans="1:3" ht="19.2">
      <c r="A21893" s="2"/>
      <c r="B21893" s="2"/>
      <c r="C21893" s="2"/>
    </row>
    <row r="21894" spans="1:3" ht="19.2">
      <c r="A21894" s="2"/>
      <c r="B21894" s="2"/>
      <c r="C21894" s="2"/>
    </row>
    <row r="21895" spans="1:3" ht="19.2">
      <c r="A21895" s="2"/>
      <c r="B21895" s="2"/>
      <c r="C21895" s="2"/>
    </row>
    <row r="21896" spans="1:3" ht="19.2">
      <c r="A21896" s="2"/>
      <c r="B21896" s="2"/>
      <c r="C21896" s="2"/>
    </row>
    <row r="21897" spans="1:3" ht="19.2">
      <c r="A21897" s="2"/>
      <c r="B21897" s="2"/>
      <c r="C21897" s="2"/>
    </row>
    <row r="21898" spans="1:3" ht="19.2">
      <c r="A21898" s="2"/>
      <c r="B21898" s="2"/>
      <c r="C21898" s="2"/>
    </row>
    <row r="21899" spans="1:3" ht="19.2">
      <c r="A21899" s="2"/>
      <c r="B21899" s="2"/>
      <c r="C21899" s="2"/>
    </row>
    <row r="21900" spans="1:3" ht="19.2">
      <c r="A21900" s="2"/>
      <c r="B21900" s="2"/>
      <c r="C21900" s="2"/>
    </row>
    <row r="21901" spans="1:3" ht="19.2">
      <c r="A21901" s="2"/>
      <c r="B21901" s="2"/>
      <c r="C21901" s="2"/>
    </row>
    <row r="21902" spans="1:3" ht="19.2">
      <c r="A21902" s="2"/>
      <c r="B21902" s="2"/>
      <c r="C21902" s="2"/>
    </row>
    <row r="21903" spans="1:3" ht="19.2">
      <c r="A21903" s="2"/>
      <c r="B21903" s="2"/>
      <c r="C21903" s="2"/>
    </row>
    <row r="21904" spans="1:3" ht="19.2">
      <c r="A21904" s="2"/>
      <c r="B21904" s="2"/>
      <c r="C21904" s="2"/>
    </row>
    <row r="21905" spans="1:3" ht="19.2">
      <c r="A21905" s="2"/>
      <c r="B21905" s="2"/>
      <c r="C21905" s="2"/>
    </row>
    <row r="21906" spans="1:3" ht="19.2">
      <c r="A21906" s="2"/>
      <c r="B21906" s="2"/>
      <c r="C21906" s="2"/>
    </row>
    <row r="21907" spans="1:3" ht="19.2">
      <c r="A21907" s="2"/>
      <c r="B21907" s="2"/>
      <c r="C21907" s="2"/>
    </row>
    <row r="21908" spans="1:3" ht="19.2">
      <c r="A21908" s="2"/>
      <c r="B21908" s="2"/>
      <c r="C21908" s="2"/>
    </row>
    <row r="21909" spans="1:3" ht="19.2">
      <c r="A21909" s="2"/>
      <c r="B21909" s="2"/>
      <c r="C21909" s="2"/>
    </row>
    <row r="21910" spans="1:3" ht="19.2">
      <c r="A21910" s="2"/>
      <c r="B21910" s="2"/>
      <c r="C21910" s="2"/>
    </row>
    <row r="21911" spans="1:3" ht="19.2">
      <c r="A21911" s="2"/>
      <c r="B21911" s="2"/>
      <c r="C21911" s="2"/>
    </row>
    <row r="21912" spans="1:3" ht="19.2">
      <c r="A21912" s="2"/>
      <c r="B21912" s="2"/>
      <c r="C21912" s="2"/>
    </row>
    <row r="21913" spans="1:3" ht="19.2">
      <c r="A21913" s="2"/>
      <c r="B21913" s="2"/>
      <c r="C21913" s="2"/>
    </row>
    <row r="21914" spans="1:3" ht="19.2">
      <c r="A21914" s="2"/>
      <c r="B21914" s="2"/>
      <c r="C21914" s="2"/>
    </row>
    <row r="21915" spans="1:3" ht="19.2">
      <c r="A21915" s="2"/>
      <c r="B21915" s="2"/>
      <c r="C21915" s="2"/>
    </row>
    <row r="21916" spans="1:3" ht="19.2">
      <c r="A21916" s="2"/>
      <c r="B21916" s="2"/>
      <c r="C21916" s="2"/>
    </row>
    <row r="21917" spans="1:3" ht="19.2">
      <c r="A21917" s="2"/>
      <c r="B21917" s="2"/>
      <c r="C21917" s="2"/>
    </row>
    <row r="21918" spans="1:3" ht="19.2">
      <c r="A21918" s="2"/>
      <c r="B21918" s="2"/>
      <c r="C21918" s="2"/>
    </row>
    <row r="21919" spans="1:3" ht="19.2">
      <c r="A21919" s="2"/>
      <c r="B21919" s="2"/>
      <c r="C21919" s="2"/>
    </row>
    <row r="21920" spans="1:3" ht="19.2">
      <c r="A21920" s="2"/>
      <c r="B21920" s="2"/>
      <c r="C21920" s="2"/>
    </row>
    <row r="21921" spans="1:3" ht="19.2">
      <c r="A21921" s="2"/>
      <c r="B21921" s="2"/>
      <c r="C21921" s="2"/>
    </row>
    <row r="21922" spans="1:3" ht="19.2">
      <c r="A21922" s="2"/>
      <c r="B21922" s="2"/>
      <c r="C21922" s="2"/>
    </row>
    <row r="21923" spans="1:3" ht="19.2">
      <c r="A21923" s="2"/>
      <c r="B21923" s="2"/>
      <c r="C21923" s="2"/>
    </row>
    <row r="21924" spans="1:3" ht="19.2">
      <c r="A21924" s="2"/>
      <c r="B21924" s="2"/>
      <c r="C21924" s="2"/>
    </row>
    <row r="21925" spans="1:3" ht="19.2">
      <c r="A21925" s="2"/>
      <c r="B21925" s="2"/>
      <c r="C21925" s="2"/>
    </row>
    <row r="21926" spans="1:3" ht="19.2">
      <c r="A21926" s="2"/>
      <c r="B21926" s="2"/>
      <c r="C21926" s="2"/>
    </row>
    <row r="21927" spans="1:3" ht="19.2">
      <c r="A21927" s="2"/>
      <c r="B21927" s="2"/>
      <c r="C21927" s="2"/>
    </row>
    <row r="21928" spans="1:3" ht="19.2">
      <c r="A21928" s="2"/>
      <c r="B21928" s="2"/>
      <c r="C21928" s="2"/>
    </row>
    <row r="21929" spans="1:3" ht="19.2">
      <c r="A21929" s="2"/>
      <c r="B21929" s="2"/>
      <c r="C21929" s="2"/>
    </row>
    <row r="21930" spans="1:3" ht="19.2">
      <c r="A21930" s="2"/>
      <c r="B21930" s="2"/>
      <c r="C21930" s="2"/>
    </row>
    <row r="21931" spans="1:3" ht="19.2">
      <c r="A21931" s="2"/>
      <c r="B21931" s="2"/>
      <c r="C21931" s="2"/>
    </row>
    <row r="21932" spans="1:3" ht="19.2">
      <c r="A21932" s="2"/>
      <c r="B21932" s="2"/>
      <c r="C21932" s="2"/>
    </row>
    <row r="21933" spans="1:3" ht="19.2">
      <c r="A21933" s="2"/>
      <c r="B21933" s="2"/>
      <c r="C21933" s="2"/>
    </row>
    <row r="21934" spans="1:3" ht="19.2">
      <c r="A21934" s="2"/>
      <c r="B21934" s="2"/>
      <c r="C21934" s="2"/>
    </row>
    <row r="21935" spans="1:3" ht="19.2">
      <c r="A21935" s="2"/>
      <c r="B21935" s="2"/>
      <c r="C21935" s="2"/>
    </row>
    <row r="21936" spans="1:3" ht="19.2">
      <c r="A21936" s="2"/>
      <c r="B21936" s="2"/>
      <c r="C21936" s="2"/>
    </row>
    <row r="21937" spans="1:3" ht="19.2">
      <c r="A21937" s="2"/>
      <c r="B21937" s="2"/>
      <c r="C21937" s="2"/>
    </row>
    <row r="21938" spans="1:3" ht="19.2">
      <c r="A21938" s="2"/>
      <c r="B21938" s="2"/>
      <c r="C21938" s="2"/>
    </row>
    <row r="21939" spans="1:3" ht="19.2">
      <c r="A21939" s="2"/>
      <c r="B21939" s="2"/>
      <c r="C21939" s="2"/>
    </row>
    <row r="21940" spans="1:3" ht="19.2">
      <c r="A21940" s="2"/>
      <c r="B21940" s="2"/>
      <c r="C21940" s="2"/>
    </row>
    <row r="21941" spans="1:3" ht="19.2">
      <c r="A21941" s="2"/>
      <c r="B21941" s="2"/>
      <c r="C21941" s="2"/>
    </row>
    <row r="21942" spans="1:3" ht="19.2">
      <c r="A21942" s="2"/>
      <c r="B21942" s="2"/>
      <c r="C21942" s="2"/>
    </row>
    <row r="21943" spans="1:3" ht="19.2">
      <c r="A21943" s="2"/>
      <c r="B21943" s="2"/>
      <c r="C21943" s="2"/>
    </row>
    <row r="21944" spans="1:3" ht="19.2">
      <c r="A21944" s="2"/>
      <c r="B21944" s="2"/>
      <c r="C21944" s="2"/>
    </row>
    <row r="21945" spans="1:3" ht="19.2">
      <c r="A21945" s="2"/>
      <c r="B21945" s="2"/>
      <c r="C21945" s="2"/>
    </row>
    <row r="21946" spans="1:3" ht="19.2">
      <c r="A21946" s="2"/>
      <c r="B21946" s="2"/>
      <c r="C21946" s="2"/>
    </row>
    <row r="21947" spans="1:3" ht="19.2">
      <c r="A21947" s="2"/>
      <c r="B21947" s="2"/>
      <c r="C21947" s="2"/>
    </row>
    <row r="21948" spans="1:3" ht="19.2">
      <c r="A21948" s="2"/>
      <c r="B21948" s="2"/>
      <c r="C21948" s="2"/>
    </row>
    <row r="21949" spans="1:3" ht="19.2">
      <c r="A21949" s="2"/>
      <c r="B21949" s="2"/>
      <c r="C21949" s="2"/>
    </row>
    <row r="21950" spans="1:3" ht="19.2">
      <c r="A21950" s="2"/>
      <c r="B21950" s="2"/>
      <c r="C21950" s="2"/>
    </row>
    <row r="21951" spans="1:3" ht="19.2">
      <c r="A21951" s="2"/>
      <c r="B21951" s="2"/>
      <c r="C21951" s="2"/>
    </row>
    <row r="21952" spans="1:3" ht="19.2">
      <c r="A21952" s="2"/>
      <c r="B21952" s="2"/>
      <c r="C21952" s="2"/>
    </row>
    <row r="21953" spans="1:3" ht="19.2">
      <c r="A21953" s="2"/>
      <c r="B21953" s="2"/>
      <c r="C21953" s="2"/>
    </row>
    <row r="21954" spans="1:3" ht="19.2">
      <c r="A21954" s="2"/>
      <c r="B21954" s="2"/>
      <c r="C21954" s="2"/>
    </row>
    <row r="21955" spans="1:3" ht="19.2">
      <c r="A21955" s="2"/>
      <c r="B21955" s="2"/>
      <c r="C21955" s="2"/>
    </row>
    <row r="21956" spans="1:3" ht="19.2">
      <c r="A21956" s="2"/>
      <c r="B21956" s="2"/>
      <c r="C21956" s="2"/>
    </row>
    <row r="21957" spans="1:3" ht="19.2">
      <c r="A21957" s="2"/>
      <c r="B21957" s="2"/>
      <c r="C21957" s="2"/>
    </row>
    <row r="21958" spans="1:3" ht="19.2">
      <c r="A21958" s="2"/>
      <c r="B21958" s="2"/>
      <c r="C21958" s="2"/>
    </row>
    <row r="21959" spans="1:3" ht="19.2">
      <c r="A21959" s="2"/>
      <c r="B21959" s="2"/>
      <c r="C21959" s="2"/>
    </row>
    <row r="21960" spans="1:3" ht="19.2">
      <c r="A21960" s="2"/>
      <c r="B21960" s="2"/>
      <c r="C21960" s="2"/>
    </row>
    <row r="21961" spans="1:3" ht="19.2">
      <c r="A21961" s="2"/>
      <c r="B21961" s="2"/>
      <c r="C21961" s="2"/>
    </row>
    <row r="21962" spans="1:3" ht="19.2">
      <c r="A21962" s="2"/>
      <c r="B21962" s="2"/>
      <c r="C21962" s="2"/>
    </row>
    <row r="21963" spans="1:3" ht="19.2">
      <c r="A21963" s="2"/>
      <c r="B21963" s="2"/>
      <c r="C21963" s="2"/>
    </row>
    <row r="21964" spans="1:3" ht="19.2">
      <c r="A21964" s="2"/>
      <c r="B21964" s="2"/>
      <c r="C21964" s="2"/>
    </row>
    <row r="21965" spans="1:3" ht="19.2">
      <c r="A21965" s="2"/>
      <c r="B21965" s="2"/>
      <c r="C21965" s="2"/>
    </row>
    <row r="21966" spans="1:3" ht="19.2">
      <c r="A21966" s="2"/>
      <c r="B21966" s="2"/>
      <c r="C21966" s="2"/>
    </row>
    <row r="21967" spans="1:3" ht="19.2">
      <c r="A21967" s="2"/>
      <c r="B21967" s="2"/>
      <c r="C21967" s="2"/>
    </row>
    <row r="21968" spans="1:3" ht="19.2">
      <c r="A21968" s="2"/>
      <c r="B21968" s="2"/>
      <c r="C21968" s="2"/>
    </row>
    <row r="21969" spans="1:3" ht="19.2">
      <c r="A21969" s="2"/>
      <c r="B21969" s="2"/>
      <c r="C21969" s="2"/>
    </row>
    <row r="21970" spans="1:3" ht="19.2">
      <c r="A21970" s="2"/>
      <c r="B21970" s="2"/>
      <c r="C21970" s="2"/>
    </row>
    <row r="21971" spans="1:3" ht="19.2">
      <c r="A21971" s="2"/>
      <c r="B21971" s="2"/>
      <c r="C21971" s="2"/>
    </row>
    <row r="21972" spans="1:3" ht="19.2">
      <c r="A21972" s="2"/>
      <c r="B21972" s="2"/>
      <c r="C21972" s="2"/>
    </row>
    <row r="21973" spans="1:3" ht="19.2">
      <c r="A21973" s="2"/>
      <c r="B21973" s="2"/>
      <c r="C21973" s="2"/>
    </row>
    <row r="21974" spans="1:3" ht="19.2">
      <c r="A21974" s="2"/>
      <c r="B21974" s="2"/>
      <c r="C21974" s="2"/>
    </row>
    <row r="21975" spans="1:3" ht="19.2">
      <c r="A21975" s="2"/>
      <c r="B21975" s="2"/>
      <c r="C21975" s="2"/>
    </row>
    <row r="21976" spans="1:3" ht="19.2">
      <c r="A21976" s="2"/>
      <c r="B21976" s="2"/>
      <c r="C21976" s="2"/>
    </row>
    <row r="21977" spans="1:3" ht="19.2">
      <c r="A21977" s="2"/>
      <c r="B21977" s="2"/>
      <c r="C21977" s="2"/>
    </row>
    <row r="21978" spans="1:3" ht="19.2">
      <c r="A21978" s="2"/>
      <c r="B21978" s="2"/>
      <c r="C21978" s="2"/>
    </row>
    <row r="21979" spans="1:3" ht="19.2">
      <c r="A21979" s="2"/>
      <c r="B21979" s="2"/>
      <c r="C21979" s="2"/>
    </row>
    <row r="21980" spans="1:3" ht="19.2">
      <c r="A21980" s="2"/>
      <c r="B21980" s="2"/>
      <c r="C21980" s="2"/>
    </row>
    <row r="21981" spans="1:3" ht="19.2">
      <c r="A21981" s="2"/>
      <c r="B21981" s="2"/>
      <c r="C21981" s="2"/>
    </row>
    <row r="21982" spans="1:3" ht="19.2">
      <c r="A21982" s="2"/>
      <c r="B21982" s="2"/>
      <c r="C21982" s="2"/>
    </row>
    <row r="21983" spans="1:3" ht="19.2">
      <c r="A21983" s="2"/>
      <c r="B21983" s="2"/>
      <c r="C21983" s="2"/>
    </row>
    <row r="21984" spans="1:3" ht="19.2">
      <c r="A21984" s="2"/>
      <c r="B21984" s="2"/>
      <c r="C21984" s="2"/>
    </row>
    <row r="21985" spans="1:3" ht="19.2">
      <c r="A21985" s="2"/>
      <c r="B21985" s="2"/>
      <c r="C21985" s="2"/>
    </row>
    <row r="21986" spans="1:3" ht="19.2">
      <c r="A21986" s="2"/>
      <c r="B21986" s="2"/>
      <c r="C21986" s="2"/>
    </row>
    <row r="21987" spans="1:3" ht="19.2">
      <c r="A21987" s="2"/>
      <c r="B21987" s="2"/>
      <c r="C21987" s="2"/>
    </row>
    <row r="21988" spans="1:3" ht="19.2">
      <c r="A21988" s="2"/>
      <c r="B21988" s="2"/>
      <c r="C21988" s="2"/>
    </row>
    <row r="21989" spans="1:3" ht="19.2">
      <c r="A21989" s="2"/>
      <c r="B21989" s="2"/>
      <c r="C21989" s="2"/>
    </row>
    <row r="21990" spans="1:3" ht="19.2">
      <c r="A21990" s="2"/>
      <c r="B21990" s="2"/>
      <c r="C21990" s="2"/>
    </row>
    <row r="21991" spans="1:3" ht="19.2">
      <c r="A21991" s="2"/>
      <c r="B21991" s="2"/>
      <c r="C21991" s="2"/>
    </row>
    <row r="21992" spans="1:3" ht="19.2">
      <c r="A21992" s="2"/>
      <c r="B21992" s="2"/>
      <c r="C21992" s="2"/>
    </row>
    <row r="21993" spans="1:3" ht="19.2">
      <c r="A21993" s="2"/>
      <c r="B21993" s="2"/>
      <c r="C21993" s="2"/>
    </row>
    <row r="21994" spans="1:3" ht="19.2">
      <c r="A21994" s="2"/>
      <c r="B21994" s="2"/>
      <c r="C21994" s="2"/>
    </row>
    <row r="21995" spans="1:3" ht="19.2">
      <c r="A21995" s="2"/>
      <c r="B21995" s="2"/>
      <c r="C21995" s="2"/>
    </row>
    <row r="21996" spans="1:3" ht="19.2">
      <c r="A21996" s="2"/>
      <c r="B21996" s="2"/>
      <c r="C21996" s="2"/>
    </row>
    <row r="21997" spans="1:3" ht="19.2">
      <c r="A21997" s="2"/>
      <c r="B21997" s="2"/>
      <c r="C21997" s="2"/>
    </row>
    <row r="21998" spans="1:3" ht="19.2">
      <c r="A21998" s="2"/>
      <c r="B21998" s="2"/>
      <c r="C21998" s="2"/>
    </row>
    <row r="21999" spans="1:3" ht="19.2">
      <c r="A21999" s="2"/>
      <c r="B21999" s="2"/>
      <c r="C21999" s="2"/>
    </row>
    <row r="22000" spans="1:3" ht="19.2">
      <c r="A22000" s="2"/>
      <c r="B22000" s="2"/>
      <c r="C22000" s="2"/>
    </row>
    <row r="22001" spans="1:3" ht="19.2">
      <c r="A22001" s="2"/>
      <c r="B22001" s="2"/>
      <c r="C22001" s="2"/>
    </row>
    <row r="22002" spans="1:3" ht="19.2">
      <c r="A22002" s="2"/>
      <c r="B22002" s="2"/>
      <c r="C22002" s="2"/>
    </row>
    <row r="22003" spans="1:3" ht="19.2">
      <c r="A22003" s="2"/>
      <c r="B22003" s="2"/>
      <c r="C22003" s="2"/>
    </row>
    <row r="22004" spans="1:3" ht="19.2">
      <c r="A22004" s="2"/>
      <c r="B22004" s="2"/>
      <c r="C22004" s="2"/>
    </row>
    <row r="22005" spans="1:3" ht="19.2">
      <c r="A22005" s="2"/>
      <c r="B22005" s="2"/>
      <c r="C22005" s="2"/>
    </row>
    <row r="22006" spans="1:3" ht="19.2">
      <c r="A22006" s="2"/>
      <c r="B22006" s="2"/>
      <c r="C22006" s="2"/>
    </row>
    <row r="22007" spans="1:3" ht="19.2">
      <c r="A22007" s="2"/>
      <c r="B22007" s="2"/>
      <c r="C22007" s="2"/>
    </row>
    <row r="22008" spans="1:3" ht="19.2">
      <c r="A22008" s="2"/>
      <c r="B22008" s="2"/>
      <c r="C22008" s="2"/>
    </row>
    <row r="22009" spans="1:3" ht="19.2">
      <c r="A22009" s="2"/>
      <c r="B22009" s="2"/>
      <c r="C22009" s="2"/>
    </row>
    <row r="22010" spans="1:3" ht="19.2">
      <c r="A22010" s="2"/>
      <c r="B22010" s="2"/>
      <c r="C22010" s="2"/>
    </row>
    <row r="22011" spans="1:3" ht="19.2">
      <c r="A22011" s="2"/>
      <c r="B22011" s="2"/>
      <c r="C22011" s="2"/>
    </row>
    <row r="22012" spans="1:3" ht="19.2">
      <c r="A22012" s="2"/>
      <c r="B22012" s="2"/>
      <c r="C22012" s="2"/>
    </row>
    <row r="22013" spans="1:3" ht="19.2">
      <c r="A22013" s="2"/>
      <c r="B22013" s="2"/>
      <c r="C22013" s="2"/>
    </row>
    <row r="22014" spans="1:3" ht="19.2">
      <c r="A22014" s="2"/>
      <c r="B22014" s="2"/>
      <c r="C22014" s="2"/>
    </row>
    <row r="22015" spans="1:3" ht="19.2">
      <c r="A22015" s="2"/>
      <c r="B22015" s="2"/>
      <c r="C22015" s="2"/>
    </row>
    <row r="22016" spans="1:3" ht="19.2">
      <c r="A22016" s="2"/>
      <c r="B22016" s="2"/>
      <c r="C22016" s="2"/>
    </row>
    <row r="22017" spans="1:3" ht="19.2">
      <c r="A22017" s="2"/>
      <c r="B22017" s="2"/>
      <c r="C22017" s="2"/>
    </row>
    <row r="22018" spans="1:3" ht="19.2">
      <c r="A22018" s="2"/>
      <c r="B22018" s="2"/>
      <c r="C22018" s="2"/>
    </row>
    <row r="22019" spans="1:3" ht="19.2">
      <c r="A22019" s="2"/>
      <c r="B22019" s="2"/>
      <c r="C22019" s="2"/>
    </row>
    <row r="22020" spans="1:3" ht="19.2">
      <c r="A22020" s="2"/>
      <c r="B22020" s="2"/>
      <c r="C22020" s="2"/>
    </row>
    <row r="22021" spans="1:3" ht="19.2">
      <c r="A22021" s="2"/>
      <c r="B22021" s="2"/>
      <c r="C22021" s="2"/>
    </row>
    <row r="22022" spans="1:3" ht="19.2">
      <c r="A22022" s="2"/>
      <c r="B22022" s="2"/>
      <c r="C22022" s="2"/>
    </row>
    <row r="22023" spans="1:3" ht="19.2">
      <c r="A22023" s="2"/>
      <c r="B22023" s="2"/>
      <c r="C22023" s="2"/>
    </row>
    <row r="22024" spans="1:3" ht="19.2">
      <c r="A22024" s="2"/>
      <c r="B22024" s="2"/>
      <c r="C22024" s="2"/>
    </row>
    <row r="22025" spans="1:3" ht="19.2">
      <c r="A22025" s="2"/>
      <c r="B22025" s="2"/>
      <c r="C22025" s="2"/>
    </row>
    <row r="22026" spans="1:3" ht="19.2">
      <c r="A22026" s="2"/>
      <c r="B22026" s="2"/>
      <c r="C22026" s="2"/>
    </row>
    <row r="22027" spans="1:3" ht="19.2">
      <c r="A22027" s="2"/>
      <c r="B22027" s="2"/>
      <c r="C22027" s="2"/>
    </row>
    <row r="22028" spans="1:3" ht="19.2">
      <c r="A22028" s="2"/>
      <c r="B22028" s="2"/>
      <c r="C22028" s="2"/>
    </row>
    <row r="22029" spans="1:3" ht="19.2">
      <c r="A22029" s="2"/>
      <c r="B22029" s="2"/>
      <c r="C22029" s="2"/>
    </row>
    <row r="22030" spans="1:3" ht="19.2">
      <c r="A22030" s="2"/>
      <c r="B22030" s="2"/>
      <c r="C22030" s="2"/>
    </row>
    <row r="22031" spans="1:3" ht="19.2">
      <c r="A22031" s="2"/>
      <c r="B22031" s="2"/>
      <c r="C22031" s="2"/>
    </row>
    <row r="22032" spans="1:3" ht="19.2">
      <c r="A22032" s="2"/>
      <c r="B22032" s="2"/>
      <c r="C22032" s="2"/>
    </row>
    <row r="22033" spans="1:3" ht="19.2">
      <c r="A22033" s="2"/>
      <c r="B22033" s="2"/>
      <c r="C22033" s="2"/>
    </row>
    <row r="22034" spans="1:3" ht="19.2">
      <c r="A22034" s="2"/>
      <c r="B22034" s="2"/>
      <c r="C22034" s="2"/>
    </row>
    <row r="22035" spans="1:3" ht="19.2">
      <c r="A22035" s="2"/>
      <c r="B22035" s="2"/>
      <c r="C22035" s="2"/>
    </row>
    <row r="22036" spans="1:3" ht="19.2">
      <c r="A22036" s="2"/>
      <c r="B22036" s="2"/>
      <c r="C22036" s="2"/>
    </row>
    <row r="22037" spans="1:3" ht="19.2">
      <c r="A22037" s="2"/>
      <c r="B22037" s="2"/>
      <c r="C22037" s="2"/>
    </row>
    <row r="22038" spans="1:3" ht="19.2">
      <c r="A22038" s="2"/>
      <c r="B22038" s="2"/>
      <c r="C22038" s="2"/>
    </row>
    <row r="22039" spans="1:3" ht="19.2">
      <c r="A22039" s="2"/>
      <c r="B22039" s="2"/>
      <c r="C22039" s="2"/>
    </row>
    <row r="22040" spans="1:3" ht="19.2">
      <c r="A22040" s="2"/>
      <c r="B22040" s="2"/>
      <c r="C22040" s="2"/>
    </row>
    <row r="22041" spans="1:3" ht="19.2">
      <c r="A22041" s="2"/>
      <c r="B22041" s="2"/>
      <c r="C22041" s="2"/>
    </row>
    <row r="22042" spans="1:3" ht="19.2">
      <c r="A22042" s="2"/>
      <c r="B22042" s="2"/>
      <c r="C22042" s="2"/>
    </row>
    <row r="22043" spans="1:3" ht="19.2">
      <c r="A22043" s="2"/>
      <c r="B22043" s="2"/>
      <c r="C22043" s="2"/>
    </row>
    <row r="22044" spans="1:3" ht="19.2">
      <c r="A22044" s="2"/>
      <c r="B22044" s="2"/>
      <c r="C22044" s="2"/>
    </row>
    <row r="22045" spans="1:3" ht="19.2">
      <c r="A22045" s="2"/>
      <c r="B22045" s="2"/>
      <c r="C22045" s="2"/>
    </row>
    <row r="22046" spans="1:3" ht="19.2">
      <c r="A22046" s="2"/>
      <c r="B22046" s="2"/>
      <c r="C22046" s="2"/>
    </row>
    <row r="22047" spans="1:3" ht="19.2">
      <c r="A22047" s="2"/>
      <c r="B22047" s="2"/>
      <c r="C22047" s="2"/>
    </row>
    <row r="22048" spans="1:3" ht="19.2">
      <c r="A22048" s="2"/>
      <c r="B22048" s="2"/>
      <c r="C22048" s="2"/>
    </row>
    <row r="22049" spans="1:3" ht="19.2">
      <c r="A22049" s="2"/>
      <c r="B22049" s="2"/>
      <c r="C22049" s="2"/>
    </row>
    <row r="22050" spans="1:3" ht="19.2">
      <c r="A22050" s="2"/>
      <c r="B22050" s="2"/>
      <c r="C22050" s="2"/>
    </row>
    <row r="22051" spans="1:3" ht="19.2">
      <c r="A22051" s="2"/>
      <c r="B22051" s="2"/>
      <c r="C22051" s="2"/>
    </row>
    <row r="22052" spans="1:3" ht="19.2">
      <c r="A22052" s="2"/>
      <c r="B22052" s="2"/>
      <c r="C22052" s="2"/>
    </row>
    <row r="22053" spans="1:3" ht="19.2">
      <c r="A22053" s="2"/>
      <c r="B22053" s="2"/>
      <c r="C22053" s="2"/>
    </row>
    <row r="22054" spans="1:3" ht="19.2">
      <c r="A22054" s="2"/>
      <c r="B22054" s="2"/>
      <c r="C22054" s="2"/>
    </row>
    <row r="22055" spans="1:3" ht="19.2">
      <c r="A22055" s="2"/>
      <c r="B22055" s="2"/>
      <c r="C22055" s="2"/>
    </row>
    <row r="22056" spans="1:3" ht="19.2">
      <c r="A22056" s="2"/>
      <c r="B22056" s="2"/>
      <c r="C22056" s="2"/>
    </row>
    <row r="22057" spans="1:3" ht="19.2">
      <c r="A22057" s="2"/>
      <c r="B22057" s="2"/>
      <c r="C22057" s="2"/>
    </row>
    <row r="22058" spans="1:3" ht="19.2">
      <c r="A22058" s="2"/>
      <c r="B22058" s="2"/>
      <c r="C22058" s="2"/>
    </row>
    <row r="22059" spans="1:3" ht="19.2">
      <c r="A22059" s="2"/>
      <c r="B22059" s="2"/>
      <c r="C22059" s="2"/>
    </row>
    <row r="22060" spans="1:3" ht="19.2">
      <c r="A22060" s="2"/>
      <c r="B22060" s="2"/>
      <c r="C22060" s="2"/>
    </row>
    <row r="22061" spans="1:3" ht="19.2">
      <c r="A22061" s="2"/>
      <c r="B22061" s="2"/>
      <c r="C22061" s="2"/>
    </row>
    <row r="22062" spans="1:3" ht="19.2">
      <c r="A22062" s="2"/>
      <c r="B22062" s="2"/>
      <c r="C22062" s="2"/>
    </row>
    <row r="22063" spans="1:3" ht="19.2">
      <c r="A22063" s="2"/>
      <c r="B22063" s="2"/>
      <c r="C22063" s="2"/>
    </row>
    <row r="22064" spans="1:3" ht="19.2">
      <c r="A22064" s="2"/>
      <c r="B22064" s="2"/>
      <c r="C22064" s="2"/>
    </row>
    <row r="22065" spans="1:3" ht="19.2">
      <c r="A22065" s="2"/>
      <c r="B22065" s="2"/>
      <c r="C22065" s="2"/>
    </row>
    <row r="22066" spans="1:3" ht="19.2">
      <c r="A22066" s="2"/>
      <c r="B22066" s="2"/>
      <c r="C22066" s="2"/>
    </row>
    <row r="22067" spans="1:3" ht="19.2">
      <c r="A22067" s="2"/>
      <c r="B22067" s="2"/>
      <c r="C22067" s="2"/>
    </row>
    <row r="22068" spans="1:3" ht="19.2">
      <c r="A22068" s="2"/>
      <c r="B22068" s="2"/>
      <c r="C22068" s="2"/>
    </row>
    <row r="22069" spans="1:3" ht="19.2">
      <c r="A22069" s="2"/>
      <c r="B22069" s="2"/>
      <c r="C22069" s="2"/>
    </row>
    <row r="22070" spans="1:3" ht="19.2">
      <c r="A22070" s="2"/>
      <c r="B22070" s="2"/>
      <c r="C22070" s="2"/>
    </row>
    <row r="22071" spans="1:3" ht="19.2">
      <c r="A22071" s="2"/>
      <c r="B22071" s="2"/>
      <c r="C22071" s="2"/>
    </row>
    <row r="22072" spans="1:3" ht="19.2">
      <c r="A22072" s="2"/>
      <c r="B22072" s="2"/>
      <c r="C22072" s="2"/>
    </row>
    <row r="22073" spans="1:3" ht="19.2">
      <c r="A22073" s="2"/>
      <c r="B22073" s="2"/>
      <c r="C22073" s="2"/>
    </row>
    <row r="22074" spans="1:3" ht="19.2">
      <c r="A22074" s="2"/>
      <c r="B22074" s="2"/>
      <c r="C22074" s="2"/>
    </row>
    <row r="22075" spans="1:3" ht="19.2">
      <c r="A22075" s="2"/>
      <c r="B22075" s="2"/>
      <c r="C22075" s="2"/>
    </row>
    <row r="22076" spans="1:3" ht="19.2">
      <c r="A22076" s="2"/>
      <c r="B22076" s="2"/>
      <c r="C22076" s="2"/>
    </row>
    <row r="22077" spans="1:3" ht="19.2">
      <c r="A22077" s="2"/>
      <c r="B22077" s="2"/>
      <c r="C22077" s="2"/>
    </row>
    <row r="22078" spans="1:3" ht="19.2">
      <c r="A22078" s="2"/>
      <c r="B22078" s="2"/>
      <c r="C22078" s="2"/>
    </row>
    <row r="22079" spans="1:3" ht="19.2">
      <c r="A22079" s="2"/>
      <c r="B22079" s="2"/>
      <c r="C22079" s="2"/>
    </row>
    <row r="22080" spans="1:3" ht="19.2">
      <c r="A22080" s="2"/>
      <c r="B22080" s="2"/>
      <c r="C22080" s="2"/>
    </row>
    <row r="22081" spans="1:3" ht="19.2">
      <c r="A22081" s="2"/>
      <c r="B22081" s="2"/>
      <c r="C22081" s="2"/>
    </row>
    <row r="22082" spans="1:3" ht="19.2">
      <c r="A22082" s="2"/>
      <c r="B22082" s="2"/>
      <c r="C22082" s="2"/>
    </row>
    <row r="22083" spans="1:3" ht="19.2">
      <c r="A22083" s="2"/>
      <c r="B22083" s="2"/>
      <c r="C22083" s="2"/>
    </row>
    <row r="22084" spans="1:3" ht="19.2">
      <c r="A22084" s="2"/>
      <c r="B22084" s="2"/>
      <c r="C22084" s="2"/>
    </row>
    <row r="22085" spans="1:3" ht="19.2">
      <c r="A22085" s="2"/>
      <c r="B22085" s="2"/>
      <c r="C22085" s="2"/>
    </row>
    <row r="22086" spans="1:3" ht="19.2">
      <c r="A22086" s="2"/>
      <c r="B22086" s="2"/>
      <c r="C22086" s="2"/>
    </row>
    <row r="22087" spans="1:3" ht="19.2">
      <c r="A22087" s="2"/>
      <c r="B22087" s="2"/>
      <c r="C22087" s="2"/>
    </row>
    <row r="22088" spans="1:3" ht="19.2">
      <c r="A22088" s="2"/>
      <c r="B22088" s="2"/>
      <c r="C22088" s="2"/>
    </row>
    <row r="22089" spans="1:3" ht="19.2">
      <c r="A22089" s="2"/>
      <c r="B22089" s="2"/>
      <c r="C22089" s="2"/>
    </row>
    <row r="22090" spans="1:3" ht="19.2">
      <c r="A22090" s="2"/>
      <c r="B22090" s="2"/>
      <c r="C22090" s="2"/>
    </row>
    <row r="22091" spans="1:3" ht="19.2">
      <c r="A22091" s="2"/>
      <c r="B22091" s="2"/>
      <c r="C22091" s="2"/>
    </row>
    <row r="22092" spans="1:3" ht="19.2">
      <c r="A22092" s="2"/>
      <c r="B22092" s="2"/>
      <c r="C22092" s="2"/>
    </row>
    <row r="22093" spans="1:3" ht="19.2">
      <c r="A22093" s="2"/>
      <c r="B22093" s="2"/>
      <c r="C22093" s="2"/>
    </row>
    <row r="22094" spans="1:3" ht="19.2">
      <c r="A22094" s="2"/>
      <c r="B22094" s="2"/>
      <c r="C22094" s="2"/>
    </row>
    <row r="22095" spans="1:3" ht="19.2">
      <c r="A22095" s="2"/>
      <c r="B22095" s="2"/>
      <c r="C22095" s="2"/>
    </row>
    <row r="22096" spans="1:3" ht="19.2">
      <c r="A22096" s="2"/>
      <c r="B22096" s="2"/>
      <c r="C22096" s="2"/>
    </row>
    <row r="22097" spans="1:3" ht="19.2">
      <c r="A22097" s="2"/>
      <c r="B22097" s="2"/>
      <c r="C22097" s="2"/>
    </row>
    <row r="22098" spans="1:3" ht="19.2">
      <c r="A22098" s="2"/>
      <c r="B22098" s="2"/>
      <c r="C22098" s="2"/>
    </row>
    <row r="22099" spans="1:3" ht="19.2">
      <c r="A22099" s="2"/>
      <c r="B22099" s="2"/>
      <c r="C22099" s="2"/>
    </row>
    <row r="22100" spans="1:3" ht="19.2">
      <c r="A22100" s="2"/>
      <c r="B22100" s="2"/>
      <c r="C22100" s="2"/>
    </row>
    <row r="22101" spans="1:3" ht="19.2">
      <c r="A22101" s="2"/>
      <c r="B22101" s="2"/>
      <c r="C22101" s="2"/>
    </row>
    <row r="22102" spans="1:3" ht="19.2">
      <c r="A22102" s="2"/>
      <c r="B22102" s="2"/>
      <c r="C22102" s="2"/>
    </row>
    <row r="22103" spans="1:3" ht="19.2">
      <c r="A22103" s="2"/>
      <c r="B22103" s="2"/>
      <c r="C22103" s="2"/>
    </row>
    <row r="22104" spans="1:3" ht="19.2">
      <c r="A22104" s="2"/>
      <c r="B22104" s="2"/>
      <c r="C22104" s="2"/>
    </row>
    <row r="22105" spans="1:3" ht="19.2">
      <c r="A22105" s="2"/>
      <c r="B22105" s="2"/>
      <c r="C22105" s="2"/>
    </row>
    <row r="22106" spans="1:3" ht="19.2">
      <c r="A22106" s="2"/>
      <c r="B22106" s="2"/>
      <c r="C22106" s="2"/>
    </row>
    <row r="22107" spans="1:3" ht="19.2">
      <c r="A22107" s="2"/>
      <c r="B22107" s="2"/>
      <c r="C22107" s="2"/>
    </row>
    <row r="22108" spans="1:3" ht="19.2">
      <c r="A22108" s="2"/>
      <c r="B22108" s="2"/>
      <c r="C22108" s="2"/>
    </row>
    <row r="22109" spans="1:3" ht="19.2">
      <c r="A22109" s="2"/>
      <c r="B22109" s="2"/>
      <c r="C22109" s="2"/>
    </row>
    <row r="22110" spans="1:3" ht="19.2">
      <c r="A22110" s="2"/>
      <c r="B22110" s="2"/>
      <c r="C22110" s="2"/>
    </row>
    <row r="22111" spans="1:3" ht="19.2">
      <c r="A22111" s="2"/>
      <c r="B22111" s="2"/>
      <c r="C22111" s="2"/>
    </row>
    <row r="22112" spans="1:3" ht="19.2">
      <c r="A22112" s="2"/>
      <c r="B22112" s="2"/>
      <c r="C22112" s="2"/>
    </row>
    <row r="22113" spans="1:3" ht="19.2">
      <c r="A22113" s="2"/>
      <c r="B22113" s="2"/>
      <c r="C22113" s="2"/>
    </row>
    <row r="22114" spans="1:3" ht="19.2">
      <c r="A22114" s="2"/>
      <c r="B22114" s="2"/>
      <c r="C22114" s="2"/>
    </row>
    <row r="22115" spans="1:3" ht="19.2">
      <c r="A22115" s="2"/>
      <c r="B22115" s="2"/>
      <c r="C22115" s="2"/>
    </row>
    <row r="22116" spans="1:3" ht="19.2">
      <c r="A22116" s="2"/>
      <c r="B22116" s="2"/>
      <c r="C22116" s="2"/>
    </row>
    <row r="22117" spans="1:3" ht="19.2">
      <c r="A22117" s="2"/>
      <c r="B22117" s="2"/>
      <c r="C22117" s="2"/>
    </row>
    <row r="22118" spans="1:3" ht="19.2">
      <c r="A22118" s="2"/>
      <c r="B22118" s="2"/>
      <c r="C22118" s="2"/>
    </row>
    <row r="22119" spans="1:3" ht="19.2">
      <c r="A22119" s="2"/>
      <c r="B22119" s="2"/>
      <c r="C22119" s="2"/>
    </row>
    <row r="22120" spans="1:3" ht="19.2">
      <c r="A22120" s="2"/>
      <c r="B22120" s="2"/>
      <c r="C22120" s="2"/>
    </row>
    <row r="22121" spans="1:3" ht="19.2">
      <c r="A22121" s="2"/>
      <c r="B22121" s="2"/>
      <c r="C22121" s="2"/>
    </row>
    <row r="22122" spans="1:3" ht="19.2">
      <c r="A22122" s="2"/>
      <c r="B22122" s="2"/>
      <c r="C22122" s="2"/>
    </row>
    <row r="22123" spans="1:3" ht="19.2">
      <c r="A22123" s="2"/>
      <c r="B22123" s="2"/>
      <c r="C22123" s="2"/>
    </row>
    <row r="22124" spans="1:3" ht="19.2">
      <c r="A22124" s="2"/>
      <c r="B22124" s="2"/>
      <c r="C22124" s="2"/>
    </row>
    <row r="22125" spans="1:3" ht="19.2">
      <c r="A22125" s="2"/>
      <c r="B22125" s="2"/>
      <c r="C22125" s="2"/>
    </row>
    <row r="22126" spans="1:3" ht="19.2">
      <c r="A22126" s="2"/>
      <c r="B22126" s="2"/>
      <c r="C22126" s="2"/>
    </row>
    <row r="22127" spans="1:3" ht="19.2">
      <c r="A22127" s="2"/>
      <c r="B22127" s="2"/>
      <c r="C22127" s="2"/>
    </row>
    <row r="22128" spans="1:3" ht="19.2">
      <c r="A22128" s="2"/>
      <c r="B22128" s="2"/>
      <c r="C22128" s="2"/>
    </row>
    <row r="22129" spans="1:3" ht="19.2">
      <c r="A22129" s="2"/>
      <c r="B22129" s="2"/>
      <c r="C22129" s="2"/>
    </row>
    <row r="22130" spans="1:3" ht="19.2">
      <c r="A22130" s="2"/>
      <c r="B22130" s="2"/>
      <c r="C22130" s="2"/>
    </row>
    <row r="22131" spans="1:3" ht="19.2">
      <c r="A22131" s="2"/>
      <c r="B22131" s="2"/>
      <c r="C22131" s="2"/>
    </row>
    <row r="22132" spans="1:3" ht="19.2">
      <c r="A22132" s="2"/>
      <c r="B22132" s="2"/>
      <c r="C22132" s="2"/>
    </row>
    <row r="22133" spans="1:3" ht="19.2">
      <c r="A22133" s="2"/>
      <c r="B22133" s="2"/>
      <c r="C22133" s="2"/>
    </row>
    <row r="22134" spans="1:3" ht="19.2">
      <c r="A22134" s="2"/>
      <c r="B22134" s="2"/>
      <c r="C22134" s="2"/>
    </row>
    <row r="22135" spans="1:3" ht="19.2">
      <c r="A22135" s="2"/>
      <c r="B22135" s="2"/>
      <c r="C22135" s="2"/>
    </row>
    <row r="22136" spans="1:3" ht="19.2">
      <c r="A22136" s="2"/>
      <c r="B22136" s="2"/>
      <c r="C22136" s="2"/>
    </row>
    <row r="22137" spans="1:3" ht="19.2">
      <c r="A22137" s="2"/>
      <c r="B22137" s="2"/>
      <c r="C22137" s="2"/>
    </row>
    <row r="22138" spans="1:3" ht="19.2">
      <c r="A22138" s="2"/>
      <c r="B22138" s="2"/>
      <c r="C22138" s="2"/>
    </row>
    <row r="22139" spans="1:3" ht="19.2">
      <c r="A22139" s="2"/>
      <c r="B22139" s="2"/>
      <c r="C22139" s="2"/>
    </row>
    <row r="22140" spans="1:3" ht="19.2">
      <c r="A22140" s="2"/>
      <c r="B22140" s="2"/>
      <c r="C22140" s="2"/>
    </row>
    <row r="22141" spans="1:3" ht="19.2">
      <c r="A22141" s="2"/>
      <c r="B22141" s="2"/>
      <c r="C22141" s="2"/>
    </row>
    <row r="22142" spans="1:3" ht="19.2">
      <c r="A22142" s="2"/>
      <c r="B22142" s="2"/>
      <c r="C22142" s="2"/>
    </row>
    <row r="22143" spans="1:3" ht="19.2">
      <c r="A22143" s="2"/>
      <c r="B22143" s="2"/>
      <c r="C22143" s="2"/>
    </row>
    <row r="22144" spans="1:3" ht="19.2">
      <c r="A22144" s="2"/>
      <c r="B22144" s="2"/>
      <c r="C22144" s="2"/>
    </row>
    <row r="22145" spans="1:3" ht="19.2">
      <c r="A22145" s="2"/>
      <c r="B22145" s="2"/>
      <c r="C22145" s="2"/>
    </row>
    <row r="22146" spans="1:3" ht="19.2">
      <c r="A22146" s="2"/>
      <c r="B22146" s="2"/>
      <c r="C22146" s="2"/>
    </row>
    <row r="22147" spans="1:3" ht="19.2">
      <c r="A22147" s="2"/>
      <c r="B22147" s="2"/>
      <c r="C22147" s="2"/>
    </row>
    <row r="22148" spans="1:3" ht="19.2">
      <c r="A22148" s="2"/>
      <c r="B22148" s="2"/>
      <c r="C22148" s="2"/>
    </row>
    <row r="22149" spans="1:3" ht="19.2">
      <c r="A22149" s="2"/>
      <c r="B22149" s="2"/>
      <c r="C22149" s="2"/>
    </row>
    <row r="22150" spans="1:3" ht="19.2">
      <c r="A22150" s="2"/>
      <c r="B22150" s="2"/>
      <c r="C22150" s="2"/>
    </row>
    <row r="22151" spans="1:3" ht="19.2">
      <c r="A22151" s="2"/>
      <c r="B22151" s="2"/>
      <c r="C22151" s="2"/>
    </row>
    <row r="22152" spans="1:3" ht="19.2">
      <c r="A22152" s="2"/>
      <c r="B22152" s="2"/>
      <c r="C22152" s="2"/>
    </row>
    <row r="22153" spans="1:3" ht="19.2">
      <c r="A22153" s="2"/>
      <c r="B22153" s="2"/>
      <c r="C22153" s="2"/>
    </row>
    <row r="22154" spans="1:3" ht="19.2">
      <c r="A22154" s="2"/>
      <c r="B22154" s="2"/>
      <c r="C22154" s="2"/>
    </row>
    <row r="22155" spans="1:3" ht="19.2">
      <c r="A22155" s="2"/>
      <c r="B22155" s="2"/>
      <c r="C22155" s="2"/>
    </row>
    <row r="22156" spans="1:3" ht="19.2">
      <c r="A22156" s="2"/>
      <c r="B22156" s="2"/>
      <c r="C22156" s="2"/>
    </row>
    <row r="22157" spans="1:3" ht="19.2">
      <c r="A22157" s="2"/>
      <c r="B22157" s="2"/>
      <c r="C22157" s="2"/>
    </row>
    <row r="22158" spans="1:3" ht="19.2">
      <c r="A22158" s="2"/>
      <c r="B22158" s="2"/>
      <c r="C22158" s="2"/>
    </row>
    <row r="22159" spans="1:3" ht="19.2">
      <c r="A22159" s="2"/>
      <c r="B22159" s="2"/>
      <c r="C22159" s="2"/>
    </row>
    <row r="22160" spans="1:3" ht="19.2">
      <c r="A22160" s="2"/>
      <c r="B22160" s="2"/>
      <c r="C22160" s="2"/>
    </row>
    <row r="22161" spans="1:3" ht="19.2">
      <c r="A22161" s="2"/>
      <c r="B22161" s="2"/>
      <c r="C22161" s="2"/>
    </row>
    <row r="22162" spans="1:3" ht="19.2">
      <c r="A22162" s="2"/>
      <c r="B22162" s="2"/>
      <c r="C22162" s="2"/>
    </row>
    <row r="22163" spans="1:3" ht="19.2">
      <c r="A22163" s="2"/>
      <c r="B22163" s="2"/>
      <c r="C22163" s="2"/>
    </row>
    <row r="22164" spans="1:3" ht="19.2">
      <c r="A22164" s="2"/>
      <c r="B22164" s="2"/>
      <c r="C22164" s="2"/>
    </row>
    <row r="22165" spans="1:3" ht="19.2">
      <c r="A22165" s="2"/>
      <c r="B22165" s="2"/>
      <c r="C22165" s="2"/>
    </row>
    <row r="22166" spans="1:3" ht="19.2">
      <c r="A22166" s="2"/>
      <c r="B22166" s="2"/>
      <c r="C22166" s="2"/>
    </row>
    <row r="22167" spans="1:3" ht="19.2">
      <c r="A22167" s="2"/>
      <c r="B22167" s="2"/>
      <c r="C22167" s="2"/>
    </row>
    <row r="22168" spans="1:3" ht="19.2">
      <c r="A22168" s="2"/>
      <c r="B22168" s="2"/>
      <c r="C22168" s="2"/>
    </row>
    <row r="22169" spans="1:3" ht="19.2">
      <c r="A22169" s="2"/>
      <c r="B22169" s="2"/>
      <c r="C22169" s="2"/>
    </row>
    <row r="22170" spans="1:3" ht="19.2">
      <c r="A22170" s="2"/>
      <c r="B22170" s="2"/>
      <c r="C22170" s="2"/>
    </row>
    <row r="22171" spans="1:3" ht="19.2">
      <c r="A22171" s="2"/>
      <c r="B22171" s="2"/>
      <c r="C22171" s="2"/>
    </row>
    <row r="22172" spans="1:3" ht="19.2">
      <c r="A22172" s="2"/>
      <c r="B22172" s="2"/>
      <c r="C22172" s="2"/>
    </row>
    <row r="22173" spans="1:3" ht="19.2">
      <c r="A22173" s="2"/>
      <c r="B22173" s="2"/>
      <c r="C22173" s="2"/>
    </row>
    <row r="22174" spans="1:3" ht="19.2">
      <c r="A22174" s="2"/>
      <c r="B22174" s="2"/>
      <c r="C22174" s="2"/>
    </row>
    <row r="22175" spans="1:3" ht="19.2">
      <c r="A22175" s="2"/>
      <c r="B22175" s="2"/>
      <c r="C22175" s="2"/>
    </row>
    <row r="22176" spans="1:3" ht="19.2">
      <c r="A22176" s="2"/>
      <c r="B22176" s="2"/>
      <c r="C22176" s="2"/>
    </row>
    <row r="22177" spans="1:3" ht="19.2">
      <c r="A22177" s="2"/>
      <c r="B22177" s="2"/>
      <c r="C22177" s="2"/>
    </row>
    <row r="22178" spans="1:3" ht="19.2">
      <c r="A22178" s="2"/>
      <c r="B22178" s="2"/>
      <c r="C22178" s="2"/>
    </row>
    <row r="22179" spans="1:3" ht="19.2">
      <c r="A22179" s="2"/>
      <c r="B22179" s="2"/>
      <c r="C22179" s="2"/>
    </row>
    <row r="22180" spans="1:3" ht="19.2">
      <c r="A22180" s="2"/>
      <c r="B22180" s="2"/>
      <c r="C22180" s="2"/>
    </row>
    <row r="22181" spans="1:3" ht="19.2">
      <c r="A22181" s="2"/>
      <c r="B22181" s="2"/>
      <c r="C22181" s="2"/>
    </row>
    <row r="22182" spans="1:3" ht="19.2">
      <c r="A22182" s="2"/>
      <c r="B22182" s="2"/>
      <c r="C22182" s="2"/>
    </row>
    <row r="22183" spans="1:3" ht="19.2">
      <c r="A22183" s="2"/>
      <c r="B22183" s="2"/>
      <c r="C22183" s="2"/>
    </row>
    <row r="22184" spans="1:3" ht="19.2">
      <c r="A22184" s="2"/>
      <c r="B22184" s="2"/>
      <c r="C22184" s="2"/>
    </row>
    <row r="22185" spans="1:3" ht="19.2">
      <c r="A22185" s="2"/>
      <c r="B22185" s="2"/>
      <c r="C22185" s="2"/>
    </row>
    <row r="22186" spans="1:3" ht="19.2">
      <c r="A22186" s="2"/>
      <c r="B22186" s="2"/>
      <c r="C22186" s="2"/>
    </row>
    <row r="22187" spans="1:3" ht="19.2">
      <c r="A22187" s="2"/>
      <c r="B22187" s="2"/>
      <c r="C22187" s="2"/>
    </row>
    <row r="22188" spans="1:3" ht="19.2">
      <c r="A22188" s="2"/>
      <c r="B22188" s="2"/>
      <c r="C22188" s="2"/>
    </row>
    <row r="22189" spans="1:3" ht="19.2">
      <c r="A22189" s="2"/>
      <c r="B22189" s="2"/>
      <c r="C22189" s="2"/>
    </row>
    <row r="22190" spans="1:3" ht="19.2">
      <c r="A22190" s="2"/>
      <c r="B22190" s="2"/>
      <c r="C22190" s="2"/>
    </row>
    <row r="22191" spans="1:3" ht="19.2">
      <c r="A22191" s="2"/>
      <c r="B22191" s="2"/>
      <c r="C22191" s="2"/>
    </row>
    <row r="22192" spans="1:3" ht="19.2">
      <c r="A22192" s="2"/>
      <c r="B22192" s="2"/>
      <c r="C22192" s="2"/>
    </row>
    <row r="22193" spans="1:3" ht="19.2">
      <c r="A22193" s="2"/>
      <c r="B22193" s="2"/>
      <c r="C22193" s="2"/>
    </row>
    <row r="22194" spans="1:3" ht="19.2">
      <c r="A22194" s="2"/>
      <c r="B22194" s="2"/>
      <c r="C22194" s="2"/>
    </row>
    <row r="22195" spans="1:3" ht="19.2">
      <c r="A22195" s="2"/>
      <c r="B22195" s="2"/>
      <c r="C22195" s="2"/>
    </row>
    <row r="22196" spans="1:3" ht="19.2">
      <c r="A22196" s="2"/>
      <c r="B22196" s="2"/>
      <c r="C22196" s="2"/>
    </row>
    <row r="22197" spans="1:3" ht="19.2">
      <c r="A22197" s="2"/>
      <c r="B22197" s="2"/>
      <c r="C22197" s="2"/>
    </row>
    <row r="22198" spans="1:3" ht="19.2">
      <c r="A22198" s="2"/>
      <c r="B22198" s="2"/>
      <c r="C22198" s="2"/>
    </row>
    <row r="22199" spans="1:3" ht="19.2">
      <c r="A22199" s="2"/>
      <c r="B22199" s="2"/>
      <c r="C22199" s="2"/>
    </row>
    <row r="22200" spans="1:3" ht="19.2">
      <c r="A22200" s="2"/>
      <c r="B22200" s="2"/>
      <c r="C22200" s="2"/>
    </row>
    <row r="22201" spans="1:3" ht="19.2">
      <c r="A22201" s="2"/>
      <c r="B22201" s="2"/>
      <c r="C22201" s="2"/>
    </row>
    <row r="22202" spans="1:3" ht="19.2">
      <c r="A22202" s="2"/>
      <c r="B22202" s="2"/>
      <c r="C22202" s="2"/>
    </row>
    <row r="22203" spans="1:3" ht="19.2">
      <c r="A22203" s="2"/>
      <c r="B22203" s="2"/>
      <c r="C22203" s="2"/>
    </row>
    <row r="22204" spans="1:3" ht="19.2">
      <c r="A22204" s="2"/>
      <c r="B22204" s="2"/>
      <c r="C22204" s="2"/>
    </row>
    <row r="22205" spans="1:3" ht="19.2">
      <c r="A22205" s="2"/>
      <c r="B22205" s="2"/>
      <c r="C22205" s="2"/>
    </row>
    <row r="22206" spans="1:3" ht="19.2">
      <c r="A22206" s="2"/>
      <c r="B22206" s="2"/>
      <c r="C22206" s="2"/>
    </row>
    <row r="22207" spans="1:3" ht="19.2">
      <c r="A22207" s="2"/>
      <c r="B22207" s="2"/>
      <c r="C22207" s="2"/>
    </row>
    <row r="22208" spans="1:3" ht="19.2">
      <c r="A22208" s="2"/>
      <c r="B22208" s="2"/>
      <c r="C22208" s="2"/>
    </row>
    <row r="22209" spans="1:3" ht="19.2">
      <c r="A22209" s="2"/>
      <c r="B22209" s="2"/>
      <c r="C22209" s="2"/>
    </row>
    <row r="22210" spans="1:3" ht="19.2">
      <c r="A22210" s="2"/>
      <c r="B22210" s="2"/>
      <c r="C22210" s="2"/>
    </row>
    <row r="22211" spans="1:3" ht="19.2">
      <c r="A22211" s="2"/>
      <c r="B22211" s="2"/>
      <c r="C22211" s="2"/>
    </row>
    <row r="22212" spans="1:3" ht="19.2">
      <c r="A22212" s="2"/>
      <c r="B22212" s="2"/>
      <c r="C22212" s="2"/>
    </row>
    <row r="22213" spans="1:3" ht="19.2">
      <c r="A22213" s="2"/>
      <c r="B22213" s="2"/>
      <c r="C22213" s="2"/>
    </row>
    <row r="22214" spans="1:3" ht="19.2">
      <c r="A22214" s="2"/>
      <c r="B22214" s="2"/>
      <c r="C22214" s="2"/>
    </row>
    <row r="22215" spans="1:3" ht="19.2">
      <c r="A22215" s="2"/>
      <c r="B22215" s="2"/>
      <c r="C22215" s="2"/>
    </row>
    <row r="22216" spans="1:3" ht="19.2">
      <c r="A22216" s="2"/>
      <c r="B22216" s="2"/>
      <c r="C22216" s="2"/>
    </row>
    <row r="22217" spans="1:3" ht="19.2">
      <c r="A22217" s="2"/>
      <c r="B22217" s="2"/>
      <c r="C22217" s="2"/>
    </row>
    <row r="22218" spans="1:3" ht="19.2">
      <c r="A22218" s="2"/>
      <c r="B22218" s="2"/>
      <c r="C22218" s="2"/>
    </row>
    <row r="22219" spans="1:3" ht="19.2">
      <c r="A22219" s="2"/>
      <c r="B22219" s="2"/>
      <c r="C22219" s="2"/>
    </row>
    <row r="22220" spans="1:3" ht="19.2">
      <c r="A22220" s="2"/>
      <c r="B22220" s="2"/>
      <c r="C22220" s="2"/>
    </row>
    <row r="22221" spans="1:3" ht="19.2">
      <c r="A22221" s="2"/>
      <c r="B22221" s="2"/>
      <c r="C22221" s="2"/>
    </row>
    <row r="22222" spans="1:3" ht="19.2">
      <c r="A22222" s="2"/>
      <c r="B22222" s="2"/>
      <c r="C22222" s="2"/>
    </row>
    <row r="22223" spans="1:3" ht="19.2">
      <c r="A22223" s="2"/>
      <c r="B22223" s="2"/>
      <c r="C22223" s="2"/>
    </row>
    <row r="22224" spans="1:3" ht="19.2">
      <c r="A22224" s="2"/>
      <c r="B22224" s="2"/>
      <c r="C22224" s="2"/>
    </row>
    <row r="22225" spans="1:3" ht="19.2">
      <c r="A22225" s="2"/>
      <c r="B22225" s="2"/>
      <c r="C22225" s="2"/>
    </row>
    <row r="22226" spans="1:3" ht="19.2">
      <c r="A22226" s="2"/>
      <c r="B22226" s="2"/>
      <c r="C22226" s="2"/>
    </row>
    <row r="22227" spans="1:3" ht="19.2">
      <c r="A22227" s="2"/>
      <c r="B22227" s="2"/>
      <c r="C22227" s="2"/>
    </row>
    <row r="22228" spans="1:3" ht="19.2">
      <c r="A22228" s="2"/>
      <c r="B22228" s="2"/>
      <c r="C22228" s="2"/>
    </row>
    <row r="22229" spans="1:3" ht="19.2">
      <c r="A22229" s="2"/>
      <c r="B22229" s="2"/>
      <c r="C22229" s="2"/>
    </row>
    <row r="22230" spans="1:3" ht="19.2">
      <c r="A22230" s="2"/>
      <c r="B22230" s="2"/>
      <c r="C22230" s="2"/>
    </row>
    <row r="22231" spans="1:3" ht="19.2">
      <c r="A22231" s="2"/>
      <c r="B22231" s="2"/>
      <c r="C22231" s="2"/>
    </row>
    <row r="22232" spans="1:3" ht="19.2">
      <c r="A22232" s="2"/>
      <c r="B22232" s="2"/>
      <c r="C22232" s="2"/>
    </row>
    <row r="22233" spans="1:3" ht="19.2">
      <c r="A22233" s="2"/>
      <c r="B22233" s="2"/>
      <c r="C22233" s="2"/>
    </row>
    <row r="22234" spans="1:3" ht="19.2">
      <c r="A22234" s="2"/>
      <c r="B22234" s="2"/>
      <c r="C22234" s="2"/>
    </row>
    <row r="22235" spans="1:3" ht="19.2">
      <c r="A22235" s="2"/>
      <c r="B22235" s="2"/>
      <c r="C22235" s="2"/>
    </row>
    <row r="22236" spans="1:3" ht="19.2">
      <c r="A22236" s="2"/>
      <c r="B22236" s="2"/>
      <c r="C22236" s="2"/>
    </row>
    <row r="22237" spans="1:3" ht="19.2">
      <c r="A22237" s="2"/>
      <c r="B22237" s="2"/>
      <c r="C22237" s="2"/>
    </row>
    <row r="22238" spans="1:3" ht="19.2">
      <c r="A22238" s="2"/>
      <c r="B22238" s="2"/>
      <c r="C22238" s="2"/>
    </row>
    <row r="22239" spans="1:3" ht="19.2">
      <c r="A22239" s="2"/>
      <c r="B22239" s="2"/>
      <c r="C22239" s="2"/>
    </row>
    <row r="22240" spans="1:3" ht="19.2">
      <c r="A22240" s="2"/>
      <c r="B22240" s="2"/>
      <c r="C22240" s="2"/>
    </row>
    <row r="22241" spans="1:3" ht="19.2">
      <c r="A22241" s="2"/>
      <c r="B22241" s="2"/>
      <c r="C22241" s="2"/>
    </row>
    <row r="22242" spans="1:3" ht="19.2">
      <c r="A22242" s="2"/>
      <c r="B22242" s="2"/>
      <c r="C22242" s="2"/>
    </row>
    <row r="22243" spans="1:3" ht="19.2">
      <c r="A22243" s="2"/>
      <c r="B22243" s="2"/>
      <c r="C22243" s="2"/>
    </row>
    <row r="22244" spans="1:3" ht="19.2">
      <c r="A22244" s="2"/>
      <c r="B22244" s="2"/>
      <c r="C22244" s="2"/>
    </row>
    <row r="22245" spans="1:3" ht="19.2">
      <c r="A22245" s="2"/>
      <c r="B22245" s="2"/>
      <c r="C22245" s="2"/>
    </row>
    <row r="22246" spans="1:3" ht="19.2">
      <c r="A22246" s="2"/>
      <c r="B22246" s="2"/>
      <c r="C22246" s="2"/>
    </row>
    <row r="22247" spans="1:3" ht="19.2">
      <c r="A22247" s="2"/>
      <c r="B22247" s="2"/>
      <c r="C22247" s="2"/>
    </row>
    <row r="22248" spans="1:3" ht="19.2">
      <c r="A22248" s="2"/>
      <c r="B22248" s="2"/>
      <c r="C22248" s="2"/>
    </row>
    <row r="22249" spans="1:3" ht="19.2">
      <c r="A22249" s="2"/>
      <c r="B22249" s="2"/>
      <c r="C22249" s="2"/>
    </row>
    <row r="22250" spans="1:3" ht="19.2">
      <c r="A22250" s="2"/>
      <c r="B22250" s="2"/>
      <c r="C22250" s="2"/>
    </row>
    <row r="22251" spans="1:3" ht="19.2">
      <c r="A22251" s="2"/>
      <c r="B22251" s="2"/>
      <c r="C22251" s="2"/>
    </row>
    <row r="22252" spans="1:3" ht="19.2">
      <c r="A22252" s="2"/>
      <c r="B22252" s="2"/>
      <c r="C22252" s="2"/>
    </row>
    <row r="22253" spans="1:3" ht="19.2">
      <c r="A22253" s="2"/>
      <c r="B22253" s="2"/>
      <c r="C22253" s="2"/>
    </row>
    <row r="22254" spans="1:3" ht="19.2">
      <c r="A22254" s="2"/>
      <c r="B22254" s="2"/>
      <c r="C22254" s="2"/>
    </row>
    <row r="22255" spans="1:3" ht="19.2">
      <c r="A22255" s="2"/>
      <c r="B22255" s="2"/>
      <c r="C22255" s="2"/>
    </row>
    <row r="22256" spans="1:3" ht="19.2">
      <c r="A22256" s="2"/>
      <c r="B22256" s="2"/>
      <c r="C22256" s="2"/>
    </row>
    <row r="22257" spans="1:3" ht="19.2">
      <c r="A22257" s="2"/>
      <c r="B22257" s="2"/>
      <c r="C22257" s="2"/>
    </row>
    <row r="22258" spans="1:3" ht="19.2">
      <c r="A22258" s="2"/>
      <c r="B22258" s="2"/>
      <c r="C22258" s="2"/>
    </row>
    <row r="22259" spans="1:3" ht="19.2">
      <c r="A22259" s="2"/>
      <c r="B22259" s="2"/>
      <c r="C22259" s="2"/>
    </row>
    <row r="22260" spans="1:3" ht="19.2">
      <c r="A22260" s="2"/>
      <c r="B22260" s="2"/>
      <c r="C22260" s="2"/>
    </row>
    <row r="22261" spans="1:3" ht="19.2">
      <c r="A22261" s="2"/>
      <c r="B22261" s="2"/>
      <c r="C22261" s="2"/>
    </row>
    <row r="22262" spans="1:3" ht="19.2">
      <c r="A22262" s="2"/>
      <c r="B22262" s="2"/>
      <c r="C22262" s="2"/>
    </row>
    <row r="22263" spans="1:3" ht="19.2">
      <c r="A22263" s="2"/>
      <c r="B22263" s="2"/>
      <c r="C22263" s="2"/>
    </row>
    <row r="22264" spans="1:3" ht="19.2">
      <c r="A22264" s="2"/>
      <c r="B22264" s="2"/>
      <c r="C22264" s="2"/>
    </row>
    <row r="22265" spans="1:3" ht="19.2">
      <c r="A22265" s="2"/>
      <c r="B22265" s="2"/>
      <c r="C22265" s="2"/>
    </row>
    <row r="22266" spans="1:3" ht="19.2">
      <c r="A22266" s="2"/>
      <c r="B22266" s="2"/>
      <c r="C22266" s="2"/>
    </row>
    <row r="22267" spans="1:3" ht="19.2">
      <c r="A22267" s="2"/>
      <c r="B22267" s="2"/>
      <c r="C22267" s="2"/>
    </row>
    <row r="22268" spans="1:3" ht="19.2">
      <c r="A22268" s="2"/>
      <c r="B22268" s="2"/>
      <c r="C22268" s="2"/>
    </row>
    <row r="22269" spans="1:3" ht="19.2">
      <c r="A22269" s="2"/>
      <c r="B22269" s="2"/>
      <c r="C22269" s="2"/>
    </row>
    <row r="22270" spans="1:3" ht="19.2">
      <c r="A22270" s="2"/>
      <c r="B22270" s="2"/>
      <c r="C22270" s="2"/>
    </row>
    <row r="22271" spans="1:3" ht="19.2">
      <c r="A22271" s="2"/>
      <c r="B22271" s="2"/>
      <c r="C22271" s="2"/>
    </row>
    <row r="22272" spans="1:3" ht="19.2">
      <c r="A22272" s="2"/>
      <c r="B22272" s="2"/>
      <c r="C22272" s="2"/>
    </row>
    <row r="22273" spans="1:3" ht="19.2">
      <c r="A22273" s="2"/>
      <c r="B22273" s="2"/>
      <c r="C22273" s="2"/>
    </row>
    <row r="22274" spans="1:3" ht="19.2">
      <c r="A22274" s="2"/>
      <c r="B22274" s="2"/>
      <c r="C22274" s="2"/>
    </row>
    <row r="22275" spans="1:3" ht="19.2">
      <c r="A22275" s="2"/>
      <c r="B22275" s="2"/>
      <c r="C22275" s="2"/>
    </row>
    <row r="22276" spans="1:3" ht="19.2">
      <c r="A22276" s="2"/>
      <c r="B22276" s="2"/>
      <c r="C22276" s="2"/>
    </row>
    <row r="22277" spans="1:3" ht="19.2">
      <c r="A22277" s="2"/>
      <c r="B22277" s="2"/>
      <c r="C22277" s="2"/>
    </row>
    <row r="22278" spans="1:3" ht="19.2">
      <c r="A22278" s="2"/>
      <c r="B22278" s="2"/>
      <c r="C22278" s="2"/>
    </row>
    <row r="22279" spans="1:3" ht="19.2">
      <c r="A22279" s="2"/>
      <c r="B22279" s="2"/>
      <c r="C22279" s="2"/>
    </row>
    <row r="22280" spans="1:3" ht="19.2">
      <c r="A22280" s="2"/>
      <c r="B22280" s="2"/>
      <c r="C22280" s="2"/>
    </row>
    <row r="22281" spans="1:3" ht="19.2">
      <c r="A22281" s="2"/>
      <c r="B22281" s="2"/>
      <c r="C22281" s="2"/>
    </row>
    <row r="22282" spans="1:3" ht="19.2">
      <c r="A22282" s="2"/>
      <c r="B22282" s="2"/>
      <c r="C22282" s="2"/>
    </row>
    <row r="22283" spans="1:3" ht="19.2">
      <c r="A22283" s="2"/>
      <c r="B22283" s="2"/>
      <c r="C22283" s="2"/>
    </row>
    <row r="22284" spans="1:3" ht="19.2">
      <c r="A22284" s="2"/>
      <c r="B22284" s="2"/>
      <c r="C22284" s="2"/>
    </row>
    <row r="22285" spans="1:3" ht="19.2">
      <c r="A22285" s="2"/>
      <c r="B22285" s="2"/>
      <c r="C22285" s="2"/>
    </row>
    <row r="22286" spans="1:3" ht="19.2">
      <c r="A22286" s="2"/>
      <c r="B22286" s="2"/>
      <c r="C22286" s="2"/>
    </row>
    <row r="22287" spans="1:3" ht="19.2">
      <c r="A22287" s="2"/>
      <c r="B22287" s="2"/>
      <c r="C22287" s="2"/>
    </row>
    <row r="22288" spans="1:3" ht="19.2">
      <c r="A22288" s="2"/>
      <c r="B22288" s="2"/>
      <c r="C22288" s="2"/>
    </row>
    <row r="22289" spans="1:3" ht="19.2">
      <c r="A22289" s="2"/>
      <c r="B22289" s="2"/>
      <c r="C22289" s="2"/>
    </row>
    <row r="22290" spans="1:3" ht="19.2">
      <c r="A22290" s="2"/>
      <c r="B22290" s="2"/>
      <c r="C22290" s="2"/>
    </row>
    <row r="22291" spans="1:3" ht="19.2">
      <c r="A22291" s="2"/>
      <c r="B22291" s="2"/>
      <c r="C22291" s="2"/>
    </row>
    <row r="22292" spans="1:3" ht="19.2">
      <c r="A22292" s="2"/>
      <c r="B22292" s="2"/>
      <c r="C22292" s="2"/>
    </row>
    <row r="22293" spans="1:3" ht="19.2">
      <c r="A22293" s="2"/>
      <c r="B22293" s="2"/>
      <c r="C22293" s="2"/>
    </row>
    <row r="22294" spans="1:3" ht="19.2">
      <c r="A22294" s="2"/>
      <c r="B22294" s="2"/>
      <c r="C22294" s="2"/>
    </row>
    <row r="22295" spans="1:3" ht="19.2">
      <c r="A22295" s="2"/>
      <c r="B22295" s="2"/>
      <c r="C22295" s="2"/>
    </row>
    <row r="22296" spans="1:3" ht="19.2">
      <c r="A22296" s="2"/>
      <c r="B22296" s="2"/>
      <c r="C22296" s="2"/>
    </row>
    <row r="22297" spans="1:3" ht="19.2">
      <c r="A22297" s="2"/>
      <c r="B22297" s="2"/>
      <c r="C22297" s="2"/>
    </row>
    <row r="22298" spans="1:3" ht="19.2">
      <c r="A22298" s="2"/>
      <c r="B22298" s="2"/>
      <c r="C22298" s="2"/>
    </row>
    <row r="22299" spans="1:3" ht="19.2">
      <c r="A22299" s="2"/>
      <c r="B22299" s="2"/>
      <c r="C22299" s="2"/>
    </row>
    <row r="22300" spans="1:3" ht="19.2">
      <c r="A22300" s="2"/>
      <c r="B22300" s="2"/>
      <c r="C22300" s="2"/>
    </row>
    <row r="22301" spans="1:3" ht="19.2">
      <c r="A22301" s="2"/>
      <c r="B22301" s="2"/>
      <c r="C22301" s="2"/>
    </row>
    <row r="22302" spans="1:3" ht="19.2">
      <c r="A22302" s="2"/>
      <c r="B22302" s="2"/>
      <c r="C22302" s="2"/>
    </row>
    <row r="22303" spans="1:3" ht="19.2">
      <c r="A22303" s="2"/>
      <c r="B22303" s="2"/>
      <c r="C22303" s="2"/>
    </row>
    <row r="22304" spans="1:3" ht="19.2">
      <c r="A22304" s="2"/>
      <c r="B22304" s="2"/>
      <c r="C22304" s="2"/>
    </row>
    <row r="22305" spans="1:3" ht="19.2">
      <c r="A22305" s="2"/>
      <c r="B22305" s="2"/>
      <c r="C22305" s="2"/>
    </row>
    <row r="22306" spans="1:3" ht="19.2">
      <c r="A22306" s="2"/>
      <c r="B22306" s="2"/>
      <c r="C22306" s="2"/>
    </row>
    <row r="22307" spans="1:3" ht="19.2">
      <c r="A22307" s="2"/>
      <c r="B22307" s="2"/>
      <c r="C22307" s="2"/>
    </row>
    <row r="22308" spans="1:3" ht="19.2">
      <c r="A22308" s="2"/>
      <c r="B22308" s="2"/>
      <c r="C22308" s="2"/>
    </row>
    <row r="22309" spans="1:3" ht="19.2">
      <c r="A22309" s="2"/>
      <c r="B22309" s="2"/>
      <c r="C22309" s="2"/>
    </row>
    <row r="22310" spans="1:3" ht="19.2">
      <c r="A22310" s="2"/>
      <c r="B22310" s="2"/>
      <c r="C22310" s="2"/>
    </row>
    <row r="22311" spans="1:3" ht="19.2">
      <c r="A22311" s="2"/>
      <c r="B22311" s="2"/>
      <c r="C22311" s="2"/>
    </row>
    <row r="22312" spans="1:3" ht="19.2">
      <c r="A22312" s="2"/>
      <c r="B22312" s="2"/>
      <c r="C22312" s="2"/>
    </row>
    <row r="22313" spans="1:3" ht="19.2">
      <c r="A22313" s="2"/>
      <c r="B22313" s="2"/>
      <c r="C22313" s="2"/>
    </row>
    <row r="22314" spans="1:3" ht="19.2">
      <c r="A22314" s="2"/>
      <c r="B22314" s="2"/>
      <c r="C22314" s="2"/>
    </row>
    <row r="22315" spans="1:3" ht="19.2">
      <c r="A22315" s="2"/>
      <c r="B22315" s="2"/>
      <c r="C22315" s="2"/>
    </row>
    <row r="22316" spans="1:3" ht="19.2">
      <c r="A22316" s="2"/>
      <c r="B22316" s="2"/>
      <c r="C22316" s="2"/>
    </row>
    <row r="22317" spans="1:3" ht="19.2">
      <c r="A22317" s="2"/>
      <c r="B22317" s="2"/>
      <c r="C22317" s="2"/>
    </row>
    <row r="22318" spans="1:3" ht="19.2">
      <c r="A22318" s="2"/>
      <c r="B22318" s="2"/>
      <c r="C22318" s="2"/>
    </row>
    <row r="22319" spans="1:3" ht="19.2">
      <c r="A22319" s="2"/>
      <c r="B22319" s="2"/>
      <c r="C22319" s="2"/>
    </row>
    <row r="22320" spans="1:3" ht="19.2">
      <c r="A22320" s="2"/>
      <c r="B22320" s="2"/>
      <c r="C22320" s="2"/>
    </row>
    <row r="22321" spans="1:3" ht="19.2">
      <c r="A22321" s="2"/>
      <c r="B22321" s="2"/>
      <c r="C22321" s="2"/>
    </row>
    <row r="22322" spans="1:3" ht="19.2">
      <c r="A22322" s="2"/>
      <c r="B22322" s="2"/>
      <c r="C22322" s="2"/>
    </row>
    <row r="22323" spans="1:3" ht="19.2">
      <c r="A22323" s="2"/>
      <c r="B22323" s="2"/>
      <c r="C22323" s="2"/>
    </row>
    <row r="22324" spans="1:3" ht="19.2">
      <c r="A22324" s="2"/>
      <c r="B22324" s="2"/>
      <c r="C22324" s="2"/>
    </row>
    <row r="22325" spans="1:3" ht="19.2">
      <c r="A22325" s="2"/>
      <c r="B22325" s="2"/>
      <c r="C22325" s="2"/>
    </row>
    <row r="22326" spans="1:3" ht="19.2">
      <c r="A22326" s="2"/>
      <c r="B22326" s="2"/>
      <c r="C22326" s="2"/>
    </row>
    <row r="22327" spans="1:3" ht="19.2">
      <c r="A22327" s="2"/>
      <c r="B22327" s="2"/>
      <c r="C22327" s="2"/>
    </row>
    <row r="22328" spans="1:3" ht="19.2">
      <c r="A22328" s="2"/>
      <c r="B22328" s="2"/>
      <c r="C22328" s="2"/>
    </row>
    <row r="22329" spans="1:3" ht="19.2">
      <c r="A22329" s="2"/>
      <c r="B22329" s="2"/>
      <c r="C22329" s="2"/>
    </row>
    <row r="22330" spans="1:3" ht="19.2">
      <c r="A22330" s="2"/>
      <c r="B22330" s="2"/>
      <c r="C22330" s="2"/>
    </row>
    <row r="22331" spans="1:3" ht="19.2">
      <c r="A22331" s="2"/>
      <c r="B22331" s="2"/>
      <c r="C22331" s="2"/>
    </row>
    <row r="22332" spans="1:3" ht="19.2">
      <c r="A22332" s="2"/>
      <c r="B22332" s="2"/>
      <c r="C22332" s="2"/>
    </row>
    <row r="22333" spans="1:3" ht="19.2">
      <c r="A22333" s="2"/>
      <c r="B22333" s="2"/>
      <c r="C22333" s="2"/>
    </row>
    <row r="22334" spans="1:3" ht="19.2">
      <c r="A22334" s="2"/>
      <c r="B22334" s="2"/>
      <c r="C22334" s="2"/>
    </row>
    <row r="22335" spans="1:3" ht="19.2">
      <c r="A22335" s="2"/>
      <c r="B22335" s="2"/>
      <c r="C22335" s="2"/>
    </row>
    <row r="22336" spans="1:3" ht="19.2">
      <c r="A22336" s="2"/>
      <c r="B22336" s="2"/>
      <c r="C22336" s="2"/>
    </row>
    <row r="22337" spans="1:3" ht="19.2">
      <c r="A22337" s="2"/>
      <c r="B22337" s="2"/>
      <c r="C22337" s="2"/>
    </row>
    <row r="22338" spans="1:3" ht="19.2">
      <c r="A22338" s="2"/>
      <c r="B22338" s="2"/>
      <c r="C22338" s="2"/>
    </row>
    <row r="22339" spans="1:3" ht="19.2">
      <c r="A22339" s="2"/>
      <c r="B22339" s="2"/>
      <c r="C22339" s="2"/>
    </row>
    <row r="22340" spans="1:3" ht="19.2">
      <c r="A22340" s="2"/>
      <c r="B22340" s="2"/>
      <c r="C22340" s="2"/>
    </row>
    <row r="22341" spans="1:3" ht="19.2">
      <c r="A22341" s="2"/>
      <c r="B22341" s="2"/>
      <c r="C22341" s="2"/>
    </row>
    <row r="22342" spans="1:3" ht="19.2">
      <c r="A22342" s="2"/>
      <c r="B22342" s="2"/>
      <c r="C22342" s="2"/>
    </row>
    <row r="22343" spans="1:3" ht="19.2">
      <c r="A22343" s="2"/>
      <c r="B22343" s="2"/>
      <c r="C22343" s="2"/>
    </row>
    <row r="22344" spans="1:3" ht="19.2">
      <c r="A22344" s="2"/>
      <c r="B22344" s="2"/>
      <c r="C22344" s="2"/>
    </row>
    <row r="22345" spans="1:3" ht="19.2">
      <c r="A22345" s="2"/>
      <c r="B22345" s="2"/>
      <c r="C22345" s="2"/>
    </row>
    <row r="22346" spans="1:3" ht="19.2">
      <c r="A22346" s="2"/>
      <c r="B22346" s="2"/>
      <c r="C22346" s="2"/>
    </row>
    <row r="22347" spans="1:3" ht="19.2">
      <c r="A22347" s="2"/>
      <c r="B22347" s="2"/>
      <c r="C22347" s="2"/>
    </row>
    <row r="22348" spans="1:3" ht="19.2">
      <c r="A22348" s="2"/>
      <c r="B22348" s="2"/>
      <c r="C22348" s="2"/>
    </row>
    <row r="22349" spans="1:3" ht="19.2">
      <c r="A22349" s="2"/>
      <c r="B22349" s="2"/>
      <c r="C22349" s="2"/>
    </row>
    <row r="22350" spans="1:3" ht="19.2">
      <c r="A22350" s="2"/>
      <c r="B22350" s="2"/>
      <c r="C22350" s="2"/>
    </row>
    <row r="22351" spans="1:3" ht="19.2">
      <c r="A22351" s="2"/>
      <c r="B22351" s="2"/>
      <c r="C22351" s="2"/>
    </row>
    <row r="22352" spans="1:3" ht="19.2">
      <c r="A22352" s="2"/>
      <c r="B22352" s="2"/>
      <c r="C22352" s="2"/>
    </row>
    <row r="22353" spans="1:3" ht="19.2">
      <c r="A22353" s="2"/>
      <c r="B22353" s="2"/>
      <c r="C22353" s="2"/>
    </row>
    <row r="22354" spans="1:3" ht="19.2">
      <c r="A22354" s="2"/>
      <c r="B22354" s="2"/>
      <c r="C22354" s="2"/>
    </row>
    <row r="22355" spans="1:3" ht="19.2">
      <c r="A22355" s="2"/>
      <c r="B22355" s="2"/>
      <c r="C22355" s="2"/>
    </row>
    <row r="22356" spans="1:3" ht="19.2">
      <c r="A22356" s="2"/>
      <c r="B22356" s="2"/>
      <c r="C22356" s="2"/>
    </row>
    <row r="22357" spans="1:3" ht="19.2">
      <c r="A22357" s="2"/>
      <c r="B22357" s="2"/>
      <c r="C22357" s="2"/>
    </row>
    <row r="22358" spans="1:3" ht="19.2">
      <c r="A22358" s="2"/>
      <c r="B22358" s="2"/>
      <c r="C22358" s="2"/>
    </row>
    <row r="22359" spans="1:3" ht="19.2">
      <c r="A22359" s="2"/>
      <c r="B22359" s="2"/>
      <c r="C22359" s="2"/>
    </row>
    <row r="22360" spans="1:3" ht="19.2">
      <c r="A22360" s="2"/>
      <c r="B22360" s="2"/>
      <c r="C22360" s="2"/>
    </row>
    <row r="22361" spans="1:3" ht="19.2">
      <c r="A22361" s="2"/>
      <c r="B22361" s="2"/>
      <c r="C22361" s="2"/>
    </row>
    <row r="22362" spans="1:3" ht="19.2">
      <c r="A22362" s="2"/>
      <c r="B22362" s="2"/>
      <c r="C22362" s="2"/>
    </row>
    <row r="22363" spans="1:3" ht="19.2">
      <c r="A22363" s="2"/>
      <c r="B22363" s="2"/>
      <c r="C22363" s="2"/>
    </row>
    <row r="22364" spans="1:3" ht="19.2">
      <c r="A22364" s="2"/>
      <c r="B22364" s="2"/>
      <c r="C22364" s="2"/>
    </row>
    <row r="22365" spans="1:3" ht="19.2">
      <c r="A22365" s="2"/>
      <c r="B22365" s="2"/>
      <c r="C22365" s="2"/>
    </row>
    <row r="22366" spans="1:3" ht="19.2">
      <c r="A22366" s="2"/>
      <c r="B22366" s="2"/>
      <c r="C22366" s="2"/>
    </row>
    <row r="22367" spans="1:3" ht="19.2">
      <c r="A22367" s="2"/>
      <c r="B22367" s="2"/>
      <c r="C22367" s="2"/>
    </row>
    <row r="22368" spans="1:3" ht="19.2">
      <c r="A22368" s="2"/>
      <c r="B22368" s="2"/>
      <c r="C22368" s="2"/>
    </row>
    <row r="22369" spans="1:3" ht="19.2">
      <c r="A22369" s="2"/>
      <c r="B22369" s="2"/>
      <c r="C22369" s="2"/>
    </row>
    <row r="22370" spans="1:3" ht="19.2">
      <c r="A22370" s="2"/>
      <c r="B22370" s="2"/>
      <c r="C22370" s="2"/>
    </row>
    <row r="22371" spans="1:3" ht="19.2">
      <c r="A22371" s="2"/>
      <c r="B22371" s="2"/>
      <c r="C22371" s="2"/>
    </row>
    <row r="22372" spans="1:3" ht="19.2">
      <c r="A22372" s="2"/>
      <c r="B22372" s="2"/>
      <c r="C22372" s="2"/>
    </row>
    <row r="22373" spans="1:3" ht="19.2">
      <c r="A22373" s="2"/>
      <c r="B22373" s="2"/>
      <c r="C22373" s="2"/>
    </row>
    <row r="22374" spans="1:3" ht="19.2">
      <c r="A22374" s="2"/>
      <c r="B22374" s="2"/>
      <c r="C22374" s="2"/>
    </row>
    <row r="22375" spans="1:3" ht="19.2">
      <c r="A22375" s="2"/>
      <c r="B22375" s="2"/>
      <c r="C22375" s="2"/>
    </row>
    <row r="22376" spans="1:3" ht="19.2">
      <c r="A22376" s="2"/>
      <c r="B22376" s="2"/>
      <c r="C22376" s="2"/>
    </row>
    <row r="22377" spans="1:3" ht="19.2">
      <c r="A22377" s="2"/>
      <c r="B22377" s="2"/>
      <c r="C22377" s="2"/>
    </row>
    <row r="22378" spans="1:3" ht="19.2">
      <c r="A22378" s="2"/>
      <c r="B22378" s="2"/>
      <c r="C22378" s="2"/>
    </row>
    <row r="22379" spans="1:3" ht="19.2">
      <c r="A22379" s="2"/>
      <c r="B22379" s="2"/>
      <c r="C22379" s="2"/>
    </row>
    <row r="22380" spans="1:3" ht="19.2">
      <c r="A22380" s="2"/>
      <c r="B22380" s="2"/>
      <c r="C22380" s="2"/>
    </row>
    <row r="22381" spans="1:3" ht="19.2">
      <c r="A22381" s="2"/>
      <c r="B22381" s="2"/>
      <c r="C22381" s="2"/>
    </row>
    <row r="22382" spans="1:3" ht="19.2">
      <c r="A22382" s="2"/>
      <c r="B22382" s="2"/>
      <c r="C22382" s="2"/>
    </row>
    <row r="22383" spans="1:3" ht="19.2">
      <c r="A22383" s="2"/>
      <c r="B22383" s="2"/>
      <c r="C22383" s="2"/>
    </row>
    <row r="22384" spans="1:3" ht="19.2">
      <c r="A22384" s="2"/>
      <c r="B22384" s="2"/>
      <c r="C22384" s="2"/>
    </row>
    <row r="22385" spans="1:3" ht="19.2">
      <c r="A22385" s="2"/>
      <c r="B22385" s="2"/>
      <c r="C22385" s="2"/>
    </row>
    <row r="22386" spans="1:3" ht="19.2">
      <c r="A22386" s="2"/>
      <c r="B22386" s="2"/>
      <c r="C22386" s="2"/>
    </row>
    <row r="22387" spans="1:3" ht="19.2">
      <c r="A22387" s="2"/>
      <c r="B22387" s="2"/>
      <c r="C22387" s="2"/>
    </row>
    <row r="22388" spans="1:3" ht="19.2">
      <c r="A22388" s="2"/>
      <c r="B22388" s="2"/>
      <c r="C22388" s="2"/>
    </row>
    <row r="22389" spans="1:3" ht="19.2">
      <c r="A22389" s="2"/>
      <c r="B22389" s="2"/>
      <c r="C22389" s="2"/>
    </row>
    <row r="22390" spans="1:3" ht="19.2">
      <c r="A22390" s="2"/>
      <c r="B22390" s="2"/>
      <c r="C22390" s="2"/>
    </row>
    <row r="22391" spans="1:3" ht="19.2">
      <c r="A22391" s="2"/>
      <c r="B22391" s="2"/>
      <c r="C22391" s="2"/>
    </row>
    <row r="22392" spans="1:3" ht="19.2">
      <c r="A22392" s="2"/>
      <c r="B22392" s="2"/>
      <c r="C22392" s="2"/>
    </row>
    <row r="22393" spans="1:3" ht="19.2">
      <c r="A22393" s="2"/>
      <c r="B22393" s="2"/>
      <c r="C22393" s="2"/>
    </row>
    <row r="22394" spans="1:3" ht="19.2">
      <c r="A22394" s="2"/>
      <c r="B22394" s="2"/>
      <c r="C22394" s="2"/>
    </row>
    <row r="22395" spans="1:3" ht="19.2">
      <c r="A22395" s="2"/>
      <c r="B22395" s="2"/>
      <c r="C22395" s="2"/>
    </row>
    <row r="22396" spans="1:3" ht="19.2">
      <c r="A22396" s="2"/>
      <c r="B22396" s="2"/>
      <c r="C22396" s="2"/>
    </row>
    <row r="22397" spans="1:3" ht="19.2">
      <c r="A22397" s="2"/>
      <c r="B22397" s="2"/>
      <c r="C22397" s="2"/>
    </row>
    <row r="22398" spans="1:3" ht="19.2">
      <c r="A22398" s="2"/>
      <c r="B22398" s="2"/>
      <c r="C22398" s="2"/>
    </row>
    <row r="22399" spans="1:3" ht="19.2">
      <c r="A22399" s="2"/>
      <c r="B22399" s="2"/>
      <c r="C22399" s="2"/>
    </row>
    <row r="22400" spans="1:3" ht="19.2">
      <c r="A22400" s="2"/>
      <c r="B22400" s="2"/>
      <c r="C22400" s="2"/>
    </row>
    <row r="22401" spans="1:3" ht="19.2">
      <c r="A22401" s="2"/>
      <c r="B22401" s="2"/>
      <c r="C22401" s="2"/>
    </row>
    <row r="22402" spans="1:3" ht="19.2">
      <c r="A22402" s="2"/>
      <c r="B22402" s="2"/>
      <c r="C22402" s="2"/>
    </row>
    <row r="22403" spans="1:3" ht="19.2">
      <c r="A22403" s="2"/>
      <c r="B22403" s="2"/>
      <c r="C22403" s="2"/>
    </row>
    <row r="22404" spans="1:3" ht="19.2">
      <c r="A22404" s="2"/>
      <c r="B22404" s="2"/>
      <c r="C22404" s="2"/>
    </row>
    <row r="22405" spans="1:3" ht="19.2">
      <c r="A22405" s="2"/>
      <c r="B22405" s="2"/>
      <c r="C22405" s="2"/>
    </row>
    <row r="22406" spans="1:3" ht="19.2">
      <c r="A22406" s="2"/>
      <c r="B22406" s="2"/>
      <c r="C22406" s="2"/>
    </row>
    <row r="22407" spans="1:3" ht="19.2">
      <c r="A22407" s="2"/>
      <c r="B22407" s="2"/>
      <c r="C22407" s="2"/>
    </row>
    <row r="22408" spans="1:3" ht="19.2">
      <c r="A22408" s="2"/>
      <c r="B22408" s="2"/>
      <c r="C22408" s="2"/>
    </row>
    <row r="22409" spans="1:3" ht="19.2">
      <c r="A22409" s="2"/>
      <c r="B22409" s="2"/>
      <c r="C22409" s="2"/>
    </row>
    <row r="22410" spans="1:3" ht="19.2">
      <c r="A22410" s="2"/>
      <c r="B22410" s="2"/>
      <c r="C22410" s="2"/>
    </row>
    <row r="22411" spans="1:3" ht="19.2">
      <c r="A22411" s="2"/>
      <c r="B22411" s="2"/>
      <c r="C22411" s="2"/>
    </row>
    <row r="22412" spans="1:3" ht="19.2">
      <c r="A22412" s="2"/>
      <c r="B22412" s="2"/>
      <c r="C22412" s="2"/>
    </row>
    <row r="22413" spans="1:3" ht="19.2">
      <c r="A22413" s="2"/>
      <c r="B22413" s="2"/>
      <c r="C22413" s="2"/>
    </row>
    <row r="22414" spans="1:3" ht="19.2">
      <c r="A22414" s="2"/>
      <c r="B22414" s="2"/>
      <c r="C22414" s="2"/>
    </row>
    <row r="22415" spans="1:3" ht="19.2">
      <c r="A22415" s="2"/>
      <c r="B22415" s="2"/>
      <c r="C22415" s="2"/>
    </row>
    <row r="22416" spans="1:3" ht="19.2">
      <c r="A22416" s="2"/>
      <c r="B22416" s="2"/>
      <c r="C22416" s="2"/>
    </row>
    <row r="22417" spans="1:3" ht="19.2">
      <c r="A22417" s="2"/>
      <c r="B22417" s="2"/>
      <c r="C22417" s="2"/>
    </row>
    <row r="22418" spans="1:3" ht="19.2">
      <c r="A22418" s="2"/>
      <c r="B22418" s="2"/>
      <c r="C22418" s="2"/>
    </row>
    <row r="22419" spans="1:3" ht="19.2">
      <c r="A22419" s="2"/>
      <c r="B22419" s="2"/>
      <c r="C22419" s="2"/>
    </row>
    <row r="22420" spans="1:3" ht="19.2">
      <c r="A22420" s="2"/>
      <c r="B22420" s="2"/>
      <c r="C22420" s="2"/>
    </row>
    <row r="22421" spans="1:3" ht="19.2">
      <c r="A22421" s="2"/>
      <c r="B22421" s="2"/>
      <c r="C22421" s="2"/>
    </row>
    <row r="22422" spans="1:3" ht="19.2">
      <c r="A22422" s="2"/>
      <c r="B22422" s="2"/>
      <c r="C22422" s="2"/>
    </row>
    <row r="22423" spans="1:3" ht="19.2">
      <c r="A22423" s="2"/>
      <c r="B22423" s="2"/>
      <c r="C22423" s="2"/>
    </row>
    <row r="22424" spans="1:3" ht="19.2">
      <c r="A22424" s="2"/>
      <c r="B22424" s="2"/>
      <c r="C22424" s="2"/>
    </row>
    <row r="22425" spans="1:3" ht="19.2">
      <c r="A22425" s="2"/>
      <c r="B22425" s="2"/>
      <c r="C22425" s="2"/>
    </row>
    <row r="22426" spans="1:3" ht="19.2">
      <c r="A22426" s="2"/>
      <c r="B22426" s="2"/>
      <c r="C22426" s="2"/>
    </row>
    <row r="22427" spans="1:3" ht="19.2">
      <c r="A22427" s="2"/>
      <c r="B22427" s="2"/>
      <c r="C22427" s="2"/>
    </row>
    <row r="22428" spans="1:3" ht="19.2">
      <c r="A22428" s="2"/>
      <c r="B22428" s="2"/>
      <c r="C22428" s="2"/>
    </row>
    <row r="22429" spans="1:3" ht="19.2">
      <c r="A22429" s="2"/>
      <c r="B22429" s="2"/>
      <c r="C22429" s="2"/>
    </row>
    <row r="22430" spans="1:3" ht="19.2">
      <c r="A22430" s="2"/>
      <c r="B22430" s="2"/>
      <c r="C22430" s="2"/>
    </row>
    <row r="22431" spans="1:3" ht="19.2">
      <c r="A22431" s="2"/>
      <c r="B22431" s="2"/>
      <c r="C22431" s="2"/>
    </row>
    <row r="22432" spans="1:3" ht="19.2">
      <c r="A22432" s="2"/>
      <c r="B22432" s="2"/>
      <c r="C22432" s="2"/>
    </row>
    <row r="22433" spans="1:3" ht="19.2">
      <c r="A22433" s="2"/>
      <c r="B22433" s="2"/>
      <c r="C22433" s="2"/>
    </row>
    <row r="22434" spans="1:3" ht="19.2">
      <c r="A22434" s="2"/>
      <c r="B22434" s="2"/>
      <c r="C22434" s="2"/>
    </row>
    <row r="22435" spans="1:3" ht="19.2">
      <c r="A22435" s="2"/>
      <c r="B22435" s="2"/>
      <c r="C22435" s="2"/>
    </row>
    <row r="22436" spans="1:3" ht="19.2">
      <c r="A22436" s="2"/>
      <c r="B22436" s="2"/>
      <c r="C22436" s="2"/>
    </row>
    <row r="22437" spans="1:3" ht="19.2">
      <c r="A22437" s="2"/>
      <c r="B22437" s="2"/>
      <c r="C22437" s="2"/>
    </row>
    <row r="22438" spans="1:3" ht="19.2">
      <c r="A22438" s="2"/>
      <c r="B22438" s="2"/>
      <c r="C22438" s="2"/>
    </row>
    <row r="22439" spans="1:3" ht="19.2">
      <c r="A22439" s="2"/>
      <c r="B22439" s="2"/>
      <c r="C22439" s="2"/>
    </row>
    <row r="22440" spans="1:3" ht="19.2">
      <c r="A22440" s="2"/>
      <c r="B22440" s="2"/>
      <c r="C22440" s="2"/>
    </row>
    <row r="22441" spans="1:3" ht="19.2">
      <c r="A22441" s="2"/>
      <c r="B22441" s="2"/>
      <c r="C22441" s="2"/>
    </row>
    <row r="22442" spans="1:3" ht="19.2">
      <c r="A22442" s="2"/>
      <c r="B22442" s="2"/>
      <c r="C22442" s="2"/>
    </row>
    <row r="22443" spans="1:3" ht="19.2">
      <c r="A22443" s="2"/>
      <c r="B22443" s="2"/>
      <c r="C22443" s="2"/>
    </row>
    <row r="22444" spans="1:3" ht="19.2">
      <c r="A22444" s="2"/>
      <c r="B22444" s="2"/>
      <c r="C22444" s="2"/>
    </row>
    <row r="22445" spans="1:3" ht="19.2">
      <c r="A22445" s="2"/>
      <c r="B22445" s="2"/>
      <c r="C22445" s="2"/>
    </row>
    <row r="22446" spans="1:3" ht="19.2">
      <c r="A22446" s="2"/>
      <c r="B22446" s="2"/>
      <c r="C22446" s="2"/>
    </row>
    <row r="22447" spans="1:3" ht="19.2">
      <c r="A22447" s="2"/>
      <c r="B22447" s="2"/>
      <c r="C22447" s="2"/>
    </row>
    <row r="22448" spans="1:3" ht="19.2">
      <c r="A22448" s="2"/>
      <c r="B22448" s="2"/>
      <c r="C22448" s="2"/>
    </row>
    <row r="22449" spans="1:3" ht="19.2">
      <c r="A22449" s="2"/>
      <c r="B22449" s="2"/>
      <c r="C22449" s="2"/>
    </row>
    <row r="22450" spans="1:3" ht="19.2">
      <c r="A22450" s="2"/>
      <c r="B22450" s="2"/>
      <c r="C22450" s="2"/>
    </row>
    <row r="22451" spans="1:3" ht="19.2">
      <c r="A22451" s="2"/>
      <c r="B22451" s="2"/>
      <c r="C22451" s="2"/>
    </row>
    <row r="22452" spans="1:3" ht="19.2">
      <c r="A22452" s="2"/>
      <c r="B22452" s="2"/>
      <c r="C22452" s="2"/>
    </row>
    <row r="22453" spans="1:3" ht="19.2">
      <c r="A22453" s="2"/>
      <c r="B22453" s="2"/>
      <c r="C22453" s="2"/>
    </row>
    <row r="22454" spans="1:3" ht="19.2">
      <c r="A22454" s="2"/>
      <c r="B22454" s="2"/>
      <c r="C22454" s="2"/>
    </row>
    <row r="22455" spans="1:3" ht="19.2">
      <c r="A22455" s="2"/>
      <c r="B22455" s="2"/>
      <c r="C22455" s="2"/>
    </row>
    <row r="22456" spans="1:3" ht="19.2">
      <c r="A22456" s="2"/>
      <c r="B22456" s="2"/>
      <c r="C22456" s="2"/>
    </row>
    <row r="22457" spans="1:3" ht="19.2">
      <c r="A22457" s="2"/>
      <c r="B22457" s="2"/>
      <c r="C22457" s="2"/>
    </row>
    <row r="22458" spans="1:3" ht="19.2">
      <c r="A22458" s="2"/>
      <c r="B22458" s="2"/>
      <c r="C22458" s="2"/>
    </row>
    <row r="22459" spans="1:3" ht="19.2">
      <c r="A22459" s="2"/>
      <c r="B22459" s="2"/>
      <c r="C22459" s="2"/>
    </row>
    <row r="22460" spans="1:3" ht="19.2">
      <c r="A22460" s="2"/>
      <c r="B22460" s="2"/>
      <c r="C22460" s="2"/>
    </row>
    <row r="22461" spans="1:3" ht="19.2">
      <c r="A22461" s="2"/>
      <c r="B22461" s="2"/>
      <c r="C22461" s="2"/>
    </row>
    <row r="22462" spans="1:3" ht="19.2">
      <c r="A22462" s="2"/>
      <c r="B22462" s="2"/>
      <c r="C22462" s="2"/>
    </row>
    <row r="22463" spans="1:3" ht="19.2">
      <c r="A22463" s="2"/>
      <c r="B22463" s="2"/>
      <c r="C22463" s="2"/>
    </row>
    <row r="22464" spans="1:3" ht="19.2">
      <c r="A22464" s="2"/>
      <c r="B22464" s="2"/>
      <c r="C22464" s="2"/>
    </row>
    <row r="22465" spans="1:3" ht="19.2">
      <c r="A22465" s="2"/>
      <c r="B22465" s="2"/>
      <c r="C22465" s="2"/>
    </row>
    <row r="22466" spans="1:3" ht="19.2">
      <c r="A22466" s="2"/>
      <c r="B22466" s="2"/>
      <c r="C22466" s="2"/>
    </row>
    <row r="22467" spans="1:3" ht="19.2">
      <c r="A22467" s="2"/>
      <c r="B22467" s="2"/>
      <c r="C22467" s="2"/>
    </row>
    <row r="22468" spans="1:3" ht="19.2">
      <c r="A22468" s="2"/>
      <c r="B22468" s="2"/>
      <c r="C22468" s="2"/>
    </row>
    <row r="22469" spans="1:3" ht="19.2">
      <c r="A22469" s="2"/>
      <c r="B22469" s="2"/>
      <c r="C22469" s="2"/>
    </row>
    <row r="22470" spans="1:3" ht="19.2">
      <c r="A22470" s="2"/>
      <c r="B22470" s="2"/>
      <c r="C22470" s="2"/>
    </row>
    <row r="22471" spans="1:3" ht="19.2">
      <c r="A22471" s="2"/>
      <c r="B22471" s="2"/>
      <c r="C22471" s="2"/>
    </row>
    <row r="22472" spans="1:3" ht="19.2">
      <c r="A22472" s="2"/>
      <c r="B22472" s="2"/>
      <c r="C22472" s="2"/>
    </row>
    <row r="22473" spans="1:3" ht="19.2">
      <c r="A22473" s="2"/>
      <c r="B22473" s="2"/>
      <c r="C22473" s="2"/>
    </row>
    <row r="22474" spans="1:3" ht="19.2">
      <c r="A22474" s="2"/>
      <c r="B22474" s="2"/>
      <c r="C22474" s="2"/>
    </row>
    <row r="22475" spans="1:3" ht="19.2">
      <c r="A22475" s="2"/>
      <c r="B22475" s="2"/>
      <c r="C22475" s="2"/>
    </row>
    <row r="22476" spans="1:3" ht="19.2">
      <c r="A22476" s="2"/>
      <c r="B22476" s="2"/>
      <c r="C22476" s="2"/>
    </row>
    <row r="22477" spans="1:3" ht="19.2">
      <c r="A22477" s="2"/>
      <c r="B22477" s="2"/>
      <c r="C22477" s="2"/>
    </row>
    <row r="22478" spans="1:3" ht="19.2">
      <c r="A22478" s="2"/>
      <c r="B22478" s="2"/>
      <c r="C22478" s="2"/>
    </row>
    <row r="22479" spans="1:3" ht="19.2">
      <c r="A22479" s="2"/>
      <c r="B22479" s="2"/>
      <c r="C22479" s="2"/>
    </row>
    <row r="22480" spans="1:3" ht="19.2">
      <c r="A22480" s="2"/>
      <c r="B22480" s="2"/>
      <c r="C22480" s="2"/>
    </row>
    <row r="22481" spans="1:3" ht="19.2">
      <c r="A22481" s="2"/>
      <c r="B22481" s="2"/>
      <c r="C22481" s="2"/>
    </row>
    <row r="22482" spans="1:3" ht="19.2">
      <c r="A22482" s="2"/>
      <c r="B22482" s="2"/>
      <c r="C22482" s="2"/>
    </row>
    <row r="22483" spans="1:3" ht="19.2">
      <c r="A22483" s="2"/>
      <c r="B22483" s="2"/>
      <c r="C22483" s="2"/>
    </row>
    <row r="22484" spans="1:3" ht="19.2">
      <c r="A22484" s="2"/>
      <c r="B22484" s="2"/>
      <c r="C22484" s="2"/>
    </row>
    <row r="22485" spans="1:3" ht="19.2">
      <c r="A22485" s="2"/>
      <c r="B22485" s="2"/>
      <c r="C22485" s="2"/>
    </row>
    <row r="22486" spans="1:3" ht="19.2">
      <c r="A22486" s="2"/>
      <c r="B22486" s="2"/>
      <c r="C22486" s="2"/>
    </row>
    <row r="22487" spans="1:3" ht="19.2">
      <c r="A22487" s="2"/>
      <c r="B22487" s="2"/>
      <c r="C22487" s="2"/>
    </row>
    <row r="22488" spans="1:3" ht="19.2">
      <c r="A22488" s="2"/>
      <c r="B22488" s="2"/>
      <c r="C22488" s="2"/>
    </row>
    <row r="22489" spans="1:3" ht="19.2">
      <c r="A22489" s="2"/>
      <c r="B22489" s="2"/>
      <c r="C22489" s="2"/>
    </row>
    <row r="22490" spans="1:3" ht="19.2">
      <c r="A22490" s="2"/>
      <c r="B22490" s="2"/>
      <c r="C22490" s="2"/>
    </row>
    <row r="22491" spans="1:3" ht="19.2">
      <c r="A22491" s="2"/>
      <c r="B22491" s="2"/>
      <c r="C22491" s="2"/>
    </row>
    <row r="22492" spans="1:3" ht="19.2">
      <c r="A22492" s="2"/>
      <c r="B22492" s="2"/>
      <c r="C22492" s="2"/>
    </row>
    <row r="22493" spans="1:3" ht="19.2">
      <c r="A22493" s="2"/>
      <c r="B22493" s="2"/>
      <c r="C22493" s="2"/>
    </row>
    <row r="22494" spans="1:3" ht="19.2">
      <c r="A22494" s="2"/>
      <c r="B22494" s="2"/>
      <c r="C22494" s="2"/>
    </row>
    <row r="22495" spans="1:3" ht="19.2">
      <c r="A22495" s="2"/>
      <c r="B22495" s="2"/>
      <c r="C22495" s="2"/>
    </row>
    <row r="22496" spans="1:3" ht="19.2">
      <c r="A22496" s="2"/>
      <c r="B22496" s="2"/>
      <c r="C22496" s="2"/>
    </row>
    <row r="22497" spans="1:3" ht="19.2">
      <c r="A22497" s="2"/>
      <c r="B22497" s="2"/>
      <c r="C22497" s="2"/>
    </row>
    <row r="22498" spans="1:3" ht="19.2">
      <c r="A22498" s="2"/>
      <c r="B22498" s="2"/>
      <c r="C22498" s="2"/>
    </row>
    <row r="22499" spans="1:3" ht="19.2">
      <c r="A22499" s="2"/>
      <c r="B22499" s="2"/>
      <c r="C22499" s="2"/>
    </row>
    <row r="22500" spans="1:3" ht="19.2">
      <c r="A22500" s="2"/>
      <c r="B22500" s="2"/>
      <c r="C22500" s="2"/>
    </row>
    <row r="22501" spans="1:3" ht="19.2">
      <c r="A22501" s="2"/>
      <c r="B22501" s="2"/>
      <c r="C22501" s="2"/>
    </row>
    <row r="22502" spans="1:3" ht="19.2">
      <c r="A22502" s="2"/>
      <c r="B22502" s="2"/>
      <c r="C22502" s="2"/>
    </row>
    <row r="22503" spans="1:3" ht="19.2">
      <c r="A22503" s="2"/>
      <c r="B22503" s="2"/>
      <c r="C22503" s="2"/>
    </row>
    <row r="22504" spans="1:3" ht="19.2">
      <c r="A22504" s="2"/>
      <c r="B22504" s="2"/>
      <c r="C22504" s="2"/>
    </row>
    <row r="22505" spans="1:3" ht="19.2">
      <c r="A22505" s="2"/>
      <c r="B22505" s="2"/>
      <c r="C22505" s="2"/>
    </row>
    <row r="22506" spans="1:3" ht="19.2">
      <c r="A22506" s="2"/>
      <c r="B22506" s="2"/>
      <c r="C22506" s="2"/>
    </row>
    <row r="22507" spans="1:3" ht="19.2">
      <c r="A22507" s="2"/>
      <c r="B22507" s="2"/>
      <c r="C22507" s="2"/>
    </row>
    <row r="22508" spans="1:3" ht="19.2">
      <c r="A22508" s="2"/>
      <c r="B22508" s="2"/>
      <c r="C22508" s="2"/>
    </row>
    <row r="22509" spans="1:3" ht="19.2">
      <c r="A22509" s="2"/>
      <c r="B22509" s="2"/>
      <c r="C22509" s="2"/>
    </row>
    <row r="22510" spans="1:3" ht="19.2">
      <c r="A22510" s="2"/>
      <c r="B22510" s="2"/>
      <c r="C22510" s="2"/>
    </row>
    <row r="22511" spans="1:3" ht="19.2">
      <c r="A22511" s="2"/>
      <c r="B22511" s="2"/>
      <c r="C22511" s="2"/>
    </row>
    <row r="22512" spans="1:3" ht="19.2">
      <c r="A22512" s="2"/>
      <c r="B22512" s="2"/>
      <c r="C22512" s="2"/>
    </row>
    <row r="22513" spans="1:3" ht="19.2">
      <c r="A22513" s="2"/>
      <c r="B22513" s="2"/>
      <c r="C22513" s="2"/>
    </row>
    <row r="22514" spans="1:3" ht="19.2">
      <c r="A22514" s="2"/>
      <c r="B22514" s="2"/>
      <c r="C22514" s="2"/>
    </row>
    <row r="22515" spans="1:3" ht="19.2">
      <c r="A22515" s="2"/>
      <c r="B22515" s="2"/>
      <c r="C22515" s="2"/>
    </row>
    <row r="22516" spans="1:3" ht="19.2">
      <c r="A22516" s="2"/>
      <c r="B22516" s="2"/>
      <c r="C22516" s="2"/>
    </row>
    <row r="22517" spans="1:3" ht="19.2">
      <c r="A22517" s="2"/>
      <c r="B22517" s="2"/>
      <c r="C22517" s="2"/>
    </row>
    <row r="22518" spans="1:3" ht="19.2">
      <c r="A22518" s="2"/>
      <c r="B22518" s="2"/>
      <c r="C22518" s="2"/>
    </row>
    <row r="22519" spans="1:3" ht="19.2">
      <c r="A22519" s="2"/>
      <c r="B22519" s="2"/>
      <c r="C22519" s="2"/>
    </row>
    <row r="22520" spans="1:3" ht="19.2">
      <c r="A22520" s="2"/>
      <c r="B22520" s="2"/>
      <c r="C22520" s="2"/>
    </row>
    <row r="22521" spans="1:3" ht="19.2">
      <c r="A22521" s="2"/>
      <c r="B22521" s="2"/>
      <c r="C22521" s="2"/>
    </row>
    <row r="22522" spans="1:3" ht="19.2">
      <c r="A22522" s="2"/>
      <c r="B22522" s="2"/>
      <c r="C22522" s="2"/>
    </row>
    <row r="22523" spans="1:3" ht="19.2">
      <c r="A22523" s="2"/>
      <c r="B22523" s="2"/>
      <c r="C22523" s="2"/>
    </row>
    <row r="22524" spans="1:3" ht="19.2">
      <c r="A22524" s="2"/>
      <c r="B22524" s="2"/>
      <c r="C22524" s="2"/>
    </row>
    <row r="22525" spans="1:3" ht="19.2">
      <c r="A22525" s="2"/>
      <c r="B22525" s="2"/>
      <c r="C22525" s="2"/>
    </row>
    <row r="22526" spans="1:3" ht="19.2">
      <c r="A22526" s="2"/>
      <c r="B22526" s="2"/>
      <c r="C22526" s="2"/>
    </row>
    <row r="22527" spans="1:3" ht="19.2">
      <c r="A22527" s="2"/>
      <c r="B22527" s="2"/>
      <c r="C22527" s="2"/>
    </row>
    <row r="22528" spans="1:3" ht="19.2">
      <c r="A22528" s="2"/>
      <c r="B22528" s="2"/>
      <c r="C22528" s="2"/>
    </row>
    <row r="22529" spans="1:3" ht="19.2">
      <c r="A22529" s="2"/>
      <c r="B22529" s="2"/>
      <c r="C22529" s="2"/>
    </row>
    <row r="22530" spans="1:3" ht="19.2">
      <c r="A22530" s="2"/>
      <c r="B22530" s="2"/>
      <c r="C22530" s="2"/>
    </row>
    <row r="22531" spans="1:3" ht="19.2">
      <c r="A22531" s="2"/>
      <c r="B22531" s="2"/>
      <c r="C22531" s="2"/>
    </row>
    <row r="22532" spans="1:3" ht="19.2">
      <c r="A22532" s="2"/>
      <c r="B22532" s="2"/>
      <c r="C22532" s="2"/>
    </row>
    <row r="22533" spans="1:3" ht="19.2">
      <c r="A22533" s="2"/>
      <c r="B22533" s="2"/>
      <c r="C22533" s="2"/>
    </row>
    <row r="22534" spans="1:3" ht="19.2">
      <c r="A22534" s="2"/>
      <c r="B22534" s="2"/>
      <c r="C22534" s="2"/>
    </row>
    <row r="22535" spans="1:3" ht="19.2">
      <c r="A22535" s="2"/>
      <c r="B22535" s="2"/>
      <c r="C22535" s="2"/>
    </row>
    <row r="22536" spans="1:3" ht="19.2">
      <c r="A22536" s="2"/>
      <c r="B22536" s="2"/>
      <c r="C22536" s="2"/>
    </row>
    <row r="22537" spans="1:3" ht="19.2">
      <c r="A22537" s="2"/>
      <c r="B22537" s="2"/>
      <c r="C22537" s="2"/>
    </row>
    <row r="22538" spans="1:3" ht="19.2">
      <c r="A22538" s="2"/>
      <c r="B22538" s="2"/>
      <c r="C22538" s="2"/>
    </row>
    <row r="22539" spans="1:3" ht="19.2">
      <c r="A22539" s="2"/>
      <c r="B22539" s="2"/>
      <c r="C22539" s="2"/>
    </row>
    <row r="22540" spans="1:3" ht="19.2">
      <c r="A22540" s="2"/>
      <c r="B22540" s="2"/>
      <c r="C22540" s="2"/>
    </row>
    <row r="22541" spans="1:3" ht="19.2">
      <c r="A22541" s="2"/>
      <c r="B22541" s="2"/>
      <c r="C22541" s="2"/>
    </row>
    <row r="22542" spans="1:3" ht="19.2">
      <c r="A22542" s="2"/>
      <c r="B22542" s="2"/>
      <c r="C22542" s="2"/>
    </row>
    <row r="22543" spans="1:3" ht="19.2">
      <c r="A22543" s="2"/>
      <c r="B22543" s="2"/>
      <c r="C22543" s="2"/>
    </row>
    <row r="22544" spans="1:3" ht="19.2">
      <c r="A22544" s="2"/>
      <c r="B22544" s="2"/>
      <c r="C22544" s="2"/>
    </row>
    <row r="22545" spans="1:3" ht="19.2">
      <c r="A22545" s="2"/>
      <c r="B22545" s="2"/>
      <c r="C22545" s="2"/>
    </row>
    <row r="22546" spans="1:3" ht="19.2">
      <c r="A22546" s="2"/>
      <c r="B22546" s="2"/>
      <c r="C22546" s="2"/>
    </row>
    <row r="22547" spans="1:3" ht="19.2">
      <c r="A22547" s="2"/>
      <c r="B22547" s="2"/>
      <c r="C22547" s="2"/>
    </row>
    <row r="22548" spans="1:3" ht="19.2">
      <c r="A22548" s="2"/>
      <c r="B22548" s="2"/>
      <c r="C22548" s="2"/>
    </row>
    <row r="22549" spans="1:3" ht="19.2">
      <c r="A22549" s="2"/>
      <c r="B22549" s="2"/>
      <c r="C22549" s="2"/>
    </row>
    <row r="22550" spans="1:3" ht="19.2">
      <c r="A22550" s="2"/>
      <c r="B22550" s="2"/>
      <c r="C22550" s="2"/>
    </row>
    <row r="22551" spans="1:3" ht="19.2">
      <c r="A22551" s="2"/>
      <c r="B22551" s="2"/>
      <c r="C22551" s="2"/>
    </row>
    <row r="22552" spans="1:3" ht="19.2">
      <c r="A22552" s="2"/>
      <c r="B22552" s="2"/>
      <c r="C22552" s="2"/>
    </row>
    <row r="22553" spans="1:3" ht="19.2">
      <c r="A22553" s="2"/>
      <c r="B22553" s="2"/>
      <c r="C22553" s="2"/>
    </row>
    <row r="22554" spans="1:3" ht="19.2">
      <c r="A22554" s="2"/>
      <c r="B22554" s="2"/>
      <c r="C22554" s="2"/>
    </row>
    <row r="22555" spans="1:3" ht="19.2">
      <c r="A22555" s="2"/>
      <c r="B22555" s="2"/>
      <c r="C22555" s="2"/>
    </row>
    <row r="22556" spans="1:3" ht="19.2">
      <c r="A22556" s="2"/>
      <c r="B22556" s="2"/>
      <c r="C22556" s="2"/>
    </row>
    <row r="22557" spans="1:3" ht="19.2">
      <c r="A22557" s="2"/>
      <c r="B22557" s="2"/>
      <c r="C22557" s="2"/>
    </row>
    <row r="22558" spans="1:3" ht="19.2">
      <c r="A22558" s="2"/>
      <c r="B22558" s="2"/>
      <c r="C22558" s="2"/>
    </row>
    <row r="22559" spans="1:3" ht="19.2">
      <c r="A22559" s="2"/>
      <c r="B22559" s="2"/>
      <c r="C22559" s="2"/>
    </row>
    <row r="22560" spans="1:3" ht="19.2">
      <c r="A22560" s="2"/>
      <c r="B22560" s="2"/>
      <c r="C22560" s="2"/>
    </row>
    <row r="22561" spans="1:3" ht="19.2">
      <c r="A22561" s="2"/>
      <c r="B22561" s="2"/>
      <c r="C22561" s="2"/>
    </row>
    <row r="22562" spans="1:3" ht="19.2">
      <c r="A22562" s="2"/>
      <c r="B22562" s="2"/>
      <c r="C22562" s="2"/>
    </row>
    <row r="22563" spans="1:3" ht="19.2">
      <c r="A22563" s="2"/>
      <c r="B22563" s="2"/>
      <c r="C22563" s="2"/>
    </row>
    <row r="22564" spans="1:3" ht="19.2">
      <c r="A22564" s="2"/>
      <c r="B22564" s="2"/>
      <c r="C22564" s="2"/>
    </row>
    <row r="22565" spans="1:3" ht="19.2">
      <c r="A22565" s="2"/>
      <c r="B22565" s="2"/>
      <c r="C22565" s="2"/>
    </row>
    <row r="22566" spans="1:3" ht="19.2">
      <c r="A22566" s="2"/>
      <c r="B22566" s="2"/>
      <c r="C22566" s="2"/>
    </row>
    <row r="22567" spans="1:3" ht="19.2">
      <c r="A22567" s="2"/>
      <c r="B22567" s="2"/>
      <c r="C22567" s="2"/>
    </row>
    <row r="22568" spans="1:3" ht="19.2">
      <c r="A22568" s="2"/>
      <c r="B22568" s="2"/>
      <c r="C22568" s="2"/>
    </row>
    <row r="22569" spans="1:3" ht="19.2">
      <c r="A22569" s="2"/>
      <c r="B22569" s="2"/>
      <c r="C22569" s="2"/>
    </row>
    <row r="22570" spans="1:3" ht="19.2">
      <c r="A22570" s="2"/>
      <c r="B22570" s="2"/>
      <c r="C22570" s="2"/>
    </row>
    <row r="22571" spans="1:3" ht="19.2">
      <c r="A22571" s="2"/>
      <c r="B22571" s="2"/>
      <c r="C22571" s="2"/>
    </row>
    <row r="22572" spans="1:3" ht="19.2">
      <c r="A22572" s="2"/>
      <c r="B22572" s="2"/>
      <c r="C22572" s="2"/>
    </row>
    <row r="22573" spans="1:3" ht="19.2">
      <c r="A22573" s="2"/>
      <c r="B22573" s="2"/>
      <c r="C22573" s="2"/>
    </row>
    <row r="22574" spans="1:3" ht="19.2">
      <c r="A22574" s="2"/>
      <c r="B22574" s="2"/>
      <c r="C22574" s="2"/>
    </row>
    <row r="22575" spans="1:3" ht="19.2">
      <c r="A22575" s="2"/>
      <c r="B22575" s="2"/>
      <c r="C22575" s="2"/>
    </row>
    <row r="22576" spans="1:3" ht="19.2">
      <c r="A22576" s="2"/>
      <c r="B22576" s="2"/>
      <c r="C22576" s="2"/>
    </row>
    <row r="22577" spans="1:3" ht="19.2">
      <c r="A22577" s="2"/>
      <c r="B22577" s="2"/>
      <c r="C22577" s="2"/>
    </row>
    <row r="22578" spans="1:3" ht="19.2">
      <c r="A22578" s="2"/>
      <c r="B22578" s="2"/>
      <c r="C22578" s="2"/>
    </row>
    <row r="22579" spans="1:3" ht="19.2">
      <c r="A22579" s="2"/>
      <c r="B22579" s="2"/>
      <c r="C22579" s="2"/>
    </row>
    <row r="22580" spans="1:3" ht="19.2">
      <c r="A22580" s="2"/>
      <c r="B22580" s="2"/>
      <c r="C22580" s="2"/>
    </row>
    <row r="22581" spans="1:3" ht="19.2">
      <c r="A22581" s="2"/>
      <c r="B22581" s="2"/>
      <c r="C22581" s="2"/>
    </row>
    <row r="22582" spans="1:3" ht="19.2">
      <c r="A22582" s="2"/>
      <c r="B22582" s="2"/>
      <c r="C22582" s="2"/>
    </row>
    <row r="22583" spans="1:3" ht="19.2">
      <c r="A22583" s="2"/>
      <c r="B22583" s="2"/>
      <c r="C22583" s="2"/>
    </row>
    <row r="22584" spans="1:3" ht="19.2">
      <c r="A22584" s="2"/>
      <c r="B22584" s="2"/>
      <c r="C22584" s="2"/>
    </row>
    <row r="22585" spans="1:3" ht="19.2">
      <c r="A22585" s="2"/>
      <c r="B22585" s="2"/>
      <c r="C22585" s="2"/>
    </row>
    <row r="22586" spans="1:3" ht="19.2">
      <c r="A22586" s="2"/>
      <c r="B22586" s="2"/>
      <c r="C22586" s="2"/>
    </row>
    <row r="22587" spans="1:3" ht="19.2">
      <c r="A22587" s="2"/>
      <c r="B22587" s="2"/>
      <c r="C22587" s="2"/>
    </row>
    <row r="22588" spans="1:3" ht="19.2">
      <c r="A22588" s="2"/>
      <c r="B22588" s="2"/>
      <c r="C22588" s="2"/>
    </row>
    <row r="22589" spans="1:3" ht="19.2">
      <c r="A22589" s="2"/>
      <c r="B22589" s="2"/>
      <c r="C22589" s="2"/>
    </row>
    <row r="22590" spans="1:3" ht="19.2">
      <c r="A22590" s="2"/>
      <c r="B22590" s="2"/>
      <c r="C22590" s="2"/>
    </row>
    <row r="22591" spans="1:3" ht="19.2">
      <c r="A22591" s="2"/>
      <c r="B22591" s="2"/>
      <c r="C22591" s="2"/>
    </row>
    <row r="22592" spans="1:3" ht="19.2">
      <c r="A22592" s="2"/>
      <c r="B22592" s="2"/>
      <c r="C22592" s="2"/>
    </row>
    <row r="22593" spans="1:3" ht="19.2">
      <c r="A22593" s="2"/>
      <c r="B22593" s="2"/>
      <c r="C22593" s="2"/>
    </row>
    <row r="22594" spans="1:3" ht="19.2">
      <c r="A22594" s="2"/>
      <c r="B22594" s="2"/>
      <c r="C22594" s="2"/>
    </row>
    <row r="22595" spans="1:3" ht="19.2">
      <c r="A22595" s="2"/>
      <c r="B22595" s="2"/>
      <c r="C22595" s="2"/>
    </row>
    <row r="22596" spans="1:3" ht="19.2">
      <c r="A22596" s="2"/>
      <c r="B22596" s="2"/>
      <c r="C22596" s="2"/>
    </row>
    <row r="22597" spans="1:3" ht="19.2">
      <c r="A22597" s="2"/>
      <c r="B22597" s="2"/>
      <c r="C22597" s="2"/>
    </row>
    <row r="22598" spans="1:3" ht="19.2">
      <c r="A22598" s="2"/>
      <c r="B22598" s="2"/>
      <c r="C22598" s="2"/>
    </row>
    <row r="22599" spans="1:3" ht="19.2">
      <c r="A22599" s="2"/>
      <c r="B22599" s="2"/>
      <c r="C22599" s="2"/>
    </row>
    <row r="22600" spans="1:3" ht="19.2">
      <c r="A22600" s="2"/>
      <c r="B22600" s="2"/>
      <c r="C22600" s="2"/>
    </row>
    <row r="22601" spans="1:3" ht="19.2">
      <c r="A22601" s="2"/>
      <c r="B22601" s="2"/>
      <c r="C22601" s="2"/>
    </row>
    <row r="22602" spans="1:3" ht="19.2">
      <c r="A22602" s="2"/>
      <c r="B22602" s="2"/>
      <c r="C22602" s="2"/>
    </row>
    <row r="22603" spans="1:3" ht="19.2">
      <c r="A22603" s="2"/>
      <c r="B22603" s="2"/>
      <c r="C22603" s="2"/>
    </row>
    <row r="22604" spans="1:3" ht="19.2">
      <c r="A22604" s="2"/>
      <c r="B22604" s="2"/>
      <c r="C22604" s="2"/>
    </row>
    <row r="22605" spans="1:3" ht="19.2">
      <c r="A22605" s="2"/>
      <c r="B22605" s="2"/>
      <c r="C22605" s="2"/>
    </row>
    <row r="22606" spans="1:3" ht="19.2">
      <c r="A22606" s="2"/>
      <c r="B22606" s="2"/>
      <c r="C22606" s="2"/>
    </row>
    <row r="22607" spans="1:3" ht="19.2">
      <c r="A22607" s="2"/>
      <c r="B22607" s="2"/>
      <c r="C22607" s="2"/>
    </row>
    <row r="22608" spans="1:3" ht="19.2">
      <c r="A22608" s="2"/>
      <c r="B22608" s="2"/>
      <c r="C22608" s="2"/>
    </row>
    <row r="22609" spans="1:3" ht="19.2">
      <c r="A22609" s="2"/>
      <c r="B22609" s="2"/>
      <c r="C22609" s="2"/>
    </row>
    <row r="22610" spans="1:3" ht="19.2">
      <c r="A22610" s="2"/>
      <c r="B22610" s="2"/>
      <c r="C22610" s="2"/>
    </row>
    <row r="22611" spans="1:3" ht="19.2">
      <c r="A22611" s="2"/>
      <c r="B22611" s="2"/>
      <c r="C22611" s="2"/>
    </row>
    <row r="22612" spans="1:3" ht="19.2">
      <c r="A22612" s="2"/>
      <c r="B22612" s="2"/>
      <c r="C22612" s="2"/>
    </row>
    <row r="22613" spans="1:3" ht="19.2">
      <c r="A22613" s="2"/>
      <c r="B22613" s="2"/>
      <c r="C22613" s="2"/>
    </row>
    <row r="22614" spans="1:3" ht="19.2">
      <c r="A22614" s="2"/>
      <c r="B22614" s="2"/>
      <c r="C22614" s="2"/>
    </row>
    <row r="22615" spans="1:3" ht="19.2">
      <c r="A22615" s="2"/>
      <c r="B22615" s="2"/>
      <c r="C22615" s="2"/>
    </row>
    <row r="22616" spans="1:3" ht="19.2">
      <c r="A22616" s="2"/>
      <c r="B22616" s="2"/>
      <c r="C22616" s="2"/>
    </row>
    <row r="22617" spans="1:3" ht="19.2">
      <c r="A22617" s="2"/>
      <c r="B22617" s="2"/>
      <c r="C22617" s="2"/>
    </row>
    <row r="22618" spans="1:3" ht="19.2">
      <c r="A22618" s="2"/>
      <c r="B22618" s="2"/>
      <c r="C22618" s="2"/>
    </row>
    <row r="22619" spans="1:3" ht="19.2">
      <c r="A22619" s="2"/>
      <c r="B22619" s="2"/>
      <c r="C22619" s="2"/>
    </row>
    <row r="22620" spans="1:3" ht="19.2">
      <c r="A22620" s="2"/>
      <c r="B22620" s="2"/>
      <c r="C22620" s="2"/>
    </row>
    <row r="22621" spans="1:3" ht="19.2">
      <c r="A22621" s="2"/>
      <c r="B22621" s="2"/>
      <c r="C22621" s="2"/>
    </row>
    <row r="22622" spans="1:3" ht="19.2">
      <c r="A22622" s="2"/>
      <c r="B22622" s="2"/>
      <c r="C22622" s="2"/>
    </row>
    <row r="22623" spans="1:3" ht="19.2">
      <c r="A22623" s="2"/>
      <c r="B22623" s="2"/>
      <c r="C22623" s="2"/>
    </row>
    <row r="22624" spans="1:3" ht="19.2">
      <c r="A22624" s="2"/>
      <c r="B22624" s="2"/>
      <c r="C22624" s="2"/>
    </row>
    <row r="22625" spans="1:3" ht="19.2">
      <c r="A22625" s="2"/>
      <c r="B22625" s="2"/>
      <c r="C22625" s="2"/>
    </row>
    <row r="22626" spans="1:3" ht="19.2">
      <c r="A22626" s="2"/>
      <c r="B22626" s="2"/>
      <c r="C22626" s="2"/>
    </row>
    <row r="22627" spans="1:3" ht="19.2">
      <c r="A22627" s="2"/>
      <c r="B22627" s="2"/>
      <c r="C22627" s="2"/>
    </row>
    <row r="22628" spans="1:3" ht="19.2">
      <c r="A22628" s="2"/>
      <c r="B22628" s="2"/>
      <c r="C22628" s="2"/>
    </row>
    <row r="22629" spans="1:3" ht="19.2">
      <c r="A22629" s="2"/>
      <c r="B22629" s="2"/>
      <c r="C22629" s="2"/>
    </row>
    <row r="22630" spans="1:3" ht="19.2">
      <c r="A22630" s="2"/>
      <c r="B22630" s="2"/>
      <c r="C22630" s="2"/>
    </row>
    <row r="22631" spans="1:3" ht="19.2">
      <c r="A22631" s="2"/>
      <c r="B22631" s="2"/>
      <c r="C22631" s="2"/>
    </row>
    <row r="22632" spans="1:3" ht="19.2">
      <c r="A22632" s="2"/>
      <c r="B22632" s="2"/>
      <c r="C22632" s="2"/>
    </row>
    <row r="22633" spans="1:3" ht="19.2">
      <c r="A22633" s="2"/>
      <c r="B22633" s="2"/>
      <c r="C22633" s="2"/>
    </row>
    <row r="22634" spans="1:3" ht="19.2">
      <c r="A22634" s="2"/>
      <c r="B22634" s="2"/>
      <c r="C22634" s="2"/>
    </row>
    <row r="22635" spans="1:3" ht="19.2">
      <c r="A22635" s="2"/>
      <c r="B22635" s="2"/>
      <c r="C22635" s="2"/>
    </row>
    <row r="22636" spans="1:3" ht="19.2">
      <c r="A22636" s="2"/>
      <c r="B22636" s="2"/>
      <c r="C22636" s="2"/>
    </row>
    <row r="22637" spans="1:3" ht="19.2">
      <c r="A22637" s="2"/>
      <c r="B22637" s="2"/>
      <c r="C22637" s="2"/>
    </row>
    <row r="22638" spans="1:3" ht="19.2">
      <c r="A22638" s="2"/>
      <c r="B22638" s="2"/>
      <c r="C22638" s="2"/>
    </row>
    <row r="22639" spans="1:3" ht="19.2">
      <c r="A22639" s="2"/>
      <c r="B22639" s="2"/>
      <c r="C22639" s="2"/>
    </row>
    <row r="22640" spans="1:3" ht="19.2">
      <c r="A22640" s="2"/>
      <c r="B22640" s="2"/>
      <c r="C22640" s="2"/>
    </row>
    <row r="22641" spans="1:3" ht="19.2">
      <c r="A22641" s="2"/>
      <c r="B22641" s="2"/>
      <c r="C22641" s="2"/>
    </row>
    <row r="22642" spans="1:3" ht="19.2">
      <c r="A22642" s="2"/>
      <c r="B22642" s="2"/>
      <c r="C22642" s="2"/>
    </row>
    <row r="22643" spans="1:3" ht="19.2">
      <c r="A22643" s="2"/>
      <c r="B22643" s="2"/>
      <c r="C22643" s="2"/>
    </row>
    <row r="22644" spans="1:3" ht="19.2">
      <c r="A22644" s="2"/>
      <c r="B22644" s="2"/>
      <c r="C22644" s="2"/>
    </row>
    <row r="22645" spans="1:3" ht="19.2">
      <c r="A22645" s="2"/>
      <c r="B22645" s="2"/>
      <c r="C22645" s="2"/>
    </row>
    <row r="22646" spans="1:3" ht="19.2">
      <c r="A22646" s="2"/>
      <c r="B22646" s="2"/>
      <c r="C22646" s="2"/>
    </row>
    <row r="22647" spans="1:3" ht="19.2">
      <c r="A22647" s="2"/>
      <c r="B22647" s="2"/>
      <c r="C22647" s="2"/>
    </row>
    <row r="22648" spans="1:3" ht="19.2">
      <c r="A22648" s="2"/>
      <c r="B22648" s="2"/>
      <c r="C22648" s="2"/>
    </row>
    <row r="22649" spans="1:3" ht="19.2">
      <c r="A22649" s="2"/>
      <c r="B22649" s="2"/>
      <c r="C22649" s="2"/>
    </row>
    <row r="22650" spans="1:3" ht="19.2">
      <c r="A22650" s="2"/>
      <c r="B22650" s="2"/>
      <c r="C22650" s="2"/>
    </row>
    <row r="22651" spans="1:3" ht="19.2">
      <c r="A22651" s="2"/>
      <c r="B22651" s="2"/>
      <c r="C22651" s="2"/>
    </row>
    <row r="22652" spans="1:3" ht="19.2">
      <c r="A22652" s="2"/>
      <c r="B22652" s="2"/>
      <c r="C22652" s="2"/>
    </row>
    <row r="22653" spans="1:3" ht="19.2">
      <c r="A22653" s="2"/>
      <c r="B22653" s="2"/>
      <c r="C22653" s="2"/>
    </row>
    <row r="22654" spans="1:3" ht="19.2">
      <c r="A22654" s="2"/>
      <c r="B22654" s="2"/>
      <c r="C22654" s="2"/>
    </row>
    <row r="22655" spans="1:3" ht="19.2">
      <c r="A22655" s="2"/>
      <c r="B22655" s="2"/>
      <c r="C22655" s="2"/>
    </row>
    <row r="22656" spans="1:3" ht="19.2">
      <c r="A22656" s="2"/>
      <c r="B22656" s="2"/>
      <c r="C22656" s="2"/>
    </row>
    <row r="22657" spans="1:3" ht="19.2">
      <c r="A22657" s="2"/>
      <c r="B22657" s="2"/>
      <c r="C22657" s="2"/>
    </row>
    <row r="22658" spans="1:3" ht="19.2">
      <c r="A22658" s="2"/>
      <c r="B22658" s="2"/>
      <c r="C22658" s="2"/>
    </row>
    <row r="22659" spans="1:3" ht="19.2">
      <c r="A22659" s="2"/>
      <c r="B22659" s="2"/>
      <c r="C22659" s="2"/>
    </row>
    <row r="22660" spans="1:3" ht="19.2">
      <c r="A22660" s="2"/>
      <c r="B22660" s="2"/>
      <c r="C22660" s="2"/>
    </row>
    <row r="22661" spans="1:3" ht="19.2">
      <c r="A22661" s="2"/>
      <c r="B22661" s="2"/>
      <c r="C22661" s="2"/>
    </row>
    <row r="22662" spans="1:3" ht="19.2">
      <c r="A22662" s="2"/>
      <c r="B22662" s="2"/>
      <c r="C22662" s="2"/>
    </row>
    <row r="22663" spans="1:3" ht="19.2">
      <c r="A22663" s="2"/>
      <c r="B22663" s="2"/>
      <c r="C22663" s="2"/>
    </row>
    <row r="22664" spans="1:3" ht="19.2">
      <c r="A22664" s="2"/>
      <c r="B22664" s="2"/>
      <c r="C22664" s="2"/>
    </row>
    <row r="22665" spans="1:3" ht="19.2">
      <c r="A22665" s="2"/>
      <c r="B22665" s="2"/>
      <c r="C22665" s="2"/>
    </row>
    <row r="22666" spans="1:3" ht="19.2">
      <c r="A22666" s="2"/>
      <c r="B22666" s="2"/>
      <c r="C22666" s="2"/>
    </row>
    <row r="22667" spans="1:3" ht="19.2">
      <c r="A22667" s="2"/>
      <c r="B22667" s="2"/>
      <c r="C22667" s="2"/>
    </row>
    <row r="22668" spans="1:3" ht="19.2">
      <c r="A22668" s="2"/>
      <c r="B22668" s="2"/>
      <c r="C22668" s="2"/>
    </row>
    <row r="22669" spans="1:3" ht="19.2">
      <c r="A22669" s="2"/>
      <c r="B22669" s="2"/>
      <c r="C22669" s="2"/>
    </row>
    <row r="22670" spans="1:3" ht="19.2">
      <c r="A22670" s="2"/>
      <c r="B22670" s="2"/>
      <c r="C22670" s="2"/>
    </row>
    <row r="22671" spans="1:3" ht="19.2">
      <c r="A22671" s="2"/>
      <c r="B22671" s="2"/>
      <c r="C22671" s="2"/>
    </row>
    <row r="22672" spans="1:3" ht="19.2">
      <c r="A22672" s="2"/>
      <c r="B22672" s="2"/>
      <c r="C22672" s="2"/>
    </row>
    <row r="22673" spans="1:3" ht="19.2">
      <c r="A22673" s="2"/>
      <c r="B22673" s="2"/>
      <c r="C22673" s="2"/>
    </row>
    <row r="22674" spans="1:3" ht="19.2">
      <c r="A22674" s="2"/>
      <c r="B22674" s="2"/>
      <c r="C22674" s="2"/>
    </row>
    <row r="22675" spans="1:3" ht="19.2">
      <c r="A22675" s="2"/>
      <c r="B22675" s="2"/>
      <c r="C22675" s="2"/>
    </row>
    <row r="22676" spans="1:3" ht="19.2">
      <c r="A22676" s="2"/>
      <c r="B22676" s="2"/>
      <c r="C22676" s="2"/>
    </row>
    <row r="22677" spans="1:3" ht="19.2">
      <c r="A22677" s="2"/>
      <c r="B22677" s="2"/>
      <c r="C22677" s="2"/>
    </row>
    <row r="22678" spans="1:3" ht="19.2">
      <c r="A22678" s="2"/>
      <c r="B22678" s="2"/>
      <c r="C22678" s="2"/>
    </row>
    <row r="22679" spans="1:3" ht="19.2">
      <c r="A22679" s="2"/>
      <c r="B22679" s="2"/>
      <c r="C22679" s="2"/>
    </row>
    <row r="22680" spans="1:3" ht="19.2">
      <c r="A22680" s="2"/>
      <c r="B22680" s="2"/>
      <c r="C22680" s="2"/>
    </row>
    <row r="22681" spans="1:3" ht="19.2">
      <c r="A22681" s="2"/>
      <c r="B22681" s="2"/>
      <c r="C22681" s="2"/>
    </row>
    <row r="22682" spans="1:3" ht="19.2">
      <c r="A22682" s="2"/>
      <c r="B22682" s="2"/>
      <c r="C22682" s="2"/>
    </row>
    <row r="22683" spans="1:3" ht="19.2">
      <c r="A22683" s="2"/>
      <c r="B22683" s="2"/>
      <c r="C22683" s="2"/>
    </row>
    <row r="22684" spans="1:3" ht="19.2">
      <c r="A22684" s="2"/>
      <c r="B22684" s="2"/>
      <c r="C22684" s="2"/>
    </row>
    <row r="22685" spans="1:3" ht="19.2">
      <c r="A22685" s="2"/>
      <c r="B22685" s="2"/>
      <c r="C22685" s="2"/>
    </row>
    <row r="22686" spans="1:3" ht="19.2">
      <c r="A22686" s="2"/>
      <c r="B22686" s="2"/>
      <c r="C22686" s="2"/>
    </row>
    <row r="22687" spans="1:3" ht="19.2">
      <c r="A22687" s="2"/>
      <c r="B22687" s="2"/>
      <c r="C22687" s="2"/>
    </row>
    <row r="22688" spans="1:3" ht="19.2">
      <c r="A22688" s="2"/>
      <c r="B22688" s="2"/>
      <c r="C22688" s="2"/>
    </row>
    <row r="22689" spans="1:3" ht="19.2">
      <c r="A22689" s="2"/>
      <c r="B22689" s="2"/>
      <c r="C22689" s="2"/>
    </row>
    <row r="22690" spans="1:3" ht="19.2">
      <c r="A22690" s="2"/>
      <c r="B22690" s="2"/>
      <c r="C22690" s="2"/>
    </row>
    <row r="22691" spans="1:3" ht="19.2">
      <c r="A22691" s="2"/>
      <c r="B22691" s="2"/>
      <c r="C22691" s="2"/>
    </row>
    <row r="22692" spans="1:3" ht="19.2">
      <c r="A22692" s="2"/>
      <c r="B22692" s="2"/>
      <c r="C22692" s="2"/>
    </row>
    <row r="22693" spans="1:3" ht="19.2">
      <c r="A22693" s="2"/>
      <c r="B22693" s="2"/>
      <c r="C22693" s="2"/>
    </row>
    <row r="22694" spans="1:3" ht="19.2">
      <c r="A22694" s="2"/>
      <c r="B22694" s="2"/>
      <c r="C22694" s="2"/>
    </row>
    <row r="22695" spans="1:3" ht="19.2">
      <c r="A22695" s="2"/>
      <c r="B22695" s="2"/>
      <c r="C22695" s="2"/>
    </row>
    <row r="22696" spans="1:3" ht="19.2">
      <c r="A22696" s="2"/>
      <c r="B22696" s="2"/>
      <c r="C22696" s="2"/>
    </row>
    <row r="22697" spans="1:3" ht="19.2">
      <c r="A22697" s="2"/>
      <c r="B22697" s="2"/>
      <c r="C22697" s="2"/>
    </row>
    <row r="22698" spans="1:3" ht="19.2">
      <c r="A22698" s="2"/>
      <c r="B22698" s="2"/>
      <c r="C22698" s="2"/>
    </row>
    <row r="22699" spans="1:3" ht="19.2">
      <c r="A22699" s="2"/>
      <c r="B22699" s="2"/>
      <c r="C22699" s="2"/>
    </row>
    <row r="22700" spans="1:3" ht="19.2">
      <c r="A22700" s="2"/>
      <c r="B22700" s="2"/>
      <c r="C22700" s="2"/>
    </row>
    <row r="22701" spans="1:3" ht="19.2">
      <c r="A22701" s="2"/>
      <c r="B22701" s="2"/>
      <c r="C22701" s="2"/>
    </row>
    <row r="22702" spans="1:3" ht="19.2">
      <c r="A22702" s="2"/>
      <c r="B22702" s="2"/>
      <c r="C22702" s="2"/>
    </row>
    <row r="22703" spans="1:3" ht="19.2">
      <c r="A22703" s="2"/>
      <c r="B22703" s="2"/>
      <c r="C22703" s="2"/>
    </row>
    <row r="22704" spans="1:3" ht="19.2">
      <c r="A22704" s="2"/>
      <c r="B22704" s="2"/>
      <c r="C22704" s="2"/>
    </row>
    <row r="22705" spans="1:3" ht="19.2">
      <c r="A22705" s="2"/>
      <c r="B22705" s="2"/>
      <c r="C22705" s="2"/>
    </row>
    <row r="22706" spans="1:3" ht="19.2">
      <c r="A22706" s="2"/>
      <c r="B22706" s="2"/>
      <c r="C22706" s="2"/>
    </row>
    <row r="22707" spans="1:3" ht="19.2">
      <c r="A22707" s="2"/>
      <c r="B22707" s="2"/>
      <c r="C22707" s="2"/>
    </row>
    <row r="22708" spans="1:3" ht="19.2">
      <c r="A22708" s="2"/>
      <c r="B22708" s="2"/>
      <c r="C22708" s="2"/>
    </row>
    <row r="22709" spans="1:3" ht="19.2">
      <c r="A22709" s="2"/>
      <c r="B22709" s="2"/>
      <c r="C22709" s="2"/>
    </row>
    <row r="22710" spans="1:3" ht="19.2">
      <c r="A22710" s="2"/>
      <c r="B22710" s="2"/>
      <c r="C22710" s="2"/>
    </row>
    <row r="22711" spans="1:3" ht="19.2">
      <c r="A22711" s="2"/>
      <c r="B22711" s="2"/>
      <c r="C22711" s="2"/>
    </row>
    <row r="22712" spans="1:3" ht="19.2">
      <c r="A22712" s="2"/>
      <c r="B22712" s="2"/>
      <c r="C22712" s="2"/>
    </row>
    <row r="22713" spans="1:3" ht="19.2">
      <c r="A22713" s="2"/>
      <c r="B22713" s="2"/>
      <c r="C22713" s="2"/>
    </row>
    <row r="22714" spans="1:3" ht="19.2">
      <c r="A22714" s="2"/>
      <c r="B22714" s="2"/>
      <c r="C22714" s="2"/>
    </row>
    <row r="22715" spans="1:3" ht="19.2">
      <c r="A22715" s="2"/>
      <c r="B22715" s="2"/>
      <c r="C22715" s="2"/>
    </row>
    <row r="22716" spans="1:3" ht="19.2">
      <c r="A22716" s="2"/>
      <c r="B22716" s="2"/>
      <c r="C22716" s="2"/>
    </row>
    <row r="22717" spans="1:3" ht="19.2">
      <c r="A22717" s="2"/>
      <c r="B22717" s="2"/>
      <c r="C22717" s="2"/>
    </row>
    <row r="22718" spans="1:3" ht="19.2">
      <c r="A22718" s="2"/>
      <c r="B22718" s="2"/>
      <c r="C22718" s="2"/>
    </row>
    <row r="22719" spans="1:3" ht="19.2">
      <c r="A22719" s="2"/>
      <c r="B22719" s="2"/>
      <c r="C22719" s="2"/>
    </row>
    <row r="22720" spans="1:3" ht="19.2">
      <c r="A22720" s="2"/>
      <c r="B22720" s="2"/>
      <c r="C22720" s="2"/>
    </row>
    <row r="22721" spans="1:3" ht="19.2">
      <c r="A22721" s="2"/>
      <c r="B22721" s="2"/>
      <c r="C22721" s="2"/>
    </row>
    <row r="22722" spans="1:3" ht="19.2">
      <c r="A22722" s="2"/>
      <c r="B22722" s="2"/>
      <c r="C22722" s="2"/>
    </row>
    <row r="22723" spans="1:3" ht="19.2">
      <c r="A22723" s="2"/>
      <c r="B22723" s="2"/>
      <c r="C22723" s="2"/>
    </row>
    <row r="22724" spans="1:3" ht="19.2">
      <c r="A22724" s="2"/>
      <c r="B22724" s="2"/>
      <c r="C22724" s="2"/>
    </row>
    <row r="22725" spans="1:3" ht="19.2">
      <c r="A22725" s="2"/>
      <c r="B22725" s="2"/>
      <c r="C22725" s="2"/>
    </row>
    <row r="22726" spans="1:3" ht="19.2">
      <c r="A22726" s="2"/>
      <c r="B22726" s="2"/>
      <c r="C22726" s="2"/>
    </row>
    <row r="22727" spans="1:3" ht="19.2">
      <c r="A22727" s="2"/>
      <c r="B22727" s="2"/>
      <c r="C22727" s="2"/>
    </row>
    <row r="22728" spans="1:3" ht="19.2">
      <c r="A22728" s="2"/>
      <c r="B22728" s="2"/>
      <c r="C22728" s="2"/>
    </row>
    <row r="22729" spans="1:3" ht="19.2">
      <c r="A22729" s="2"/>
      <c r="B22729" s="2"/>
      <c r="C22729" s="2"/>
    </row>
    <row r="22730" spans="1:3" ht="19.2">
      <c r="A22730" s="2"/>
      <c r="B22730" s="2"/>
      <c r="C22730" s="2"/>
    </row>
    <row r="22731" spans="1:3" ht="19.2">
      <c r="A22731" s="2"/>
      <c r="B22731" s="2"/>
      <c r="C22731" s="2"/>
    </row>
    <row r="22732" spans="1:3" ht="19.2">
      <c r="A22732" s="2"/>
      <c r="B22732" s="2"/>
      <c r="C22732" s="2"/>
    </row>
    <row r="22733" spans="1:3" ht="19.2">
      <c r="A22733" s="2"/>
      <c r="B22733" s="2"/>
      <c r="C22733" s="2"/>
    </row>
    <row r="22734" spans="1:3" ht="19.2">
      <c r="A22734" s="2"/>
      <c r="B22734" s="2"/>
      <c r="C22734" s="2"/>
    </row>
    <row r="22735" spans="1:3" ht="19.2">
      <c r="A22735" s="2"/>
      <c r="B22735" s="2"/>
      <c r="C22735" s="2"/>
    </row>
    <row r="22736" spans="1:3" ht="19.2">
      <c r="A22736" s="2"/>
      <c r="B22736" s="2"/>
      <c r="C22736" s="2"/>
    </row>
    <row r="22737" spans="1:3" ht="19.2">
      <c r="A22737" s="2"/>
      <c r="B22737" s="2"/>
      <c r="C22737" s="2"/>
    </row>
    <row r="22738" spans="1:3" ht="19.2">
      <c r="A22738" s="2"/>
      <c r="B22738" s="2"/>
      <c r="C22738" s="2"/>
    </row>
    <row r="22739" spans="1:3" ht="19.2">
      <c r="A22739" s="2"/>
      <c r="B22739" s="2"/>
      <c r="C22739" s="2"/>
    </row>
    <row r="22740" spans="1:3" ht="19.2">
      <c r="A22740" s="2"/>
      <c r="B22740" s="2"/>
      <c r="C22740" s="2"/>
    </row>
    <row r="22741" spans="1:3" ht="19.2">
      <c r="A22741" s="2"/>
      <c r="B22741" s="2"/>
      <c r="C22741" s="2"/>
    </row>
    <row r="22742" spans="1:3" ht="19.2">
      <c r="A22742" s="2"/>
      <c r="B22742" s="2"/>
      <c r="C22742" s="2"/>
    </row>
    <row r="22743" spans="1:3" ht="19.2">
      <c r="A22743" s="2"/>
      <c r="B22743" s="2"/>
      <c r="C22743" s="2"/>
    </row>
    <row r="22744" spans="1:3" ht="19.2">
      <c r="A22744" s="2"/>
      <c r="B22744" s="2"/>
      <c r="C22744" s="2"/>
    </row>
    <row r="22745" spans="1:3" ht="19.2">
      <c r="A22745" s="2"/>
      <c r="B22745" s="2"/>
      <c r="C22745" s="2"/>
    </row>
    <row r="22746" spans="1:3" ht="19.2">
      <c r="A22746" s="2"/>
      <c r="B22746" s="2"/>
      <c r="C22746" s="2"/>
    </row>
    <row r="22747" spans="1:3" ht="19.2">
      <c r="A22747" s="2"/>
      <c r="B22747" s="2"/>
      <c r="C22747" s="2"/>
    </row>
    <row r="22748" spans="1:3" ht="19.2">
      <c r="A22748" s="2"/>
      <c r="B22748" s="2"/>
      <c r="C22748" s="2"/>
    </row>
    <row r="22749" spans="1:3" ht="19.2">
      <c r="A22749" s="2"/>
      <c r="B22749" s="2"/>
      <c r="C22749" s="2"/>
    </row>
    <row r="22750" spans="1:3" ht="19.2">
      <c r="A22750" s="2"/>
      <c r="B22750" s="2"/>
      <c r="C22750" s="2"/>
    </row>
    <row r="22751" spans="1:3" ht="19.2">
      <c r="A22751" s="2"/>
      <c r="B22751" s="2"/>
      <c r="C22751" s="2"/>
    </row>
    <row r="22752" spans="1:3" ht="19.2">
      <c r="A22752" s="2"/>
      <c r="B22752" s="2"/>
      <c r="C22752" s="2"/>
    </row>
    <row r="22753" spans="1:3" ht="19.2">
      <c r="A22753" s="2"/>
      <c r="B22753" s="2"/>
      <c r="C22753" s="2"/>
    </row>
    <row r="22754" spans="1:3" ht="19.2">
      <c r="A22754" s="2"/>
      <c r="B22754" s="2"/>
      <c r="C22754" s="2"/>
    </row>
    <row r="22755" spans="1:3" ht="19.2">
      <c r="A22755" s="2"/>
      <c r="B22755" s="2"/>
      <c r="C22755" s="2"/>
    </row>
    <row r="22756" spans="1:3" ht="19.2">
      <c r="A22756" s="2"/>
      <c r="B22756" s="2"/>
      <c r="C22756" s="2"/>
    </row>
    <row r="22757" spans="1:3" ht="19.2">
      <c r="A22757" s="2"/>
      <c r="B22757" s="2"/>
      <c r="C22757" s="2"/>
    </row>
    <row r="22758" spans="1:3" ht="19.2">
      <c r="A22758" s="2"/>
      <c r="B22758" s="2"/>
      <c r="C22758" s="2"/>
    </row>
    <row r="22759" spans="1:3" ht="19.2">
      <c r="A22759" s="2"/>
      <c r="B22759" s="2"/>
      <c r="C22759" s="2"/>
    </row>
    <row r="22760" spans="1:3" ht="19.2">
      <c r="A22760" s="2"/>
      <c r="B22760" s="2"/>
      <c r="C22760" s="2"/>
    </row>
    <row r="22761" spans="1:3" ht="19.2">
      <c r="A22761" s="2"/>
      <c r="B22761" s="2"/>
      <c r="C22761" s="2"/>
    </row>
    <row r="22762" spans="1:3" ht="19.2">
      <c r="A22762" s="2"/>
      <c r="B22762" s="2"/>
      <c r="C22762" s="2"/>
    </row>
    <row r="22763" spans="1:3" ht="19.2">
      <c r="A22763" s="2"/>
      <c r="B22763" s="2"/>
      <c r="C22763" s="2"/>
    </row>
    <row r="22764" spans="1:3" ht="19.2">
      <c r="A22764" s="2"/>
      <c r="B22764" s="2"/>
      <c r="C22764" s="2"/>
    </row>
    <row r="22765" spans="1:3" ht="19.2">
      <c r="A22765" s="2"/>
      <c r="B22765" s="2"/>
      <c r="C22765" s="2"/>
    </row>
    <row r="22766" spans="1:3" ht="19.2">
      <c r="A22766" s="2"/>
      <c r="B22766" s="2"/>
      <c r="C22766" s="2"/>
    </row>
    <row r="22767" spans="1:3" ht="19.2">
      <c r="A22767" s="2"/>
      <c r="B22767" s="2"/>
      <c r="C22767" s="2"/>
    </row>
    <row r="22768" spans="1:3" ht="19.2">
      <c r="A22768" s="2"/>
      <c r="B22768" s="2"/>
      <c r="C22768" s="2"/>
    </row>
    <row r="22769" spans="1:3" ht="19.2">
      <c r="A22769" s="2"/>
      <c r="B22769" s="2"/>
      <c r="C22769" s="2"/>
    </row>
    <row r="22770" spans="1:3" ht="19.2">
      <c r="A22770" s="2"/>
      <c r="B22770" s="2"/>
      <c r="C22770" s="2"/>
    </row>
    <row r="22771" spans="1:3" ht="19.2">
      <c r="A22771" s="2"/>
      <c r="B22771" s="2"/>
      <c r="C22771" s="2"/>
    </row>
    <row r="22772" spans="1:3" ht="19.2">
      <c r="A22772" s="2"/>
      <c r="B22772" s="2"/>
      <c r="C22772" s="2"/>
    </row>
    <row r="22773" spans="1:3" ht="19.2">
      <c r="A22773" s="2"/>
      <c r="B22773" s="2"/>
      <c r="C22773" s="2"/>
    </row>
    <row r="22774" spans="1:3" ht="19.2">
      <c r="A22774" s="2"/>
      <c r="B22774" s="2"/>
      <c r="C22774" s="2"/>
    </row>
    <row r="22775" spans="1:3" ht="19.2">
      <c r="A22775" s="2"/>
      <c r="B22775" s="2"/>
      <c r="C22775" s="2"/>
    </row>
    <row r="22776" spans="1:3" ht="19.2">
      <c r="A22776" s="2"/>
      <c r="B22776" s="2"/>
      <c r="C22776" s="2"/>
    </row>
    <row r="22777" spans="1:3" ht="19.2">
      <c r="A22777" s="2"/>
      <c r="B22777" s="2"/>
      <c r="C22777" s="2"/>
    </row>
    <row r="22778" spans="1:3" ht="19.2">
      <c r="A22778" s="2"/>
      <c r="B22778" s="2"/>
      <c r="C22778" s="2"/>
    </row>
    <row r="22779" spans="1:3" ht="19.2">
      <c r="A22779" s="2"/>
      <c r="B22779" s="2"/>
      <c r="C22779" s="2"/>
    </row>
    <row r="22780" spans="1:3" ht="19.2">
      <c r="A22780" s="2"/>
      <c r="B22780" s="2"/>
      <c r="C22780" s="2"/>
    </row>
    <row r="22781" spans="1:3" ht="19.2">
      <c r="A22781" s="2"/>
      <c r="B22781" s="2"/>
      <c r="C22781" s="2"/>
    </row>
    <row r="22782" spans="1:3" ht="19.2">
      <c r="A22782" s="2"/>
      <c r="B22782" s="2"/>
      <c r="C22782" s="2"/>
    </row>
    <row r="22783" spans="1:3" ht="19.2">
      <c r="A22783" s="2"/>
      <c r="B22783" s="2"/>
      <c r="C22783" s="2"/>
    </row>
    <row r="22784" spans="1:3" ht="19.2">
      <c r="A22784" s="2"/>
      <c r="B22784" s="2"/>
      <c r="C22784" s="2"/>
    </row>
    <row r="22785" spans="1:3" ht="19.2">
      <c r="A22785" s="2"/>
      <c r="B22785" s="2"/>
      <c r="C22785" s="2"/>
    </row>
    <row r="22786" spans="1:3" ht="19.2">
      <c r="A22786" s="2"/>
      <c r="B22786" s="2"/>
      <c r="C22786" s="2"/>
    </row>
    <row r="22787" spans="1:3" ht="19.2">
      <c r="A22787" s="2"/>
      <c r="B22787" s="2"/>
      <c r="C22787" s="2"/>
    </row>
    <row r="22788" spans="1:3" ht="19.2">
      <c r="A22788" s="2"/>
      <c r="B22788" s="2"/>
      <c r="C22788" s="2"/>
    </row>
    <row r="22789" spans="1:3" ht="19.2">
      <c r="A22789" s="2"/>
      <c r="B22789" s="2"/>
      <c r="C22789" s="2"/>
    </row>
    <row r="22790" spans="1:3" ht="19.2">
      <c r="A22790" s="2"/>
      <c r="B22790" s="2"/>
      <c r="C22790" s="2"/>
    </row>
    <row r="22791" spans="1:3" ht="19.2">
      <c r="A22791" s="2"/>
      <c r="B22791" s="2"/>
      <c r="C22791" s="2"/>
    </row>
    <row r="22792" spans="1:3" ht="19.2">
      <c r="A22792" s="2"/>
      <c r="B22792" s="2"/>
      <c r="C22792" s="2"/>
    </row>
    <row r="22793" spans="1:3" ht="19.2">
      <c r="A22793" s="2"/>
      <c r="B22793" s="2"/>
      <c r="C22793" s="2"/>
    </row>
    <row r="22794" spans="1:3" ht="19.2">
      <c r="A22794" s="2"/>
      <c r="B22794" s="2"/>
      <c r="C22794" s="2"/>
    </row>
    <row r="22795" spans="1:3" ht="19.2">
      <c r="A22795" s="2"/>
      <c r="B22795" s="2"/>
      <c r="C22795" s="2"/>
    </row>
    <row r="22796" spans="1:3" ht="19.2">
      <c r="A22796" s="2"/>
      <c r="B22796" s="2"/>
      <c r="C22796" s="2"/>
    </row>
    <row r="22797" spans="1:3" ht="19.2">
      <c r="A22797" s="2"/>
      <c r="B22797" s="2"/>
      <c r="C22797" s="2"/>
    </row>
    <row r="22798" spans="1:3" ht="19.2">
      <c r="A22798" s="2"/>
      <c r="B22798" s="2"/>
      <c r="C22798" s="2"/>
    </row>
    <row r="22799" spans="1:3" ht="19.2">
      <c r="A22799" s="2"/>
      <c r="B22799" s="2"/>
      <c r="C22799" s="2"/>
    </row>
    <row r="22800" spans="1:3" ht="19.2">
      <c r="A22800" s="2"/>
      <c r="B22800" s="2"/>
      <c r="C22800" s="2"/>
    </row>
    <row r="22801" spans="1:3" ht="19.2">
      <c r="A22801" s="2"/>
      <c r="B22801" s="2"/>
      <c r="C22801" s="2"/>
    </row>
    <row r="22802" spans="1:3" ht="19.2">
      <c r="A22802" s="2"/>
      <c r="B22802" s="2"/>
      <c r="C22802" s="2"/>
    </row>
    <row r="22803" spans="1:3" ht="19.2">
      <c r="A22803" s="2"/>
      <c r="B22803" s="2"/>
      <c r="C22803" s="2"/>
    </row>
    <row r="22804" spans="1:3" ht="19.2">
      <c r="A22804" s="2"/>
      <c r="B22804" s="2"/>
      <c r="C22804" s="2"/>
    </row>
    <row r="22805" spans="1:3" ht="19.2">
      <c r="A22805" s="2"/>
      <c r="B22805" s="2"/>
      <c r="C22805" s="2"/>
    </row>
    <row r="22806" spans="1:3" ht="19.2">
      <c r="A22806" s="2"/>
      <c r="B22806" s="2"/>
      <c r="C22806" s="2"/>
    </row>
    <row r="22807" spans="1:3" ht="19.2">
      <c r="A22807" s="2"/>
      <c r="B22807" s="2"/>
      <c r="C22807" s="2"/>
    </row>
    <row r="22808" spans="1:3" ht="19.2">
      <c r="A22808" s="2"/>
      <c r="B22808" s="2"/>
      <c r="C22808" s="2"/>
    </row>
    <row r="22809" spans="1:3" ht="19.2">
      <c r="A22809" s="2"/>
      <c r="B22809" s="2"/>
      <c r="C22809" s="2"/>
    </row>
    <row r="22810" spans="1:3" ht="19.2">
      <c r="A22810" s="2"/>
      <c r="B22810" s="2"/>
      <c r="C22810" s="2"/>
    </row>
    <row r="22811" spans="1:3" ht="19.2">
      <c r="A22811" s="2"/>
      <c r="B22811" s="2"/>
      <c r="C22811" s="2"/>
    </row>
    <row r="22812" spans="1:3" ht="19.2">
      <c r="A22812" s="2"/>
      <c r="B22812" s="2"/>
      <c r="C22812" s="2"/>
    </row>
    <row r="22813" spans="1:3" ht="19.2">
      <c r="A22813" s="2"/>
      <c r="B22813" s="2"/>
      <c r="C22813" s="2"/>
    </row>
    <row r="22814" spans="1:3" ht="19.2">
      <c r="A22814" s="2"/>
      <c r="B22814" s="2"/>
      <c r="C22814" s="2"/>
    </row>
    <row r="22815" spans="1:3" ht="19.2">
      <c r="A22815" s="2"/>
      <c r="B22815" s="2"/>
      <c r="C22815" s="2"/>
    </row>
    <row r="22816" spans="1:3" ht="19.2">
      <c r="A22816" s="2"/>
      <c r="B22816" s="2"/>
      <c r="C22816" s="2"/>
    </row>
    <row r="22817" spans="1:3" ht="19.2">
      <c r="A22817" s="2"/>
      <c r="B22817" s="2"/>
      <c r="C22817" s="2"/>
    </row>
    <row r="22818" spans="1:3" ht="19.2">
      <c r="A22818" s="2"/>
      <c r="B22818" s="2"/>
      <c r="C22818" s="2"/>
    </row>
    <row r="22819" spans="1:3" ht="19.2">
      <c r="A22819" s="2"/>
      <c r="B22819" s="2"/>
      <c r="C22819" s="2"/>
    </row>
    <row r="22820" spans="1:3" ht="19.2">
      <c r="A22820" s="2"/>
      <c r="B22820" s="2"/>
      <c r="C22820" s="2"/>
    </row>
    <row r="22821" spans="1:3" ht="19.2">
      <c r="A22821" s="2"/>
      <c r="B22821" s="2"/>
      <c r="C22821" s="2"/>
    </row>
    <row r="22822" spans="1:3" ht="19.2">
      <c r="A22822" s="2"/>
      <c r="B22822" s="2"/>
      <c r="C22822" s="2"/>
    </row>
    <row r="22823" spans="1:3" ht="19.2">
      <c r="A22823" s="2"/>
      <c r="B22823" s="2"/>
      <c r="C22823" s="2"/>
    </row>
    <row r="22824" spans="1:3" ht="19.2">
      <c r="A22824" s="2"/>
      <c r="B22824" s="2"/>
      <c r="C22824" s="2"/>
    </row>
    <row r="22825" spans="1:3" ht="19.2">
      <c r="A22825" s="2"/>
      <c r="B22825" s="2"/>
      <c r="C22825" s="2"/>
    </row>
    <row r="22826" spans="1:3" ht="19.2">
      <c r="A22826" s="2"/>
      <c r="B22826" s="2"/>
      <c r="C22826" s="2"/>
    </row>
    <row r="22827" spans="1:3" ht="19.2">
      <c r="A22827" s="2"/>
      <c r="B22827" s="2"/>
      <c r="C22827" s="2"/>
    </row>
    <row r="22828" spans="1:3" ht="19.2">
      <c r="A22828" s="2"/>
      <c r="B22828" s="2"/>
      <c r="C22828" s="2"/>
    </row>
    <row r="22829" spans="1:3" ht="19.2">
      <c r="A22829" s="2"/>
      <c r="B22829" s="2"/>
      <c r="C22829" s="2"/>
    </row>
    <row r="22830" spans="1:3" ht="19.2">
      <c r="A22830" s="2"/>
      <c r="B22830" s="2"/>
      <c r="C22830" s="2"/>
    </row>
    <row r="22831" spans="1:3" ht="19.2">
      <c r="A22831" s="2"/>
      <c r="B22831" s="2"/>
      <c r="C22831" s="2"/>
    </row>
    <row r="22832" spans="1:3" ht="19.2">
      <c r="A22832" s="2"/>
      <c r="B22832" s="2"/>
      <c r="C22832" s="2"/>
    </row>
    <row r="22833" spans="1:3" ht="19.2">
      <c r="A22833" s="2"/>
      <c r="B22833" s="2"/>
      <c r="C22833" s="2"/>
    </row>
    <row r="22834" spans="1:3" ht="19.2">
      <c r="A22834" s="2"/>
      <c r="B22834" s="2"/>
      <c r="C22834" s="2"/>
    </row>
    <row r="22835" spans="1:3" ht="19.2">
      <c r="A22835" s="2"/>
      <c r="B22835" s="2"/>
      <c r="C22835" s="2"/>
    </row>
    <row r="22836" spans="1:3" ht="19.2">
      <c r="A22836" s="2"/>
      <c r="B22836" s="2"/>
      <c r="C22836" s="2"/>
    </row>
    <row r="22837" spans="1:3" ht="19.2">
      <c r="A22837" s="2"/>
      <c r="B22837" s="2"/>
      <c r="C22837" s="2"/>
    </row>
    <row r="22838" spans="1:3" ht="19.2">
      <c r="A22838" s="2"/>
      <c r="B22838" s="2"/>
      <c r="C22838" s="2"/>
    </row>
    <row r="22839" spans="1:3" ht="19.2">
      <c r="A22839" s="2"/>
      <c r="B22839" s="2"/>
      <c r="C22839" s="2"/>
    </row>
    <row r="22840" spans="1:3" ht="19.2">
      <c r="A22840" s="2"/>
      <c r="B22840" s="2"/>
      <c r="C22840" s="2"/>
    </row>
    <row r="22841" spans="1:3" ht="19.2">
      <c r="A22841" s="2"/>
      <c r="B22841" s="2"/>
      <c r="C22841" s="2"/>
    </row>
    <row r="22842" spans="1:3" ht="19.2">
      <c r="A22842" s="2"/>
      <c r="B22842" s="2"/>
      <c r="C22842" s="2"/>
    </row>
    <row r="22843" spans="1:3" ht="19.2">
      <c r="A22843" s="2"/>
      <c r="B22843" s="2"/>
      <c r="C22843" s="2"/>
    </row>
    <row r="22844" spans="1:3" ht="19.2">
      <c r="A22844" s="2"/>
      <c r="B22844" s="2"/>
      <c r="C22844" s="2"/>
    </row>
    <row r="22845" spans="1:3" ht="19.2">
      <c r="A22845" s="2"/>
      <c r="B22845" s="2"/>
      <c r="C22845" s="2"/>
    </row>
    <row r="22846" spans="1:3" ht="19.2">
      <c r="A22846" s="2"/>
      <c r="B22846" s="2"/>
      <c r="C22846" s="2"/>
    </row>
    <row r="22847" spans="1:3" ht="19.2">
      <c r="A22847" s="2"/>
      <c r="B22847" s="2"/>
      <c r="C22847" s="2"/>
    </row>
    <row r="22848" spans="1:3" ht="19.2">
      <c r="A22848" s="2"/>
      <c r="B22848" s="2"/>
      <c r="C22848" s="2"/>
    </row>
    <row r="22849" spans="1:3" ht="19.2">
      <c r="A22849" s="2"/>
      <c r="B22849" s="2"/>
      <c r="C22849" s="2"/>
    </row>
    <row r="22850" spans="1:3" ht="19.2">
      <c r="A22850" s="2"/>
      <c r="B22850" s="2"/>
      <c r="C22850" s="2"/>
    </row>
    <row r="22851" spans="1:3" ht="19.2">
      <c r="A22851" s="2"/>
      <c r="B22851" s="2"/>
      <c r="C22851" s="2"/>
    </row>
    <row r="22852" spans="1:3" ht="19.2">
      <c r="A22852" s="2"/>
      <c r="B22852" s="2"/>
      <c r="C22852" s="2"/>
    </row>
    <row r="22853" spans="1:3" ht="19.2">
      <c r="A22853" s="2"/>
      <c r="B22853" s="2"/>
      <c r="C22853" s="2"/>
    </row>
    <row r="22854" spans="1:3" ht="19.2">
      <c r="A22854" s="2"/>
      <c r="B22854" s="2"/>
      <c r="C22854" s="2"/>
    </row>
    <row r="22855" spans="1:3" ht="19.2">
      <c r="A22855" s="2"/>
      <c r="B22855" s="2"/>
      <c r="C22855" s="2"/>
    </row>
    <row r="22856" spans="1:3" ht="19.2">
      <c r="A22856" s="2"/>
      <c r="B22856" s="2"/>
      <c r="C22856" s="2"/>
    </row>
    <row r="22857" spans="1:3" ht="19.2">
      <c r="A22857" s="2"/>
      <c r="B22857" s="2"/>
      <c r="C22857" s="2"/>
    </row>
    <row r="22858" spans="1:3" ht="19.2">
      <c r="A22858" s="2"/>
      <c r="B22858" s="2"/>
      <c r="C22858" s="2"/>
    </row>
    <row r="22859" spans="1:3" ht="19.2">
      <c r="A22859" s="2"/>
      <c r="B22859" s="2"/>
      <c r="C22859" s="2"/>
    </row>
    <row r="22860" spans="1:3" ht="19.2">
      <c r="A22860" s="2"/>
      <c r="B22860" s="2"/>
      <c r="C22860" s="2"/>
    </row>
    <row r="22861" spans="1:3" ht="19.2">
      <c r="A22861" s="2"/>
      <c r="B22861" s="2"/>
      <c r="C22861" s="2"/>
    </row>
    <row r="22862" spans="1:3" ht="19.2">
      <c r="A22862" s="2"/>
      <c r="B22862" s="2"/>
      <c r="C22862" s="2"/>
    </row>
    <row r="22863" spans="1:3" ht="19.2">
      <c r="A22863" s="2"/>
      <c r="B22863" s="2"/>
      <c r="C22863" s="2"/>
    </row>
    <row r="22864" spans="1:3" ht="19.2">
      <c r="A22864" s="2"/>
      <c r="B22864" s="2"/>
      <c r="C22864" s="2"/>
    </row>
    <row r="22865" spans="1:3" ht="19.2">
      <c r="A22865" s="2"/>
      <c r="B22865" s="2"/>
      <c r="C22865" s="2"/>
    </row>
    <row r="22866" spans="1:3" ht="19.2">
      <c r="A22866" s="2"/>
      <c r="B22866" s="2"/>
      <c r="C22866" s="2"/>
    </row>
    <row r="22867" spans="1:3" ht="19.2">
      <c r="A22867" s="2"/>
      <c r="B22867" s="2"/>
      <c r="C22867" s="2"/>
    </row>
    <row r="22868" spans="1:3" ht="19.2">
      <c r="A22868" s="2"/>
      <c r="B22868" s="2"/>
      <c r="C22868" s="2"/>
    </row>
    <row r="22869" spans="1:3" ht="19.2">
      <c r="A22869" s="2"/>
      <c r="B22869" s="2"/>
      <c r="C22869" s="2"/>
    </row>
    <row r="22870" spans="1:3" ht="19.2">
      <c r="A22870" s="2"/>
      <c r="B22870" s="2"/>
      <c r="C22870" s="2"/>
    </row>
    <row r="22871" spans="1:3" ht="19.2">
      <c r="A22871" s="2"/>
      <c r="B22871" s="2"/>
      <c r="C22871" s="2"/>
    </row>
    <row r="22872" spans="1:3" ht="19.2">
      <c r="A22872" s="2"/>
      <c r="B22872" s="2"/>
      <c r="C22872" s="2"/>
    </row>
    <row r="22873" spans="1:3" ht="19.2">
      <c r="A22873" s="2"/>
      <c r="B22873" s="2"/>
      <c r="C22873" s="2"/>
    </row>
    <row r="22874" spans="1:3" ht="19.2">
      <c r="A22874" s="2"/>
      <c r="B22874" s="2"/>
      <c r="C22874" s="2"/>
    </row>
    <row r="22875" spans="1:3" ht="19.2">
      <c r="A22875" s="2"/>
      <c r="B22875" s="2"/>
      <c r="C22875" s="2"/>
    </row>
    <row r="22876" spans="1:3" ht="19.2">
      <c r="A22876" s="2"/>
      <c r="B22876" s="2"/>
      <c r="C22876" s="2"/>
    </row>
    <row r="22877" spans="1:3" ht="19.2">
      <c r="A22877" s="2"/>
      <c r="B22877" s="2"/>
      <c r="C22877" s="2"/>
    </row>
    <row r="22878" spans="1:3" ht="19.2">
      <c r="A22878" s="2"/>
      <c r="B22878" s="2"/>
      <c r="C22878" s="2"/>
    </row>
    <row r="22879" spans="1:3" ht="19.2">
      <c r="A22879" s="2"/>
      <c r="B22879" s="2"/>
      <c r="C22879" s="2"/>
    </row>
    <row r="22880" spans="1:3" ht="19.2">
      <c r="A22880" s="2"/>
      <c r="B22880" s="2"/>
      <c r="C22880" s="2"/>
    </row>
    <row r="22881" spans="1:3" ht="19.2">
      <c r="A22881" s="2"/>
      <c r="B22881" s="2"/>
      <c r="C22881" s="2"/>
    </row>
    <row r="22882" spans="1:3" ht="19.2">
      <c r="A22882" s="2"/>
      <c r="B22882" s="2"/>
      <c r="C22882" s="2"/>
    </row>
    <row r="22883" spans="1:3" ht="19.2">
      <c r="A22883" s="2"/>
      <c r="B22883" s="2"/>
      <c r="C22883" s="2"/>
    </row>
    <row r="22884" spans="1:3" ht="19.2">
      <c r="A22884" s="2"/>
      <c r="B22884" s="2"/>
      <c r="C22884" s="2"/>
    </row>
    <row r="22885" spans="1:3" ht="19.2">
      <c r="A22885" s="2"/>
      <c r="B22885" s="2"/>
      <c r="C22885" s="2"/>
    </row>
    <row r="22886" spans="1:3" ht="19.2">
      <c r="A22886" s="2"/>
      <c r="B22886" s="2"/>
      <c r="C22886" s="2"/>
    </row>
    <row r="22887" spans="1:3" ht="19.2">
      <c r="A22887" s="2"/>
      <c r="B22887" s="2"/>
      <c r="C22887" s="2"/>
    </row>
    <row r="22888" spans="1:3" ht="19.2">
      <c r="A22888" s="2"/>
      <c r="B22888" s="2"/>
      <c r="C22888" s="2"/>
    </row>
    <row r="22889" spans="1:3" ht="19.2">
      <c r="A22889" s="2"/>
      <c r="B22889" s="2"/>
      <c r="C22889" s="2"/>
    </row>
    <row r="22890" spans="1:3" ht="19.2">
      <c r="A22890" s="2"/>
      <c r="B22890" s="2"/>
      <c r="C22890" s="2"/>
    </row>
    <row r="22891" spans="1:3" ht="19.2">
      <c r="A22891" s="2"/>
      <c r="B22891" s="2"/>
      <c r="C22891" s="2"/>
    </row>
    <row r="22892" spans="1:3" ht="19.2">
      <c r="A22892" s="2"/>
      <c r="B22892" s="2"/>
      <c r="C22892" s="2"/>
    </row>
    <row r="22893" spans="1:3" ht="19.2">
      <c r="A22893" s="2"/>
      <c r="B22893" s="2"/>
      <c r="C22893" s="2"/>
    </row>
    <row r="22894" spans="1:3" ht="19.2">
      <c r="A22894" s="2"/>
      <c r="B22894" s="2"/>
      <c r="C22894" s="2"/>
    </row>
    <row r="22895" spans="1:3" ht="19.2">
      <c r="A22895" s="2"/>
      <c r="B22895" s="2"/>
      <c r="C22895" s="2"/>
    </row>
    <row r="22896" spans="1:3" ht="19.2">
      <c r="A22896" s="2"/>
      <c r="B22896" s="2"/>
      <c r="C22896" s="2"/>
    </row>
    <row r="22897" spans="1:3" ht="19.2">
      <c r="A22897" s="2"/>
      <c r="B22897" s="2"/>
      <c r="C22897" s="2"/>
    </row>
    <row r="22898" spans="1:3" ht="19.2">
      <c r="A22898" s="2"/>
      <c r="B22898" s="2"/>
      <c r="C22898" s="2"/>
    </row>
    <row r="22899" spans="1:3" ht="19.2">
      <c r="A22899" s="2"/>
      <c r="B22899" s="2"/>
      <c r="C22899" s="2"/>
    </row>
    <row r="22900" spans="1:3" ht="19.2">
      <c r="A22900" s="2"/>
      <c r="B22900" s="2"/>
      <c r="C22900" s="2"/>
    </row>
    <row r="22901" spans="1:3" ht="19.2">
      <c r="A22901" s="2"/>
      <c r="B22901" s="2"/>
      <c r="C22901" s="2"/>
    </row>
    <row r="22902" spans="1:3" ht="19.2">
      <c r="A22902" s="2"/>
      <c r="B22902" s="2"/>
      <c r="C22902" s="2"/>
    </row>
    <row r="22903" spans="1:3" ht="19.2">
      <c r="A22903" s="2"/>
      <c r="B22903" s="2"/>
      <c r="C22903" s="2"/>
    </row>
    <row r="22904" spans="1:3" ht="19.2">
      <c r="A22904" s="2"/>
      <c r="B22904" s="2"/>
      <c r="C22904" s="2"/>
    </row>
    <row r="22905" spans="1:3" ht="19.2">
      <c r="A22905" s="2"/>
      <c r="B22905" s="2"/>
      <c r="C22905" s="2"/>
    </row>
    <row r="22906" spans="1:3" ht="19.2">
      <c r="A22906" s="2"/>
      <c r="B22906" s="2"/>
      <c r="C22906" s="2"/>
    </row>
    <row r="22907" spans="1:3" ht="19.2">
      <c r="A22907" s="2"/>
      <c r="B22907" s="2"/>
      <c r="C22907" s="2"/>
    </row>
    <row r="22908" spans="1:3" ht="19.2">
      <c r="A22908" s="2"/>
      <c r="B22908" s="2"/>
      <c r="C22908" s="2"/>
    </row>
    <row r="22909" spans="1:3" ht="19.2">
      <c r="A22909" s="2"/>
      <c r="B22909" s="2"/>
      <c r="C22909" s="2"/>
    </row>
    <row r="22910" spans="1:3" ht="19.2">
      <c r="A22910" s="2"/>
      <c r="B22910" s="2"/>
      <c r="C22910" s="2"/>
    </row>
    <row r="22911" spans="1:3" ht="19.2">
      <c r="A22911" s="2"/>
      <c r="B22911" s="2"/>
      <c r="C22911" s="2"/>
    </row>
    <row r="22912" spans="1:3" ht="19.2">
      <c r="A22912" s="2"/>
      <c r="B22912" s="2"/>
      <c r="C22912" s="2"/>
    </row>
    <row r="22913" spans="1:3" ht="19.2">
      <c r="A22913" s="2"/>
      <c r="B22913" s="2"/>
      <c r="C22913" s="2"/>
    </row>
    <row r="22914" spans="1:3" ht="19.2">
      <c r="A22914" s="2"/>
      <c r="B22914" s="2"/>
      <c r="C22914" s="2"/>
    </row>
    <row r="22915" spans="1:3" ht="19.2">
      <c r="A22915" s="2"/>
      <c r="B22915" s="2"/>
      <c r="C22915" s="2"/>
    </row>
    <row r="22916" spans="1:3" ht="19.2">
      <c r="A22916" s="2"/>
      <c r="B22916" s="2"/>
      <c r="C22916" s="2"/>
    </row>
    <row r="22917" spans="1:3" ht="19.2">
      <c r="A22917" s="2"/>
      <c r="B22917" s="2"/>
      <c r="C22917" s="2"/>
    </row>
    <row r="22918" spans="1:3" ht="19.2">
      <c r="A22918" s="2"/>
      <c r="B22918" s="2"/>
      <c r="C22918" s="2"/>
    </row>
    <row r="22919" spans="1:3" ht="19.2">
      <c r="A22919" s="2"/>
      <c r="B22919" s="2"/>
      <c r="C22919" s="2"/>
    </row>
    <row r="22920" spans="1:3" ht="19.2">
      <c r="A22920" s="2"/>
      <c r="B22920" s="2"/>
      <c r="C22920" s="2"/>
    </row>
    <row r="22921" spans="1:3" ht="19.2">
      <c r="A22921" s="2"/>
      <c r="B22921" s="2"/>
      <c r="C22921" s="2"/>
    </row>
    <row r="22922" spans="1:3" ht="19.2">
      <c r="A22922" s="2"/>
      <c r="B22922" s="2"/>
      <c r="C22922" s="2"/>
    </row>
    <row r="22923" spans="1:3" ht="19.2">
      <c r="A22923" s="2"/>
      <c r="B22923" s="2"/>
      <c r="C22923" s="2"/>
    </row>
    <row r="22924" spans="1:3" ht="19.2">
      <c r="A22924" s="2"/>
      <c r="B22924" s="2"/>
      <c r="C22924" s="2"/>
    </row>
    <row r="22925" spans="1:3" ht="19.2">
      <c r="A22925" s="2"/>
      <c r="B22925" s="2"/>
      <c r="C22925" s="2"/>
    </row>
    <row r="22926" spans="1:3" ht="19.2">
      <c r="A22926" s="2"/>
      <c r="B22926" s="2"/>
      <c r="C22926" s="2"/>
    </row>
    <row r="22927" spans="1:3" ht="19.2">
      <c r="A22927" s="2"/>
      <c r="B22927" s="2"/>
      <c r="C22927" s="2"/>
    </row>
    <row r="22928" spans="1:3" ht="19.2">
      <c r="A22928" s="2"/>
      <c r="B22928" s="2"/>
      <c r="C22928" s="2"/>
    </row>
    <row r="22929" spans="1:3" ht="19.2">
      <c r="A22929" s="2"/>
      <c r="B22929" s="2"/>
      <c r="C22929" s="2"/>
    </row>
    <row r="22930" spans="1:3" ht="19.2">
      <c r="A22930" s="2"/>
      <c r="B22930" s="2"/>
      <c r="C22930" s="2"/>
    </row>
    <row r="22931" spans="1:3" ht="19.2">
      <c r="A22931" s="2"/>
      <c r="B22931" s="2"/>
      <c r="C22931" s="2"/>
    </row>
    <row r="22932" spans="1:3" ht="19.2">
      <c r="A22932" s="2"/>
      <c r="B22932" s="2"/>
      <c r="C22932" s="2"/>
    </row>
    <row r="22933" spans="1:3" ht="19.2">
      <c r="A22933" s="2"/>
      <c r="B22933" s="2"/>
      <c r="C22933" s="2"/>
    </row>
    <row r="22934" spans="1:3" ht="19.2">
      <c r="A22934" s="2"/>
      <c r="B22934" s="2"/>
      <c r="C22934" s="2"/>
    </row>
    <row r="22935" spans="1:3" ht="19.2">
      <c r="A22935" s="2"/>
      <c r="B22935" s="2"/>
      <c r="C22935" s="2"/>
    </row>
    <row r="22936" spans="1:3" ht="19.2">
      <c r="A22936" s="2"/>
      <c r="B22936" s="2"/>
      <c r="C22936" s="2"/>
    </row>
    <row r="22937" spans="1:3" ht="19.2">
      <c r="A22937" s="2"/>
      <c r="B22937" s="2"/>
      <c r="C22937" s="2"/>
    </row>
    <row r="22938" spans="1:3" ht="19.2">
      <c r="A22938" s="2"/>
      <c r="B22938" s="2"/>
      <c r="C22938" s="2"/>
    </row>
    <row r="22939" spans="1:3" ht="19.2">
      <c r="A22939" s="2"/>
      <c r="B22939" s="2"/>
      <c r="C22939" s="2"/>
    </row>
    <row r="22940" spans="1:3" ht="19.2">
      <c r="A22940" s="2"/>
      <c r="B22940" s="2"/>
      <c r="C22940" s="2"/>
    </row>
    <row r="22941" spans="1:3" ht="19.2">
      <c r="A22941" s="2"/>
      <c r="B22941" s="2"/>
      <c r="C22941" s="2"/>
    </row>
    <row r="22942" spans="1:3" ht="19.2">
      <c r="A22942" s="2"/>
      <c r="B22942" s="2"/>
      <c r="C22942" s="2"/>
    </row>
    <row r="22943" spans="1:3" ht="19.2">
      <c r="A22943" s="2"/>
      <c r="B22943" s="2"/>
      <c r="C22943" s="2"/>
    </row>
    <row r="22944" spans="1:3" ht="19.2">
      <c r="A22944" s="2"/>
      <c r="B22944" s="2"/>
      <c r="C22944" s="2"/>
    </row>
    <row r="22945" spans="1:3" ht="19.2">
      <c r="A22945" s="2"/>
      <c r="B22945" s="2"/>
      <c r="C22945" s="2"/>
    </row>
    <row r="22946" spans="1:3" ht="19.2">
      <c r="A22946" s="2"/>
      <c r="B22946" s="2"/>
      <c r="C22946" s="2"/>
    </row>
    <row r="22947" spans="1:3" ht="19.2">
      <c r="A22947" s="2"/>
      <c r="B22947" s="2"/>
      <c r="C22947" s="2"/>
    </row>
    <row r="22948" spans="1:3" ht="19.2">
      <c r="A22948" s="2"/>
      <c r="B22948" s="2"/>
      <c r="C22948" s="2"/>
    </row>
    <row r="22949" spans="1:3" ht="19.2">
      <c r="A22949" s="2"/>
      <c r="B22949" s="2"/>
      <c r="C22949" s="2"/>
    </row>
    <row r="22950" spans="1:3" ht="19.2">
      <c r="A22950" s="2"/>
      <c r="B22950" s="2"/>
      <c r="C22950" s="2"/>
    </row>
    <row r="22951" spans="1:3" ht="19.2">
      <c r="A22951" s="2"/>
      <c r="B22951" s="2"/>
      <c r="C22951" s="2"/>
    </row>
    <row r="22952" spans="1:3" ht="19.2">
      <c r="A22952" s="2"/>
      <c r="B22952" s="2"/>
      <c r="C22952" s="2"/>
    </row>
    <row r="22953" spans="1:3" ht="19.2">
      <c r="A22953" s="2"/>
      <c r="B22953" s="2"/>
      <c r="C22953" s="2"/>
    </row>
    <row r="22954" spans="1:3" ht="19.2">
      <c r="A22954" s="2"/>
      <c r="B22954" s="2"/>
      <c r="C22954" s="2"/>
    </row>
    <row r="22955" spans="1:3" ht="19.2">
      <c r="A22955" s="2"/>
      <c r="B22955" s="2"/>
      <c r="C22955" s="2"/>
    </row>
    <row r="22956" spans="1:3" ht="19.2">
      <c r="A22956" s="2"/>
      <c r="B22956" s="2"/>
      <c r="C22956" s="2"/>
    </row>
    <row r="22957" spans="1:3" ht="19.2">
      <c r="A22957" s="2"/>
      <c r="B22957" s="2"/>
      <c r="C22957" s="2"/>
    </row>
    <row r="22958" spans="1:3" ht="19.2">
      <c r="A22958" s="2"/>
      <c r="B22958" s="2"/>
      <c r="C22958" s="2"/>
    </row>
    <row r="22959" spans="1:3" ht="19.2">
      <c r="A22959" s="2"/>
      <c r="B22959" s="2"/>
      <c r="C22959" s="2"/>
    </row>
    <row r="22960" spans="1:3" ht="19.2">
      <c r="A22960" s="2"/>
      <c r="B22960" s="2"/>
      <c r="C22960" s="2"/>
    </row>
    <row r="22961" spans="1:3" ht="19.2">
      <c r="A22961" s="2"/>
      <c r="B22961" s="2"/>
      <c r="C22961" s="2"/>
    </row>
    <row r="22962" spans="1:3" ht="19.2">
      <c r="A22962" s="2"/>
      <c r="B22962" s="2"/>
      <c r="C22962" s="2"/>
    </row>
    <row r="22963" spans="1:3" ht="19.2">
      <c r="A22963" s="2"/>
      <c r="B22963" s="2"/>
      <c r="C22963" s="2"/>
    </row>
    <row r="22964" spans="1:3" ht="19.2">
      <c r="A22964" s="2"/>
      <c r="B22964" s="2"/>
      <c r="C22964" s="2"/>
    </row>
    <row r="22965" spans="1:3" ht="19.2">
      <c r="A22965" s="2"/>
      <c r="B22965" s="2"/>
      <c r="C22965" s="2"/>
    </row>
    <row r="22966" spans="1:3" ht="19.2">
      <c r="A22966" s="2"/>
      <c r="B22966" s="2"/>
      <c r="C22966" s="2"/>
    </row>
    <row r="22967" spans="1:3" ht="19.2">
      <c r="A22967" s="2"/>
      <c r="B22967" s="2"/>
      <c r="C22967" s="2"/>
    </row>
    <row r="22968" spans="1:3" ht="19.2">
      <c r="A22968" s="2"/>
      <c r="B22968" s="2"/>
      <c r="C22968" s="2"/>
    </row>
    <row r="22969" spans="1:3" ht="19.2">
      <c r="A22969" s="2"/>
      <c r="B22969" s="2"/>
      <c r="C22969" s="2"/>
    </row>
    <row r="22970" spans="1:3" ht="19.2">
      <c r="A22970" s="2"/>
      <c r="B22970" s="2"/>
      <c r="C22970" s="2"/>
    </row>
    <row r="22971" spans="1:3" ht="19.2">
      <c r="A22971" s="2"/>
      <c r="B22971" s="2"/>
      <c r="C22971" s="2"/>
    </row>
    <row r="22972" spans="1:3" ht="19.2">
      <c r="A22972" s="2"/>
      <c r="B22972" s="2"/>
      <c r="C22972" s="2"/>
    </row>
    <row r="22973" spans="1:3" ht="19.2">
      <c r="A22973" s="2"/>
      <c r="B22973" s="2"/>
      <c r="C22973" s="2"/>
    </row>
    <row r="22974" spans="1:3" ht="19.2">
      <c r="A22974" s="2"/>
      <c r="B22974" s="2"/>
      <c r="C22974" s="2"/>
    </row>
    <row r="22975" spans="1:3" ht="19.2">
      <c r="A22975" s="2"/>
      <c r="B22975" s="2"/>
      <c r="C22975" s="2"/>
    </row>
    <row r="22976" spans="1:3" ht="19.2">
      <c r="A22976" s="2"/>
      <c r="B22976" s="2"/>
      <c r="C22976" s="2"/>
    </row>
    <row r="22977" spans="1:3" ht="19.2">
      <c r="A22977" s="2"/>
      <c r="B22977" s="2"/>
      <c r="C22977" s="2"/>
    </row>
    <row r="22978" spans="1:3" ht="19.2">
      <c r="A22978" s="2"/>
      <c r="B22978" s="2"/>
      <c r="C22978" s="2"/>
    </row>
    <row r="22979" spans="1:3" ht="19.2">
      <c r="A22979" s="2"/>
      <c r="B22979" s="2"/>
      <c r="C22979" s="2"/>
    </row>
    <row r="22980" spans="1:3" ht="19.2">
      <c r="A22980" s="2"/>
      <c r="B22980" s="2"/>
      <c r="C22980" s="2"/>
    </row>
    <row r="22981" spans="1:3" ht="19.2">
      <c r="A22981" s="2"/>
      <c r="B22981" s="2"/>
      <c r="C22981" s="2"/>
    </row>
    <row r="22982" spans="1:3" ht="19.2">
      <c r="A22982" s="2"/>
      <c r="B22982" s="2"/>
      <c r="C22982" s="2"/>
    </row>
    <row r="22983" spans="1:3" ht="19.2">
      <c r="A22983" s="2"/>
      <c r="B22983" s="2"/>
      <c r="C22983" s="2"/>
    </row>
    <row r="22984" spans="1:3" ht="19.2">
      <c r="A22984" s="2"/>
      <c r="B22984" s="2"/>
      <c r="C22984" s="2"/>
    </row>
    <row r="22985" spans="1:3" ht="19.2">
      <c r="A22985" s="2"/>
      <c r="B22985" s="2"/>
      <c r="C22985" s="2"/>
    </row>
    <row r="22986" spans="1:3" ht="19.2">
      <c r="A22986" s="2"/>
      <c r="B22986" s="2"/>
      <c r="C22986" s="2"/>
    </row>
    <row r="22987" spans="1:3" ht="19.2">
      <c r="A22987" s="2"/>
      <c r="B22987" s="2"/>
      <c r="C22987" s="2"/>
    </row>
    <row r="22988" spans="1:3" ht="19.2">
      <c r="A22988" s="2"/>
      <c r="B22988" s="2"/>
      <c r="C22988" s="2"/>
    </row>
    <row r="22989" spans="1:3" ht="19.2">
      <c r="A22989" s="2"/>
      <c r="B22989" s="2"/>
      <c r="C22989" s="2"/>
    </row>
    <row r="22990" spans="1:3" ht="19.2">
      <c r="A22990" s="2"/>
      <c r="B22990" s="2"/>
      <c r="C22990" s="2"/>
    </row>
    <row r="22991" spans="1:3" ht="19.2">
      <c r="A22991" s="2"/>
      <c r="B22991" s="2"/>
      <c r="C22991" s="2"/>
    </row>
    <row r="22992" spans="1:3" ht="19.2">
      <c r="A22992" s="2"/>
      <c r="B22992" s="2"/>
      <c r="C22992" s="2"/>
    </row>
    <row r="22993" spans="1:3" ht="19.2">
      <c r="A22993" s="2"/>
      <c r="B22993" s="2"/>
      <c r="C22993" s="2"/>
    </row>
    <row r="22994" spans="1:3" ht="19.2">
      <c r="A22994" s="2"/>
      <c r="B22994" s="2"/>
      <c r="C22994" s="2"/>
    </row>
    <row r="22995" spans="1:3" ht="19.2">
      <c r="A22995" s="2"/>
      <c r="B22995" s="2"/>
      <c r="C22995" s="2"/>
    </row>
    <row r="22996" spans="1:3" ht="19.2">
      <c r="A22996" s="2"/>
      <c r="B22996" s="2"/>
      <c r="C22996" s="2"/>
    </row>
    <row r="22997" spans="1:3" ht="19.2">
      <c r="A22997" s="2"/>
      <c r="B22997" s="2"/>
      <c r="C22997" s="2"/>
    </row>
    <row r="22998" spans="1:3" ht="19.2">
      <c r="A22998" s="2"/>
      <c r="B22998" s="2"/>
      <c r="C22998" s="2"/>
    </row>
    <row r="22999" spans="1:3" ht="19.2">
      <c r="A22999" s="2"/>
      <c r="B22999" s="2"/>
      <c r="C22999" s="2"/>
    </row>
    <row r="23000" spans="1:3" ht="19.2">
      <c r="A23000" s="2"/>
      <c r="B23000" s="2"/>
      <c r="C23000" s="2"/>
    </row>
    <row r="23001" spans="1:3" ht="19.2">
      <c r="A23001" s="2"/>
      <c r="B23001" s="2"/>
      <c r="C23001" s="2"/>
    </row>
    <row r="23002" spans="1:3" ht="19.2">
      <c r="A23002" s="2"/>
      <c r="B23002" s="2"/>
      <c r="C23002" s="2"/>
    </row>
    <row r="23003" spans="1:3" ht="19.2">
      <c r="A23003" s="2"/>
      <c r="B23003" s="2"/>
      <c r="C23003" s="2"/>
    </row>
    <row r="23004" spans="1:3" ht="19.2">
      <c r="A23004" s="2"/>
      <c r="B23004" s="2"/>
      <c r="C23004" s="2"/>
    </row>
    <row r="23005" spans="1:3" ht="19.2">
      <c r="A23005" s="2"/>
      <c r="B23005" s="2"/>
      <c r="C23005" s="2"/>
    </row>
    <row r="23006" spans="1:3" ht="19.2">
      <c r="A23006" s="2"/>
      <c r="B23006" s="2"/>
      <c r="C23006" s="2"/>
    </row>
    <row r="23007" spans="1:3" ht="19.2">
      <c r="A23007" s="2"/>
      <c r="B23007" s="2"/>
      <c r="C23007" s="2"/>
    </row>
    <row r="23008" spans="1:3" ht="19.2">
      <c r="A23008" s="2"/>
      <c r="B23008" s="2"/>
      <c r="C23008" s="2"/>
    </row>
    <row r="23009" spans="1:3" ht="19.2">
      <c r="A23009" s="2"/>
      <c r="B23009" s="2"/>
      <c r="C23009" s="2"/>
    </row>
    <row r="23010" spans="1:3" ht="19.2">
      <c r="A23010" s="2"/>
      <c r="B23010" s="2"/>
      <c r="C23010" s="2"/>
    </row>
    <row r="23011" spans="1:3" ht="19.2">
      <c r="A23011" s="2"/>
      <c r="B23011" s="2"/>
      <c r="C23011" s="2"/>
    </row>
    <row r="23012" spans="1:3" ht="19.2">
      <c r="A23012" s="2"/>
      <c r="B23012" s="2"/>
      <c r="C23012" s="2"/>
    </row>
    <row r="23013" spans="1:3" ht="19.2">
      <c r="A23013" s="2"/>
      <c r="B23013" s="2"/>
      <c r="C23013" s="2"/>
    </row>
    <row r="23014" spans="1:3" ht="19.2">
      <c r="A23014" s="2"/>
      <c r="B23014" s="2"/>
      <c r="C23014" s="2"/>
    </row>
    <row r="23015" spans="1:3" ht="19.2">
      <c r="A23015" s="2"/>
      <c r="B23015" s="2"/>
      <c r="C23015" s="2"/>
    </row>
    <row r="23016" spans="1:3" ht="19.2">
      <c r="A23016" s="2"/>
      <c r="B23016" s="2"/>
      <c r="C23016" s="2"/>
    </row>
    <row r="23017" spans="1:3" ht="19.2">
      <c r="A23017" s="2"/>
      <c r="B23017" s="2"/>
      <c r="C23017" s="2"/>
    </row>
    <row r="23018" spans="1:3" ht="19.2">
      <c r="A23018" s="2"/>
      <c r="B23018" s="2"/>
      <c r="C23018" s="2"/>
    </row>
    <row r="23019" spans="1:3" ht="19.2">
      <c r="A23019" s="2"/>
      <c r="B23019" s="2"/>
      <c r="C23019" s="2"/>
    </row>
    <row r="23020" spans="1:3" ht="19.2">
      <c r="A23020" s="2"/>
      <c r="B23020" s="2"/>
      <c r="C23020" s="2"/>
    </row>
    <row r="23021" spans="1:3" ht="19.2">
      <c r="A23021" s="2"/>
      <c r="B23021" s="2"/>
      <c r="C23021" s="2"/>
    </row>
    <row r="23022" spans="1:3" ht="19.2">
      <c r="A23022" s="2"/>
      <c r="B23022" s="2"/>
      <c r="C23022" s="2"/>
    </row>
    <row r="23023" spans="1:3" ht="19.2">
      <c r="A23023" s="2"/>
      <c r="B23023" s="2"/>
      <c r="C23023" s="2"/>
    </row>
    <row r="23024" spans="1:3" ht="19.2">
      <c r="A23024" s="2"/>
      <c r="B23024" s="2"/>
      <c r="C23024" s="2"/>
    </row>
    <row r="23025" spans="1:3" ht="19.2">
      <c r="A23025" s="2"/>
      <c r="B23025" s="2"/>
      <c r="C23025" s="2"/>
    </row>
    <row r="23026" spans="1:3" ht="19.2">
      <c r="A23026" s="2"/>
      <c r="B23026" s="2"/>
      <c r="C23026" s="2"/>
    </row>
    <row r="23027" spans="1:3" ht="19.2">
      <c r="A23027" s="2"/>
      <c r="B23027" s="2"/>
      <c r="C23027" s="2"/>
    </row>
    <row r="23028" spans="1:3" ht="19.2">
      <c r="A23028" s="2"/>
      <c r="B23028" s="2"/>
      <c r="C23028" s="2"/>
    </row>
    <row r="23029" spans="1:3" ht="19.2">
      <c r="A23029" s="2"/>
      <c r="B23029" s="2"/>
      <c r="C23029" s="2"/>
    </row>
    <row r="23030" spans="1:3" ht="19.2">
      <c r="A23030" s="2"/>
      <c r="B23030" s="2"/>
      <c r="C23030" s="2"/>
    </row>
    <row r="23031" spans="1:3" ht="19.2">
      <c r="A23031" s="2"/>
      <c r="B23031" s="2"/>
      <c r="C23031" s="2"/>
    </row>
    <row r="23032" spans="1:3" ht="19.2">
      <c r="A23032" s="2"/>
      <c r="B23032" s="2"/>
      <c r="C23032" s="2"/>
    </row>
    <row r="23033" spans="1:3" ht="19.2">
      <c r="A23033" s="2"/>
      <c r="B23033" s="2"/>
      <c r="C23033" s="2"/>
    </row>
    <row r="23034" spans="1:3" ht="19.2">
      <c r="A23034" s="2"/>
      <c r="B23034" s="2"/>
      <c r="C23034" s="2"/>
    </row>
    <row r="23035" spans="1:3" ht="19.2">
      <c r="A23035" s="2"/>
      <c r="B23035" s="2"/>
      <c r="C23035" s="2"/>
    </row>
    <row r="23036" spans="1:3" ht="19.2">
      <c r="A23036" s="2"/>
      <c r="B23036" s="2"/>
      <c r="C23036" s="2"/>
    </row>
    <row r="23037" spans="1:3" ht="19.2">
      <c r="A23037" s="2"/>
      <c r="B23037" s="2"/>
      <c r="C23037" s="2"/>
    </row>
    <row r="23038" spans="1:3" ht="19.2">
      <c r="A23038" s="2"/>
      <c r="B23038" s="2"/>
      <c r="C23038" s="2"/>
    </row>
    <row r="23039" spans="1:3" ht="19.2">
      <c r="A23039" s="2"/>
      <c r="B23039" s="2"/>
      <c r="C23039" s="2"/>
    </row>
    <row r="23040" spans="1:3" ht="19.2">
      <c r="A23040" s="2"/>
      <c r="B23040" s="2"/>
      <c r="C23040" s="2"/>
    </row>
    <row r="23041" spans="1:3" ht="19.2">
      <c r="A23041" s="2"/>
      <c r="B23041" s="2"/>
      <c r="C23041" s="2"/>
    </row>
    <row r="23042" spans="1:3" ht="19.2">
      <c r="A23042" s="2"/>
      <c r="B23042" s="2"/>
      <c r="C23042" s="2"/>
    </row>
    <row r="23043" spans="1:3" ht="19.2">
      <c r="A23043" s="2"/>
      <c r="B23043" s="2"/>
      <c r="C23043" s="2"/>
    </row>
    <row r="23044" spans="1:3" ht="19.2">
      <c r="A23044" s="2"/>
      <c r="B23044" s="2"/>
      <c r="C23044" s="2"/>
    </row>
    <row r="23045" spans="1:3" ht="19.2">
      <c r="A23045" s="2"/>
      <c r="B23045" s="2"/>
      <c r="C23045" s="2"/>
    </row>
    <row r="23046" spans="1:3" ht="19.2">
      <c r="A23046" s="2"/>
      <c r="B23046" s="2"/>
      <c r="C23046" s="2"/>
    </row>
    <row r="23047" spans="1:3" ht="19.2">
      <c r="A23047" s="2"/>
      <c r="B23047" s="2"/>
      <c r="C23047" s="2"/>
    </row>
    <row r="23048" spans="1:3" ht="19.2">
      <c r="A23048" s="2"/>
      <c r="B23048" s="2"/>
      <c r="C23048" s="2"/>
    </row>
    <row r="23049" spans="1:3" ht="19.2">
      <c r="A23049" s="2"/>
      <c r="B23049" s="2"/>
      <c r="C23049" s="2"/>
    </row>
    <row r="23050" spans="1:3" ht="19.2">
      <c r="A23050" s="2"/>
      <c r="B23050" s="2"/>
      <c r="C23050" s="2"/>
    </row>
    <row r="23051" spans="1:3" ht="19.2">
      <c r="A23051" s="2"/>
      <c r="B23051" s="2"/>
      <c r="C23051" s="2"/>
    </row>
    <row r="23052" spans="1:3" ht="19.2">
      <c r="A23052" s="2"/>
      <c r="B23052" s="2"/>
      <c r="C23052" s="2"/>
    </row>
    <row r="23053" spans="1:3" ht="19.2">
      <c r="A23053" s="2"/>
      <c r="B23053" s="2"/>
      <c r="C23053" s="2"/>
    </row>
    <row r="23054" spans="1:3" ht="19.2">
      <c r="A23054" s="2"/>
      <c r="B23054" s="2"/>
      <c r="C23054" s="2"/>
    </row>
    <row r="23055" spans="1:3" ht="19.2">
      <c r="A23055" s="2"/>
      <c r="B23055" s="2"/>
      <c r="C23055" s="2"/>
    </row>
    <row r="23056" spans="1:3" ht="19.2">
      <c r="A23056" s="2"/>
      <c r="B23056" s="2"/>
      <c r="C23056" s="2"/>
    </row>
    <row r="23057" spans="1:3" ht="19.2">
      <c r="A23057" s="2"/>
      <c r="B23057" s="2"/>
      <c r="C23057" s="2"/>
    </row>
    <row r="23058" spans="1:3" ht="19.2">
      <c r="A23058" s="2"/>
      <c r="B23058" s="2"/>
      <c r="C23058" s="2"/>
    </row>
    <row r="23059" spans="1:3" ht="19.2">
      <c r="A23059" s="2"/>
      <c r="B23059" s="2"/>
      <c r="C23059" s="2"/>
    </row>
    <row r="23060" spans="1:3" ht="19.2">
      <c r="A23060" s="2"/>
      <c r="B23060" s="2"/>
      <c r="C23060" s="2"/>
    </row>
    <row r="23061" spans="1:3" ht="19.2">
      <c r="A23061" s="2"/>
      <c r="B23061" s="2"/>
      <c r="C23061" s="2"/>
    </row>
    <row r="23062" spans="1:3" ht="19.2">
      <c r="A23062" s="2"/>
      <c r="B23062" s="2"/>
      <c r="C23062" s="2"/>
    </row>
    <row r="23063" spans="1:3" ht="19.2">
      <c r="A23063" s="2"/>
      <c r="B23063" s="2"/>
      <c r="C23063" s="2"/>
    </row>
    <row r="23064" spans="1:3" ht="19.2">
      <c r="A23064" s="2"/>
      <c r="B23064" s="2"/>
      <c r="C23064" s="2"/>
    </row>
    <row r="23065" spans="1:3" ht="19.2">
      <c r="A23065" s="2"/>
      <c r="B23065" s="2"/>
      <c r="C23065" s="2"/>
    </row>
    <row r="23066" spans="1:3" ht="19.2">
      <c r="A23066" s="2"/>
      <c r="B23066" s="2"/>
      <c r="C23066" s="2"/>
    </row>
    <row r="23067" spans="1:3" ht="19.2">
      <c r="A23067" s="2"/>
      <c r="B23067" s="2"/>
      <c r="C23067" s="2"/>
    </row>
    <row r="23068" spans="1:3" ht="19.2">
      <c r="A23068" s="2"/>
      <c r="B23068" s="2"/>
      <c r="C23068" s="2"/>
    </row>
    <row r="23069" spans="1:3" ht="19.2">
      <c r="A23069" s="2"/>
      <c r="B23069" s="2"/>
      <c r="C23069" s="2"/>
    </row>
    <row r="23070" spans="1:3" ht="19.2">
      <c r="A23070" s="2"/>
      <c r="B23070" s="2"/>
      <c r="C23070" s="2"/>
    </row>
    <row r="23071" spans="1:3" ht="19.2">
      <c r="A23071" s="2"/>
      <c r="B23071" s="2"/>
      <c r="C23071" s="2"/>
    </row>
    <row r="23072" spans="1:3" ht="19.2">
      <c r="A23072" s="2"/>
      <c r="B23072" s="2"/>
      <c r="C23072" s="2"/>
    </row>
    <row r="23073" spans="1:3" ht="19.2">
      <c r="A23073" s="2"/>
      <c r="B23073" s="2"/>
      <c r="C23073" s="2"/>
    </row>
    <row r="23074" spans="1:3" ht="19.2">
      <c r="A23074" s="2"/>
      <c r="B23074" s="2"/>
      <c r="C23074" s="2"/>
    </row>
    <row r="23075" spans="1:3" ht="19.2">
      <c r="A23075" s="2"/>
      <c r="B23075" s="2"/>
      <c r="C23075" s="2"/>
    </row>
    <row r="23076" spans="1:3" ht="19.2">
      <c r="A23076" s="2"/>
      <c r="B23076" s="2"/>
      <c r="C23076" s="2"/>
    </row>
    <row r="23077" spans="1:3" ht="19.2">
      <c r="A23077" s="2"/>
      <c r="B23077" s="2"/>
      <c r="C23077" s="2"/>
    </row>
    <row r="23078" spans="1:3" ht="19.2">
      <c r="A23078" s="2"/>
      <c r="B23078" s="2"/>
      <c r="C23078" s="2"/>
    </row>
    <row r="23079" spans="1:3" ht="19.2">
      <c r="A23079" s="2"/>
      <c r="B23079" s="2"/>
      <c r="C23079" s="2"/>
    </row>
    <row r="23080" spans="1:3" ht="19.2">
      <c r="A23080" s="2"/>
      <c r="B23080" s="2"/>
      <c r="C23080" s="2"/>
    </row>
    <row r="23081" spans="1:3" ht="19.2">
      <c r="A23081" s="2"/>
      <c r="B23081" s="2"/>
      <c r="C23081" s="2"/>
    </row>
    <row r="23082" spans="1:3" ht="19.2">
      <c r="A23082" s="2"/>
      <c r="B23082" s="2"/>
      <c r="C23082" s="2"/>
    </row>
    <row r="23083" spans="1:3" ht="19.2">
      <c r="A23083" s="2"/>
      <c r="B23083" s="2"/>
      <c r="C23083" s="2"/>
    </row>
    <row r="23084" spans="1:3" ht="19.2">
      <c r="A23084" s="2"/>
      <c r="B23084" s="2"/>
      <c r="C23084" s="2"/>
    </row>
    <row r="23085" spans="1:3" ht="19.2">
      <c r="A23085" s="2"/>
      <c r="B23085" s="2"/>
      <c r="C23085" s="2"/>
    </row>
    <row r="23086" spans="1:3" ht="19.2">
      <c r="A23086" s="2"/>
      <c r="B23086" s="2"/>
      <c r="C23086" s="2"/>
    </row>
    <row r="23087" spans="1:3" ht="19.2">
      <c r="A23087" s="2"/>
      <c r="B23087" s="2"/>
      <c r="C23087" s="2"/>
    </row>
    <row r="23088" spans="1:3" ht="19.2">
      <c r="A23088" s="2"/>
      <c r="B23088" s="2"/>
      <c r="C23088" s="2"/>
    </row>
    <row r="23089" spans="1:3" ht="19.2">
      <c r="A23089" s="2"/>
      <c r="B23089" s="2"/>
      <c r="C23089" s="2"/>
    </row>
    <row r="23090" spans="1:3" ht="19.2">
      <c r="A23090" s="2"/>
      <c r="B23090" s="2"/>
      <c r="C23090" s="2"/>
    </row>
    <row r="23091" spans="1:3" ht="19.2">
      <c r="A23091" s="2"/>
      <c r="B23091" s="2"/>
      <c r="C23091" s="2"/>
    </row>
    <row r="23092" spans="1:3" ht="19.2">
      <c r="A23092" s="2"/>
      <c r="B23092" s="2"/>
      <c r="C23092" s="2"/>
    </row>
    <row r="23093" spans="1:3" ht="19.2">
      <c r="A23093" s="2"/>
      <c r="B23093" s="2"/>
      <c r="C23093" s="2"/>
    </row>
    <row r="23094" spans="1:3" ht="19.2">
      <c r="A23094" s="2"/>
      <c r="B23094" s="2"/>
      <c r="C23094" s="2"/>
    </row>
    <row r="23095" spans="1:3" ht="19.2">
      <c r="A23095" s="2"/>
      <c r="B23095" s="2"/>
      <c r="C23095" s="2"/>
    </row>
    <row r="23096" spans="1:3" ht="19.2">
      <c r="A23096" s="2"/>
      <c r="B23096" s="2"/>
      <c r="C23096" s="2"/>
    </row>
    <row r="23097" spans="1:3" ht="19.2">
      <c r="A23097" s="2"/>
      <c r="B23097" s="2"/>
      <c r="C23097" s="2"/>
    </row>
    <row r="23098" spans="1:3" ht="19.2">
      <c r="A23098" s="2"/>
      <c r="B23098" s="2"/>
      <c r="C23098" s="2"/>
    </row>
    <row r="23099" spans="1:3" ht="19.2">
      <c r="A23099" s="2"/>
      <c r="B23099" s="2"/>
      <c r="C23099" s="2"/>
    </row>
    <row r="23100" spans="1:3" ht="19.2">
      <c r="A23100" s="2"/>
      <c r="B23100" s="2"/>
      <c r="C23100" s="2"/>
    </row>
    <row r="23101" spans="1:3" ht="19.2">
      <c r="A23101" s="2"/>
      <c r="B23101" s="2"/>
      <c r="C23101" s="2"/>
    </row>
    <row r="23102" spans="1:3" ht="19.2">
      <c r="A23102" s="2"/>
      <c r="B23102" s="2"/>
      <c r="C23102" s="2"/>
    </row>
    <row r="23103" spans="1:3" ht="19.2">
      <c r="A23103" s="2"/>
      <c r="B23103" s="2"/>
      <c r="C23103" s="2"/>
    </row>
    <row r="23104" spans="1:3" ht="19.2">
      <c r="A23104" s="2"/>
      <c r="B23104" s="2"/>
      <c r="C23104" s="2"/>
    </row>
    <row r="23105" spans="1:3" ht="19.2">
      <c r="A23105" s="2"/>
      <c r="B23105" s="2"/>
      <c r="C23105" s="2"/>
    </row>
    <row r="23106" spans="1:3" ht="19.2">
      <c r="A23106" s="2"/>
      <c r="B23106" s="2"/>
      <c r="C23106" s="2"/>
    </row>
    <row r="23107" spans="1:3" ht="19.2">
      <c r="A23107" s="2"/>
      <c r="B23107" s="2"/>
      <c r="C23107" s="2"/>
    </row>
    <row r="23108" spans="1:3" ht="19.2">
      <c r="A23108" s="2"/>
      <c r="B23108" s="2"/>
      <c r="C23108" s="2"/>
    </row>
    <row r="23109" spans="1:3" ht="19.2">
      <c r="A23109" s="2"/>
      <c r="B23109" s="2"/>
      <c r="C23109" s="2"/>
    </row>
    <row r="23110" spans="1:3" ht="19.2">
      <c r="A23110" s="2"/>
      <c r="B23110" s="2"/>
      <c r="C23110" s="2"/>
    </row>
    <row r="23111" spans="1:3" ht="19.2">
      <c r="A23111" s="2"/>
      <c r="B23111" s="2"/>
      <c r="C23111" s="2"/>
    </row>
    <row r="23112" spans="1:3" ht="19.2">
      <c r="A23112" s="2"/>
      <c r="B23112" s="2"/>
      <c r="C23112" s="2"/>
    </row>
    <row r="23113" spans="1:3" ht="19.2">
      <c r="A23113" s="2"/>
      <c r="B23113" s="2"/>
      <c r="C23113" s="2"/>
    </row>
    <row r="23114" spans="1:3" ht="19.2">
      <c r="A23114" s="2"/>
      <c r="B23114" s="2"/>
      <c r="C23114" s="2"/>
    </row>
    <row r="23115" spans="1:3" ht="19.2">
      <c r="A23115" s="2"/>
      <c r="B23115" s="2"/>
      <c r="C23115" s="2"/>
    </row>
    <row r="23116" spans="1:3" ht="19.2">
      <c r="A23116" s="2"/>
      <c r="B23116" s="2"/>
      <c r="C23116" s="2"/>
    </row>
    <row r="23117" spans="1:3" ht="19.2">
      <c r="A23117" s="2"/>
      <c r="B23117" s="2"/>
      <c r="C23117" s="2"/>
    </row>
    <row r="23118" spans="1:3" ht="19.2">
      <c r="A23118" s="2"/>
      <c r="B23118" s="2"/>
      <c r="C23118" s="2"/>
    </row>
    <row r="23119" spans="1:3" ht="19.2">
      <c r="A23119" s="2"/>
      <c r="B23119" s="2"/>
      <c r="C23119" s="2"/>
    </row>
    <row r="23120" spans="1:3" ht="19.2">
      <c r="A23120" s="2"/>
      <c r="B23120" s="2"/>
      <c r="C23120" s="2"/>
    </row>
    <row r="23121" spans="1:3" ht="19.2">
      <c r="A23121" s="2"/>
      <c r="B23121" s="2"/>
      <c r="C23121" s="2"/>
    </row>
    <row r="23122" spans="1:3" ht="19.2">
      <c r="A23122" s="2"/>
      <c r="B23122" s="2"/>
      <c r="C23122" s="2"/>
    </row>
    <row r="23123" spans="1:3" ht="19.2">
      <c r="A23123" s="2"/>
      <c r="B23123" s="2"/>
      <c r="C23123" s="2"/>
    </row>
    <row r="23124" spans="1:3" ht="19.2">
      <c r="A23124" s="2"/>
      <c r="B23124" s="2"/>
      <c r="C23124" s="2"/>
    </row>
    <row r="23125" spans="1:3" ht="19.2">
      <c r="A23125" s="2"/>
      <c r="B23125" s="2"/>
      <c r="C23125" s="2"/>
    </row>
    <row r="23126" spans="1:3" ht="19.2">
      <c r="A23126" s="2"/>
      <c r="B23126" s="2"/>
      <c r="C23126" s="2"/>
    </row>
    <row r="23127" spans="1:3" ht="19.2">
      <c r="A23127" s="2"/>
      <c r="B23127" s="2"/>
      <c r="C23127" s="2"/>
    </row>
    <row r="23128" spans="1:3" ht="19.2">
      <c r="A23128" s="2"/>
      <c r="B23128" s="2"/>
      <c r="C23128" s="2"/>
    </row>
    <row r="23129" spans="1:3" ht="19.2">
      <c r="A23129" s="2"/>
      <c r="B23129" s="2"/>
      <c r="C23129" s="2"/>
    </row>
    <row r="23130" spans="1:3" ht="19.2">
      <c r="A23130" s="2"/>
      <c r="B23130" s="2"/>
      <c r="C23130" s="2"/>
    </row>
    <row r="23131" spans="1:3" ht="19.2">
      <c r="A23131" s="2"/>
      <c r="B23131" s="2"/>
      <c r="C23131" s="2"/>
    </row>
    <row r="23132" spans="1:3" ht="19.2">
      <c r="A23132" s="2"/>
      <c r="B23132" s="2"/>
      <c r="C23132" s="2"/>
    </row>
    <row r="23133" spans="1:3" ht="19.2">
      <c r="A23133" s="2"/>
      <c r="B23133" s="2"/>
      <c r="C23133" s="2"/>
    </row>
    <row r="23134" spans="1:3" ht="19.2">
      <c r="A23134" s="2"/>
      <c r="B23134" s="2"/>
      <c r="C23134" s="2"/>
    </row>
    <row r="23135" spans="1:3" ht="19.2">
      <c r="A23135" s="2"/>
      <c r="B23135" s="2"/>
      <c r="C23135" s="2"/>
    </row>
    <row r="23136" spans="1:3" ht="19.2">
      <c r="A23136" s="2"/>
      <c r="B23136" s="2"/>
      <c r="C23136" s="2"/>
    </row>
    <row r="23137" spans="1:3" ht="19.2">
      <c r="A23137" s="2"/>
      <c r="B23137" s="2"/>
      <c r="C23137" s="2"/>
    </row>
    <row r="23138" spans="1:3" ht="19.2">
      <c r="A23138" s="2"/>
      <c r="B23138" s="2"/>
      <c r="C23138" s="2"/>
    </row>
    <row r="23139" spans="1:3" ht="19.2">
      <c r="A23139" s="2"/>
      <c r="B23139" s="2"/>
      <c r="C23139" s="2"/>
    </row>
    <row r="23140" spans="1:3" ht="19.2">
      <c r="A23140" s="2"/>
      <c r="B23140" s="2"/>
      <c r="C23140" s="2"/>
    </row>
    <row r="23141" spans="1:3" ht="19.2">
      <c r="A23141" s="2"/>
      <c r="B23141" s="2"/>
      <c r="C23141" s="2"/>
    </row>
    <row r="23142" spans="1:3" ht="19.2">
      <c r="A23142" s="2"/>
      <c r="B23142" s="2"/>
      <c r="C23142" s="2"/>
    </row>
    <row r="23143" spans="1:3" ht="19.2">
      <c r="A23143" s="2"/>
      <c r="B23143" s="2"/>
      <c r="C23143" s="2"/>
    </row>
    <row r="23144" spans="1:3" ht="19.2">
      <c r="A23144" s="2"/>
      <c r="B23144" s="2"/>
      <c r="C23144" s="2"/>
    </row>
    <row r="23145" spans="1:3" ht="19.2">
      <c r="A23145" s="2"/>
      <c r="B23145" s="2"/>
      <c r="C23145" s="2"/>
    </row>
    <row r="23146" spans="1:3" ht="19.2">
      <c r="A23146" s="2"/>
      <c r="B23146" s="2"/>
      <c r="C23146" s="2"/>
    </row>
    <row r="23147" spans="1:3" ht="19.2">
      <c r="A23147" s="2"/>
      <c r="B23147" s="2"/>
      <c r="C23147" s="2"/>
    </row>
    <row r="23148" spans="1:3" ht="19.2">
      <c r="A23148" s="2"/>
      <c r="B23148" s="2"/>
      <c r="C23148" s="2"/>
    </row>
    <row r="23149" spans="1:3" ht="19.2">
      <c r="A23149" s="2"/>
      <c r="B23149" s="2"/>
      <c r="C23149" s="2"/>
    </row>
    <row r="23150" spans="1:3" ht="19.2">
      <c r="A23150" s="2"/>
      <c r="B23150" s="2"/>
      <c r="C23150" s="2"/>
    </row>
    <row r="23151" spans="1:3" ht="19.2">
      <c r="A23151" s="2"/>
      <c r="B23151" s="2"/>
      <c r="C23151" s="2"/>
    </row>
    <row r="23152" spans="1:3" ht="19.2">
      <c r="A23152" s="2"/>
      <c r="B23152" s="2"/>
      <c r="C23152" s="2"/>
    </row>
    <row r="23153" spans="1:3" ht="19.2">
      <c r="A23153" s="2"/>
      <c r="B23153" s="2"/>
      <c r="C23153" s="2"/>
    </row>
    <row r="23154" spans="1:3" ht="19.2">
      <c r="A23154" s="2"/>
      <c r="B23154" s="2"/>
      <c r="C23154" s="2"/>
    </row>
    <row r="23155" spans="1:3" ht="19.2">
      <c r="A23155" s="2"/>
      <c r="B23155" s="2"/>
      <c r="C23155" s="2"/>
    </row>
    <row r="23156" spans="1:3" ht="19.2">
      <c r="A23156" s="2"/>
      <c r="B23156" s="2"/>
      <c r="C23156" s="2"/>
    </row>
    <row r="23157" spans="1:3" ht="19.2">
      <c r="A23157" s="2"/>
      <c r="B23157" s="2"/>
      <c r="C23157" s="2"/>
    </row>
    <row r="23158" spans="1:3" ht="19.2">
      <c r="A23158" s="2"/>
      <c r="B23158" s="2"/>
      <c r="C23158" s="2"/>
    </row>
    <row r="23159" spans="1:3" ht="19.2">
      <c r="A23159" s="2"/>
      <c r="B23159" s="2"/>
      <c r="C23159" s="2"/>
    </row>
    <row r="23160" spans="1:3" ht="19.2">
      <c r="A23160" s="2"/>
      <c r="B23160" s="2"/>
      <c r="C23160" s="2"/>
    </row>
    <row r="23161" spans="1:3" ht="19.2">
      <c r="A23161" s="2"/>
      <c r="B23161" s="2"/>
      <c r="C23161" s="2"/>
    </row>
    <row r="23162" spans="1:3" ht="19.2">
      <c r="A23162" s="2"/>
      <c r="B23162" s="2"/>
      <c r="C23162" s="2"/>
    </row>
    <row r="23163" spans="1:3" ht="19.2">
      <c r="A23163" s="2"/>
      <c r="B23163" s="2"/>
      <c r="C23163" s="2"/>
    </row>
    <row r="23164" spans="1:3" ht="19.2">
      <c r="A23164" s="2"/>
      <c r="B23164" s="2"/>
      <c r="C23164" s="2"/>
    </row>
    <row r="23165" spans="1:3" ht="19.2">
      <c r="A23165" s="2"/>
      <c r="B23165" s="2"/>
      <c r="C23165" s="2"/>
    </row>
    <row r="23166" spans="1:3" ht="19.2">
      <c r="A23166" s="2"/>
      <c r="B23166" s="2"/>
      <c r="C23166" s="2"/>
    </row>
    <row r="23167" spans="1:3" ht="19.2">
      <c r="A23167" s="2"/>
      <c r="B23167" s="2"/>
      <c r="C23167" s="2"/>
    </row>
    <row r="23168" spans="1:3" ht="19.2">
      <c r="A23168" s="2"/>
      <c r="B23168" s="2"/>
      <c r="C23168" s="2"/>
    </row>
    <row r="23169" spans="1:3" ht="19.2">
      <c r="A23169" s="2"/>
      <c r="B23169" s="2"/>
      <c r="C23169" s="2"/>
    </row>
    <row r="23170" spans="1:3" ht="19.2">
      <c r="A23170" s="2"/>
      <c r="B23170" s="2"/>
      <c r="C23170" s="2"/>
    </row>
    <row r="23171" spans="1:3" ht="19.2">
      <c r="A23171" s="2"/>
      <c r="B23171" s="2"/>
      <c r="C23171" s="2"/>
    </row>
    <row r="23172" spans="1:3" ht="19.2">
      <c r="A23172" s="2"/>
      <c r="B23172" s="2"/>
      <c r="C23172" s="2"/>
    </row>
    <row r="23173" spans="1:3" ht="19.2">
      <c r="A23173" s="2"/>
      <c r="B23173" s="2"/>
      <c r="C23173" s="2"/>
    </row>
    <row r="23174" spans="1:3" ht="19.2">
      <c r="A23174" s="2"/>
      <c r="B23174" s="2"/>
      <c r="C23174" s="2"/>
    </row>
    <row r="23175" spans="1:3" ht="19.2">
      <c r="A23175" s="2"/>
      <c r="B23175" s="2"/>
      <c r="C23175" s="2"/>
    </row>
    <row r="23176" spans="1:3" ht="19.2">
      <c r="A23176" s="2"/>
      <c r="B23176" s="2"/>
      <c r="C23176" s="2"/>
    </row>
    <row r="23177" spans="1:3" ht="19.2">
      <c r="A23177" s="2"/>
      <c r="B23177" s="2"/>
      <c r="C23177" s="2"/>
    </row>
    <row r="23178" spans="1:3" ht="19.2">
      <c r="A23178" s="2"/>
      <c r="B23178" s="2"/>
      <c r="C23178" s="2"/>
    </row>
    <row r="23179" spans="1:3" ht="19.2">
      <c r="A23179" s="2"/>
      <c r="B23179" s="2"/>
      <c r="C23179" s="2"/>
    </row>
    <row r="23180" spans="1:3" ht="19.2">
      <c r="A23180" s="2"/>
      <c r="B23180" s="2"/>
      <c r="C23180" s="2"/>
    </row>
    <row r="23181" spans="1:3" ht="19.2">
      <c r="A23181" s="2"/>
      <c r="B23181" s="2"/>
      <c r="C23181" s="2"/>
    </row>
    <row r="23182" spans="1:3" ht="19.2">
      <c r="A23182" s="2"/>
      <c r="B23182" s="2"/>
      <c r="C23182" s="2"/>
    </row>
    <row r="23183" spans="1:3" ht="19.2">
      <c r="A23183" s="2"/>
      <c r="B23183" s="2"/>
      <c r="C23183" s="2"/>
    </row>
    <row r="23184" spans="1:3" ht="19.2">
      <c r="A23184" s="2"/>
      <c r="B23184" s="2"/>
      <c r="C23184" s="2"/>
    </row>
    <row r="23185" spans="1:3" ht="19.2">
      <c r="A23185" s="2"/>
      <c r="B23185" s="2"/>
      <c r="C23185" s="2"/>
    </row>
    <row r="23186" spans="1:3" ht="19.2">
      <c r="A23186" s="2"/>
      <c r="B23186" s="2"/>
      <c r="C23186" s="2"/>
    </row>
    <row r="23187" spans="1:3" ht="19.2">
      <c r="A23187" s="2"/>
      <c r="B23187" s="2"/>
      <c r="C23187" s="2"/>
    </row>
    <row r="23188" spans="1:3" ht="19.2">
      <c r="A23188" s="2"/>
      <c r="B23188" s="2"/>
      <c r="C23188" s="2"/>
    </row>
    <row r="23189" spans="1:3" ht="19.2">
      <c r="A23189" s="2"/>
      <c r="B23189" s="2"/>
      <c r="C23189" s="2"/>
    </row>
    <row r="23190" spans="1:3" ht="19.2">
      <c r="A23190" s="2"/>
      <c r="B23190" s="2"/>
      <c r="C23190" s="2"/>
    </row>
    <row r="23191" spans="1:3" ht="19.2">
      <c r="A23191" s="2"/>
      <c r="B23191" s="2"/>
      <c r="C23191" s="2"/>
    </row>
    <row r="23192" spans="1:3" ht="19.2">
      <c r="A23192" s="2"/>
      <c r="B23192" s="2"/>
      <c r="C23192" s="2"/>
    </row>
    <row r="23193" spans="1:3" ht="19.2">
      <c r="A23193" s="2"/>
      <c r="B23193" s="2"/>
      <c r="C23193" s="2"/>
    </row>
    <row r="23194" spans="1:3" ht="19.2">
      <c r="A23194" s="2"/>
      <c r="B23194" s="2"/>
      <c r="C23194" s="2"/>
    </row>
    <row r="23195" spans="1:3" ht="19.2">
      <c r="A23195" s="2"/>
      <c r="B23195" s="2"/>
      <c r="C23195" s="2"/>
    </row>
    <row r="23196" spans="1:3" ht="19.2">
      <c r="A23196" s="2"/>
      <c r="B23196" s="2"/>
      <c r="C23196" s="2"/>
    </row>
    <row r="23197" spans="1:3" ht="19.2">
      <c r="A23197" s="2"/>
      <c r="B23197" s="2"/>
      <c r="C23197" s="2"/>
    </row>
    <row r="23198" spans="1:3" ht="19.2">
      <c r="A23198" s="2"/>
      <c r="B23198" s="2"/>
      <c r="C23198" s="2"/>
    </row>
    <row r="23199" spans="1:3" ht="19.2">
      <c r="A23199" s="2"/>
      <c r="B23199" s="2"/>
      <c r="C23199" s="2"/>
    </row>
    <row r="23200" spans="1:3" ht="19.2">
      <c r="A23200" s="2"/>
      <c r="B23200" s="2"/>
      <c r="C23200" s="2"/>
    </row>
    <row r="23201" spans="1:3" ht="19.2">
      <c r="A23201" s="2"/>
      <c r="B23201" s="2"/>
      <c r="C23201" s="2"/>
    </row>
    <row r="23202" spans="1:3" ht="19.2">
      <c r="A23202" s="2"/>
      <c r="B23202" s="2"/>
      <c r="C23202" s="2"/>
    </row>
    <row r="23203" spans="1:3" ht="19.2">
      <c r="A23203" s="2"/>
      <c r="B23203" s="2"/>
      <c r="C23203" s="2"/>
    </row>
    <row r="23204" spans="1:3" ht="19.2">
      <c r="A23204" s="2"/>
      <c r="B23204" s="2"/>
      <c r="C23204" s="2"/>
    </row>
    <row r="23205" spans="1:3" ht="19.2">
      <c r="A23205" s="2"/>
      <c r="B23205" s="2"/>
      <c r="C23205" s="2"/>
    </row>
    <row r="23206" spans="1:3" ht="19.2">
      <c r="A23206" s="2"/>
      <c r="B23206" s="2"/>
      <c r="C23206" s="2"/>
    </row>
    <row r="23207" spans="1:3" ht="19.2">
      <c r="A23207" s="2"/>
      <c r="B23207" s="2"/>
      <c r="C23207" s="2"/>
    </row>
    <row r="23208" spans="1:3" ht="19.2">
      <c r="A23208" s="2"/>
      <c r="B23208" s="2"/>
      <c r="C23208" s="2"/>
    </row>
    <row r="23209" spans="1:3" ht="19.2">
      <c r="A23209" s="2"/>
      <c r="B23209" s="2"/>
      <c r="C23209" s="2"/>
    </row>
    <row r="23210" spans="1:3" ht="19.2">
      <c r="A23210" s="2"/>
      <c r="B23210" s="2"/>
      <c r="C23210" s="2"/>
    </row>
    <row r="23211" spans="1:3" ht="19.2">
      <c r="A23211" s="2"/>
      <c r="B23211" s="2"/>
      <c r="C23211" s="2"/>
    </row>
    <row r="23212" spans="1:3" ht="19.2">
      <c r="A23212" s="2"/>
      <c r="B23212" s="2"/>
      <c r="C23212" s="2"/>
    </row>
    <row r="23213" spans="1:3" ht="19.2">
      <c r="A23213" s="2"/>
      <c r="B23213" s="2"/>
      <c r="C23213" s="2"/>
    </row>
    <row r="23214" spans="1:3" ht="19.2">
      <c r="A23214" s="2"/>
      <c r="B23214" s="2"/>
      <c r="C23214" s="2"/>
    </row>
    <row r="23215" spans="1:3" ht="19.2">
      <c r="A23215" s="2"/>
      <c r="B23215" s="2"/>
      <c r="C23215" s="2"/>
    </row>
    <row r="23216" spans="1:3" ht="19.2">
      <c r="A23216" s="2"/>
      <c r="B23216" s="2"/>
      <c r="C23216" s="2"/>
    </row>
    <row r="23217" spans="1:3" ht="19.2">
      <c r="A23217" s="2"/>
      <c r="B23217" s="2"/>
      <c r="C23217" s="2"/>
    </row>
    <row r="23218" spans="1:3" ht="19.2">
      <c r="A23218" s="2"/>
      <c r="B23218" s="2"/>
      <c r="C23218" s="2"/>
    </row>
    <row r="23219" spans="1:3" ht="19.2">
      <c r="A23219" s="2"/>
      <c r="B23219" s="2"/>
      <c r="C23219" s="2"/>
    </row>
    <row r="23220" spans="1:3" ht="19.2">
      <c r="A23220" s="2"/>
      <c r="B23220" s="2"/>
      <c r="C23220" s="2"/>
    </row>
    <row r="23221" spans="1:3" ht="19.2">
      <c r="A23221" s="2"/>
      <c r="B23221" s="2"/>
      <c r="C23221" s="2"/>
    </row>
    <row r="23222" spans="1:3" ht="19.2">
      <c r="A23222" s="2"/>
      <c r="B23222" s="2"/>
      <c r="C23222" s="2"/>
    </row>
    <row r="23223" spans="1:3" ht="19.2">
      <c r="A23223" s="2"/>
      <c r="B23223" s="2"/>
      <c r="C23223" s="2"/>
    </row>
    <row r="23224" spans="1:3" ht="19.2">
      <c r="A23224" s="2"/>
      <c r="B23224" s="2"/>
      <c r="C23224" s="2"/>
    </row>
    <row r="23225" spans="1:3" ht="19.2">
      <c r="A23225" s="2"/>
      <c r="B23225" s="2"/>
      <c r="C23225" s="2"/>
    </row>
    <row r="23226" spans="1:3" ht="19.2">
      <c r="A23226" s="2"/>
      <c r="B23226" s="2"/>
      <c r="C23226" s="2"/>
    </row>
    <row r="23227" spans="1:3" ht="19.2">
      <c r="A23227" s="2"/>
      <c r="B23227" s="2"/>
      <c r="C23227" s="2"/>
    </row>
    <row r="23228" spans="1:3" ht="19.2">
      <c r="A23228" s="2"/>
      <c r="B23228" s="2"/>
      <c r="C23228" s="2"/>
    </row>
    <row r="23229" spans="1:3" ht="19.2">
      <c r="A23229" s="2"/>
      <c r="B23229" s="2"/>
      <c r="C23229" s="2"/>
    </row>
    <row r="23230" spans="1:3" ht="19.2">
      <c r="A23230" s="2"/>
      <c r="B23230" s="2"/>
      <c r="C23230" s="2"/>
    </row>
    <row r="23231" spans="1:3" ht="19.2">
      <c r="A23231" s="2"/>
      <c r="B23231" s="2"/>
      <c r="C23231" s="2"/>
    </row>
    <row r="23232" spans="1:3" ht="19.2">
      <c r="A23232" s="2"/>
      <c r="B23232" s="2"/>
      <c r="C23232" s="2"/>
    </row>
    <row r="23233" spans="1:3" ht="19.2">
      <c r="A23233" s="2"/>
      <c r="B23233" s="2"/>
      <c r="C23233" s="2"/>
    </row>
    <row r="23234" spans="1:3" ht="19.2">
      <c r="A23234" s="2"/>
      <c r="B23234" s="2"/>
      <c r="C23234" s="2"/>
    </row>
    <row r="23235" spans="1:3" ht="19.2">
      <c r="A23235" s="2"/>
      <c r="B23235" s="2"/>
      <c r="C23235" s="2"/>
    </row>
    <row r="23236" spans="1:3" ht="19.2">
      <c r="A23236" s="2"/>
      <c r="B23236" s="2"/>
      <c r="C23236" s="2"/>
    </row>
    <row r="23237" spans="1:3" ht="19.2">
      <c r="A23237" s="2"/>
      <c r="B23237" s="2"/>
      <c r="C23237" s="2"/>
    </row>
    <row r="23238" spans="1:3" ht="19.2">
      <c r="A23238" s="2"/>
      <c r="B23238" s="2"/>
      <c r="C23238" s="2"/>
    </row>
    <row r="23239" spans="1:3" ht="19.2">
      <c r="A23239" s="2"/>
      <c r="B23239" s="2"/>
      <c r="C23239" s="2"/>
    </row>
    <row r="23240" spans="1:3" ht="19.2">
      <c r="A23240" s="2"/>
      <c r="B23240" s="2"/>
      <c r="C23240" s="2"/>
    </row>
    <row r="23241" spans="1:3" ht="19.2">
      <c r="A23241" s="2"/>
      <c r="B23241" s="2"/>
      <c r="C23241" s="2"/>
    </row>
    <row r="23242" spans="1:3" ht="19.2">
      <c r="A23242" s="2"/>
      <c r="B23242" s="2"/>
      <c r="C23242" s="2"/>
    </row>
    <row r="23243" spans="1:3" ht="19.2">
      <c r="A23243" s="2"/>
      <c r="B23243" s="2"/>
      <c r="C23243" s="2"/>
    </row>
    <row r="23244" spans="1:3" ht="19.2">
      <c r="A23244" s="2"/>
      <c r="B23244" s="2"/>
      <c r="C23244" s="2"/>
    </row>
    <row r="23245" spans="1:3" ht="19.2">
      <c r="A23245" s="2"/>
      <c r="B23245" s="2"/>
      <c r="C23245" s="2"/>
    </row>
    <row r="23246" spans="1:3" ht="19.2">
      <c r="A23246" s="2"/>
      <c r="B23246" s="2"/>
      <c r="C23246" s="2"/>
    </row>
    <row r="23247" spans="1:3" ht="19.2">
      <c r="A23247" s="2"/>
      <c r="B23247" s="2"/>
      <c r="C23247" s="2"/>
    </row>
    <row r="23248" spans="1:3" ht="19.2">
      <c r="A23248" s="2"/>
      <c r="B23248" s="2"/>
      <c r="C23248" s="2"/>
    </row>
    <row r="23249" spans="1:3" ht="19.2">
      <c r="A23249" s="2"/>
      <c r="B23249" s="2"/>
      <c r="C23249" s="2"/>
    </row>
    <row r="23250" spans="1:3" ht="19.2">
      <c r="A23250" s="2"/>
      <c r="B23250" s="2"/>
      <c r="C23250" s="2"/>
    </row>
    <row r="23251" spans="1:3" ht="19.2">
      <c r="A23251" s="2"/>
      <c r="B23251" s="2"/>
      <c r="C23251" s="2"/>
    </row>
    <row r="23252" spans="1:3" ht="19.2">
      <c r="A23252" s="2"/>
      <c r="B23252" s="2"/>
      <c r="C23252" s="2"/>
    </row>
    <row r="23253" spans="1:3" ht="19.2">
      <c r="A23253" s="2"/>
      <c r="B23253" s="2"/>
      <c r="C23253" s="2"/>
    </row>
    <row r="23254" spans="1:3" ht="19.2">
      <c r="A23254" s="2"/>
      <c r="B23254" s="2"/>
      <c r="C23254" s="2"/>
    </row>
    <row r="23255" spans="1:3" ht="19.2">
      <c r="A23255" s="2"/>
      <c r="B23255" s="2"/>
      <c r="C23255" s="2"/>
    </row>
    <row r="23256" spans="1:3" ht="19.2">
      <c r="A23256" s="2"/>
      <c r="B23256" s="2"/>
      <c r="C23256" s="2"/>
    </row>
    <row r="23257" spans="1:3" ht="19.2">
      <c r="A23257" s="2"/>
      <c r="B23257" s="2"/>
      <c r="C23257" s="2"/>
    </row>
    <row r="23258" spans="1:3" ht="19.2">
      <c r="A23258" s="2"/>
      <c r="B23258" s="2"/>
      <c r="C23258" s="2"/>
    </row>
    <row r="23259" spans="1:3" ht="19.2">
      <c r="A23259" s="2"/>
      <c r="B23259" s="2"/>
      <c r="C23259" s="2"/>
    </row>
    <row r="23260" spans="1:3" ht="19.2">
      <c r="A23260" s="2"/>
      <c r="B23260" s="2"/>
      <c r="C23260" s="2"/>
    </row>
    <row r="23261" spans="1:3" ht="19.2">
      <c r="A23261" s="2"/>
      <c r="B23261" s="2"/>
      <c r="C23261" s="2"/>
    </row>
    <row r="23262" spans="1:3" ht="19.2">
      <c r="A23262" s="2"/>
      <c r="B23262" s="2"/>
      <c r="C23262" s="2"/>
    </row>
    <row r="23263" spans="1:3" ht="19.2">
      <c r="A23263" s="2"/>
      <c r="B23263" s="2"/>
      <c r="C23263" s="2"/>
    </row>
    <row r="23264" spans="1:3" ht="19.2">
      <c r="A23264" s="2"/>
      <c r="B23264" s="2"/>
      <c r="C23264" s="2"/>
    </row>
    <row r="23265" spans="1:3" ht="19.2">
      <c r="A23265" s="2"/>
      <c r="B23265" s="2"/>
      <c r="C23265" s="2"/>
    </row>
    <row r="23266" spans="1:3" ht="19.2">
      <c r="A23266" s="2"/>
      <c r="B23266" s="2"/>
      <c r="C23266" s="2"/>
    </row>
    <row r="23267" spans="1:3" ht="19.2">
      <c r="A23267" s="2"/>
      <c r="B23267" s="2"/>
      <c r="C23267" s="2"/>
    </row>
    <row r="23268" spans="1:3" ht="19.2">
      <c r="A23268" s="2"/>
      <c r="B23268" s="2"/>
      <c r="C23268" s="2"/>
    </row>
    <row r="23269" spans="1:3" ht="19.2">
      <c r="A23269" s="2"/>
      <c r="B23269" s="2"/>
      <c r="C23269" s="2"/>
    </row>
    <row r="23270" spans="1:3" ht="19.2">
      <c r="A23270" s="2"/>
      <c r="B23270" s="2"/>
      <c r="C23270" s="2"/>
    </row>
    <row r="23271" spans="1:3" ht="19.2">
      <c r="A23271" s="2"/>
      <c r="B23271" s="2"/>
      <c r="C23271" s="2"/>
    </row>
    <row r="23272" spans="1:3" ht="19.2">
      <c r="A23272" s="2"/>
      <c r="B23272" s="2"/>
      <c r="C23272" s="2"/>
    </row>
    <row r="23273" spans="1:3" ht="19.2">
      <c r="A23273" s="2"/>
      <c r="B23273" s="2"/>
      <c r="C23273" s="2"/>
    </row>
    <row r="23274" spans="1:3" ht="19.2">
      <c r="A23274" s="2"/>
      <c r="B23274" s="2"/>
      <c r="C23274" s="2"/>
    </row>
    <row r="23275" spans="1:3" ht="19.2">
      <c r="A23275" s="2"/>
      <c r="B23275" s="2"/>
      <c r="C23275" s="2"/>
    </row>
    <row r="23276" spans="1:3" ht="19.2">
      <c r="A23276" s="2"/>
      <c r="B23276" s="2"/>
      <c r="C23276" s="2"/>
    </row>
    <row r="23277" spans="1:3" ht="19.2">
      <c r="A23277" s="2"/>
      <c r="B23277" s="2"/>
      <c r="C23277" s="2"/>
    </row>
    <row r="23278" spans="1:3" ht="19.2">
      <c r="A23278" s="2"/>
      <c r="B23278" s="2"/>
      <c r="C23278" s="2"/>
    </row>
    <row r="23279" spans="1:3" ht="19.2">
      <c r="A23279" s="2"/>
      <c r="B23279" s="2"/>
      <c r="C23279" s="2"/>
    </row>
    <row r="23280" spans="1:3" ht="19.2">
      <c r="A23280" s="2"/>
      <c r="B23280" s="2"/>
      <c r="C23280" s="2"/>
    </row>
    <row r="23281" spans="1:3" ht="19.2">
      <c r="A23281" s="2"/>
      <c r="B23281" s="2"/>
      <c r="C23281" s="2"/>
    </row>
    <row r="23282" spans="1:3" ht="19.2">
      <c r="A23282" s="2"/>
      <c r="B23282" s="2"/>
      <c r="C23282" s="2"/>
    </row>
    <row r="23283" spans="1:3" ht="19.2">
      <c r="A23283" s="2"/>
      <c r="B23283" s="2"/>
      <c r="C23283" s="2"/>
    </row>
    <row r="23284" spans="1:3" ht="19.2">
      <c r="A23284" s="2"/>
      <c r="B23284" s="2"/>
      <c r="C23284" s="2"/>
    </row>
    <row r="23285" spans="1:3" ht="19.2">
      <c r="A23285" s="2"/>
      <c r="B23285" s="2"/>
      <c r="C23285" s="2"/>
    </row>
    <row r="23286" spans="1:3" ht="19.2">
      <c r="A23286" s="2"/>
      <c r="B23286" s="2"/>
      <c r="C23286" s="2"/>
    </row>
    <row r="23287" spans="1:3" ht="19.2">
      <c r="A23287" s="2"/>
      <c r="B23287" s="2"/>
      <c r="C23287" s="2"/>
    </row>
    <row r="23288" spans="1:3" ht="19.2">
      <c r="A23288" s="2"/>
      <c r="B23288" s="2"/>
      <c r="C23288" s="2"/>
    </row>
    <row r="23289" spans="1:3" ht="19.2">
      <c r="A23289" s="2"/>
      <c r="B23289" s="2"/>
      <c r="C23289" s="2"/>
    </row>
    <row r="23290" spans="1:3" ht="19.2">
      <c r="A23290" s="2"/>
      <c r="B23290" s="2"/>
      <c r="C23290" s="2"/>
    </row>
    <row r="23291" spans="1:3" ht="19.2">
      <c r="A23291" s="2"/>
      <c r="B23291" s="2"/>
      <c r="C23291" s="2"/>
    </row>
    <row r="23292" spans="1:3" ht="19.2">
      <c r="A23292" s="2"/>
      <c r="B23292" s="2"/>
      <c r="C23292" s="2"/>
    </row>
    <row r="23293" spans="1:3" ht="19.2">
      <c r="A23293" s="2"/>
      <c r="B23293" s="2"/>
      <c r="C23293" s="2"/>
    </row>
    <row r="23294" spans="1:3" ht="19.2">
      <c r="A23294" s="2"/>
      <c r="B23294" s="2"/>
      <c r="C23294" s="2"/>
    </row>
    <row r="23295" spans="1:3" ht="19.2">
      <c r="A23295" s="2"/>
      <c r="B23295" s="2"/>
      <c r="C23295" s="2"/>
    </row>
    <row r="23296" spans="1:3" ht="19.2">
      <c r="A23296" s="2"/>
      <c r="B23296" s="2"/>
      <c r="C23296" s="2"/>
    </row>
    <row r="23297" spans="1:3" ht="19.2">
      <c r="A23297" s="2"/>
      <c r="B23297" s="2"/>
      <c r="C23297" s="2"/>
    </row>
    <row r="23298" spans="1:3" ht="19.2">
      <c r="A23298" s="2"/>
      <c r="B23298" s="2"/>
      <c r="C23298" s="2"/>
    </row>
    <row r="23299" spans="1:3" ht="19.2">
      <c r="A23299" s="2"/>
      <c r="B23299" s="2"/>
      <c r="C23299" s="2"/>
    </row>
    <row r="23300" spans="1:3" ht="19.2">
      <c r="A23300" s="2"/>
      <c r="B23300" s="2"/>
      <c r="C23300" s="2"/>
    </row>
    <row r="23301" spans="1:3" ht="19.2">
      <c r="A23301" s="2"/>
      <c r="B23301" s="2"/>
      <c r="C23301" s="2"/>
    </row>
    <row r="23302" spans="1:3" ht="19.2">
      <c r="A23302" s="2"/>
      <c r="B23302" s="2"/>
      <c r="C23302" s="2"/>
    </row>
    <row r="23303" spans="1:3" ht="19.2">
      <c r="A23303" s="2"/>
      <c r="B23303" s="2"/>
      <c r="C23303" s="2"/>
    </row>
    <row r="23304" spans="1:3" ht="19.2">
      <c r="A23304" s="2"/>
      <c r="B23304" s="2"/>
      <c r="C23304" s="2"/>
    </row>
    <row r="23305" spans="1:3" ht="19.2">
      <c r="A23305" s="2"/>
      <c r="B23305" s="2"/>
      <c r="C23305" s="2"/>
    </row>
    <row r="23306" spans="1:3" ht="19.2">
      <c r="A23306" s="2"/>
      <c r="B23306" s="2"/>
      <c r="C23306" s="2"/>
    </row>
    <row r="23307" spans="1:3" ht="19.2">
      <c r="A23307" s="2"/>
      <c r="B23307" s="2"/>
      <c r="C23307" s="2"/>
    </row>
    <row r="23308" spans="1:3" ht="19.2">
      <c r="A23308" s="2"/>
      <c r="B23308" s="2"/>
      <c r="C23308" s="2"/>
    </row>
    <row r="23309" spans="1:3" ht="19.2">
      <c r="A23309" s="2"/>
      <c r="B23309" s="2"/>
      <c r="C23309" s="2"/>
    </row>
    <row r="23310" spans="1:3" ht="19.2">
      <c r="A23310" s="2"/>
      <c r="B23310" s="2"/>
      <c r="C23310" s="2"/>
    </row>
    <row r="23311" spans="1:3" ht="19.2">
      <c r="A23311" s="2"/>
      <c r="B23311" s="2"/>
      <c r="C23311" s="2"/>
    </row>
    <row r="23312" spans="1:3" ht="19.2">
      <c r="A23312" s="2"/>
      <c r="B23312" s="2"/>
      <c r="C23312" s="2"/>
    </row>
    <row r="23313" spans="1:3" ht="19.2">
      <c r="A23313" s="2"/>
      <c r="B23313" s="2"/>
      <c r="C23313" s="2"/>
    </row>
    <row r="23314" spans="1:3" ht="19.2">
      <c r="A23314" s="2"/>
      <c r="B23314" s="2"/>
      <c r="C23314" s="2"/>
    </row>
    <row r="23315" spans="1:3" ht="19.2">
      <c r="A23315" s="2"/>
      <c r="B23315" s="2"/>
      <c r="C23315" s="2"/>
    </row>
    <row r="23316" spans="1:3" ht="19.2">
      <c r="A23316" s="2"/>
      <c r="B23316" s="2"/>
      <c r="C23316" s="2"/>
    </row>
    <row r="23317" spans="1:3" ht="19.2">
      <c r="A23317" s="2"/>
      <c r="B23317" s="2"/>
      <c r="C23317" s="2"/>
    </row>
    <row r="23318" spans="1:3" ht="19.2">
      <c r="A23318" s="2"/>
      <c r="B23318" s="2"/>
      <c r="C23318" s="2"/>
    </row>
    <row r="23319" spans="1:3" ht="19.2">
      <c r="A23319" s="2"/>
      <c r="B23319" s="2"/>
      <c r="C23319" s="2"/>
    </row>
    <row r="23320" spans="1:3" ht="19.2">
      <c r="A23320" s="2"/>
      <c r="B23320" s="2"/>
      <c r="C23320" s="2"/>
    </row>
    <row r="23321" spans="1:3" ht="19.2">
      <c r="A23321" s="2"/>
      <c r="B23321" s="2"/>
      <c r="C23321" s="2"/>
    </row>
    <row r="23322" spans="1:3" ht="19.2">
      <c r="A23322" s="2"/>
      <c r="B23322" s="2"/>
      <c r="C23322" s="2"/>
    </row>
    <row r="23323" spans="1:3" ht="19.2">
      <c r="A23323" s="2"/>
      <c r="B23323" s="2"/>
      <c r="C23323" s="2"/>
    </row>
    <row r="23324" spans="1:3" ht="19.2">
      <c r="A23324" s="2"/>
      <c r="B23324" s="2"/>
      <c r="C23324" s="2"/>
    </row>
    <row r="23325" spans="1:3" ht="19.2">
      <c r="A23325" s="2"/>
      <c r="B23325" s="2"/>
      <c r="C23325" s="2"/>
    </row>
    <row r="23326" spans="1:3" ht="19.2">
      <c r="A23326" s="2"/>
      <c r="B23326" s="2"/>
      <c r="C23326" s="2"/>
    </row>
    <row r="23327" spans="1:3" ht="19.2">
      <c r="A23327" s="2"/>
      <c r="B23327" s="2"/>
      <c r="C23327" s="2"/>
    </row>
    <row r="23328" spans="1:3" ht="19.2">
      <c r="A23328" s="2"/>
      <c r="B23328" s="2"/>
      <c r="C23328" s="2"/>
    </row>
    <row r="23329" spans="1:3" ht="19.2">
      <c r="A23329" s="2"/>
      <c r="B23329" s="2"/>
      <c r="C23329" s="2"/>
    </row>
    <row r="23330" spans="1:3" ht="19.2">
      <c r="A23330" s="2"/>
      <c r="B23330" s="2"/>
      <c r="C23330" s="2"/>
    </row>
    <row r="23331" spans="1:3" ht="19.2">
      <c r="A23331" s="2"/>
      <c r="B23331" s="2"/>
      <c r="C23331" s="2"/>
    </row>
    <row r="23332" spans="1:3" ht="19.2">
      <c r="A23332" s="2"/>
      <c r="B23332" s="2"/>
      <c r="C23332" s="2"/>
    </row>
    <row r="23333" spans="1:3" ht="19.2">
      <c r="A23333" s="2"/>
      <c r="B23333" s="2"/>
      <c r="C23333" s="2"/>
    </row>
    <row r="23334" spans="1:3" ht="19.2">
      <c r="A23334" s="2"/>
      <c r="B23334" s="2"/>
      <c r="C23334" s="2"/>
    </row>
    <row r="23335" spans="1:3" ht="19.2">
      <c r="A23335" s="2"/>
      <c r="B23335" s="2"/>
      <c r="C23335" s="2"/>
    </row>
    <row r="23336" spans="1:3" ht="19.2">
      <c r="A23336" s="2"/>
      <c r="B23336" s="2"/>
      <c r="C23336" s="2"/>
    </row>
    <row r="23337" spans="1:3" ht="19.2">
      <c r="A23337" s="2"/>
      <c r="B23337" s="2"/>
      <c r="C23337" s="2"/>
    </row>
    <row r="23338" spans="1:3" ht="19.2">
      <c r="A23338" s="2"/>
      <c r="B23338" s="2"/>
      <c r="C23338" s="2"/>
    </row>
    <row r="23339" spans="1:3" ht="19.2">
      <c r="A23339" s="2"/>
      <c r="B23339" s="2"/>
      <c r="C23339" s="2"/>
    </row>
    <row r="23340" spans="1:3" ht="19.2">
      <c r="A23340" s="2"/>
      <c r="B23340" s="2"/>
      <c r="C23340" s="2"/>
    </row>
    <row r="23341" spans="1:3" ht="19.2">
      <c r="A23341" s="2"/>
      <c r="B23341" s="2"/>
      <c r="C23341" s="2"/>
    </row>
    <row r="23342" spans="1:3" ht="19.2">
      <c r="A23342" s="2"/>
      <c r="B23342" s="2"/>
      <c r="C23342" s="2"/>
    </row>
    <row r="23343" spans="1:3" ht="19.2">
      <c r="A23343" s="2"/>
      <c r="B23343" s="2"/>
      <c r="C23343" s="2"/>
    </row>
    <row r="23344" spans="1:3" ht="19.2">
      <c r="A23344" s="2"/>
      <c r="B23344" s="2"/>
      <c r="C23344" s="2"/>
    </row>
    <row r="23345" spans="1:3" ht="19.2">
      <c r="A23345" s="2"/>
      <c r="B23345" s="2"/>
      <c r="C23345" s="2"/>
    </row>
    <row r="23346" spans="1:3" ht="19.2">
      <c r="A23346" s="2"/>
      <c r="B23346" s="2"/>
      <c r="C23346" s="2"/>
    </row>
    <row r="23347" spans="1:3" ht="19.2">
      <c r="A23347" s="2"/>
      <c r="B23347" s="2"/>
      <c r="C23347" s="2"/>
    </row>
    <row r="23348" spans="1:3" ht="19.2">
      <c r="A23348" s="2"/>
      <c r="B23348" s="2"/>
      <c r="C23348" s="2"/>
    </row>
    <row r="23349" spans="1:3" ht="19.2">
      <c r="A23349" s="2"/>
      <c r="B23349" s="2"/>
      <c r="C23349" s="2"/>
    </row>
    <row r="23350" spans="1:3" ht="19.2">
      <c r="A23350" s="2"/>
      <c r="B23350" s="2"/>
      <c r="C23350" s="2"/>
    </row>
    <row r="23351" spans="1:3" ht="19.2">
      <c r="A23351" s="2"/>
      <c r="B23351" s="2"/>
      <c r="C23351" s="2"/>
    </row>
    <row r="23352" spans="1:3" ht="19.2">
      <c r="A23352" s="2"/>
      <c r="B23352" s="2"/>
      <c r="C23352" s="2"/>
    </row>
    <row r="23353" spans="1:3" ht="19.2">
      <c r="A23353" s="2"/>
      <c r="B23353" s="2"/>
      <c r="C23353" s="2"/>
    </row>
    <row r="23354" spans="1:3" ht="19.2">
      <c r="A23354" s="2"/>
      <c r="B23354" s="2"/>
      <c r="C23354" s="2"/>
    </row>
    <row r="23355" spans="1:3" ht="19.2">
      <c r="A23355" s="2"/>
      <c r="B23355" s="2"/>
      <c r="C23355" s="2"/>
    </row>
    <row r="23356" spans="1:3" ht="19.2">
      <c r="A23356" s="2"/>
      <c r="B23356" s="2"/>
      <c r="C23356" s="2"/>
    </row>
    <row r="23357" spans="1:3" ht="19.2">
      <c r="A23357" s="2"/>
      <c r="B23357" s="2"/>
      <c r="C23357" s="2"/>
    </row>
    <row r="23358" spans="1:3" ht="19.2">
      <c r="A23358" s="2"/>
      <c r="B23358" s="2"/>
      <c r="C23358" s="2"/>
    </row>
    <row r="23359" spans="1:3" ht="19.2">
      <c r="A23359" s="2"/>
      <c r="B23359" s="2"/>
      <c r="C23359" s="2"/>
    </row>
    <row r="23360" spans="1:3" ht="19.2">
      <c r="A23360" s="2"/>
      <c r="B23360" s="2"/>
      <c r="C23360" s="2"/>
    </row>
    <row r="23361" spans="1:3" ht="19.2">
      <c r="A23361" s="2"/>
      <c r="B23361" s="2"/>
      <c r="C23361" s="2"/>
    </row>
    <row r="23362" spans="1:3" ht="19.2">
      <c r="A23362" s="2"/>
      <c r="B23362" s="2"/>
      <c r="C23362" s="2"/>
    </row>
    <row r="23363" spans="1:3" ht="19.2">
      <c r="A23363" s="2"/>
      <c r="B23363" s="2"/>
      <c r="C23363" s="2"/>
    </row>
    <row r="23364" spans="1:3" ht="19.2">
      <c r="A23364" s="2"/>
      <c r="B23364" s="2"/>
      <c r="C23364" s="2"/>
    </row>
    <row r="23365" spans="1:3" ht="19.2">
      <c r="A23365" s="2"/>
      <c r="B23365" s="2"/>
      <c r="C23365" s="2"/>
    </row>
    <row r="23366" spans="1:3" ht="19.2">
      <c r="A23366" s="2"/>
      <c r="B23366" s="2"/>
      <c r="C23366" s="2"/>
    </row>
    <row r="23367" spans="1:3" ht="19.2">
      <c r="A23367" s="2"/>
      <c r="B23367" s="2"/>
      <c r="C23367" s="2"/>
    </row>
    <row r="23368" spans="1:3" ht="19.2">
      <c r="A23368" s="2"/>
      <c r="B23368" s="2"/>
      <c r="C23368" s="2"/>
    </row>
    <row r="23369" spans="1:3" ht="19.2">
      <c r="A23369" s="2"/>
      <c r="B23369" s="2"/>
      <c r="C23369" s="2"/>
    </row>
    <row r="23370" spans="1:3" ht="19.2">
      <c r="A23370" s="2"/>
      <c r="B23370" s="2"/>
      <c r="C23370" s="2"/>
    </row>
    <row r="23371" spans="1:3" ht="19.2">
      <c r="A23371" s="2"/>
      <c r="B23371" s="2"/>
      <c r="C23371" s="2"/>
    </row>
    <row r="23372" spans="1:3" ht="19.2">
      <c r="A23372" s="2"/>
      <c r="B23372" s="2"/>
      <c r="C23372" s="2"/>
    </row>
    <row r="23373" spans="1:3" ht="19.2">
      <c r="A23373" s="2"/>
      <c r="B23373" s="2"/>
      <c r="C23373" s="2"/>
    </row>
    <row r="23374" spans="1:3" ht="19.2">
      <c r="A23374" s="2"/>
      <c r="B23374" s="2"/>
      <c r="C23374" s="2"/>
    </row>
    <row r="23375" spans="1:3" ht="19.2">
      <c r="A23375" s="2"/>
      <c r="B23375" s="2"/>
      <c r="C23375" s="2"/>
    </row>
    <row r="23376" spans="1:3" ht="19.2">
      <c r="A23376" s="2"/>
      <c r="B23376" s="2"/>
      <c r="C23376" s="2"/>
    </row>
    <row r="23377" spans="1:3" ht="19.2">
      <c r="A23377" s="2"/>
      <c r="B23377" s="2"/>
      <c r="C23377" s="2"/>
    </row>
    <row r="23378" spans="1:3" ht="19.2">
      <c r="A23378" s="2"/>
      <c r="B23378" s="2"/>
      <c r="C23378" s="2"/>
    </row>
    <row r="23379" spans="1:3" ht="19.2">
      <c r="A23379" s="2"/>
      <c r="B23379" s="2"/>
      <c r="C23379" s="2"/>
    </row>
    <row r="23380" spans="1:3" ht="19.2">
      <c r="A23380" s="2"/>
      <c r="B23380" s="2"/>
      <c r="C23380" s="2"/>
    </row>
    <row r="23381" spans="1:3" ht="19.2">
      <c r="A23381" s="2"/>
      <c r="B23381" s="2"/>
      <c r="C23381" s="2"/>
    </row>
    <row r="23382" spans="1:3" ht="19.2">
      <c r="A23382" s="2"/>
      <c r="B23382" s="2"/>
      <c r="C23382" s="2"/>
    </row>
    <row r="23383" spans="1:3" ht="19.2">
      <c r="A23383" s="2"/>
      <c r="B23383" s="2"/>
      <c r="C23383" s="2"/>
    </row>
    <row r="23384" spans="1:3" ht="19.2">
      <c r="A23384" s="2"/>
      <c r="B23384" s="2"/>
      <c r="C23384" s="2"/>
    </row>
    <row r="23385" spans="1:3" ht="19.2">
      <c r="A23385" s="2"/>
      <c r="B23385" s="2"/>
      <c r="C23385" s="2"/>
    </row>
    <row r="23386" spans="1:3" ht="19.2">
      <c r="A23386" s="2"/>
      <c r="B23386" s="2"/>
      <c r="C23386" s="2"/>
    </row>
    <row r="23387" spans="1:3" ht="19.2">
      <c r="A23387" s="2"/>
      <c r="B23387" s="2"/>
      <c r="C23387" s="2"/>
    </row>
    <row r="23388" spans="1:3" ht="19.2">
      <c r="A23388" s="2"/>
      <c r="B23388" s="2"/>
      <c r="C23388" s="2"/>
    </row>
    <row r="23389" spans="1:3" ht="19.2">
      <c r="A23389" s="2"/>
      <c r="B23389" s="2"/>
      <c r="C23389" s="2"/>
    </row>
    <row r="23390" spans="1:3" ht="19.2">
      <c r="A23390" s="2"/>
      <c r="B23390" s="2"/>
      <c r="C23390" s="2"/>
    </row>
    <row r="23391" spans="1:3" ht="19.2">
      <c r="A23391" s="2"/>
      <c r="B23391" s="2"/>
      <c r="C23391" s="2"/>
    </row>
    <row r="23392" spans="1:3" ht="19.2">
      <c r="A23392" s="2"/>
      <c r="B23392" s="2"/>
      <c r="C23392" s="2"/>
    </row>
    <row r="23393" spans="1:3" ht="19.2">
      <c r="A23393" s="2"/>
      <c r="B23393" s="2"/>
      <c r="C23393" s="2"/>
    </row>
    <row r="23394" spans="1:3" ht="19.2">
      <c r="A23394" s="2"/>
      <c r="B23394" s="2"/>
      <c r="C23394" s="2"/>
    </row>
    <row r="23395" spans="1:3" ht="19.2">
      <c r="A23395" s="2"/>
      <c r="B23395" s="2"/>
      <c r="C23395" s="2"/>
    </row>
    <row r="23396" spans="1:3" ht="19.2">
      <c r="A23396" s="2"/>
      <c r="B23396" s="2"/>
      <c r="C23396" s="2"/>
    </row>
    <row r="23397" spans="1:3" ht="19.2">
      <c r="A23397" s="2"/>
      <c r="B23397" s="2"/>
      <c r="C23397" s="2"/>
    </row>
    <row r="23398" spans="1:3" ht="19.2">
      <c r="A23398" s="2"/>
      <c r="B23398" s="2"/>
      <c r="C23398" s="2"/>
    </row>
    <row r="23399" spans="1:3" ht="19.2">
      <c r="A23399" s="2"/>
      <c r="B23399" s="2"/>
      <c r="C23399" s="2"/>
    </row>
    <row r="23400" spans="1:3" ht="19.2">
      <c r="A23400" s="2"/>
      <c r="B23400" s="2"/>
      <c r="C23400" s="2"/>
    </row>
    <row r="23401" spans="1:3" ht="19.2">
      <c r="A23401" s="2"/>
      <c r="B23401" s="2"/>
      <c r="C23401" s="2"/>
    </row>
    <row r="23402" spans="1:3" ht="19.2">
      <c r="A23402" s="2"/>
      <c r="B23402" s="2"/>
      <c r="C23402" s="2"/>
    </row>
    <row r="23403" spans="1:3" ht="19.2">
      <c r="A23403" s="2"/>
      <c r="B23403" s="2"/>
      <c r="C23403" s="2"/>
    </row>
    <row r="23404" spans="1:3" ht="19.2">
      <c r="A23404" s="2"/>
      <c r="B23404" s="2"/>
      <c r="C23404" s="2"/>
    </row>
    <row r="23405" spans="1:3" ht="19.2">
      <c r="A23405" s="2"/>
      <c r="B23405" s="2"/>
      <c r="C23405" s="2"/>
    </row>
    <row r="23406" spans="1:3" ht="19.2">
      <c r="A23406" s="2"/>
      <c r="B23406" s="2"/>
      <c r="C23406" s="2"/>
    </row>
    <row r="23407" spans="1:3" ht="19.2">
      <c r="A23407" s="2"/>
      <c r="B23407" s="2"/>
      <c r="C23407" s="2"/>
    </row>
    <row r="23408" spans="1:3" ht="19.2">
      <c r="A23408" s="2"/>
      <c r="B23408" s="2"/>
      <c r="C23408" s="2"/>
    </row>
    <row r="23409" spans="1:3" ht="19.2">
      <c r="A23409" s="2"/>
      <c r="B23409" s="2"/>
      <c r="C23409" s="2"/>
    </row>
    <row r="23410" spans="1:3" ht="19.2">
      <c r="A23410" s="2"/>
      <c r="B23410" s="2"/>
      <c r="C23410" s="2"/>
    </row>
    <row r="23411" spans="1:3" ht="19.2">
      <c r="A23411" s="2"/>
      <c r="B23411" s="2"/>
      <c r="C23411" s="2"/>
    </row>
    <row r="23412" spans="1:3" ht="19.2">
      <c r="A23412" s="2"/>
      <c r="B23412" s="2"/>
      <c r="C23412" s="2"/>
    </row>
    <row r="23413" spans="1:3" ht="19.2">
      <c r="A23413" s="2"/>
      <c r="B23413" s="2"/>
      <c r="C23413" s="2"/>
    </row>
    <row r="23414" spans="1:3" ht="19.2">
      <c r="A23414" s="2"/>
      <c r="B23414" s="2"/>
      <c r="C23414" s="2"/>
    </row>
    <row r="23415" spans="1:3" ht="19.2">
      <c r="A23415" s="2"/>
      <c r="B23415" s="2"/>
      <c r="C23415" s="2"/>
    </row>
    <row r="23416" spans="1:3" ht="19.2">
      <c r="A23416" s="2"/>
      <c r="B23416" s="2"/>
      <c r="C23416" s="2"/>
    </row>
    <row r="23417" spans="1:3" ht="19.2">
      <c r="A23417" s="2"/>
      <c r="B23417" s="2"/>
      <c r="C23417" s="2"/>
    </row>
    <row r="23418" spans="1:3" ht="19.2">
      <c r="A23418" s="2"/>
      <c r="B23418" s="2"/>
      <c r="C23418" s="2"/>
    </row>
    <row r="23419" spans="1:3" ht="19.2">
      <c r="A23419" s="2"/>
      <c r="B23419" s="2"/>
      <c r="C23419" s="2"/>
    </row>
    <row r="23420" spans="1:3" ht="19.2">
      <c r="A23420" s="2"/>
      <c r="B23420" s="2"/>
      <c r="C23420" s="2"/>
    </row>
    <row r="23421" spans="1:3" ht="19.2">
      <c r="A23421" s="2"/>
      <c r="B23421" s="2"/>
      <c r="C23421" s="2"/>
    </row>
    <row r="23422" spans="1:3" ht="19.2">
      <c r="A23422" s="2"/>
      <c r="B23422" s="2"/>
      <c r="C23422" s="2"/>
    </row>
    <row r="23423" spans="1:3" ht="19.2">
      <c r="A23423" s="2"/>
      <c r="B23423" s="2"/>
      <c r="C23423" s="2"/>
    </row>
    <row r="23424" spans="1:3" ht="19.2">
      <c r="A23424" s="2"/>
      <c r="B23424" s="2"/>
      <c r="C23424" s="2"/>
    </row>
    <row r="23425" spans="1:3" ht="19.2">
      <c r="A23425" s="2"/>
      <c r="B23425" s="2"/>
      <c r="C23425" s="2"/>
    </row>
    <row r="23426" spans="1:3" ht="19.2">
      <c r="A23426" s="2"/>
      <c r="B23426" s="2"/>
      <c r="C23426" s="2"/>
    </row>
    <row r="23427" spans="1:3" ht="19.2">
      <c r="A23427" s="2"/>
      <c r="B23427" s="2"/>
      <c r="C23427" s="2"/>
    </row>
    <row r="23428" spans="1:3" ht="19.2">
      <c r="A23428" s="2"/>
      <c r="B23428" s="2"/>
      <c r="C23428" s="2"/>
    </row>
    <row r="23429" spans="1:3" ht="19.2">
      <c r="A23429" s="2"/>
      <c r="B23429" s="2"/>
      <c r="C23429" s="2"/>
    </row>
    <row r="23430" spans="1:3" ht="19.2">
      <c r="A23430" s="2"/>
      <c r="B23430" s="2"/>
      <c r="C23430" s="2"/>
    </row>
    <row r="23431" spans="1:3" ht="19.2">
      <c r="A23431" s="2"/>
      <c r="B23431" s="2"/>
      <c r="C23431" s="2"/>
    </row>
    <row r="23432" spans="1:3" ht="19.2">
      <c r="A23432" s="2"/>
      <c r="B23432" s="2"/>
      <c r="C23432" s="2"/>
    </row>
    <row r="23433" spans="1:3" ht="19.2">
      <c r="A23433" s="2"/>
      <c r="B23433" s="2"/>
      <c r="C23433" s="2"/>
    </row>
    <row r="23434" spans="1:3" ht="19.2">
      <c r="A23434" s="2"/>
      <c r="B23434" s="2"/>
      <c r="C23434" s="2"/>
    </row>
    <row r="23435" spans="1:3" ht="19.2">
      <c r="A23435" s="2"/>
      <c r="B23435" s="2"/>
      <c r="C23435" s="2"/>
    </row>
    <row r="23436" spans="1:3" ht="19.2">
      <c r="A23436" s="2"/>
      <c r="B23436" s="2"/>
      <c r="C23436" s="2"/>
    </row>
    <row r="23437" spans="1:3" ht="19.2">
      <c r="A23437" s="2"/>
      <c r="B23437" s="2"/>
      <c r="C23437" s="2"/>
    </row>
    <row r="23438" spans="1:3" ht="19.2">
      <c r="A23438" s="2"/>
      <c r="B23438" s="2"/>
      <c r="C23438" s="2"/>
    </row>
    <row r="23439" spans="1:3" ht="19.2">
      <c r="A23439" s="2"/>
      <c r="B23439" s="2"/>
      <c r="C23439" s="2"/>
    </row>
    <row r="23440" spans="1:3" ht="19.2">
      <c r="A23440" s="2"/>
      <c r="B23440" s="2"/>
      <c r="C23440" s="2"/>
    </row>
    <row r="23441" spans="1:3" ht="19.2">
      <c r="A23441" s="2"/>
      <c r="B23441" s="2"/>
      <c r="C23441" s="2"/>
    </row>
    <row r="23442" spans="1:3" ht="19.2">
      <c r="A23442" s="2"/>
      <c r="B23442" s="2"/>
      <c r="C23442" s="2"/>
    </row>
    <row r="23443" spans="1:3" ht="19.2">
      <c r="A23443" s="2"/>
      <c r="B23443" s="2"/>
      <c r="C23443" s="2"/>
    </row>
    <row r="23444" spans="1:3" ht="19.2">
      <c r="A23444" s="2"/>
      <c r="B23444" s="2"/>
      <c r="C23444" s="2"/>
    </row>
    <row r="23445" spans="1:3" ht="19.2">
      <c r="A23445" s="2"/>
      <c r="B23445" s="2"/>
      <c r="C23445" s="2"/>
    </row>
    <row r="23446" spans="1:3" ht="19.2">
      <c r="A23446" s="2"/>
      <c r="B23446" s="2"/>
      <c r="C23446" s="2"/>
    </row>
    <row r="23447" spans="1:3" ht="19.2">
      <c r="A23447" s="2"/>
      <c r="B23447" s="2"/>
      <c r="C23447" s="2"/>
    </row>
    <row r="23448" spans="1:3" ht="19.2">
      <c r="A23448" s="2"/>
      <c r="B23448" s="2"/>
      <c r="C23448" s="2"/>
    </row>
    <row r="23449" spans="1:3" ht="19.2">
      <c r="A23449" s="2"/>
      <c r="B23449" s="2"/>
      <c r="C23449" s="2"/>
    </row>
    <row r="23450" spans="1:3" ht="19.2">
      <c r="A23450" s="2"/>
      <c r="B23450" s="2"/>
      <c r="C23450" s="2"/>
    </row>
    <row r="23451" spans="1:3" ht="19.2">
      <c r="A23451" s="2"/>
      <c r="B23451" s="2"/>
      <c r="C23451" s="2"/>
    </row>
    <row r="23452" spans="1:3" ht="19.2">
      <c r="A23452" s="2"/>
      <c r="B23452" s="2"/>
      <c r="C23452" s="2"/>
    </row>
    <row r="23453" spans="1:3" ht="19.2">
      <c r="A23453" s="2"/>
      <c r="B23453" s="2"/>
      <c r="C23453" s="2"/>
    </row>
    <row r="23454" spans="1:3" ht="19.2">
      <c r="A23454" s="2"/>
      <c r="B23454" s="2"/>
      <c r="C23454" s="2"/>
    </row>
    <row r="23455" spans="1:3" ht="19.2">
      <c r="A23455" s="2"/>
      <c r="B23455" s="2"/>
      <c r="C23455" s="2"/>
    </row>
    <row r="23456" spans="1:3" ht="19.2">
      <c r="A23456" s="2"/>
      <c r="B23456" s="2"/>
      <c r="C23456" s="2"/>
    </row>
    <row r="23457" spans="1:3" ht="19.2">
      <c r="A23457" s="2"/>
      <c r="B23457" s="2"/>
      <c r="C23457" s="2"/>
    </row>
    <row r="23458" spans="1:3" ht="19.2">
      <c r="A23458" s="2"/>
      <c r="B23458" s="2"/>
      <c r="C23458" s="2"/>
    </row>
    <row r="23459" spans="1:3" ht="19.2">
      <c r="A23459" s="2"/>
      <c r="B23459" s="2"/>
      <c r="C23459" s="2"/>
    </row>
    <row r="23460" spans="1:3" ht="19.2">
      <c r="A23460" s="2"/>
      <c r="B23460" s="2"/>
      <c r="C23460" s="2"/>
    </row>
    <row r="23461" spans="1:3" ht="19.2">
      <c r="A23461" s="2"/>
      <c r="B23461" s="2"/>
      <c r="C23461" s="2"/>
    </row>
    <row r="23462" spans="1:3" ht="19.2">
      <c r="A23462" s="2"/>
      <c r="B23462" s="2"/>
      <c r="C23462" s="2"/>
    </row>
    <row r="23463" spans="1:3" ht="19.2">
      <c r="A23463" s="2"/>
      <c r="B23463" s="2"/>
      <c r="C23463" s="2"/>
    </row>
    <row r="23464" spans="1:3" ht="19.2">
      <c r="A23464" s="2"/>
      <c r="B23464" s="2"/>
      <c r="C23464" s="2"/>
    </row>
    <row r="23465" spans="1:3" ht="19.2">
      <c r="A23465" s="2"/>
      <c r="B23465" s="2"/>
      <c r="C23465" s="2"/>
    </row>
    <row r="23466" spans="1:3" ht="19.2">
      <c r="A23466" s="2"/>
      <c r="B23466" s="2"/>
      <c r="C23466" s="2"/>
    </row>
    <row r="23467" spans="1:3" ht="19.2">
      <c r="A23467" s="2"/>
      <c r="B23467" s="2"/>
      <c r="C23467" s="2"/>
    </row>
    <row r="23468" spans="1:3" ht="19.2">
      <c r="A23468" s="2"/>
      <c r="B23468" s="2"/>
      <c r="C23468" s="2"/>
    </row>
    <row r="23469" spans="1:3" ht="19.2">
      <c r="A23469" s="2"/>
      <c r="B23469" s="2"/>
      <c r="C23469" s="2"/>
    </row>
    <row r="23470" spans="1:3" ht="19.2">
      <c r="A23470" s="2"/>
      <c r="B23470" s="2"/>
      <c r="C23470" s="2"/>
    </row>
    <row r="23471" spans="1:3" ht="19.2">
      <c r="A23471" s="2"/>
      <c r="B23471" s="2"/>
      <c r="C23471" s="2"/>
    </row>
    <row r="23472" spans="1:3" ht="19.2">
      <c r="A23472" s="2"/>
      <c r="B23472" s="2"/>
      <c r="C23472" s="2"/>
    </row>
    <row r="23473" spans="1:3" ht="19.2">
      <c r="A23473" s="2"/>
      <c r="B23473" s="2"/>
      <c r="C23473" s="2"/>
    </row>
    <row r="23474" spans="1:3" ht="19.2">
      <c r="A23474" s="2"/>
      <c r="B23474" s="2"/>
      <c r="C23474" s="2"/>
    </row>
    <row r="23475" spans="1:3" ht="19.2">
      <c r="A23475" s="2"/>
      <c r="B23475" s="2"/>
      <c r="C23475" s="2"/>
    </row>
    <row r="23476" spans="1:3" ht="19.2">
      <c r="A23476" s="2"/>
      <c r="B23476" s="2"/>
      <c r="C23476" s="2"/>
    </row>
    <row r="23477" spans="1:3" ht="19.2">
      <c r="A23477" s="2"/>
      <c r="B23477" s="2"/>
      <c r="C23477" s="2"/>
    </row>
    <row r="23478" spans="1:3" ht="19.2">
      <c r="A23478" s="2"/>
      <c r="B23478" s="2"/>
      <c r="C23478" s="2"/>
    </row>
    <row r="23479" spans="1:3" ht="19.2">
      <c r="A23479" s="2"/>
      <c r="B23479" s="2"/>
      <c r="C23479" s="2"/>
    </row>
    <row r="23480" spans="1:3" ht="19.2">
      <c r="A23480" s="2"/>
      <c r="B23480" s="2"/>
      <c r="C23480" s="2"/>
    </row>
    <row r="23481" spans="1:3" ht="19.2">
      <c r="A23481" s="2"/>
      <c r="B23481" s="2"/>
      <c r="C23481" s="2"/>
    </row>
    <row r="23482" spans="1:3" ht="19.2">
      <c r="A23482" s="2"/>
      <c r="B23482" s="2"/>
      <c r="C23482" s="2"/>
    </row>
    <row r="23483" spans="1:3" ht="19.2">
      <c r="A23483" s="2"/>
      <c r="B23483" s="2"/>
      <c r="C23483" s="2"/>
    </row>
    <row r="23484" spans="1:3" ht="19.2">
      <c r="A23484" s="2"/>
      <c r="B23484" s="2"/>
      <c r="C23484" s="2"/>
    </row>
    <row r="23485" spans="1:3" ht="19.2">
      <c r="A23485" s="2"/>
      <c r="B23485" s="2"/>
      <c r="C23485" s="2"/>
    </row>
    <row r="23486" spans="1:3" ht="19.2">
      <c r="A23486" s="2"/>
      <c r="B23486" s="2"/>
      <c r="C23486" s="2"/>
    </row>
    <row r="23487" spans="1:3" ht="19.2">
      <c r="A23487" s="2"/>
      <c r="B23487" s="2"/>
      <c r="C23487" s="2"/>
    </row>
    <row r="23488" spans="1:3" ht="19.2">
      <c r="A23488" s="2"/>
      <c r="B23488" s="2"/>
      <c r="C23488" s="2"/>
    </row>
    <row r="23489" spans="1:3" ht="19.2">
      <c r="A23489" s="2"/>
      <c r="B23489" s="2"/>
      <c r="C23489" s="2"/>
    </row>
    <row r="23490" spans="1:3" ht="19.2">
      <c r="A23490" s="2"/>
      <c r="B23490" s="2"/>
      <c r="C23490" s="2"/>
    </row>
    <row r="23491" spans="1:3" ht="19.2">
      <c r="A23491" s="2"/>
      <c r="B23491" s="2"/>
      <c r="C23491" s="2"/>
    </row>
    <row r="23492" spans="1:3" ht="19.2">
      <c r="A23492" s="2"/>
      <c r="B23492" s="2"/>
      <c r="C23492" s="2"/>
    </row>
    <row r="23493" spans="1:3" ht="19.2">
      <c r="A23493" s="2"/>
      <c r="B23493" s="2"/>
      <c r="C23493" s="2"/>
    </row>
    <row r="23494" spans="1:3" ht="19.2">
      <c r="A23494" s="2"/>
      <c r="B23494" s="2"/>
      <c r="C23494" s="2"/>
    </row>
    <row r="23495" spans="1:3" ht="19.2">
      <c r="A23495" s="2"/>
      <c r="B23495" s="2"/>
      <c r="C23495" s="2"/>
    </row>
    <row r="23496" spans="1:3" ht="19.2">
      <c r="A23496" s="2"/>
      <c r="B23496" s="2"/>
      <c r="C23496" s="2"/>
    </row>
    <row r="23497" spans="1:3" ht="19.2">
      <c r="A23497" s="2"/>
      <c r="B23497" s="2"/>
      <c r="C23497" s="2"/>
    </row>
    <row r="23498" spans="1:3" ht="19.2">
      <c r="A23498" s="2"/>
      <c r="B23498" s="2"/>
      <c r="C23498" s="2"/>
    </row>
    <row r="23499" spans="1:3" ht="19.2">
      <c r="A23499" s="2"/>
      <c r="B23499" s="2"/>
      <c r="C23499" s="2"/>
    </row>
    <row r="23500" spans="1:3" ht="19.2">
      <c r="A23500" s="2"/>
      <c r="B23500" s="2"/>
      <c r="C23500" s="2"/>
    </row>
    <row r="23501" spans="1:3" ht="19.2">
      <c r="A23501" s="2"/>
      <c r="B23501" s="2"/>
      <c r="C23501" s="2"/>
    </row>
    <row r="23502" spans="1:3" ht="19.2">
      <c r="A23502" s="2"/>
      <c r="B23502" s="2"/>
      <c r="C23502" s="2"/>
    </row>
    <row r="23503" spans="1:3" ht="19.2">
      <c r="A23503" s="2"/>
      <c r="B23503" s="2"/>
      <c r="C23503" s="2"/>
    </row>
    <row r="23504" spans="1:3" ht="19.2">
      <c r="A23504" s="2"/>
      <c r="B23504" s="2"/>
      <c r="C23504" s="2"/>
    </row>
    <row r="23505" spans="1:3" ht="19.2">
      <c r="A23505" s="2"/>
      <c r="B23505" s="2"/>
      <c r="C23505" s="2"/>
    </row>
    <row r="23506" spans="1:3" ht="19.2">
      <c r="A23506" s="2"/>
      <c r="B23506" s="2"/>
      <c r="C23506" s="2"/>
    </row>
    <row r="23507" spans="1:3" ht="19.2">
      <c r="A23507" s="2"/>
      <c r="B23507" s="2"/>
      <c r="C23507" s="2"/>
    </row>
    <row r="23508" spans="1:3" ht="19.2">
      <c r="A23508" s="2"/>
      <c r="B23508" s="2"/>
      <c r="C23508" s="2"/>
    </row>
    <row r="23509" spans="1:3" ht="19.2">
      <c r="A23509" s="2"/>
      <c r="B23509" s="2"/>
      <c r="C23509" s="2"/>
    </row>
    <row r="23510" spans="1:3" ht="19.2">
      <c r="A23510" s="2"/>
      <c r="B23510" s="2"/>
      <c r="C23510" s="2"/>
    </row>
    <row r="23511" spans="1:3" ht="19.2">
      <c r="A23511" s="2"/>
      <c r="B23511" s="2"/>
      <c r="C23511" s="2"/>
    </row>
    <row r="23512" spans="1:3" ht="19.2">
      <c r="A23512" s="2"/>
      <c r="B23512" s="2"/>
      <c r="C23512" s="2"/>
    </row>
    <row r="23513" spans="1:3" ht="19.2">
      <c r="A23513" s="2"/>
      <c r="B23513" s="2"/>
      <c r="C23513" s="2"/>
    </row>
    <row r="23514" spans="1:3" ht="19.2">
      <c r="A23514" s="2"/>
      <c r="B23514" s="2"/>
      <c r="C23514" s="2"/>
    </row>
    <row r="23515" spans="1:3" ht="19.2">
      <c r="A23515" s="2"/>
      <c r="B23515" s="2"/>
      <c r="C23515" s="2"/>
    </row>
    <row r="23516" spans="1:3" ht="19.2">
      <c r="A23516" s="2"/>
      <c r="B23516" s="2"/>
      <c r="C23516" s="2"/>
    </row>
    <row r="23517" spans="1:3" ht="19.2">
      <c r="A23517" s="2"/>
      <c r="B23517" s="2"/>
      <c r="C23517" s="2"/>
    </row>
    <row r="23518" spans="1:3" ht="19.2">
      <c r="A23518" s="2"/>
      <c r="B23518" s="2"/>
      <c r="C23518" s="2"/>
    </row>
    <row r="23519" spans="1:3" ht="19.2">
      <c r="A23519" s="2"/>
      <c r="B23519" s="2"/>
      <c r="C23519" s="2"/>
    </row>
    <row r="23520" spans="1:3" ht="19.2">
      <c r="A23520" s="2"/>
      <c r="B23520" s="2"/>
      <c r="C23520" s="2"/>
    </row>
    <row r="23521" spans="1:3" ht="19.2">
      <c r="A23521" s="2"/>
      <c r="B23521" s="2"/>
      <c r="C23521" s="2"/>
    </row>
    <row r="23522" spans="1:3" ht="19.2">
      <c r="A23522" s="2"/>
      <c r="B23522" s="2"/>
      <c r="C23522" s="2"/>
    </row>
    <row r="23523" spans="1:3" ht="19.2">
      <c r="A23523" s="2"/>
      <c r="B23523" s="2"/>
      <c r="C23523" s="2"/>
    </row>
    <row r="23524" spans="1:3" ht="19.2">
      <c r="A23524" s="2"/>
      <c r="B23524" s="2"/>
      <c r="C23524" s="2"/>
    </row>
    <row r="23525" spans="1:3" ht="19.2">
      <c r="A23525" s="2"/>
      <c r="B23525" s="2"/>
      <c r="C23525" s="2"/>
    </row>
    <row r="23526" spans="1:3" ht="19.2">
      <c r="A23526" s="2"/>
      <c r="B23526" s="2"/>
      <c r="C23526" s="2"/>
    </row>
    <row r="23527" spans="1:3" ht="19.2">
      <c r="A23527" s="2"/>
      <c r="B23527" s="2"/>
      <c r="C23527" s="2"/>
    </row>
    <row r="23528" spans="1:3" ht="19.2">
      <c r="A23528" s="2"/>
      <c r="B23528" s="2"/>
      <c r="C23528" s="2"/>
    </row>
    <row r="23529" spans="1:3" ht="19.2">
      <c r="A23529" s="2"/>
      <c r="B23529" s="2"/>
      <c r="C23529" s="2"/>
    </row>
    <row r="23530" spans="1:3" ht="19.2">
      <c r="A23530" s="2"/>
      <c r="B23530" s="2"/>
      <c r="C23530" s="2"/>
    </row>
    <row r="23531" spans="1:3" ht="19.2">
      <c r="A23531" s="2"/>
      <c r="B23531" s="2"/>
      <c r="C23531" s="2"/>
    </row>
    <row r="23532" spans="1:3" ht="19.2">
      <c r="A23532" s="2"/>
      <c r="B23532" s="2"/>
      <c r="C23532" s="2"/>
    </row>
    <row r="23533" spans="1:3" ht="19.2">
      <c r="A23533" s="2"/>
      <c r="B23533" s="2"/>
      <c r="C23533" s="2"/>
    </row>
    <row r="23534" spans="1:3" ht="19.2">
      <c r="A23534" s="2"/>
      <c r="B23534" s="2"/>
      <c r="C23534" s="2"/>
    </row>
    <row r="23535" spans="1:3" ht="19.2">
      <c r="A23535" s="2"/>
      <c r="B23535" s="2"/>
      <c r="C23535" s="2"/>
    </row>
    <row r="23536" spans="1:3" ht="19.2">
      <c r="A23536" s="2"/>
      <c r="B23536" s="2"/>
      <c r="C23536" s="2"/>
    </row>
    <row r="23537" spans="1:3" ht="19.2">
      <c r="A23537" s="2"/>
      <c r="B23537" s="2"/>
      <c r="C23537" s="2"/>
    </row>
    <row r="23538" spans="1:3" ht="19.2">
      <c r="A23538" s="2"/>
      <c r="B23538" s="2"/>
      <c r="C23538" s="2"/>
    </row>
    <row r="23539" spans="1:3" ht="19.2">
      <c r="A23539" s="2"/>
      <c r="B23539" s="2"/>
      <c r="C23539" s="2"/>
    </row>
    <row r="23540" spans="1:3" ht="19.2">
      <c r="A23540" s="2"/>
      <c r="B23540" s="2"/>
      <c r="C23540" s="2"/>
    </row>
    <row r="23541" spans="1:3" ht="19.2">
      <c r="A23541" s="2"/>
      <c r="B23541" s="2"/>
      <c r="C23541" s="2"/>
    </row>
    <row r="23542" spans="1:3" ht="19.2">
      <c r="A23542" s="2"/>
      <c r="B23542" s="2"/>
      <c r="C23542" s="2"/>
    </row>
    <row r="23543" spans="1:3" ht="19.2">
      <c r="A23543" s="2"/>
      <c r="B23543" s="2"/>
      <c r="C23543" s="2"/>
    </row>
    <row r="23544" spans="1:3" ht="19.2">
      <c r="A23544" s="2"/>
      <c r="B23544" s="2"/>
      <c r="C23544" s="2"/>
    </row>
    <row r="23545" spans="1:3" ht="19.2">
      <c r="A23545" s="2"/>
      <c r="B23545" s="2"/>
      <c r="C23545" s="2"/>
    </row>
    <row r="23546" spans="1:3" ht="19.2">
      <c r="A23546" s="2"/>
      <c r="B23546" s="2"/>
      <c r="C23546" s="2"/>
    </row>
    <row r="23547" spans="1:3" ht="19.2">
      <c r="A23547" s="2"/>
      <c r="B23547" s="2"/>
      <c r="C23547" s="2"/>
    </row>
    <row r="23548" spans="1:3" ht="19.2">
      <c r="A23548" s="2"/>
      <c r="B23548" s="2"/>
      <c r="C23548" s="2"/>
    </row>
    <row r="23549" spans="1:3" ht="19.2">
      <c r="A23549" s="2"/>
      <c r="B23549" s="2"/>
      <c r="C23549" s="2"/>
    </row>
    <row r="23550" spans="1:3" ht="19.2">
      <c r="A23550" s="2"/>
      <c r="B23550" s="2"/>
      <c r="C23550" s="2"/>
    </row>
    <row r="23551" spans="1:3" ht="19.2">
      <c r="A23551" s="2"/>
      <c r="B23551" s="2"/>
      <c r="C23551" s="2"/>
    </row>
    <row r="23552" spans="1:3" ht="19.2">
      <c r="A23552" s="2"/>
      <c r="B23552" s="2"/>
      <c r="C23552" s="2"/>
    </row>
    <row r="23553" spans="1:3" ht="19.2">
      <c r="A23553" s="2"/>
      <c r="B23553" s="2"/>
      <c r="C23553" s="2"/>
    </row>
    <row r="23554" spans="1:3" ht="19.2">
      <c r="A23554" s="2"/>
      <c r="B23554" s="2"/>
      <c r="C23554" s="2"/>
    </row>
    <row r="23555" spans="1:3" ht="19.2">
      <c r="A23555" s="2"/>
      <c r="B23555" s="2"/>
      <c r="C23555" s="2"/>
    </row>
    <row r="23556" spans="1:3" ht="19.2">
      <c r="A23556" s="2"/>
      <c r="B23556" s="2"/>
      <c r="C23556" s="2"/>
    </row>
    <row r="23557" spans="1:3" ht="19.2">
      <c r="A23557" s="2"/>
      <c r="B23557" s="2"/>
      <c r="C23557" s="2"/>
    </row>
    <row r="23558" spans="1:3" ht="19.2">
      <c r="A23558" s="2"/>
      <c r="B23558" s="2"/>
      <c r="C23558" s="2"/>
    </row>
    <row r="23559" spans="1:3" ht="19.2">
      <c r="A23559" s="2"/>
      <c r="B23559" s="2"/>
      <c r="C23559" s="2"/>
    </row>
    <row r="23560" spans="1:3" ht="19.2">
      <c r="A23560" s="2"/>
      <c r="B23560" s="2"/>
      <c r="C23560" s="2"/>
    </row>
    <row r="23561" spans="1:3" ht="19.2">
      <c r="A23561" s="2"/>
      <c r="B23561" s="2"/>
      <c r="C23561" s="2"/>
    </row>
    <row r="23562" spans="1:3" ht="19.2">
      <c r="A23562" s="2"/>
      <c r="B23562" s="2"/>
      <c r="C23562" s="2"/>
    </row>
    <row r="23563" spans="1:3" ht="19.2">
      <c r="A23563" s="2"/>
      <c r="B23563" s="2"/>
      <c r="C23563" s="2"/>
    </row>
    <row r="23564" spans="1:3" ht="19.2">
      <c r="A23564" s="2"/>
      <c r="B23564" s="2"/>
      <c r="C23564" s="2"/>
    </row>
    <row r="23565" spans="1:3" ht="19.2">
      <c r="A23565" s="2"/>
      <c r="B23565" s="2"/>
      <c r="C23565" s="2"/>
    </row>
    <row r="23566" spans="1:3" ht="19.2">
      <c r="A23566" s="2"/>
      <c r="B23566" s="2"/>
      <c r="C23566" s="2"/>
    </row>
    <row r="23567" spans="1:3" ht="19.2">
      <c r="A23567" s="2"/>
      <c r="B23567" s="2"/>
      <c r="C23567" s="2"/>
    </row>
    <row r="23568" spans="1:3" ht="19.2">
      <c r="A23568" s="2"/>
      <c r="B23568" s="2"/>
      <c r="C23568" s="2"/>
    </row>
    <row r="23569" spans="1:3" ht="19.2">
      <c r="A23569" s="2"/>
      <c r="B23569" s="2"/>
      <c r="C23569" s="2"/>
    </row>
    <row r="23570" spans="1:3" ht="19.2">
      <c r="A23570" s="2"/>
      <c r="B23570" s="2"/>
      <c r="C23570" s="2"/>
    </row>
    <row r="23571" spans="1:3" ht="19.2">
      <c r="A23571" s="2"/>
      <c r="B23571" s="2"/>
      <c r="C23571" s="2"/>
    </row>
    <row r="23572" spans="1:3" ht="19.2">
      <c r="A23572" s="2"/>
      <c r="B23572" s="2"/>
      <c r="C23572" s="2"/>
    </row>
    <row r="23573" spans="1:3" ht="19.2">
      <c r="A23573" s="2"/>
      <c r="B23573" s="2"/>
      <c r="C23573" s="2"/>
    </row>
    <row r="23574" spans="1:3" ht="19.2">
      <c r="A23574" s="2"/>
      <c r="B23574" s="2"/>
      <c r="C23574" s="2"/>
    </row>
    <row r="23575" spans="1:3" ht="19.2">
      <c r="A23575" s="2"/>
      <c r="B23575" s="2"/>
      <c r="C23575" s="2"/>
    </row>
    <row r="23576" spans="1:3" ht="19.2">
      <c r="A23576" s="2"/>
      <c r="B23576" s="2"/>
      <c r="C23576" s="2"/>
    </row>
    <row r="23577" spans="1:3" ht="19.2">
      <c r="A23577" s="2"/>
      <c r="B23577" s="2"/>
      <c r="C23577" s="2"/>
    </row>
    <row r="23578" spans="1:3" ht="19.2">
      <c r="A23578" s="2"/>
      <c r="B23578" s="2"/>
      <c r="C23578" s="2"/>
    </row>
    <row r="23579" spans="1:3" ht="19.2">
      <c r="A23579" s="2"/>
      <c r="B23579" s="2"/>
      <c r="C23579" s="2"/>
    </row>
    <row r="23580" spans="1:3" ht="19.2">
      <c r="A23580" s="2"/>
      <c r="B23580" s="2"/>
      <c r="C23580" s="2"/>
    </row>
    <row r="23581" spans="1:3" ht="19.2">
      <c r="A23581" s="2"/>
      <c r="B23581" s="2"/>
      <c r="C23581" s="2"/>
    </row>
    <row r="23582" spans="1:3" ht="19.2">
      <c r="A23582" s="2"/>
      <c r="B23582" s="2"/>
      <c r="C23582" s="2"/>
    </row>
    <row r="23583" spans="1:3" ht="19.2">
      <c r="A23583" s="2"/>
      <c r="B23583" s="2"/>
      <c r="C23583" s="2"/>
    </row>
    <row r="23584" spans="1:3" ht="19.2">
      <c r="A23584" s="2"/>
      <c r="B23584" s="2"/>
      <c r="C23584" s="2"/>
    </row>
    <row r="23585" spans="1:3" ht="19.2">
      <c r="A23585" s="2"/>
      <c r="B23585" s="2"/>
      <c r="C23585" s="2"/>
    </row>
    <row r="23586" spans="1:3" ht="19.2">
      <c r="A23586" s="2"/>
      <c r="B23586" s="2"/>
      <c r="C23586" s="2"/>
    </row>
    <row r="23587" spans="1:3" ht="19.2">
      <c r="A23587" s="2"/>
      <c r="B23587" s="2"/>
      <c r="C23587" s="2"/>
    </row>
    <row r="23588" spans="1:3" ht="19.2">
      <c r="A23588" s="2"/>
      <c r="B23588" s="2"/>
      <c r="C23588" s="2"/>
    </row>
    <row r="23589" spans="1:3" ht="19.2">
      <c r="A23589" s="2"/>
      <c r="B23589" s="2"/>
      <c r="C23589" s="2"/>
    </row>
    <row r="23590" spans="1:3" ht="19.2">
      <c r="A23590" s="2"/>
      <c r="B23590" s="2"/>
      <c r="C23590" s="2"/>
    </row>
    <row r="23591" spans="1:3" ht="19.2">
      <c r="A23591" s="2"/>
      <c r="B23591" s="2"/>
      <c r="C23591" s="2"/>
    </row>
    <row r="23592" spans="1:3" ht="19.2">
      <c r="A23592" s="2"/>
      <c r="B23592" s="2"/>
      <c r="C23592" s="2"/>
    </row>
    <row r="23593" spans="1:3" ht="19.2">
      <c r="A23593" s="2"/>
      <c r="B23593" s="2"/>
      <c r="C23593" s="2"/>
    </row>
    <row r="23594" spans="1:3" ht="19.2">
      <c r="A23594" s="2"/>
      <c r="B23594" s="2"/>
      <c r="C23594" s="2"/>
    </row>
    <row r="23595" spans="1:3" ht="19.2">
      <c r="A23595" s="2"/>
      <c r="B23595" s="2"/>
      <c r="C23595" s="2"/>
    </row>
    <row r="23596" spans="1:3" ht="19.2">
      <c r="A23596" s="2"/>
      <c r="B23596" s="2"/>
      <c r="C23596" s="2"/>
    </row>
    <row r="23597" spans="1:3" ht="19.2">
      <c r="A23597" s="2"/>
      <c r="B23597" s="2"/>
      <c r="C23597" s="2"/>
    </row>
    <row r="23598" spans="1:3" ht="19.2">
      <c r="A23598" s="2"/>
      <c r="B23598" s="2"/>
      <c r="C23598" s="2"/>
    </row>
    <row r="23599" spans="1:3" ht="19.2">
      <c r="A23599" s="2"/>
      <c r="B23599" s="2"/>
      <c r="C23599" s="2"/>
    </row>
    <row r="23600" spans="1:3" ht="19.2">
      <c r="A23600" s="2"/>
      <c r="B23600" s="2"/>
      <c r="C23600" s="2"/>
    </row>
    <row r="23601" spans="1:3" ht="19.2">
      <c r="A23601" s="2"/>
      <c r="B23601" s="2"/>
      <c r="C23601" s="2"/>
    </row>
    <row r="23602" spans="1:3" ht="19.2">
      <c r="A23602" s="2"/>
      <c r="B23602" s="2"/>
      <c r="C23602" s="2"/>
    </row>
    <row r="23603" spans="1:3" ht="19.2">
      <c r="A23603" s="2"/>
      <c r="B23603" s="2"/>
      <c r="C23603" s="2"/>
    </row>
    <row r="23604" spans="1:3" ht="19.2">
      <c r="A23604" s="2"/>
      <c r="B23604" s="2"/>
      <c r="C23604" s="2"/>
    </row>
    <row r="23605" spans="1:3" ht="19.2">
      <c r="A23605" s="2"/>
      <c r="B23605" s="2"/>
      <c r="C23605" s="2"/>
    </row>
    <row r="23606" spans="1:3" ht="19.2">
      <c r="A23606" s="2"/>
      <c r="B23606" s="2"/>
      <c r="C23606" s="2"/>
    </row>
    <row r="23607" spans="1:3" ht="19.2">
      <c r="A23607" s="2"/>
      <c r="B23607" s="2"/>
      <c r="C23607" s="2"/>
    </row>
    <row r="23608" spans="1:3" ht="19.2">
      <c r="A23608" s="2"/>
      <c r="B23608" s="2"/>
      <c r="C23608" s="2"/>
    </row>
    <row r="23609" spans="1:3" ht="19.2">
      <c r="A23609" s="2"/>
      <c r="B23609" s="2"/>
      <c r="C23609" s="2"/>
    </row>
    <row r="23610" spans="1:3" ht="19.2">
      <c r="A23610" s="2"/>
      <c r="B23610" s="2"/>
      <c r="C23610" s="2"/>
    </row>
    <row r="23611" spans="1:3" ht="19.2">
      <c r="A23611" s="2"/>
      <c r="B23611" s="2"/>
      <c r="C23611" s="2"/>
    </row>
    <row r="23612" spans="1:3" ht="19.2">
      <c r="A23612" s="2"/>
      <c r="B23612" s="2"/>
      <c r="C23612" s="2"/>
    </row>
    <row r="23613" spans="1:3" ht="19.2">
      <c r="A23613" s="2"/>
      <c r="B23613" s="2"/>
      <c r="C23613" s="2"/>
    </row>
    <row r="23614" spans="1:3" ht="19.2">
      <c r="A23614" s="2"/>
      <c r="B23614" s="2"/>
      <c r="C23614" s="2"/>
    </row>
    <row r="23615" spans="1:3" ht="19.2">
      <c r="A23615" s="2"/>
      <c r="B23615" s="2"/>
      <c r="C23615" s="2"/>
    </row>
    <row r="23616" spans="1:3" ht="19.2">
      <c r="A23616" s="2"/>
      <c r="B23616" s="2"/>
      <c r="C23616" s="2"/>
    </row>
    <row r="23617" spans="1:3" ht="19.2">
      <c r="A23617" s="2"/>
      <c r="B23617" s="2"/>
      <c r="C23617" s="2"/>
    </row>
    <row r="23618" spans="1:3" ht="19.2">
      <c r="A23618" s="2"/>
      <c r="B23618" s="2"/>
      <c r="C23618" s="2"/>
    </row>
    <row r="23619" spans="1:3" ht="19.2">
      <c r="A23619" s="2"/>
      <c r="B23619" s="2"/>
      <c r="C23619" s="2"/>
    </row>
    <row r="23620" spans="1:3" ht="19.2">
      <c r="A23620" s="2"/>
      <c r="B23620" s="2"/>
      <c r="C23620" s="2"/>
    </row>
    <row r="23621" spans="1:3" ht="19.2">
      <c r="A23621" s="2"/>
      <c r="B23621" s="2"/>
      <c r="C23621" s="2"/>
    </row>
    <row r="23622" spans="1:3" ht="19.2">
      <c r="A23622" s="2"/>
      <c r="B23622" s="2"/>
      <c r="C23622" s="2"/>
    </row>
    <row r="23623" spans="1:3" ht="19.2">
      <c r="A23623" s="2"/>
      <c r="B23623" s="2"/>
      <c r="C23623" s="2"/>
    </row>
    <row r="23624" spans="1:3" ht="19.2">
      <c r="A23624" s="2"/>
      <c r="B23624" s="2"/>
      <c r="C23624" s="2"/>
    </row>
    <row r="23625" spans="1:3" ht="19.2">
      <c r="A23625" s="2"/>
      <c r="B23625" s="2"/>
      <c r="C23625" s="2"/>
    </row>
    <row r="23626" spans="1:3" ht="19.2">
      <c r="A23626" s="2"/>
      <c r="B23626" s="2"/>
      <c r="C23626" s="2"/>
    </row>
    <row r="23627" spans="1:3" ht="19.2">
      <c r="A23627" s="2"/>
      <c r="B23627" s="2"/>
      <c r="C23627" s="2"/>
    </row>
    <row r="23628" spans="1:3" ht="19.2">
      <c r="A23628" s="2"/>
      <c r="B23628" s="2"/>
      <c r="C23628" s="2"/>
    </row>
    <row r="23629" spans="1:3" ht="19.2">
      <c r="A23629" s="2"/>
      <c r="B23629" s="2"/>
      <c r="C23629" s="2"/>
    </row>
    <row r="23630" spans="1:3" ht="19.2">
      <c r="A23630" s="2"/>
      <c r="B23630" s="2"/>
      <c r="C23630" s="2"/>
    </row>
    <row r="23631" spans="1:3" ht="19.2">
      <c r="A23631" s="2"/>
      <c r="B23631" s="2"/>
      <c r="C23631" s="2"/>
    </row>
    <row r="23632" spans="1:3" ht="19.2">
      <c r="A23632" s="2"/>
      <c r="B23632" s="2"/>
      <c r="C23632" s="2"/>
    </row>
    <row r="23633" spans="1:3" ht="19.2">
      <c r="A23633" s="2"/>
      <c r="B23633" s="2"/>
      <c r="C23633" s="2"/>
    </row>
    <row r="23634" spans="1:3" ht="19.2">
      <c r="A23634" s="2"/>
      <c r="B23634" s="2"/>
      <c r="C23634" s="2"/>
    </row>
    <row r="23635" spans="1:3" ht="19.2">
      <c r="A23635" s="2"/>
      <c r="B23635" s="2"/>
      <c r="C23635" s="2"/>
    </row>
    <row r="23636" spans="1:3" ht="19.2">
      <c r="A23636" s="2"/>
      <c r="B23636" s="2"/>
      <c r="C23636" s="2"/>
    </row>
    <row r="23637" spans="1:3" ht="19.2">
      <c r="A23637" s="2"/>
      <c r="B23637" s="2"/>
      <c r="C23637" s="2"/>
    </row>
    <row r="23638" spans="1:3" ht="19.2">
      <c r="A23638" s="2"/>
      <c r="B23638" s="2"/>
      <c r="C23638" s="2"/>
    </row>
    <row r="23639" spans="1:3" ht="19.2">
      <c r="A23639" s="2"/>
      <c r="B23639" s="2"/>
      <c r="C23639" s="2"/>
    </row>
    <row r="23640" spans="1:3" ht="19.2">
      <c r="A23640" s="2"/>
      <c r="B23640" s="2"/>
      <c r="C23640" s="2"/>
    </row>
    <row r="23641" spans="1:3" ht="19.2">
      <c r="A23641" s="2"/>
      <c r="B23641" s="2"/>
      <c r="C23641" s="2"/>
    </row>
    <row r="23642" spans="1:3" ht="19.2">
      <c r="A23642" s="2"/>
      <c r="B23642" s="2"/>
      <c r="C23642" s="2"/>
    </row>
    <row r="23643" spans="1:3" ht="19.2">
      <c r="A23643" s="2"/>
      <c r="B23643" s="2"/>
      <c r="C23643" s="2"/>
    </row>
    <row r="23644" spans="1:3" ht="19.2">
      <c r="A23644" s="2"/>
      <c r="B23644" s="2"/>
      <c r="C23644" s="2"/>
    </row>
    <row r="23645" spans="1:3" ht="19.2">
      <c r="A23645" s="2"/>
      <c r="B23645" s="2"/>
      <c r="C23645" s="2"/>
    </row>
    <row r="23646" spans="1:3" ht="19.2">
      <c r="A23646" s="2"/>
      <c r="B23646" s="2"/>
      <c r="C23646" s="2"/>
    </row>
    <row r="23647" spans="1:3" ht="19.2">
      <c r="A23647" s="2"/>
      <c r="B23647" s="2"/>
      <c r="C23647" s="2"/>
    </row>
    <row r="23648" spans="1:3" ht="19.2">
      <c r="A23648" s="2"/>
      <c r="B23648" s="2"/>
      <c r="C23648" s="2"/>
    </row>
    <row r="23649" spans="1:3" ht="19.2">
      <c r="A23649" s="2"/>
      <c r="B23649" s="2"/>
      <c r="C23649" s="2"/>
    </row>
    <row r="23650" spans="1:3" ht="19.2">
      <c r="A23650" s="2"/>
      <c r="B23650" s="2"/>
      <c r="C23650" s="2"/>
    </row>
    <row r="23651" spans="1:3" ht="19.2">
      <c r="A23651" s="2"/>
      <c r="B23651" s="2"/>
      <c r="C23651" s="2"/>
    </row>
    <row r="23652" spans="1:3" ht="19.2">
      <c r="A23652" s="2"/>
      <c r="B23652" s="2"/>
      <c r="C23652" s="2"/>
    </row>
    <row r="23653" spans="1:3" ht="19.2">
      <c r="A23653" s="2"/>
      <c r="B23653" s="2"/>
      <c r="C23653" s="2"/>
    </row>
    <row r="23654" spans="1:3" ht="19.2">
      <c r="A23654" s="2"/>
      <c r="B23654" s="2"/>
      <c r="C23654" s="2"/>
    </row>
    <row r="23655" spans="1:3" ht="19.2">
      <c r="A23655" s="2"/>
      <c r="B23655" s="2"/>
      <c r="C23655" s="2"/>
    </row>
    <row r="23656" spans="1:3" ht="19.2">
      <c r="A23656" s="2"/>
      <c r="B23656" s="2"/>
      <c r="C23656" s="2"/>
    </row>
    <row r="23657" spans="1:3" ht="19.2">
      <c r="A23657" s="2"/>
      <c r="B23657" s="2"/>
      <c r="C23657" s="2"/>
    </row>
    <row r="23658" spans="1:3" ht="19.2">
      <c r="A23658" s="2"/>
      <c r="B23658" s="2"/>
      <c r="C23658" s="2"/>
    </row>
    <row r="23659" spans="1:3" ht="19.2">
      <c r="A23659" s="2"/>
      <c r="B23659" s="2"/>
      <c r="C23659" s="2"/>
    </row>
    <row r="23660" spans="1:3" ht="19.2">
      <c r="A23660" s="2"/>
      <c r="B23660" s="2"/>
      <c r="C23660" s="2"/>
    </row>
    <row r="23661" spans="1:3" ht="19.2">
      <c r="A23661" s="2"/>
      <c r="B23661" s="2"/>
      <c r="C23661" s="2"/>
    </row>
    <row r="23662" spans="1:3" ht="19.2">
      <c r="A23662" s="2"/>
      <c r="B23662" s="2"/>
      <c r="C23662" s="2"/>
    </row>
    <row r="23663" spans="1:3" ht="19.2">
      <c r="A23663" s="2"/>
      <c r="B23663" s="2"/>
      <c r="C23663" s="2"/>
    </row>
    <row r="23664" spans="1:3" ht="19.2">
      <c r="A23664" s="2"/>
      <c r="B23664" s="2"/>
      <c r="C23664" s="2"/>
    </row>
    <row r="23665" spans="1:3" ht="19.2">
      <c r="A23665" s="2"/>
      <c r="B23665" s="2"/>
      <c r="C23665" s="2"/>
    </row>
    <row r="23666" spans="1:3" ht="19.2">
      <c r="A23666" s="2"/>
      <c r="B23666" s="2"/>
      <c r="C23666" s="2"/>
    </row>
    <row r="23667" spans="1:3" ht="19.2">
      <c r="A23667" s="2"/>
      <c r="B23667" s="2"/>
      <c r="C23667" s="2"/>
    </row>
    <row r="23668" spans="1:3" ht="19.2">
      <c r="A23668" s="2"/>
      <c r="B23668" s="2"/>
      <c r="C23668" s="2"/>
    </row>
    <row r="23669" spans="1:3" ht="19.2">
      <c r="A23669" s="2"/>
      <c r="B23669" s="2"/>
      <c r="C23669" s="2"/>
    </row>
    <row r="23670" spans="1:3" ht="19.2">
      <c r="A23670" s="2"/>
      <c r="B23670" s="2"/>
      <c r="C23670" s="2"/>
    </row>
    <row r="23671" spans="1:3" ht="19.2">
      <c r="A23671" s="2"/>
      <c r="B23671" s="2"/>
      <c r="C23671" s="2"/>
    </row>
    <row r="23672" spans="1:3" ht="19.2">
      <c r="A23672" s="2"/>
      <c r="B23672" s="2"/>
      <c r="C23672" s="2"/>
    </row>
    <row r="23673" spans="1:3" ht="19.2">
      <c r="A23673" s="2"/>
      <c r="B23673" s="2"/>
      <c r="C23673" s="2"/>
    </row>
    <row r="23674" spans="1:3" ht="19.2">
      <c r="A23674" s="2"/>
      <c r="B23674" s="2"/>
      <c r="C23674" s="2"/>
    </row>
    <row r="23675" spans="1:3" ht="19.2">
      <c r="A23675" s="2"/>
      <c r="B23675" s="2"/>
      <c r="C23675" s="2"/>
    </row>
    <row r="23676" spans="1:3" ht="19.2">
      <c r="A23676" s="2"/>
      <c r="B23676" s="2"/>
      <c r="C23676" s="2"/>
    </row>
    <row r="23677" spans="1:3" ht="19.2">
      <c r="A23677" s="2"/>
      <c r="B23677" s="2"/>
      <c r="C23677" s="2"/>
    </row>
    <row r="23678" spans="1:3" ht="19.2">
      <c r="A23678" s="2"/>
      <c r="B23678" s="2"/>
      <c r="C23678" s="2"/>
    </row>
    <row r="23679" spans="1:3" ht="19.2">
      <c r="A23679" s="2"/>
      <c r="B23679" s="2"/>
      <c r="C23679" s="2"/>
    </row>
    <row r="23680" spans="1:3" ht="19.2">
      <c r="A23680" s="2"/>
      <c r="B23680" s="2"/>
      <c r="C23680" s="2"/>
    </row>
    <row r="23681" spans="1:3" ht="19.2">
      <c r="A23681" s="2"/>
      <c r="B23681" s="2"/>
      <c r="C23681" s="2"/>
    </row>
    <row r="23682" spans="1:3" ht="19.2">
      <c r="A23682" s="2"/>
      <c r="B23682" s="2"/>
      <c r="C23682" s="2"/>
    </row>
    <row r="23683" spans="1:3" ht="19.2">
      <c r="A23683" s="2"/>
      <c r="B23683" s="2"/>
      <c r="C23683" s="2"/>
    </row>
    <row r="23684" spans="1:3" ht="19.2">
      <c r="A23684" s="2"/>
      <c r="B23684" s="2"/>
      <c r="C23684" s="2"/>
    </row>
    <row r="23685" spans="1:3" ht="19.2">
      <c r="A23685" s="2"/>
      <c r="B23685" s="2"/>
      <c r="C23685" s="2"/>
    </row>
    <row r="23686" spans="1:3" ht="19.2">
      <c r="A23686" s="2"/>
      <c r="B23686" s="2"/>
      <c r="C23686" s="2"/>
    </row>
    <row r="23687" spans="1:3" ht="19.2">
      <c r="A23687" s="2"/>
      <c r="B23687" s="2"/>
      <c r="C23687" s="2"/>
    </row>
    <row r="23688" spans="1:3" ht="19.2">
      <c r="A23688" s="2"/>
      <c r="B23688" s="2"/>
      <c r="C23688" s="2"/>
    </row>
    <row r="23689" spans="1:3" ht="19.2">
      <c r="A23689" s="2"/>
      <c r="B23689" s="2"/>
      <c r="C23689" s="2"/>
    </row>
    <row r="23690" spans="1:3" ht="19.2">
      <c r="A23690" s="2"/>
      <c r="B23690" s="2"/>
      <c r="C23690" s="2"/>
    </row>
    <row r="23691" spans="1:3" ht="19.2">
      <c r="A23691" s="2"/>
      <c r="B23691" s="2"/>
      <c r="C23691" s="2"/>
    </row>
    <row r="23692" spans="1:3" ht="19.2">
      <c r="A23692" s="2"/>
      <c r="B23692" s="2"/>
      <c r="C23692" s="2"/>
    </row>
    <row r="23693" spans="1:3" ht="19.2">
      <c r="A23693" s="2"/>
      <c r="B23693" s="2"/>
      <c r="C23693" s="2"/>
    </row>
    <row r="23694" spans="1:3" ht="19.2">
      <c r="A23694" s="2"/>
      <c r="B23694" s="2"/>
      <c r="C23694" s="2"/>
    </row>
    <row r="23695" spans="1:3" ht="19.2">
      <c r="A23695" s="2"/>
      <c r="B23695" s="2"/>
      <c r="C23695" s="2"/>
    </row>
    <row r="23696" spans="1:3" ht="19.2">
      <c r="A23696" s="2"/>
      <c r="B23696" s="2"/>
      <c r="C23696" s="2"/>
    </row>
    <row r="23697" spans="1:3" ht="19.2">
      <c r="A23697" s="2"/>
      <c r="B23697" s="2"/>
      <c r="C23697" s="2"/>
    </row>
    <row r="23698" spans="1:3" ht="19.2">
      <c r="A23698" s="2"/>
      <c r="B23698" s="2"/>
      <c r="C23698" s="2"/>
    </row>
    <row r="23699" spans="1:3" ht="19.2">
      <c r="A23699" s="2"/>
      <c r="B23699" s="2"/>
      <c r="C23699" s="2"/>
    </row>
    <row r="23700" spans="1:3" ht="19.2">
      <c r="A23700" s="2"/>
      <c r="B23700" s="2"/>
      <c r="C23700" s="2"/>
    </row>
    <row r="23701" spans="1:3" ht="19.2">
      <c r="A23701" s="2"/>
      <c r="B23701" s="2"/>
      <c r="C23701" s="2"/>
    </row>
    <row r="23702" spans="1:3" ht="19.2">
      <c r="A23702" s="2"/>
      <c r="B23702" s="2"/>
      <c r="C23702" s="2"/>
    </row>
    <row r="23703" spans="1:3" ht="19.2">
      <c r="A23703" s="2"/>
      <c r="B23703" s="2"/>
      <c r="C23703" s="2"/>
    </row>
    <row r="23704" spans="1:3" ht="19.2">
      <c r="A23704" s="2"/>
      <c r="B23704" s="2"/>
      <c r="C23704" s="2"/>
    </row>
    <row r="23705" spans="1:3" ht="19.2">
      <c r="A23705" s="2"/>
      <c r="B23705" s="2"/>
      <c r="C23705" s="2"/>
    </row>
    <row r="23706" spans="1:3" ht="19.2">
      <c r="A23706" s="2"/>
      <c r="B23706" s="2"/>
      <c r="C23706" s="2"/>
    </row>
    <row r="23707" spans="1:3" ht="19.2">
      <c r="A23707" s="2"/>
      <c r="B23707" s="2"/>
      <c r="C23707" s="2"/>
    </row>
    <row r="23708" spans="1:3" ht="19.2">
      <c r="A23708" s="2"/>
      <c r="B23708" s="2"/>
      <c r="C23708" s="2"/>
    </row>
    <row r="23709" spans="1:3" ht="19.2">
      <c r="A23709" s="2"/>
      <c r="B23709" s="2"/>
      <c r="C23709" s="2"/>
    </row>
    <row r="23710" spans="1:3" ht="19.2">
      <c r="A23710" s="2"/>
      <c r="B23710" s="2"/>
      <c r="C23710" s="2"/>
    </row>
    <row r="23711" spans="1:3" ht="19.2">
      <c r="A23711" s="2"/>
      <c r="B23711" s="2"/>
      <c r="C23711" s="2"/>
    </row>
    <row r="23712" spans="1:3" ht="19.2">
      <c r="A23712" s="2"/>
      <c r="B23712" s="2"/>
      <c r="C23712" s="2"/>
    </row>
    <row r="23713" spans="1:3" ht="19.2">
      <c r="A23713" s="2"/>
      <c r="B23713" s="2"/>
      <c r="C23713" s="2"/>
    </row>
    <row r="23714" spans="1:3" ht="19.2">
      <c r="A23714" s="2"/>
      <c r="B23714" s="2"/>
      <c r="C23714" s="2"/>
    </row>
    <row r="23715" spans="1:3" ht="19.2">
      <c r="A23715" s="2"/>
      <c r="B23715" s="2"/>
      <c r="C23715" s="2"/>
    </row>
    <row r="23716" spans="1:3" ht="19.2">
      <c r="A23716" s="2"/>
      <c r="B23716" s="2"/>
      <c r="C23716" s="2"/>
    </row>
    <row r="23717" spans="1:3" ht="19.2">
      <c r="A23717" s="2"/>
      <c r="B23717" s="2"/>
      <c r="C23717" s="2"/>
    </row>
    <row r="23718" spans="1:3" ht="19.2">
      <c r="A23718" s="2"/>
      <c r="B23718" s="2"/>
      <c r="C23718" s="2"/>
    </row>
    <row r="23719" spans="1:3" ht="19.2">
      <c r="A23719" s="2"/>
      <c r="B23719" s="2"/>
      <c r="C23719" s="2"/>
    </row>
    <row r="23720" spans="1:3" ht="19.2">
      <c r="A23720" s="2"/>
      <c r="B23720" s="2"/>
      <c r="C23720" s="2"/>
    </row>
    <row r="23721" spans="1:3" ht="19.2">
      <c r="A23721" s="2"/>
      <c r="B23721" s="2"/>
      <c r="C23721" s="2"/>
    </row>
    <row r="23722" spans="1:3" ht="19.2">
      <c r="A23722" s="2"/>
      <c r="B23722" s="2"/>
      <c r="C23722" s="2"/>
    </row>
    <row r="23723" spans="1:3" ht="19.2">
      <c r="A23723" s="2"/>
      <c r="B23723" s="2"/>
      <c r="C23723" s="2"/>
    </row>
    <row r="23724" spans="1:3" ht="19.2">
      <c r="A23724" s="2"/>
      <c r="B23724" s="2"/>
      <c r="C23724" s="2"/>
    </row>
    <row r="23725" spans="1:3" ht="19.2">
      <c r="A23725" s="2"/>
      <c r="B23725" s="2"/>
      <c r="C23725" s="2"/>
    </row>
    <row r="23726" spans="1:3" ht="19.2">
      <c r="A23726" s="2"/>
      <c r="B23726" s="2"/>
      <c r="C23726" s="2"/>
    </row>
    <row r="23727" spans="1:3" ht="19.2">
      <c r="A23727" s="2"/>
      <c r="B23727" s="2"/>
      <c r="C23727" s="2"/>
    </row>
    <row r="23728" spans="1:3" ht="19.2">
      <c r="A23728" s="2"/>
      <c r="B23728" s="2"/>
      <c r="C23728" s="2"/>
    </row>
    <row r="23729" spans="1:3" ht="19.2">
      <c r="A23729" s="2"/>
      <c r="B23729" s="2"/>
      <c r="C23729" s="2"/>
    </row>
    <row r="23730" spans="1:3" ht="19.2">
      <c r="A23730" s="2"/>
      <c r="B23730" s="2"/>
      <c r="C23730" s="2"/>
    </row>
    <row r="23731" spans="1:3" ht="19.2">
      <c r="A23731" s="2"/>
      <c r="B23731" s="2"/>
      <c r="C23731" s="2"/>
    </row>
    <row r="23732" spans="1:3" ht="19.2">
      <c r="A23732" s="2"/>
      <c r="B23732" s="2"/>
      <c r="C23732" s="2"/>
    </row>
    <row r="23733" spans="1:3" ht="19.2">
      <c r="A23733" s="2"/>
      <c r="B23733" s="2"/>
      <c r="C23733" s="2"/>
    </row>
    <row r="23734" spans="1:3" ht="19.2">
      <c r="A23734" s="2"/>
      <c r="B23734" s="2"/>
      <c r="C23734" s="2"/>
    </row>
    <row r="23735" spans="1:3" ht="19.2">
      <c r="A23735" s="2"/>
      <c r="B23735" s="2"/>
      <c r="C23735" s="2"/>
    </row>
    <row r="23736" spans="1:3" ht="19.2">
      <c r="A23736" s="2"/>
      <c r="B23736" s="2"/>
      <c r="C23736" s="2"/>
    </row>
    <row r="23737" spans="1:3" ht="19.2">
      <c r="A23737" s="2"/>
      <c r="B23737" s="2"/>
      <c r="C23737" s="2"/>
    </row>
    <row r="23738" spans="1:3" ht="19.2">
      <c r="A23738" s="2"/>
      <c r="B23738" s="2"/>
      <c r="C23738" s="2"/>
    </row>
    <row r="23739" spans="1:3" ht="19.2">
      <c r="A23739" s="2"/>
      <c r="B23739" s="2"/>
      <c r="C23739" s="2"/>
    </row>
    <row r="23740" spans="1:3" ht="19.2">
      <c r="A23740" s="2"/>
      <c r="B23740" s="2"/>
      <c r="C23740" s="2"/>
    </row>
    <row r="23741" spans="1:3" ht="19.2">
      <c r="A23741" s="2"/>
      <c r="B23741" s="2"/>
      <c r="C23741" s="2"/>
    </row>
    <row r="23742" spans="1:3" ht="19.2">
      <c r="A23742" s="2"/>
      <c r="B23742" s="2"/>
      <c r="C23742" s="2"/>
    </row>
    <row r="23743" spans="1:3" ht="19.2">
      <c r="A23743" s="2"/>
      <c r="B23743" s="2"/>
      <c r="C23743" s="2"/>
    </row>
    <row r="23744" spans="1:3" ht="19.2">
      <c r="A23744" s="2"/>
      <c r="B23744" s="2"/>
      <c r="C23744" s="2"/>
    </row>
    <row r="23745" spans="1:3" ht="19.2">
      <c r="A23745" s="2"/>
      <c r="B23745" s="2"/>
      <c r="C23745" s="2"/>
    </row>
    <row r="23746" spans="1:3" ht="19.2">
      <c r="A23746" s="2"/>
      <c r="B23746" s="2"/>
      <c r="C23746" s="2"/>
    </row>
    <row r="23747" spans="1:3" ht="19.2">
      <c r="A23747" s="2"/>
      <c r="B23747" s="2"/>
      <c r="C23747" s="2"/>
    </row>
    <row r="23748" spans="1:3" ht="19.2">
      <c r="A23748" s="2"/>
      <c r="B23748" s="2"/>
      <c r="C23748" s="2"/>
    </row>
    <row r="23749" spans="1:3" ht="19.2">
      <c r="A23749" s="2"/>
      <c r="B23749" s="2"/>
      <c r="C23749" s="2"/>
    </row>
    <row r="23750" spans="1:3" ht="19.2">
      <c r="A23750" s="2"/>
      <c r="B23750" s="2"/>
      <c r="C23750" s="2"/>
    </row>
    <row r="23751" spans="1:3" ht="19.2">
      <c r="A23751" s="2"/>
      <c r="B23751" s="2"/>
      <c r="C23751" s="2"/>
    </row>
    <row r="23752" spans="1:3" ht="19.2">
      <c r="A23752" s="2"/>
      <c r="B23752" s="2"/>
      <c r="C23752" s="2"/>
    </row>
    <row r="23753" spans="1:3" ht="19.2">
      <c r="A23753" s="2"/>
      <c r="B23753" s="2"/>
      <c r="C23753" s="2"/>
    </row>
    <row r="23754" spans="1:3" ht="19.2">
      <c r="A23754" s="2"/>
      <c r="B23754" s="2"/>
      <c r="C23754" s="2"/>
    </row>
    <row r="23755" spans="1:3" ht="19.2">
      <c r="A23755" s="2"/>
      <c r="B23755" s="2"/>
      <c r="C23755" s="2"/>
    </row>
    <row r="23756" spans="1:3" ht="19.2">
      <c r="A23756" s="2"/>
      <c r="B23756" s="2"/>
      <c r="C23756" s="2"/>
    </row>
    <row r="23757" spans="1:3" ht="19.2">
      <c r="A23757" s="2"/>
      <c r="B23757" s="2"/>
      <c r="C23757" s="2"/>
    </row>
    <row r="23758" spans="1:3" ht="19.2">
      <c r="A23758" s="2"/>
      <c r="B23758" s="2"/>
      <c r="C23758" s="2"/>
    </row>
    <row r="23759" spans="1:3" ht="19.2">
      <c r="A23759" s="2"/>
      <c r="B23759" s="2"/>
      <c r="C23759" s="2"/>
    </row>
    <row r="23760" spans="1:3" ht="19.2">
      <c r="A23760" s="2"/>
      <c r="B23760" s="2"/>
      <c r="C23760" s="2"/>
    </row>
    <row r="23761" spans="1:3" ht="19.2">
      <c r="A23761" s="2"/>
      <c r="B23761" s="2"/>
      <c r="C23761" s="2"/>
    </row>
    <row r="23762" spans="1:3" ht="19.2">
      <c r="A23762" s="2"/>
      <c r="B23762" s="2"/>
      <c r="C23762" s="2"/>
    </row>
    <row r="23763" spans="1:3" ht="19.2">
      <c r="A23763" s="2"/>
      <c r="B23763" s="2"/>
      <c r="C23763" s="2"/>
    </row>
    <row r="23764" spans="1:3" ht="19.2">
      <c r="A23764" s="2"/>
      <c r="B23764" s="2"/>
      <c r="C23764" s="2"/>
    </row>
    <row r="23765" spans="1:3" ht="19.2">
      <c r="A23765" s="2"/>
      <c r="B23765" s="2"/>
      <c r="C23765" s="2"/>
    </row>
    <row r="23766" spans="1:3" ht="19.2">
      <c r="A23766" s="2"/>
      <c r="B23766" s="2"/>
      <c r="C23766" s="2"/>
    </row>
    <row r="23767" spans="1:3" ht="19.2">
      <c r="A23767" s="2"/>
      <c r="B23767" s="2"/>
      <c r="C23767" s="2"/>
    </row>
    <row r="23768" spans="1:3" ht="19.2">
      <c r="A23768" s="2"/>
      <c r="B23768" s="2"/>
      <c r="C23768" s="2"/>
    </row>
    <row r="23769" spans="1:3" ht="19.2">
      <c r="A23769" s="2"/>
      <c r="B23769" s="2"/>
      <c r="C23769" s="2"/>
    </row>
    <row r="23770" spans="1:3" ht="19.2">
      <c r="A23770" s="2"/>
      <c r="B23770" s="2"/>
      <c r="C23770" s="2"/>
    </row>
    <row r="23771" spans="1:3" ht="19.2">
      <c r="A23771" s="2"/>
      <c r="B23771" s="2"/>
      <c r="C23771" s="2"/>
    </row>
    <row r="23772" spans="1:3" ht="19.2">
      <c r="A23772" s="2"/>
      <c r="B23772" s="2"/>
      <c r="C23772" s="2"/>
    </row>
    <row r="23773" spans="1:3" ht="19.2">
      <c r="A23773" s="2"/>
      <c r="B23773" s="2"/>
      <c r="C23773" s="2"/>
    </row>
    <row r="23774" spans="1:3" ht="19.2">
      <c r="A23774" s="2"/>
      <c r="B23774" s="2"/>
      <c r="C23774" s="2"/>
    </row>
    <row r="23775" spans="1:3" ht="19.2">
      <c r="A23775" s="2"/>
      <c r="B23775" s="2"/>
      <c r="C23775" s="2"/>
    </row>
    <row r="23776" spans="1:3" ht="19.2">
      <c r="A23776" s="2"/>
      <c r="B23776" s="2"/>
      <c r="C23776" s="2"/>
    </row>
    <row r="23777" spans="1:3" ht="19.2">
      <c r="A23777" s="2"/>
      <c r="B23777" s="2"/>
      <c r="C23777" s="2"/>
    </row>
    <row r="23778" spans="1:3" ht="19.2">
      <c r="A23778" s="2"/>
      <c r="B23778" s="2"/>
      <c r="C23778" s="2"/>
    </row>
    <row r="23779" spans="1:3" ht="19.2">
      <c r="A23779" s="2"/>
      <c r="B23779" s="2"/>
      <c r="C23779" s="2"/>
    </row>
    <row r="23780" spans="1:3" ht="19.2">
      <c r="A23780" s="2"/>
      <c r="B23780" s="2"/>
      <c r="C23780" s="2"/>
    </row>
    <row r="23781" spans="1:3" ht="19.2">
      <c r="A23781" s="2"/>
      <c r="B23781" s="2"/>
      <c r="C23781" s="2"/>
    </row>
    <row r="23782" spans="1:3" ht="19.2">
      <c r="A23782" s="2"/>
      <c r="B23782" s="2"/>
      <c r="C23782" s="2"/>
    </row>
    <row r="23783" spans="1:3" ht="19.2">
      <c r="A23783" s="2"/>
      <c r="B23783" s="2"/>
      <c r="C23783" s="2"/>
    </row>
    <row r="23784" spans="1:3" ht="19.2">
      <c r="A23784" s="2"/>
      <c r="B23784" s="2"/>
      <c r="C23784" s="2"/>
    </row>
    <row r="23785" spans="1:3" ht="19.2">
      <c r="A23785" s="2"/>
      <c r="B23785" s="2"/>
      <c r="C23785" s="2"/>
    </row>
    <row r="23786" spans="1:3" ht="19.2">
      <c r="A23786" s="2"/>
      <c r="B23786" s="2"/>
      <c r="C23786" s="2"/>
    </row>
    <row r="23787" spans="1:3" ht="19.2">
      <c r="A23787" s="2"/>
      <c r="B23787" s="2"/>
      <c r="C23787" s="2"/>
    </row>
    <row r="23788" spans="1:3" ht="19.2">
      <c r="A23788" s="2"/>
      <c r="B23788" s="2"/>
      <c r="C23788" s="2"/>
    </row>
    <row r="23789" spans="1:3" ht="19.2">
      <c r="A23789" s="2"/>
      <c r="B23789" s="2"/>
      <c r="C23789" s="2"/>
    </row>
    <row r="23790" spans="1:3" ht="19.2">
      <c r="A23790" s="2"/>
      <c r="B23790" s="2"/>
      <c r="C23790" s="2"/>
    </row>
    <row r="23791" spans="1:3" ht="19.2">
      <c r="A23791" s="2"/>
      <c r="B23791" s="2"/>
      <c r="C23791" s="2"/>
    </row>
    <row r="23792" spans="1:3" ht="19.2">
      <c r="A23792" s="2"/>
      <c r="B23792" s="2"/>
      <c r="C23792" s="2"/>
    </row>
    <row r="23793" spans="1:3" ht="19.2">
      <c r="A23793" s="2"/>
      <c r="B23793" s="2"/>
      <c r="C23793" s="2"/>
    </row>
    <row r="23794" spans="1:3" ht="19.2">
      <c r="A23794" s="2"/>
      <c r="B23794" s="2"/>
      <c r="C23794" s="2"/>
    </row>
    <row r="23795" spans="1:3" ht="19.2">
      <c r="A23795" s="2"/>
      <c r="B23795" s="2"/>
      <c r="C23795" s="2"/>
    </row>
    <row r="23796" spans="1:3" ht="19.2">
      <c r="A23796" s="2"/>
      <c r="B23796" s="2"/>
      <c r="C23796" s="2"/>
    </row>
    <row r="23797" spans="1:3" ht="19.2">
      <c r="A23797" s="2"/>
      <c r="B23797" s="2"/>
      <c r="C23797" s="2"/>
    </row>
    <row r="23798" spans="1:3" ht="19.2">
      <c r="A23798" s="2"/>
      <c r="B23798" s="2"/>
      <c r="C23798" s="2"/>
    </row>
    <row r="23799" spans="1:3" ht="19.2">
      <c r="A23799" s="2"/>
      <c r="B23799" s="2"/>
      <c r="C23799" s="2"/>
    </row>
    <row r="23800" spans="1:3" ht="19.2">
      <c r="A23800" s="2"/>
      <c r="B23800" s="2"/>
      <c r="C23800" s="2"/>
    </row>
    <row r="23801" spans="1:3" ht="19.2">
      <c r="A23801" s="2"/>
      <c r="B23801" s="2"/>
      <c r="C23801" s="2"/>
    </row>
    <row r="23802" spans="1:3" ht="19.2">
      <c r="A23802" s="2"/>
      <c r="B23802" s="2"/>
      <c r="C23802" s="2"/>
    </row>
    <row r="23803" spans="1:3" ht="19.2">
      <c r="A23803" s="2"/>
      <c r="B23803" s="2"/>
      <c r="C23803" s="2"/>
    </row>
    <row r="23804" spans="1:3" ht="19.2">
      <c r="A23804" s="2"/>
      <c r="B23804" s="2"/>
      <c r="C23804" s="2"/>
    </row>
    <row r="23805" spans="1:3" ht="19.2">
      <c r="A23805" s="2"/>
      <c r="B23805" s="2"/>
      <c r="C23805" s="2"/>
    </row>
    <row r="23806" spans="1:3" ht="19.2">
      <c r="A23806" s="2"/>
      <c r="B23806" s="2"/>
      <c r="C23806" s="2"/>
    </row>
    <row r="23807" spans="1:3" ht="19.2">
      <c r="A23807" s="2"/>
      <c r="B23807" s="2"/>
      <c r="C23807" s="2"/>
    </row>
    <row r="23808" spans="1:3" ht="19.2">
      <c r="A23808" s="2"/>
      <c r="B23808" s="2"/>
      <c r="C23808" s="2"/>
    </row>
    <row r="23809" spans="1:3" ht="19.2">
      <c r="A23809" s="2"/>
      <c r="B23809" s="2"/>
      <c r="C23809" s="2"/>
    </row>
    <row r="23810" spans="1:3" ht="19.2">
      <c r="A23810" s="2"/>
      <c r="B23810" s="2"/>
      <c r="C23810" s="2"/>
    </row>
    <row r="23811" spans="1:3" ht="19.2">
      <c r="A23811" s="2"/>
      <c r="B23811" s="2"/>
      <c r="C23811" s="2"/>
    </row>
    <row r="23812" spans="1:3" ht="19.2">
      <c r="A23812" s="2"/>
      <c r="B23812" s="2"/>
      <c r="C23812" s="2"/>
    </row>
    <row r="23813" spans="1:3" ht="19.2">
      <c r="A23813" s="2"/>
      <c r="B23813" s="2"/>
      <c r="C23813" s="2"/>
    </row>
    <row r="23814" spans="1:3" ht="19.2">
      <c r="A23814" s="2"/>
      <c r="B23814" s="2"/>
      <c r="C23814" s="2"/>
    </row>
    <row r="23815" spans="1:3" ht="19.2">
      <c r="A23815" s="2"/>
      <c r="B23815" s="2"/>
      <c r="C23815" s="2"/>
    </row>
    <row r="23816" spans="1:3" ht="19.2">
      <c r="A23816" s="2"/>
      <c r="B23816" s="2"/>
      <c r="C23816" s="2"/>
    </row>
    <row r="23817" spans="1:3" ht="19.2">
      <c r="A23817" s="2"/>
      <c r="B23817" s="2"/>
      <c r="C23817" s="2"/>
    </row>
    <row r="23818" spans="1:3" ht="19.2">
      <c r="A23818" s="2"/>
      <c r="B23818" s="2"/>
      <c r="C23818" s="2"/>
    </row>
    <row r="23819" spans="1:3" ht="19.2">
      <c r="A23819" s="2"/>
      <c r="B23819" s="2"/>
      <c r="C23819" s="2"/>
    </row>
    <row r="23820" spans="1:3" ht="19.2">
      <c r="A23820" s="2"/>
      <c r="B23820" s="2"/>
      <c r="C23820" s="2"/>
    </row>
    <row r="23821" spans="1:3" ht="19.2">
      <c r="A23821" s="2"/>
      <c r="B23821" s="2"/>
      <c r="C23821" s="2"/>
    </row>
    <row r="23822" spans="1:3" ht="19.2">
      <c r="A23822" s="2"/>
      <c r="B23822" s="2"/>
      <c r="C23822" s="2"/>
    </row>
    <row r="23823" spans="1:3" ht="19.2">
      <c r="A23823" s="2"/>
      <c r="B23823" s="2"/>
      <c r="C23823" s="2"/>
    </row>
    <row r="23824" spans="1:3" ht="19.2">
      <c r="A23824" s="2"/>
      <c r="B23824" s="2"/>
      <c r="C23824" s="2"/>
    </row>
    <row r="23825" spans="1:3" ht="19.2">
      <c r="A23825" s="2"/>
      <c r="B23825" s="2"/>
      <c r="C23825" s="2"/>
    </row>
    <row r="23826" spans="1:3" ht="19.2">
      <c r="A23826" s="2"/>
      <c r="B23826" s="2"/>
      <c r="C23826" s="2"/>
    </row>
    <row r="23827" spans="1:3" ht="19.2">
      <c r="A23827" s="2"/>
      <c r="B23827" s="2"/>
      <c r="C23827" s="2"/>
    </row>
    <row r="23828" spans="1:3" ht="19.2">
      <c r="A23828" s="2"/>
      <c r="B23828" s="2"/>
      <c r="C23828" s="2"/>
    </row>
    <row r="23829" spans="1:3" ht="19.2">
      <c r="A23829" s="2"/>
      <c r="B23829" s="2"/>
      <c r="C23829" s="2"/>
    </row>
    <row r="23830" spans="1:3" ht="19.2">
      <c r="A23830" s="2"/>
      <c r="B23830" s="2"/>
      <c r="C23830" s="2"/>
    </row>
    <row r="23831" spans="1:3" ht="19.2">
      <c r="A23831" s="2"/>
      <c r="B23831" s="2"/>
      <c r="C23831" s="2"/>
    </row>
    <row r="23832" spans="1:3" ht="19.2">
      <c r="A23832" s="2"/>
      <c r="B23832" s="2"/>
      <c r="C23832" s="2"/>
    </row>
    <row r="23833" spans="1:3" ht="19.2">
      <c r="A23833" s="2"/>
      <c r="B23833" s="2"/>
      <c r="C23833" s="2"/>
    </row>
    <row r="23834" spans="1:3" ht="19.2">
      <c r="A23834" s="2"/>
      <c r="B23834" s="2"/>
      <c r="C23834" s="2"/>
    </row>
    <row r="23835" spans="1:3" ht="19.2">
      <c r="A23835" s="2"/>
      <c r="B23835" s="2"/>
      <c r="C23835" s="2"/>
    </row>
    <row r="23836" spans="1:3" ht="19.2">
      <c r="A23836" s="2"/>
      <c r="B23836" s="2"/>
      <c r="C23836" s="2"/>
    </row>
    <row r="23837" spans="1:3" ht="19.2">
      <c r="A23837" s="2"/>
      <c r="B23837" s="2"/>
      <c r="C23837" s="2"/>
    </row>
    <row r="23838" spans="1:3" ht="19.2">
      <c r="A23838" s="2"/>
      <c r="B23838" s="2"/>
      <c r="C23838" s="2"/>
    </row>
    <row r="23839" spans="1:3" ht="19.2">
      <c r="A23839" s="2"/>
      <c r="B23839" s="2"/>
      <c r="C23839" s="2"/>
    </row>
    <row r="23840" spans="1:3" ht="19.2">
      <c r="A23840" s="2"/>
      <c r="B23840" s="2"/>
      <c r="C23840" s="2"/>
    </row>
    <row r="23841" spans="1:3" ht="19.2">
      <c r="A23841" s="2"/>
      <c r="B23841" s="2"/>
      <c r="C23841" s="2"/>
    </row>
    <row r="23842" spans="1:3" ht="19.2">
      <c r="A23842" s="2"/>
      <c r="B23842" s="2"/>
      <c r="C23842" s="2"/>
    </row>
    <row r="23843" spans="1:3" ht="19.2">
      <c r="A23843" s="2"/>
      <c r="B23843" s="2"/>
      <c r="C23843" s="2"/>
    </row>
    <row r="23844" spans="1:3" ht="19.2">
      <c r="A23844" s="2"/>
      <c r="B23844" s="2"/>
      <c r="C23844" s="2"/>
    </row>
    <row r="23845" spans="1:3" ht="19.2">
      <c r="A23845" s="2"/>
      <c r="B23845" s="2"/>
      <c r="C23845" s="2"/>
    </row>
    <row r="23846" spans="1:3" ht="19.2">
      <c r="A23846" s="2"/>
      <c r="B23846" s="2"/>
      <c r="C23846" s="2"/>
    </row>
    <row r="23847" spans="1:3" ht="19.2">
      <c r="A23847" s="2"/>
      <c r="B23847" s="2"/>
      <c r="C23847" s="2"/>
    </row>
    <row r="23848" spans="1:3" ht="19.2">
      <c r="A23848" s="2"/>
      <c r="B23848" s="2"/>
      <c r="C23848" s="2"/>
    </row>
    <row r="23849" spans="1:3" ht="19.2">
      <c r="A23849" s="2"/>
      <c r="B23849" s="2"/>
      <c r="C23849" s="2"/>
    </row>
    <row r="23850" spans="1:3" ht="19.2">
      <c r="A23850" s="2"/>
      <c r="B23850" s="2"/>
      <c r="C23850" s="2"/>
    </row>
    <row r="23851" spans="1:3" ht="19.2">
      <c r="A23851" s="2"/>
      <c r="B23851" s="2"/>
      <c r="C23851" s="2"/>
    </row>
    <row r="23852" spans="1:3" ht="19.2">
      <c r="A23852" s="2"/>
      <c r="B23852" s="2"/>
      <c r="C23852" s="2"/>
    </row>
    <row r="23853" spans="1:3" ht="19.2">
      <c r="A23853" s="2"/>
      <c r="B23853" s="2"/>
      <c r="C23853" s="2"/>
    </row>
    <row r="23854" spans="1:3" ht="19.2">
      <c r="A23854" s="2"/>
      <c r="B23854" s="2"/>
      <c r="C23854" s="2"/>
    </row>
    <row r="23855" spans="1:3" ht="19.2">
      <c r="A23855" s="2"/>
      <c r="B23855" s="2"/>
      <c r="C23855" s="2"/>
    </row>
    <row r="23856" spans="1:3" ht="19.2">
      <c r="A23856" s="2"/>
      <c r="B23856" s="2"/>
      <c r="C23856" s="2"/>
    </row>
    <row r="23857" spans="1:3" ht="19.2">
      <c r="A23857" s="2"/>
      <c r="B23857" s="2"/>
      <c r="C23857" s="2"/>
    </row>
    <row r="23858" spans="1:3" ht="19.2">
      <c r="A23858" s="2"/>
      <c r="B23858" s="2"/>
      <c r="C23858" s="2"/>
    </row>
    <row r="23859" spans="1:3" ht="19.2">
      <c r="A23859" s="2"/>
      <c r="B23859" s="2"/>
      <c r="C23859" s="2"/>
    </row>
    <row r="23860" spans="1:3" ht="19.2">
      <c r="A23860" s="2"/>
      <c r="B23860" s="2"/>
      <c r="C23860" s="2"/>
    </row>
    <row r="23861" spans="1:3" ht="19.2">
      <c r="A23861" s="2"/>
      <c r="B23861" s="2"/>
      <c r="C23861" s="2"/>
    </row>
    <row r="23862" spans="1:3" ht="19.2">
      <c r="A23862" s="2"/>
      <c r="B23862" s="2"/>
      <c r="C23862" s="2"/>
    </row>
    <row r="23863" spans="1:3" ht="19.2">
      <c r="A23863" s="2"/>
      <c r="B23863" s="2"/>
      <c r="C23863" s="2"/>
    </row>
    <row r="23864" spans="1:3" ht="19.2">
      <c r="A23864" s="2"/>
      <c r="B23864" s="2"/>
      <c r="C23864" s="2"/>
    </row>
    <row r="23865" spans="1:3" ht="19.2">
      <c r="A23865" s="2"/>
      <c r="B23865" s="2"/>
      <c r="C23865" s="2"/>
    </row>
    <row r="23866" spans="1:3" ht="19.2">
      <c r="A23866" s="2"/>
      <c r="B23866" s="2"/>
      <c r="C23866" s="2"/>
    </row>
    <row r="23867" spans="1:3" ht="19.2">
      <c r="A23867" s="2"/>
      <c r="B23867" s="2"/>
      <c r="C23867" s="2"/>
    </row>
    <row r="23868" spans="1:3" ht="19.2">
      <c r="A23868" s="2"/>
      <c r="B23868" s="2"/>
      <c r="C23868" s="2"/>
    </row>
    <row r="23869" spans="1:3" ht="19.2">
      <c r="A23869" s="2"/>
      <c r="B23869" s="2"/>
      <c r="C23869" s="2"/>
    </row>
    <row r="23870" spans="1:3" ht="19.2">
      <c r="A23870" s="2"/>
      <c r="B23870" s="2"/>
      <c r="C23870" s="2"/>
    </row>
    <row r="23871" spans="1:3" ht="19.2">
      <c r="A23871" s="2"/>
      <c r="B23871" s="2"/>
      <c r="C23871" s="2"/>
    </row>
    <row r="23872" spans="1:3" ht="19.2">
      <c r="A23872" s="2"/>
      <c r="B23872" s="2"/>
      <c r="C23872" s="2"/>
    </row>
    <row r="23873" spans="1:3" ht="19.2">
      <c r="A23873" s="2"/>
      <c r="B23873" s="2"/>
      <c r="C23873" s="2"/>
    </row>
    <row r="23874" spans="1:3" ht="19.2">
      <c r="A23874" s="2"/>
      <c r="B23874" s="2"/>
      <c r="C23874" s="2"/>
    </row>
    <row r="23875" spans="1:3" ht="19.2">
      <c r="A23875" s="2"/>
      <c r="B23875" s="2"/>
      <c r="C23875" s="2"/>
    </row>
    <row r="23876" spans="1:3" ht="19.2">
      <c r="A23876" s="2"/>
      <c r="B23876" s="2"/>
      <c r="C23876" s="2"/>
    </row>
    <row r="23877" spans="1:3" ht="19.2">
      <c r="A23877" s="2"/>
      <c r="B23877" s="2"/>
      <c r="C23877" s="2"/>
    </row>
    <row r="23878" spans="1:3" ht="19.2">
      <c r="A23878" s="2"/>
      <c r="B23878" s="2"/>
      <c r="C23878" s="2"/>
    </row>
    <row r="23879" spans="1:3" ht="19.2">
      <c r="A23879" s="2"/>
      <c r="B23879" s="2"/>
      <c r="C23879" s="2"/>
    </row>
    <row r="23880" spans="1:3" ht="19.2">
      <c r="A23880" s="2"/>
      <c r="B23880" s="2"/>
      <c r="C23880" s="2"/>
    </row>
    <row r="23881" spans="1:3" ht="19.2">
      <c r="A23881" s="2"/>
      <c r="B23881" s="2"/>
      <c r="C23881" s="2"/>
    </row>
    <row r="23882" spans="1:3" ht="19.2">
      <c r="A23882" s="2"/>
      <c r="B23882" s="2"/>
      <c r="C23882" s="2"/>
    </row>
    <row r="23883" spans="1:3" ht="19.2">
      <c r="A23883" s="2"/>
      <c r="B23883" s="2"/>
      <c r="C23883" s="2"/>
    </row>
    <row r="23884" spans="1:3" ht="19.2">
      <c r="A23884" s="2"/>
      <c r="B23884" s="2"/>
      <c r="C23884" s="2"/>
    </row>
    <row r="23885" spans="1:3" ht="19.2">
      <c r="A23885" s="2"/>
      <c r="B23885" s="2"/>
      <c r="C23885" s="2"/>
    </row>
    <row r="23886" spans="1:3" ht="19.2">
      <c r="A23886" s="2"/>
      <c r="B23886" s="2"/>
      <c r="C23886" s="2"/>
    </row>
    <row r="23887" spans="1:3" ht="19.2">
      <c r="A23887" s="2"/>
      <c r="B23887" s="2"/>
      <c r="C23887" s="2"/>
    </row>
    <row r="23888" spans="1:3" ht="19.2">
      <c r="A23888" s="2"/>
      <c r="B23888" s="2"/>
      <c r="C23888" s="2"/>
    </row>
    <row r="23889" spans="1:3" ht="19.2">
      <c r="A23889" s="2"/>
      <c r="B23889" s="2"/>
      <c r="C23889" s="2"/>
    </row>
    <row r="23890" spans="1:3" ht="19.2">
      <c r="A23890" s="2"/>
      <c r="B23890" s="2"/>
      <c r="C23890" s="2"/>
    </row>
    <row r="23891" spans="1:3" ht="19.2">
      <c r="A23891" s="2"/>
      <c r="B23891" s="2"/>
      <c r="C23891" s="2"/>
    </row>
    <row r="23892" spans="1:3" ht="19.2">
      <c r="A23892" s="2"/>
      <c r="B23892" s="2"/>
      <c r="C23892" s="2"/>
    </row>
    <row r="23893" spans="1:3" ht="19.2">
      <c r="A23893" s="2"/>
      <c r="B23893" s="2"/>
      <c r="C23893" s="2"/>
    </row>
    <row r="23894" spans="1:3" ht="19.2">
      <c r="A23894" s="2"/>
      <c r="B23894" s="2"/>
      <c r="C23894" s="2"/>
    </row>
    <row r="23895" spans="1:3" ht="19.2">
      <c r="A23895" s="2"/>
      <c r="B23895" s="2"/>
      <c r="C23895" s="2"/>
    </row>
    <row r="23896" spans="1:3" ht="19.2">
      <c r="A23896" s="2"/>
      <c r="B23896" s="2"/>
      <c r="C23896" s="2"/>
    </row>
    <row r="23897" spans="1:3" ht="19.2">
      <c r="A23897" s="2"/>
      <c r="B23897" s="2"/>
      <c r="C23897" s="2"/>
    </row>
    <row r="23898" spans="1:3" ht="19.2">
      <c r="A23898" s="2"/>
      <c r="B23898" s="2"/>
      <c r="C23898" s="2"/>
    </row>
    <row r="23899" spans="1:3" ht="19.2">
      <c r="A23899" s="2"/>
      <c r="B23899" s="2"/>
      <c r="C23899" s="2"/>
    </row>
    <row r="23900" spans="1:3" ht="19.2">
      <c r="A23900" s="2"/>
      <c r="B23900" s="2"/>
      <c r="C23900" s="2"/>
    </row>
    <row r="23901" spans="1:3" ht="19.2">
      <c r="A23901" s="2"/>
      <c r="B23901" s="2"/>
      <c r="C23901" s="2"/>
    </row>
    <row r="23902" spans="1:3" ht="19.2">
      <c r="A23902" s="2"/>
      <c r="B23902" s="2"/>
      <c r="C23902" s="2"/>
    </row>
    <row r="23903" spans="1:3" ht="19.2">
      <c r="A23903" s="2"/>
      <c r="B23903" s="2"/>
      <c r="C23903" s="2"/>
    </row>
    <row r="23904" spans="1:3" ht="19.2">
      <c r="A23904" s="2"/>
      <c r="B23904" s="2"/>
      <c r="C23904" s="2"/>
    </row>
    <row r="23905" spans="1:3" ht="19.2">
      <c r="A23905" s="2"/>
      <c r="B23905" s="2"/>
      <c r="C23905" s="2"/>
    </row>
    <row r="23906" spans="1:3" ht="19.2">
      <c r="A23906" s="2"/>
      <c r="B23906" s="2"/>
      <c r="C23906" s="2"/>
    </row>
    <row r="23907" spans="1:3" ht="19.2">
      <c r="A23907" s="2"/>
      <c r="B23907" s="2"/>
      <c r="C23907" s="2"/>
    </row>
    <row r="23908" spans="1:3" ht="19.2">
      <c r="A23908" s="2"/>
      <c r="B23908" s="2"/>
      <c r="C23908" s="2"/>
    </row>
    <row r="23909" spans="1:3" ht="19.2">
      <c r="A23909" s="2"/>
      <c r="B23909" s="2"/>
      <c r="C23909" s="2"/>
    </row>
    <row r="23910" spans="1:3" ht="19.2">
      <c r="A23910" s="2"/>
      <c r="B23910" s="2"/>
      <c r="C23910" s="2"/>
    </row>
    <row r="23911" spans="1:3" ht="19.2">
      <c r="A23911" s="2"/>
      <c r="B23911" s="2"/>
      <c r="C23911" s="2"/>
    </row>
    <row r="23912" spans="1:3" ht="19.2">
      <c r="A23912" s="2"/>
      <c r="B23912" s="2"/>
      <c r="C23912" s="2"/>
    </row>
    <row r="23913" spans="1:3" ht="19.2">
      <c r="A23913" s="2"/>
      <c r="B23913" s="2"/>
      <c r="C23913" s="2"/>
    </row>
    <row r="23914" spans="1:3" ht="19.2">
      <c r="A23914" s="2"/>
      <c r="B23914" s="2"/>
      <c r="C23914" s="2"/>
    </row>
    <row r="23915" spans="1:3" ht="19.2">
      <c r="A23915" s="2"/>
      <c r="B23915" s="2"/>
      <c r="C23915" s="2"/>
    </row>
    <row r="23916" spans="1:3" ht="19.2">
      <c r="A23916" s="2"/>
      <c r="B23916" s="2"/>
      <c r="C23916" s="2"/>
    </row>
    <row r="23917" spans="1:3" ht="19.2">
      <c r="A23917" s="2"/>
      <c r="B23917" s="2"/>
      <c r="C23917" s="2"/>
    </row>
    <row r="23918" spans="1:3" ht="19.2">
      <c r="A23918" s="2"/>
      <c r="B23918" s="2"/>
      <c r="C23918" s="2"/>
    </row>
    <row r="23919" spans="1:3" ht="19.2">
      <c r="A23919" s="2"/>
      <c r="B23919" s="2"/>
      <c r="C23919" s="2"/>
    </row>
    <row r="23920" spans="1:3" ht="19.2">
      <c r="A23920" s="2"/>
      <c r="B23920" s="2"/>
      <c r="C23920" s="2"/>
    </row>
    <row r="23921" spans="1:3" ht="19.2">
      <c r="A23921" s="2"/>
      <c r="B23921" s="2"/>
      <c r="C23921" s="2"/>
    </row>
    <row r="23922" spans="1:3" ht="19.2">
      <c r="A23922" s="2"/>
      <c r="B23922" s="2"/>
      <c r="C23922" s="2"/>
    </row>
    <row r="23923" spans="1:3" ht="19.2">
      <c r="A23923" s="2"/>
      <c r="B23923" s="2"/>
      <c r="C23923" s="2"/>
    </row>
    <row r="23924" spans="1:3" ht="19.2">
      <c r="A23924" s="2"/>
      <c r="B23924" s="2"/>
      <c r="C23924" s="2"/>
    </row>
    <row r="23925" spans="1:3" ht="19.2">
      <c r="A23925" s="2"/>
      <c r="B23925" s="2"/>
      <c r="C23925" s="2"/>
    </row>
    <row r="23926" spans="1:3" ht="19.2">
      <c r="A23926" s="2"/>
      <c r="B23926" s="2"/>
      <c r="C23926" s="2"/>
    </row>
    <row r="23927" spans="1:3" ht="19.2">
      <c r="A23927" s="2"/>
      <c r="B23927" s="2"/>
      <c r="C23927" s="2"/>
    </row>
    <row r="23928" spans="1:3" ht="19.2">
      <c r="A23928" s="2"/>
      <c r="B23928" s="2"/>
      <c r="C23928" s="2"/>
    </row>
    <row r="23929" spans="1:3" ht="19.2">
      <c r="A23929" s="2"/>
      <c r="B23929" s="2"/>
      <c r="C23929" s="2"/>
    </row>
    <row r="23930" spans="1:3" ht="19.2">
      <c r="A23930" s="2"/>
      <c r="B23930" s="2"/>
      <c r="C23930" s="2"/>
    </row>
    <row r="23931" spans="1:3" ht="19.2">
      <c r="A23931" s="2"/>
      <c r="B23931" s="2"/>
      <c r="C23931" s="2"/>
    </row>
    <row r="23932" spans="1:3" ht="19.2">
      <c r="A23932" s="2"/>
      <c r="B23932" s="2"/>
      <c r="C23932" s="2"/>
    </row>
    <row r="23933" spans="1:3" ht="19.2">
      <c r="A23933" s="2"/>
      <c r="B23933" s="2"/>
      <c r="C23933" s="2"/>
    </row>
    <row r="23934" spans="1:3" ht="19.2">
      <c r="A23934" s="2"/>
      <c r="B23934" s="2"/>
      <c r="C23934" s="2"/>
    </row>
    <row r="23935" spans="1:3" ht="19.2">
      <c r="A23935" s="2"/>
      <c r="B23935" s="2"/>
      <c r="C23935" s="2"/>
    </row>
    <row r="23936" spans="1:3" ht="19.2">
      <c r="A23936" s="2"/>
      <c r="B23936" s="2"/>
      <c r="C23936" s="2"/>
    </row>
    <row r="23937" spans="1:3" ht="19.2">
      <c r="A23937" s="2"/>
      <c r="B23937" s="2"/>
      <c r="C23937" s="2"/>
    </row>
    <row r="23938" spans="1:3" ht="19.2">
      <c r="A23938" s="2"/>
      <c r="B23938" s="2"/>
      <c r="C23938" s="2"/>
    </row>
    <row r="23939" spans="1:3" ht="19.2">
      <c r="A23939" s="2"/>
      <c r="B23939" s="2"/>
      <c r="C23939" s="2"/>
    </row>
    <row r="23940" spans="1:3" ht="19.2">
      <c r="A23940" s="2"/>
      <c r="B23940" s="2"/>
      <c r="C23940" s="2"/>
    </row>
    <row r="23941" spans="1:3" ht="19.2">
      <c r="A23941" s="2"/>
      <c r="B23941" s="2"/>
      <c r="C23941" s="2"/>
    </row>
    <row r="23942" spans="1:3" ht="19.2">
      <c r="A23942" s="2"/>
      <c r="B23942" s="2"/>
      <c r="C23942" s="2"/>
    </row>
    <row r="23943" spans="1:3" ht="19.2">
      <c r="A23943" s="2"/>
      <c r="B23943" s="2"/>
      <c r="C23943" s="2"/>
    </row>
    <row r="23944" spans="1:3" ht="19.2">
      <c r="A23944" s="2"/>
      <c r="B23944" s="2"/>
      <c r="C23944" s="2"/>
    </row>
    <row r="23945" spans="1:3" ht="19.2">
      <c r="A23945" s="2"/>
      <c r="B23945" s="2"/>
      <c r="C23945" s="2"/>
    </row>
    <row r="23946" spans="1:3" ht="19.2">
      <c r="A23946" s="2"/>
      <c r="B23946" s="2"/>
      <c r="C23946" s="2"/>
    </row>
    <row r="23947" spans="1:3" ht="19.2">
      <c r="A23947" s="2"/>
      <c r="B23947" s="2"/>
      <c r="C23947" s="2"/>
    </row>
    <row r="23948" spans="1:3" ht="19.2">
      <c r="A23948" s="2"/>
      <c r="B23948" s="2"/>
      <c r="C23948" s="2"/>
    </row>
    <row r="23949" spans="1:3" ht="19.2">
      <c r="A23949" s="2"/>
      <c r="B23949" s="2"/>
      <c r="C23949" s="2"/>
    </row>
    <row r="23950" spans="1:3" ht="19.2">
      <c r="A23950" s="2"/>
      <c r="B23950" s="2"/>
      <c r="C23950" s="2"/>
    </row>
    <row r="23951" spans="1:3" ht="19.2">
      <c r="A23951" s="2"/>
      <c r="B23951" s="2"/>
      <c r="C23951" s="2"/>
    </row>
    <row r="23952" spans="1:3" ht="19.2">
      <c r="A23952" s="2"/>
      <c r="B23952" s="2"/>
      <c r="C23952" s="2"/>
    </row>
    <row r="23953" spans="1:3" ht="19.2">
      <c r="A23953" s="2"/>
      <c r="B23953" s="2"/>
      <c r="C23953" s="2"/>
    </row>
    <row r="23954" spans="1:3" ht="19.2">
      <c r="A23954" s="2"/>
      <c r="B23954" s="2"/>
      <c r="C23954" s="2"/>
    </row>
    <row r="23955" spans="1:3" ht="19.2">
      <c r="A23955" s="2"/>
      <c r="B23955" s="2"/>
      <c r="C23955" s="2"/>
    </row>
    <row r="23956" spans="1:3" ht="19.2">
      <c r="A23956" s="2"/>
      <c r="B23956" s="2"/>
      <c r="C23956" s="2"/>
    </row>
    <row r="23957" spans="1:3" ht="19.2">
      <c r="A23957" s="2"/>
      <c r="B23957" s="2"/>
      <c r="C23957" s="2"/>
    </row>
    <row r="23958" spans="1:3" ht="19.2">
      <c r="A23958" s="2"/>
      <c r="B23958" s="2"/>
      <c r="C23958" s="2"/>
    </row>
    <row r="23959" spans="1:3" ht="19.2">
      <c r="A23959" s="2"/>
      <c r="B23959" s="2"/>
      <c r="C23959" s="2"/>
    </row>
    <row r="23960" spans="1:3" ht="19.2">
      <c r="A23960" s="2"/>
      <c r="B23960" s="2"/>
      <c r="C23960" s="2"/>
    </row>
    <row r="23961" spans="1:3" ht="19.2">
      <c r="A23961" s="2"/>
      <c r="B23961" s="2"/>
      <c r="C23961" s="2"/>
    </row>
    <row r="23962" spans="1:3" ht="19.2">
      <c r="A23962" s="2"/>
      <c r="B23962" s="2"/>
      <c r="C23962" s="2"/>
    </row>
    <row r="23963" spans="1:3" ht="19.2">
      <c r="A23963" s="2"/>
      <c r="B23963" s="2"/>
      <c r="C23963" s="2"/>
    </row>
    <row r="23964" spans="1:3" ht="19.2">
      <c r="A23964" s="2"/>
      <c r="B23964" s="2"/>
      <c r="C23964" s="2"/>
    </row>
    <row r="23965" spans="1:3" ht="19.2">
      <c r="A23965" s="2"/>
      <c r="B23965" s="2"/>
      <c r="C23965" s="2"/>
    </row>
    <row r="23966" spans="1:3" ht="19.2">
      <c r="A23966" s="2"/>
      <c r="B23966" s="2"/>
      <c r="C23966" s="2"/>
    </row>
    <row r="23967" spans="1:3" ht="19.2">
      <c r="A23967" s="2"/>
      <c r="B23967" s="2"/>
      <c r="C23967" s="2"/>
    </row>
    <row r="23968" spans="1:3" ht="19.2">
      <c r="A23968" s="2"/>
      <c r="B23968" s="2"/>
      <c r="C23968" s="2"/>
    </row>
    <row r="23969" spans="1:3" ht="19.2">
      <c r="A23969" s="2"/>
      <c r="B23969" s="2"/>
      <c r="C23969" s="2"/>
    </row>
    <row r="23970" spans="1:3" ht="19.2">
      <c r="A23970" s="2"/>
      <c r="B23970" s="2"/>
      <c r="C23970" s="2"/>
    </row>
    <row r="23971" spans="1:3" ht="19.2">
      <c r="A23971" s="2"/>
      <c r="B23971" s="2"/>
      <c r="C23971" s="2"/>
    </row>
    <row r="23972" spans="1:3" ht="19.2">
      <c r="A23972" s="2"/>
      <c r="B23972" s="2"/>
      <c r="C23972" s="2"/>
    </row>
    <row r="23973" spans="1:3" ht="19.2">
      <c r="A23973" s="2"/>
      <c r="B23973" s="2"/>
      <c r="C23973" s="2"/>
    </row>
    <row r="23974" spans="1:3" ht="19.2">
      <c r="A23974" s="2"/>
      <c r="B23974" s="2"/>
      <c r="C23974" s="2"/>
    </row>
    <row r="23975" spans="1:3" ht="19.2">
      <c r="A23975" s="2"/>
      <c r="B23975" s="2"/>
      <c r="C23975" s="2"/>
    </row>
    <row r="23976" spans="1:3" ht="19.2">
      <c r="A23976" s="2"/>
      <c r="B23976" s="2"/>
      <c r="C23976" s="2"/>
    </row>
    <row r="23977" spans="1:3" ht="19.2">
      <c r="A23977" s="2"/>
      <c r="B23977" s="2"/>
      <c r="C23977" s="2"/>
    </row>
    <row r="23978" spans="1:3" ht="19.2">
      <c r="A23978" s="2"/>
      <c r="B23978" s="2"/>
      <c r="C23978" s="2"/>
    </row>
    <row r="23979" spans="1:3" ht="19.2">
      <c r="A23979" s="2"/>
      <c r="B23979" s="2"/>
      <c r="C23979" s="2"/>
    </row>
    <row r="23980" spans="1:3" ht="19.2">
      <c r="A23980" s="2"/>
      <c r="B23980" s="2"/>
      <c r="C23980" s="2"/>
    </row>
    <row r="23981" spans="1:3" ht="19.2">
      <c r="A23981" s="2"/>
      <c r="B23981" s="2"/>
      <c r="C23981" s="2"/>
    </row>
    <row r="23982" spans="1:3" ht="19.2">
      <c r="A23982" s="2"/>
      <c r="B23982" s="2"/>
      <c r="C23982" s="2"/>
    </row>
    <row r="23983" spans="1:3" ht="19.2">
      <c r="A23983" s="2"/>
      <c r="B23983" s="2"/>
      <c r="C23983" s="2"/>
    </row>
    <row r="23984" spans="1:3" ht="19.2">
      <c r="A23984" s="2"/>
      <c r="B23984" s="2"/>
      <c r="C23984" s="2"/>
    </row>
    <row r="23985" spans="1:3" ht="19.2">
      <c r="A23985" s="2"/>
      <c r="B23985" s="2"/>
      <c r="C23985" s="2"/>
    </row>
    <row r="23986" spans="1:3" ht="19.2">
      <c r="A23986" s="2"/>
      <c r="B23986" s="2"/>
      <c r="C23986" s="2"/>
    </row>
    <row r="23987" spans="1:3" ht="19.2">
      <c r="A23987" s="2"/>
      <c r="B23987" s="2"/>
      <c r="C23987" s="2"/>
    </row>
    <row r="23988" spans="1:3" ht="19.2">
      <c r="A23988" s="2"/>
      <c r="B23988" s="2"/>
      <c r="C23988" s="2"/>
    </row>
    <row r="23989" spans="1:3" ht="19.2">
      <c r="A23989" s="2"/>
      <c r="B23989" s="2"/>
      <c r="C23989" s="2"/>
    </row>
    <row r="23990" spans="1:3" ht="19.2">
      <c r="A23990" s="2"/>
      <c r="B23990" s="2"/>
      <c r="C23990" s="2"/>
    </row>
    <row r="23991" spans="1:3" ht="19.2">
      <c r="A23991" s="2"/>
      <c r="B23991" s="2"/>
      <c r="C23991" s="2"/>
    </row>
    <row r="23992" spans="1:3" ht="19.2">
      <c r="A23992" s="2"/>
      <c r="B23992" s="2"/>
      <c r="C23992" s="2"/>
    </row>
    <row r="23993" spans="1:3" ht="19.2">
      <c r="A23993" s="2"/>
      <c r="B23993" s="2"/>
      <c r="C23993" s="2"/>
    </row>
    <row r="23994" spans="1:3" ht="19.2">
      <c r="A23994" s="2"/>
      <c r="B23994" s="2"/>
      <c r="C23994" s="2"/>
    </row>
    <row r="23995" spans="1:3" ht="19.2">
      <c r="A23995" s="2"/>
      <c r="B23995" s="2"/>
      <c r="C23995" s="2"/>
    </row>
    <row r="23996" spans="1:3" ht="19.2">
      <c r="A23996" s="2"/>
      <c r="B23996" s="2"/>
      <c r="C23996" s="2"/>
    </row>
    <row r="23997" spans="1:3" ht="19.2">
      <c r="A23997" s="2"/>
      <c r="B23997" s="2"/>
      <c r="C23997" s="2"/>
    </row>
    <row r="23998" spans="1:3" ht="19.2">
      <c r="A23998" s="2"/>
      <c r="B23998" s="2"/>
      <c r="C23998" s="2"/>
    </row>
    <row r="23999" spans="1:3" ht="19.2">
      <c r="A23999" s="2"/>
      <c r="B23999" s="2"/>
      <c r="C23999" s="2"/>
    </row>
    <row r="24000" spans="1:3" ht="19.2">
      <c r="A24000" s="2"/>
      <c r="B24000" s="2"/>
      <c r="C24000" s="2"/>
    </row>
    <row r="24001" spans="1:3" ht="19.2">
      <c r="A24001" s="2"/>
      <c r="B24001" s="2"/>
      <c r="C24001" s="2"/>
    </row>
    <row r="24002" spans="1:3" ht="19.2">
      <c r="A24002" s="2"/>
      <c r="B24002" s="2"/>
      <c r="C24002" s="2"/>
    </row>
    <row r="24003" spans="1:3" ht="19.2">
      <c r="A24003" s="2"/>
      <c r="B24003" s="2"/>
      <c r="C24003" s="2"/>
    </row>
    <row r="24004" spans="1:3" ht="19.2">
      <c r="A24004" s="2"/>
      <c r="B24004" s="2"/>
      <c r="C24004" s="2"/>
    </row>
    <row r="24005" spans="1:3" ht="19.2">
      <c r="A24005" s="2"/>
      <c r="B24005" s="2"/>
      <c r="C24005" s="2"/>
    </row>
    <row r="24006" spans="1:3" ht="19.2">
      <c r="A24006" s="2"/>
      <c r="B24006" s="2"/>
      <c r="C24006" s="2"/>
    </row>
    <row r="24007" spans="1:3" ht="19.2">
      <c r="A24007" s="2"/>
      <c r="B24007" s="2"/>
      <c r="C24007" s="2"/>
    </row>
    <row r="24008" spans="1:3" ht="19.2">
      <c r="A24008" s="2"/>
      <c r="B24008" s="2"/>
      <c r="C24008" s="2"/>
    </row>
    <row r="24009" spans="1:3" ht="19.2">
      <c r="A24009" s="2"/>
      <c r="B24009" s="2"/>
      <c r="C24009" s="2"/>
    </row>
    <row r="24010" spans="1:3" ht="19.2">
      <c r="A24010" s="2"/>
      <c r="B24010" s="2"/>
      <c r="C24010" s="2"/>
    </row>
    <row r="24011" spans="1:3" ht="19.2">
      <c r="A24011" s="2"/>
      <c r="B24011" s="2"/>
      <c r="C24011" s="2"/>
    </row>
    <row r="24012" spans="1:3" ht="19.2">
      <c r="A24012" s="2"/>
      <c r="B24012" s="2"/>
      <c r="C24012" s="2"/>
    </row>
    <row r="24013" spans="1:3" ht="19.2">
      <c r="A24013" s="2"/>
      <c r="B24013" s="2"/>
      <c r="C24013" s="2"/>
    </row>
    <row r="24014" spans="1:3" ht="19.2">
      <c r="A24014" s="2"/>
      <c r="B24014" s="2"/>
      <c r="C24014" s="2"/>
    </row>
    <row r="24015" spans="1:3" ht="19.2">
      <c r="A24015" s="2"/>
      <c r="B24015" s="2"/>
      <c r="C24015" s="2"/>
    </row>
    <row r="24016" spans="1:3" ht="19.2">
      <c r="A24016" s="2"/>
      <c r="B24016" s="2"/>
      <c r="C24016" s="2"/>
    </row>
    <row r="24017" spans="1:3" ht="19.2">
      <c r="A24017" s="2"/>
      <c r="B24017" s="2"/>
      <c r="C24017" s="2"/>
    </row>
    <row r="24018" spans="1:3" ht="19.2">
      <c r="A24018" s="2"/>
      <c r="B24018" s="2"/>
      <c r="C24018" s="2"/>
    </row>
    <row r="24019" spans="1:3" ht="19.2">
      <c r="A24019" s="2"/>
      <c r="B24019" s="2"/>
      <c r="C24019" s="2"/>
    </row>
    <row r="24020" spans="1:3" ht="19.2">
      <c r="A24020" s="2"/>
      <c r="B24020" s="2"/>
      <c r="C24020" s="2"/>
    </row>
    <row r="24021" spans="1:3" ht="19.2">
      <c r="A24021" s="2"/>
      <c r="B24021" s="2"/>
      <c r="C24021" s="2"/>
    </row>
    <row r="24022" spans="1:3" ht="19.2">
      <c r="A24022" s="2"/>
      <c r="B24022" s="2"/>
      <c r="C24022" s="2"/>
    </row>
    <row r="24023" spans="1:3" ht="19.2">
      <c r="A24023" s="2"/>
      <c r="B24023" s="2"/>
      <c r="C24023" s="2"/>
    </row>
    <row r="24024" spans="1:3" ht="19.2">
      <c r="A24024" s="2"/>
      <c r="B24024" s="2"/>
      <c r="C24024" s="2"/>
    </row>
    <row r="24025" spans="1:3" ht="19.2">
      <c r="A24025" s="2"/>
      <c r="B24025" s="2"/>
      <c r="C24025" s="2"/>
    </row>
    <row r="24026" spans="1:3" ht="19.2">
      <c r="A24026" s="2"/>
      <c r="B24026" s="2"/>
      <c r="C24026" s="2"/>
    </row>
    <row r="24027" spans="1:3" ht="19.2">
      <c r="A24027" s="2"/>
      <c r="B24027" s="2"/>
      <c r="C24027" s="2"/>
    </row>
    <row r="24028" spans="1:3" ht="19.2">
      <c r="A24028" s="2"/>
      <c r="B24028" s="2"/>
      <c r="C24028" s="2"/>
    </row>
    <row r="24029" spans="1:3" ht="19.2">
      <c r="A24029" s="2"/>
      <c r="B24029" s="2"/>
      <c r="C24029" s="2"/>
    </row>
    <row r="24030" spans="1:3" ht="19.2">
      <c r="A24030" s="2"/>
      <c r="B24030" s="2"/>
      <c r="C24030" s="2"/>
    </row>
    <row r="24031" spans="1:3" ht="19.2">
      <c r="A24031" s="2"/>
      <c r="B24031" s="2"/>
      <c r="C24031" s="2"/>
    </row>
    <row r="24032" spans="1:3" ht="19.2">
      <c r="A24032" s="2"/>
      <c r="B24032" s="2"/>
      <c r="C24032" s="2"/>
    </row>
    <row r="24033" spans="1:3" ht="19.2">
      <c r="A24033" s="2"/>
      <c r="B24033" s="2"/>
      <c r="C24033" s="2"/>
    </row>
    <row r="24034" spans="1:3" ht="19.2">
      <c r="A24034" s="2"/>
      <c r="B24034" s="2"/>
      <c r="C24034" s="2"/>
    </row>
    <row r="24035" spans="1:3" ht="19.2">
      <c r="A24035" s="2"/>
      <c r="B24035" s="2"/>
      <c r="C24035" s="2"/>
    </row>
    <row r="24036" spans="1:3" ht="19.2">
      <c r="A24036" s="2"/>
      <c r="B24036" s="2"/>
      <c r="C24036" s="2"/>
    </row>
    <row r="24037" spans="1:3" ht="19.2">
      <c r="A24037" s="2"/>
      <c r="B24037" s="2"/>
      <c r="C24037" s="2"/>
    </row>
    <row r="24038" spans="1:3" ht="19.2">
      <c r="A24038" s="2"/>
      <c r="B24038" s="2"/>
      <c r="C24038" s="2"/>
    </row>
    <row r="24039" spans="1:3" ht="19.2">
      <c r="A24039" s="2"/>
      <c r="B24039" s="2"/>
      <c r="C24039" s="2"/>
    </row>
    <row r="24040" spans="1:3" ht="19.2">
      <c r="A24040" s="2"/>
      <c r="B24040" s="2"/>
      <c r="C24040" s="2"/>
    </row>
    <row r="24041" spans="1:3" ht="19.2">
      <c r="A24041" s="2"/>
      <c r="B24041" s="2"/>
      <c r="C24041" s="2"/>
    </row>
    <row r="24042" spans="1:3" ht="19.2">
      <c r="A24042" s="2"/>
      <c r="B24042" s="2"/>
      <c r="C24042" s="2"/>
    </row>
    <row r="24043" spans="1:3" ht="19.2">
      <c r="A24043" s="2"/>
      <c r="B24043" s="2"/>
      <c r="C24043" s="2"/>
    </row>
    <row r="24044" spans="1:3" ht="19.2">
      <c r="A24044" s="2"/>
      <c r="B24044" s="2"/>
      <c r="C24044" s="2"/>
    </row>
    <row r="24045" spans="1:3" ht="19.2">
      <c r="A24045" s="2"/>
      <c r="B24045" s="2"/>
      <c r="C24045" s="2"/>
    </row>
    <row r="24046" spans="1:3" ht="19.2">
      <c r="A24046" s="2"/>
      <c r="B24046" s="2"/>
      <c r="C24046" s="2"/>
    </row>
    <row r="24047" spans="1:3" ht="19.2">
      <c r="A24047" s="2"/>
      <c r="B24047" s="2"/>
      <c r="C24047" s="2"/>
    </row>
    <row r="24048" spans="1:3" ht="19.2">
      <c r="A24048" s="2"/>
      <c r="B24048" s="2"/>
      <c r="C24048" s="2"/>
    </row>
    <row r="24049" spans="1:3" ht="19.2">
      <c r="A24049" s="2"/>
      <c r="B24049" s="2"/>
      <c r="C24049" s="2"/>
    </row>
    <row r="24050" spans="1:3" ht="19.2">
      <c r="A24050" s="2"/>
      <c r="B24050" s="2"/>
      <c r="C24050" s="2"/>
    </row>
    <row r="24051" spans="1:3" ht="19.2">
      <c r="A24051" s="2"/>
      <c r="B24051" s="2"/>
      <c r="C24051" s="2"/>
    </row>
    <row r="24052" spans="1:3" ht="19.2">
      <c r="A24052" s="2"/>
      <c r="B24052" s="2"/>
      <c r="C24052" s="2"/>
    </row>
    <row r="24053" spans="1:3" ht="19.2">
      <c r="A24053" s="2"/>
      <c r="B24053" s="2"/>
      <c r="C24053" s="2"/>
    </row>
    <row r="24054" spans="1:3" ht="19.2">
      <c r="A24054" s="2"/>
      <c r="B24054" s="2"/>
      <c r="C24054" s="2"/>
    </row>
    <row r="24055" spans="1:3" ht="19.2">
      <c r="A24055" s="2"/>
      <c r="B24055" s="2"/>
      <c r="C24055" s="2"/>
    </row>
    <row r="24056" spans="1:3" ht="19.2">
      <c r="A24056" s="2"/>
      <c r="B24056" s="2"/>
      <c r="C24056" s="2"/>
    </row>
    <row r="24057" spans="1:3" ht="19.2">
      <c r="A24057" s="2"/>
      <c r="B24057" s="2"/>
      <c r="C24057" s="2"/>
    </row>
    <row r="24058" spans="1:3" ht="19.2">
      <c r="A24058" s="2"/>
      <c r="B24058" s="2"/>
      <c r="C24058" s="2"/>
    </row>
    <row r="24059" spans="1:3" ht="19.2">
      <c r="A24059" s="2"/>
      <c r="B24059" s="2"/>
      <c r="C24059" s="2"/>
    </row>
    <row r="24060" spans="1:3" ht="19.2">
      <c r="A24060" s="2"/>
      <c r="B24060" s="2"/>
      <c r="C24060" s="2"/>
    </row>
    <row r="24061" spans="1:3" ht="19.2">
      <c r="A24061" s="2"/>
      <c r="B24061" s="2"/>
      <c r="C24061" s="2"/>
    </row>
    <row r="24062" spans="1:3" ht="19.2">
      <c r="A24062" s="2"/>
      <c r="B24062" s="2"/>
      <c r="C24062" s="2"/>
    </row>
    <row r="24063" spans="1:3" ht="19.2">
      <c r="A24063" s="2"/>
      <c r="B24063" s="2"/>
      <c r="C24063" s="2"/>
    </row>
    <row r="24064" spans="1:3" ht="19.2">
      <c r="A24064" s="2"/>
      <c r="B24064" s="2"/>
      <c r="C24064" s="2"/>
    </row>
    <row r="24065" spans="1:3" ht="19.2">
      <c r="A24065" s="2"/>
      <c r="B24065" s="2"/>
      <c r="C24065" s="2"/>
    </row>
    <row r="24066" spans="1:3" ht="19.2">
      <c r="A24066" s="2"/>
      <c r="B24066" s="2"/>
      <c r="C24066" s="2"/>
    </row>
    <row r="24067" spans="1:3" ht="19.2">
      <c r="A24067" s="2"/>
      <c r="B24067" s="2"/>
      <c r="C24067" s="2"/>
    </row>
    <row r="24068" spans="1:3" ht="19.2">
      <c r="A24068" s="2"/>
      <c r="B24068" s="2"/>
      <c r="C24068" s="2"/>
    </row>
    <row r="24069" spans="1:3" ht="19.2">
      <c r="A24069" s="2"/>
      <c r="B24069" s="2"/>
      <c r="C24069" s="2"/>
    </row>
    <row r="24070" spans="1:3" ht="19.2">
      <c r="A24070" s="2"/>
      <c r="B24070" s="2"/>
      <c r="C24070" s="2"/>
    </row>
    <row r="24071" spans="1:3" ht="19.2">
      <c r="A24071" s="2"/>
      <c r="B24071" s="2"/>
      <c r="C24071" s="2"/>
    </row>
    <row r="24072" spans="1:3" ht="19.2">
      <c r="A24072" s="2"/>
      <c r="B24072" s="2"/>
      <c r="C24072" s="2"/>
    </row>
    <row r="24073" spans="1:3" ht="19.2">
      <c r="A24073" s="2"/>
      <c r="B24073" s="2"/>
      <c r="C24073" s="2"/>
    </row>
    <row r="24074" spans="1:3" ht="19.2">
      <c r="A24074" s="2"/>
      <c r="B24074" s="2"/>
      <c r="C24074" s="2"/>
    </row>
    <row r="24075" spans="1:3" ht="19.2">
      <c r="A24075" s="2"/>
      <c r="B24075" s="2"/>
      <c r="C24075" s="2"/>
    </row>
    <row r="24076" spans="1:3" ht="19.2">
      <c r="A24076" s="2"/>
      <c r="B24076" s="2"/>
      <c r="C24076" s="2"/>
    </row>
    <row r="24077" spans="1:3" ht="19.2">
      <c r="A24077" s="2"/>
      <c r="B24077" s="2"/>
      <c r="C24077" s="2"/>
    </row>
    <row r="24078" spans="1:3" ht="19.2">
      <c r="A24078" s="2"/>
      <c r="B24078" s="2"/>
      <c r="C24078" s="2"/>
    </row>
    <row r="24079" spans="1:3" ht="19.2">
      <c r="A24079" s="2"/>
      <c r="B24079" s="2"/>
      <c r="C24079" s="2"/>
    </row>
    <row r="24080" spans="1:3" ht="19.2">
      <c r="A24080" s="2"/>
      <c r="B24080" s="2"/>
      <c r="C24080" s="2"/>
    </row>
    <row r="24081" spans="1:3" ht="19.2">
      <c r="A24081" s="2"/>
      <c r="B24081" s="2"/>
      <c r="C24081" s="2"/>
    </row>
    <row r="24082" spans="1:3" ht="19.2">
      <c r="A24082" s="2"/>
      <c r="B24082" s="2"/>
      <c r="C24082" s="2"/>
    </row>
    <row r="24083" spans="1:3" ht="19.2">
      <c r="A24083" s="2"/>
      <c r="B24083" s="2"/>
      <c r="C24083" s="2"/>
    </row>
    <row r="24084" spans="1:3" ht="19.2">
      <c r="A24084" s="2"/>
      <c r="B24084" s="2"/>
      <c r="C24084" s="2"/>
    </row>
    <row r="24085" spans="1:3" ht="19.2">
      <c r="A24085" s="2"/>
      <c r="B24085" s="2"/>
      <c r="C24085" s="2"/>
    </row>
    <row r="24086" spans="1:3" ht="19.2">
      <c r="A24086" s="2"/>
      <c r="B24086" s="2"/>
      <c r="C24086" s="2"/>
    </row>
    <row r="24087" spans="1:3" ht="19.2">
      <c r="A24087" s="2"/>
      <c r="B24087" s="2"/>
      <c r="C24087" s="2"/>
    </row>
    <row r="24088" spans="1:3" ht="19.2">
      <c r="A24088" s="2"/>
      <c r="B24088" s="2"/>
      <c r="C24088" s="2"/>
    </row>
    <row r="24089" spans="1:3" ht="19.2">
      <c r="A24089" s="2"/>
      <c r="B24089" s="2"/>
      <c r="C24089" s="2"/>
    </row>
    <row r="24090" spans="1:3" ht="19.2">
      <c r="A24090" s="2"/>
      <c r="B24090" s="2"/>
      <c r="C24090" s="2"/>
    </row>
    <row r="24091" spans="1:3" ht="19.2">
      <c r="A24091" s="2"/>
      <c r="B24091" s="2"/>
      <c r="C24091" s="2"/>
    </row>
    <row r="24092" spans="1:3" ht="19.2">
      <c r="A24092" s="2"/>
      <c r="B24092" s="2"/>
      <c r="C24092" s="2"/>
    </row>
    <row r="24093" spans="1:3" ht="19.2">
      <c r="A24093" s="2"/>
      <c r="B24093" s="2"/>
      <c r="C24093" s="2"/>
    </row>
    <row r="24094" spans="1:3" ht="19.2">
      <c r="A24094" s="2"/>
      <c r="B24094" s="2"/>
      <c r="C24094" s="2"/>
    </row>
    <row r="24095" spans="1:3" ht="19.2">
      <c r="A24095" s="2"/>
      <c r="B24095" s="2"/>
      <c r="C24095" s="2"/>
    </row>
    <row r="24096" spans="1:3" ht="19.2">
      <c r="A24096" s="2"/>
      <c r="B24096" s="2"/>
      <c r="C24096" s="2"/>
    </row>
    <row r="24097" spans="1:3" ht="19.2">
      <c r="A24097" s="2"/>
      <c r="B24097" s="2"/>
      <c r="C24097" s="2"/>
    </row>
    <row r="24098" spans="1:3" ht="19.2">
      <c r="A24098" s="2"/>
      <c r="B24098" s="2"/>
      <c r="C24098" s="2"/>
    </row>
    <row r="24099" spans="1:3" ht="19.2">
      <c r="A24099" s="2"/>
      <c r="B24099" s="2"/>
      <c r="C24099" s="2"/>
    </row>
    <row r="24100" spans="1:3" ht="19.2">
      <c r="A24100" s="2"/>
      <c r="B24100" s="2"/>
      <c r="C24100" s="2"/>
    </row>
    <row r="24101" spans="1:3" ht="19.2">
      <c r="A24101" s="2"/>
      <c r="B24101" s="2"/>
      <c r="C24101" s="2"/>
    </row>
    <row r="24102" spans="1:3" ht="19.2">
      <c r="A24102" s="2"/>
      <c r="B24102" s="2"/>
      <c r="C24102" s="2"/>
    </row>
    <row r="24103" spans="1:3" ht="19.2">
      <c r="A24103" s="2"/>
      <c r="B24103" s="2"/>
      <c r="C24103" s="2"/>
    </row>
    <row r="24104" spans="1:3" ht="19.2">
      <c r="A24104" s="2"/>
      <c r="B24104" s="2"/>
      <c r="C24104" s="2"/>
    </row>
    <row r="24105" spans="1:3" ht="19.2">
      <c r="A24105" s="2"/>
      <c r="B24105" s="2"/>
      <c r="C24105" s="2"/>
    </row>
    <row r="24106" spans="1:3" ht="19.2">
      <c r="A24106" s="2"/>
      <c r="B24106" s="2"/>
      <c r="C24106" s="2"/>
    </row>
    <row r="24107" spans="1:3" ht="19.2">
      <c r="A24107" s="2"/>
      <c r="B24107" s="2"/>
      <c r="C24107" s="2"/>
    </row>
    <row r="24108" spans="1:3" ht="19.2">
      <c r="A24108" s="2"/>
      <c r="B24108" s="2"/>
      <c r="C24108" s="2"/>
    </row>
    <row r="24109" spans="1:3" ht="19.2">
      <c r="A24109" s="2"/>
      <c r="B24109" s="2"/>
      <c r="C24109" s="2"/>
    </row>
    <row r="24110" spans="1:3" ht="19.2">
      <c r="A24110" s="2"/>
      <c r="B24110" s="2"/>
      <c r="C24110" s="2"/>
    </row>
    <row r="24111" spans="1:3" ht="19.2">
      <c r="A24111" s="2"/>
      <c r="B24111" s="2"/>
      <c r="C24111" s="2"/>
    </row>
    <row r="24112" spans="1:3" ht="19.2">
      <c r="A24112" s="2"/>
      <c r="B24112" s="2"/>
      <c r="C24112" s="2"/>
    </row>
    <row r="24113" spans="1:3" ht="19.2">
      <c r="A24113" s="2"/>
      <c r="B24113" s="2"/>
      <c r="C24113" s="2"/>
    </row>
    <row r="24114" spans="1:3" ht="19.2">
      <c r="A24114" s="2"/>
      <c r="B24114" s="2"/>
      <c r="C24114" s="2"/>
    </row>
    <row r="24115" spans="1:3" ht="19.2">
      <c r="A24115" s="2"/>
      <c r="B24115" s="2"/>
      <c r="C24115" s="2"/>
    </row>
    <row r="24116" spans="1:3" ht="19.2">
      <c r="A24116" s="2"/>
      <c r="B24116" s="2"/>
      <c r="C24116" s="2"/>
    </row>
    <row r="24117" spans="1:3" ht="19.2">
      <c r="A24117" s="2"/>
      <c r="B24117" s="2"/>
      <c r="C24117" s="2"/>
    </row>
    <row r="24118" spans="1:3" ht="19.2">
      <c r="A24118" s="2"/>
      <c r="B24118" s="2"/>
      <c r="C24118" s="2"/>
    </row>
    <row r="24119" spans="1:3" ht="19.2">
      <c r="A24119" s="2"/>
      <c r="B24119" s="2"/>
      <c r="C24119" s="2"/>
    </row>
    <row r="24120" spans="1:3" ht="19.2">
      <c r="A24120" s="2"/>
      <c r="B24120" s="2"/>
      <c r="C24120" s="2"/>
    </row>
    <row r="24121" spans="1:3" ht="19.2">
      <c r="A24121" s="2"/>
      <c r="B24121" s="2"/>
      <c r="C24121" s="2"/>
    </row>
    <row r="24122" spans="1:3" ht="19.2">
      <c r="A24122" s="2"/>
      <c r="B24122" s="2"/>
      <c r="C24122" s="2"/>
    </row>
    <row r="24123" spans="1:3" ht="19.2">
      <c r="A24123" s="2"/>
      <c r="B24123" s="2"/>
      <c r="C24123" s="2"/>
    </row>
    <row r="24124" spans="1:3" ht="19.2">
      <c r="A24124" s="2"/>
      <c r="B24124" s="2"/>
      <c r="C24124" s="2"/>
    </row>
    <row r="24125" spans="1:3" ht="19.2">
      <c r="A24125" s="2"/>
      <c r="B24125" s="2"/>
      <c r="C24125" s="2"/>
    </row>
    <row r="24126" spans="1:3" ht="19.2">
      <c r="A24126" s="2"/>
      <c r="B24126" s="2"/>
      <c r="C24126" s="2"/>
    </row>
    <row r="24127" spans="1:3" ht="19.2">
      <c r="A24127" s="2"/>
      <c r="B24127" s="2"/>
      <c r="C24127" s="2"/>
    </row>
    <row r="24128" spans="1:3" ht="19.2">
      <c r="A24128" s="2"/>
      <c r="B24128" s="2"/>
      <c r="C24128" s="2"/>
    </row>
    <row r="24129" spans="1:3" ht="19.2">
      <c r="A24129" s="2"/>
      <c r="B24129" s="2"/>
      <c r="C24129" s="2"/>
    </row>
    <row r="24130" spans="1:3" ht="19.2">
      <c r="A24130" s="2"/>
      <c r="B24130" s="2"/>
      <c r="C24130" s="2"/>
    </row>
    <row r="24131" spans="1:3" ht="19.2">
      <c r="A24131" s="2"/>
      <c r="B24131" s="2"/>
      <c r="C24131" s="2"/>
    </row>
    <row r="24132" spans="1:3" ht="19.2">
      <c r="A24132" s="2"/>
      <c r="B24132" s="2"/>
      <c r="C24132" s="2"/>
    </row>
    <row r="24133" spans="1:3" ht="19.2">
      <c r="A24133" s="2"/>
      <c r="B24133" s="2"/>
      <c r="C24133" s="2"/>
    </row>
    <row r="24134" spans="1:3" ht="19.2">
      <c r="A24134" s="2"/>
      <c r="B24134" s="2"/>
      <c r="C24134" s="2"/>
    </row>
    <row r="24135" spans="1:3" ht="19.2">
      <c r="A24135" s="2"/>
      <c r="B24135" s="2"/>
      <c r="C24135" s="2"/>
    </row>
    <row r="24136" spans="1:3" ht="19.2">
      <c r="A24136" s="2"/>
      <c r="B24136" s="2"/>
      <c r="C24136" s="2"/>
    </row>
    <row r="24137" spans="1:3" ht="19.2">
      <c r="A24137" s="2"/>
      <c r="B24137" s="2"/>
      <c r="C24137" s="2"/>
    </row>
    <row r="24138" spans="1:3" ht="19.2">
      <c r="A24138" s="2"/>
      <c r="B24138" s="2"/>
      <c r="C24138" s="2"/>
    </row>
    <row r="24139" spans="1:3" ht="19.2">
      <c r="A24139" s="2"/>
      <c r="B24139" s="2"/>
      <c r="C24139" s="2"/>
    </row>
    <row r="24140" spans="1:3" ht="19.2">
      <c r="A24140" s="2"/>
      <c r="B24140" s="2"/>
      <c r="C24140" s="2"/>
    </row>
    <row r="24141" spans="1:3" ht="19.2">
      <c r="A24141" s="2"/>
      <c r="B24141" s="2"/>
      <c r="C24141" s="2"/>
    </row>
    <row r="24142" spans="1:3" ht="19.2">
      <c r="A24142" s="2"/>
      <c r="B24142" s="2"/>
      <c r="C24142" s="2"/>
    </row>
    <row r="24143" spans="1:3" ht="19.2">
      <c r="A24143" s="2"/>
      <c r="B24143" s="2"/>
      <c r="C24143" s="2"/>
    </row>
    <row r="24144" spans="1:3" ht="19.2">
      <c r="A24144" s="2"/>
      <c r="B24144" s="2"/>
      <c r="C24144" s="2"/>
    </row>
    <row r="24145" spans="1:3" ht="19.2">
      <c r="A24145" s="2"/>
      <c r="B24145" s="2"/>
      <c r="C24145" s="2"/>
    </row>
    <row r="24146" spans="1:3" ht="19.2">
      <c r="A24146" s="2"/>
      <c r="B24146" s="2"/>
      <c r="C24146" s="2"/>
    </row>
    <row r="24147" spans="1:3" ht="19.2">
      <c r="A24147" s="2"/>
      <c r="B24147" s="2"/>
      <c r="C24147" s="2"/>
    </row>
    <row r="24148" spans="1:3" ht="19.2">
      <c r="A24148" s="2"/>
      <c r="B24148" s="2"/>
      <c r="C24148" s="2"/>
    </row>
    <row r="24149" spans="1:3" ht="19.2">
      <c r="A24149" s="2"/>
      <c r="B24149" s="2"/>
      <c r="C24149" s="2"/>
    </row>
    <row r="24150" spans="1:3" ht="19.2">
      <c r="A24150" s="2"/>
      <c r="B24150" s="2"/>
      <c r="C24150" s="2"/>
    </row>
    <row r="24151" spans="1:3" ht="19.2">
      <c r="A24151" s="2"/>
      <c r="B24151" s="2"/>
      <c r="C24151" s="2"/>
    </row>
    <row r="24152" spans="1:3" ht="19.2">
      <c r="A24152" s="2"/>
      <c r="B24152" s="2"/>
      <c r="C24152" s="2"/>
    </row>
    <row r="24153" spans="1:3" ht="19.2">
      <c r="A24153" s="2"/>
      <c r="B24153" s="2"/>
      <c r="C24153" s="2"/>
    </row>
    <row r="24154" spans="1:3" ht="19.2">
      <c r="A24154" s="2"/>
      <c r="B24154" s="2"/>
      <c r="C24154" s="2"/>
    </row>
    <row r="24155" spans="1:3" ht="19.2">
      <c r="A24155" s="2"/>
      <c r="B24155" s="2"/>
      <c r="C24155" s="2"/>
    </row>
    <row r="24156" spans="1:3" ht="19.2">
      <c r="A24156" s="2"/>
      <c r="B24156" s="2"/>
      <c r="C24156" s="2"/>
    </row>
    <row r="24157" spans="1:3" ht="19.2">
      <c r="A24157" s="2"/>
      <c r="B24157" s="2"/>
      <c r="C24157" s="2"/>
    </row>
    <row r="24158" spans="1:3" ht="19.2">
      <c r="A24158" s="2"/>
      <c r="B24158" s="2"/>
      <c r="C24158" s="2"/>
    </row>
    <row r="24159" spans="1:3" ht="19.2">
      <c r="A24159" s="2"/>
      <c r="B24159" s="2"/>
      <c r="C24159" s="2"/>
    </row>
    <row r="24160" spans="1:3" ht="19.2">
      <c r="A24160" s="2"/>
      <c r="B24160" s="2"/>
      <c r="C24160" s="2"/>
    </row>
    <row r="24161" spans="1:3" ht="19.2">
      <c r="A24161" s="2"/>
      <c r="B24161" s="2"/>
      <c r="C24161" s="2"/>
    </row>
    <row r="24162" spans="1:3" ht="19.2">
      <c r="A24162" s="2"/>
      <c r="B24162" s="2"/>
      <c r="C24162" s="2"/>
    </row>
    <row r="24163" spans="1:3" ht="19.2">
      <c r="A24163" s="2"/>
      <c r="B24163" s="2"/>
      <c r="C24163" s="2"/>
    </row>
    <row r="24164" spans="1:3" ht="19.2">
      <c r="A24164" s="2"/>
      <c r="B24164" s="2"/>
      <c r="C24164" s="2"/>
    </row>
    <row r="24165" spans="1:3" ht="19.2">
      <c r="A24165" s="2"/>
      <c r="B24165" s="2"/>
      <c r="C24165" s="2"/>
    </row>
    <row r="24166" spans="1:3" ht="19.2">
      <c r="A24166" s="2"/>
      <c r="B24166" s="2"/>
      <c r="C24166" s="2"/>
    </row>
    <row r="24167" spans="1:3" ht="19.2">
      <c r="A24167" s="2"/>
      <c r="B24167" s="2"/>
      <c r="C24167" s="2"/>
    </row>
    <row r="24168" spans="1:3" ht="19.2">
      <c r="A24168" s="2"/>
      <c r="B24168" s="2"/>
      <c r="C24168" s="2"/>
    </row>
    <row r="24169" spans="1:3" ht="19.2">
      <c r="A24169" s="2"/>
      <c r="B24169" s="2"/>
      <c r="C24169" s="2"/>
    </row>
    <row r="24170" spans="1:3" ht="19.2">
      <c r="A24170" s="2"/>
      <c r="B24170" s="2"/>
      <c r="C24170" s="2"/>
    </row>
    <row r="24171" spans="1:3" ht="19.2">
      <c r="A24171" s="2"/>
      <c r="B24171" s="2"/>
      <c r="C24171" s="2"/>
    </row>
    <row r="24172" spans="1:3" ht="19.2">
      <c r="A24172" s="2"/>
      <c r="B24172" s="2"/>
      <c r="C24172" s="2"/>
    </row>
    <row r="24173" spans="1:3" ht="19.2">
      <c r="A24173" s="2"/>
      <c r="B24173" s="2"/>
      <c r="C24173" s="2"/>
    </row>
    <row r="24174" spans="1:3" ht="19.2">
      <c r="A24174" s="2"/>
      <c r="B24174" s="2"/>
      <c r="C24174" s="2"/>
    </row>
    <row r="24175" spans="1:3" ht="19.2">
      <c r="A24175" s="2"/>
      <c r="B24175" s="2"/>
      <c r="C24175" s="2"/>
    </row>
    <row r="24176" spans="1:3" ht="19.2">
      <c r="A24176" s="2"/>
      <c r="B24176" s="2"/>
      <c r="C24176" s="2"/>
    </row>
    <row r="24177" spans="1:3" ht="19.2">
      <c r="A24177" s="2"/>
      <c r="B24177" s="2"/>
      <c r="C24177" s="2"/>
    </row>
    <row r="24178" spans="1:3" ht="19.2">
      <c r="A24178" s="2"/>
      <c r="B24178" s="2"/>
      <c r="C24178" s="2"/>
    </row>
    <row r="24179" spans="1:3" ht="19.2">
      <c r="A24179" s="2"/>
      <c r="B24179" s="2"/>
      <c r="C24179" s="2"/>
    </row>
    <row r="24180" spans="1:3" ht="19.2">
      <c r="A24180" s="2"/>
      <c r="B24180" s="2"/>
      <c r="C24180" s="2"/>
    </row>
    <row r="24181" spans="1:3" ht="19.2">
      <c r="A24181" s="2"/>
      <c r="B24181" s="2"/>
      <c r="C24181" s="2"/>
    </row>
    <row r="24182" spans="1:3" ht="19.2">
      <c r="A24182" s="2"/>
      <c r="B24182" s="2"/>
      <c r="C24182" s="2"/>
    </row>
    <row r="24183" spans="1:3" ht="19.2">
      <c r="A24183" s="2"/>
      <c r="B24183" s="2"/>
      <c r="C24183" s="2"/>
    </row>
    <row r="24184" spans="1:3" ht="19.2">
      <c r="A24184" s="2"/>
      <c r="B24184" s="2"/>
      <c r="C24184" s="2"/>
    </row>
    <row r="24185" spans="1:3" ht="19.2">
      <c r="A24185" s="2"/>
      <c r="B24185" s="2"/>
      <c r="C24185" s="2"/>
    </row>
    <row r="24186" spans="1:3" ht="19.2">
      <c r="A24186" s="2"/>
      <c r="B24186" s="2"/>
      <c r="C24186" s="2"/>
    </row>
    <row r="24187" spans="1:3" ht="19.2">
      <c r="A24187" s="2"/>
      <c r="B24187" s="2"/>
      <c r="C24187" s="2"/>
    </row>
    <row r="24188" spans="1:3" ht="19.2">
      <c r="A24188" s="2"/>
      <c r="B24188" s="2"/>
      <c r="C24188" s="2"/>
    </row>
    <row r="24189" spans="1:3" ht="19.2">
      <c r="A24189" s="2"/>
      <c r="B24189" s="2"/>
      <c r="C24189" s="2"/>
    </row>
    <row r="24190" spans="1:3" ht="19.2">
      <c r="A24190" s="2"/>
      <c r="B24190" s="2"/>
      <c r="C24190" s="2"/>
    </row>
    <row r="24191" spans="1:3" ht="19.2">
      <c r="A24191" s="2"/>
      <c r="B24191" s="2"/>
      <c r="C24191" s="2"/>
    </row>
    <row r="24192" spans="1:3" ht="19.2">
      <c r="A24192" s="2"/>
      <c r="B24192" s="2"/>
      <c r="C24192" s="2"/>
    </row>
    <row r="24193" spans="1:3" ht="19.2">
      <c r="A24193" s="2"/>
      <c r="B24193" s="2"/>
      <c r="C24193" s="2"/>
    </row>
    <row r="24194" spans="1:3" ht="19.2">
      <c r="A24194" s="2"/>
      <c r="B24194" s="2"/>
      <c r="C24194" s="2"/>
    </row>
    <row r="24195" spans="1:3" ht="19.2">
      <c r="A24195" s="2"/>
      <c r="B24195" s="2"/>
      <c r="C24195" s="2"/>
    </row>
    <row r="24196" spans="1:3" ht="19.2">
      <c r="A24196" s="2"/>
      <c r="B24196" s="2"/>
      <c r="C24196" s="2"/>
    </row>
    <row r="24197" spans="1:3" ht="19.2">
      <c r="A24197" s="2"/>
      <c r="B24197" s="2"/>
      <c r="C24197" s="2"/>
    </row>
    <row r="24198" spans="1:3" ht="19.2">
      <c r="A24198" s="2"/>
      <c r="B24198" s="2"/>
      <c r="C24198" s="2"/>
    </row>
    <row r="24199" spans="1:3" ht="19.2">
      <c r="A24199" s="2"/>
      <c r="B24199" s="2"/>
      <c r="C24199" s="2"/>
    </row>
    <row r="24200" spans="1:3" ht="19.2">
      <c r="A24200" s="2"/>
      <c r="B24200" s="2"/>
      <c r="C24200" s="2"/>
    </row>
    <row r="24201" spans="1:3" ht="19.2">
      <c r="A24201" s="2"/>
      <c r="B24201" s="2"/>
      <c r="C24201" s="2"/>
    </row>
    <row r="24202" spans="1:3" ht="19.2">
      <c r="A24202" s="2"/>
      <c r="B24202" s="2"/>
      <c r="C24202" s="2"/>
    </row>
    <row r="24203" spans="1:3" ht="19.2">
      <c r="A24203" s="2"/>
      <c r="B24203" s="2"/>
      <c r="C24203" s="2"/>
    </row>
    <row r="24204" spans="1:3" ht="19.2">
      <c r="A24204" s="2"/>
      <c r="B24204" s="2"/>
      <c r="C24204" s="2"/>
    </row>
    <row r="24205" spans="1:3" ht="19.2">
      <c r="A24205" s="2"/>
      <c r="B24205" s="2"/>
      <c r="C24205" s="2"/>
    </row>
    <row r="24206" spans="1:3" ht="19.2">
      <c r="A24206" s="2"/>
      <c r="B24206" s="2"/>
      <c r="C24206" s="2"/>
    </row>
    <row r="24207" spans="1:3" ht="19.2">
      <c r="A24207" s="2"/>
      <c r="B24207" s="2"/>
      <c r="C24207" s="2"/>
    </row>
    <row r="24208" spans="1:3" ht="19.2">
      <c r="A24208" s="2"/>
      <c r="B24208" s="2"/>
      <c r="C24208" s="2"/>
    </row>
    <row r="24209" spans="1:3" ht="19.2">
      <c r="A24209" s="2"/>
      <c r="B24209" s="2"/>
      <c r="C24209" s="2"/>
    </row>
    <row r="24210" spans="1:3" ht="19.2">
      <c r="A24210" s="2"/>
      <c r="B24210" s="2"/>
      <c r="C24210" s="2"/>
    </row>
    <row r="24211" spans="1:3" ht="19.2">
      <c r="A24211" s="2"/>
      <c r="B24211" s="2"/>
      <c r="C24211" s="2"/>
    </row>
    <row r="24212" spans="1:3" ht="19.2">
      <c r="A24212" s="2"/>
      <c r="B24212" s="2"/>
      <c r="C24212" s="2"/>
    </row>
    <row r="24213" spans="1:3" ht="19.2">
      <c r="A24213" s="2"/>
      <c r="B24213" s="2"/>
      <c r="C24213" s="2"/>
    </row>
    <row r="24214" spans="1:3" ht="19.2">
      <c r="A24214" s="2"/>
      <c r="B24214" s="2"/>
      <c r="C24214" s="2"/>
    </row>
    <row r="24215" spans="1:3" ht="19.2">
      <c r="A24215" s="2"/>
      <c r="B24215" s="2"/>
      <c r="C24215" s="2"/>
    </row>
    <row r="24216" spans="1:3" ht="19.2">
      <c r="A24216" s="2"/>
      <c r="B24216" s="2"/>
      <c r="C24216" s="2"/>
    </row>
    <row r="24217" spans="1:3" ht="19.2">
      <c r="A24217" s="2"/>
      <c r="B24217" s="2"/>
      <c r="C24217" s="2"/>
    </row>
    <row r="24218" spans="1:3" ht="19.2">
      <c r="A24218" s="2"/>
      <c r="B24218" s="2"/>
      <c r="C24218" s="2"/>
    </row>
    <row r="24219" spans="1:3" ht="19.2">
      <c r="A24219" s="2"/>
      <c r="B24219" s="2"/>
      <c r="C24219" s="2"/>
    </row>
    <row r="24220" spans="1:3" ht="19.2">
      <c r="A24220" s="2"/>
      <c r="B24220" s="2"/>
      <c r="C24220" s="2"/>
    </row>
    <row r="24221" spans="1:3" ht="19.2">
      <c r="A24221" s="2"/>
      <c r="B24221" s="2"/>
      <c r="C24221" s="2"/>
    </row>
    <row r="24222" spans="1:3" ht="19.2">
      <c r="A24222" s="2"/>
      <c r="B24222" s="2"/>
      <c r="C24222" s="2"/>
    </row>
    <row r="24223" spans="1:3" ht="19.2">
      <c r="A24223" s="2"/>
      <c r="B24223" s="2"/>
      <c r="C24223" s="2"/>
    </row>
    <row r="24224" spans="1:3" ht="19.2">
      <c r="A24224" s="2"/>
      <c r="B24224" s="2"/>
      <c r="C24224" s="2"/>
    </row>
    <row r="24225" spans="1:3" ht="19.2">
      <c r="A24225" s="2"/>
      <c r="B24225" s="2"/>
      <c r="C24225" s="2"/>
    </row>
    <row r="24226" spans="1:3" ht="19.2">
      <c r="A24226" s="2"/>
      <c r="B24226" s="2"/>
      <c r="C24226" s="2"/>
    </row>
    <row r="24227" spans="1:3" ht="19.2">
      <c r="A24227" s="2"/>
      <c r="B24227" s="2"/>
      <c r="C24227" s="2"/>
    </row>
    <row r="24228" spans="1:3" ht="19.2">
      <c r="A24228" s="2"/>
      <c r="B24228" s="2"/>
      <c r="C24228" s="2"/>
    </row>
    <row r="24229" spans="1:3" ht="19.2">
      <c r="A24229" s="2"/>
      <c r="B24229" s="2"/>
      <c r="C24229" s="2"/>
    </row>
    <row r="24230" spans="1:3" ht="19.2">
      <c r="A24230" s="2"/>
      <c r="B24230" s="2"/>
      <c r="C24230" s="2"/>
    </row>
    <row r="24231" spans="1:3" ht="19.2">
      <c r="A24231" s="2"/>
      <c r="B24231" s="2"/>
      <c r="C24231" s="2"/>
    </row>
    <row r="24232" spans="1:3" ht="19.2">
      <c r="A24232" s="2"/>
      <c r="B24232" s="2"/>
      <c r="C24232" s="2"/>
    </row>
    <row r="24233" spans="1:3" ht="19.2">
      <c r="A24233" s="2"/>
      <c r="B24233" s="2"/>
      <c r="C24233" s="2"/>
    </row>
    <row r="24234" spans="1:3" ht="19.2">
      <c r="A24234" s="2"/>
      <c r="B24234" s="2"/>
      <c r="C24234" s="2"/>
    </row>
    <row r="24235" spans="1:3" ht="19.2">
      <c r="A24235" s="2"/>
      <c r="B24235" s="2"/>
      <c r="C24235" s="2"/>
    </row>
    <row r="24236" spans="1:3" ht="19.2">
      <c r="A24236" s="2"/>
      <c r="B24236" s="2"/>
      <c r="C24236" s="2"/>
    </row>
    <row r="24237" spans="1:3" ht="19.2">
      <c r="A24237" s="2"/>
      <c r="B24237" s="2"/>
      <c r="C24237" s="2"/>
    </row>
    <row r="24238" spans="1:3" ht="19.2">
      <c r="A24238" s="2"/>
      <c r="B24238" s="2"/>
      <c r="C24238" s="2"/>
    </row>
    <row r="24239" spans="1:3" ht="19.2">
      <c r="A24239" s="2"/>
      <c r="B24239" s="2"/>
      <c r="C24239" s="2"/>
    </row>
    <row r="24240" spans="1:3" ht="19.2">
      <c r="A24240" s="2"/>
      <c r="B24240" s="2"/>
      <c r="C24240" s="2"/>
    </row>
    <row r="24241" spans="1:3" ht="19.2">
      <c r="A24241" s="2"/>
      <c r="B24241" s="2"/>
      <c r="C24241" s="2"/>
    </row>
    <row r="24242" spans="1:3" ht="19.2">
      <c r="A24242" s="2"/>
      <c r="B24242" s="2"/>
      <c r="C24242" s="2"/>
    </row>
    <row r="24243" spans="1:3" ht="19.2">
      <c r="A24243" s="2"/>
      <c r="B24243" s="2"/>
      <c r="C24243" s="2"/>
    </row>
    <row r="24244" spans="1:3" ht="19.2">
      <c r="A24244" s="2"/>
      <c r="B24244" s="2"/>
      <c r="C24244" s="2"/>
    </row>
    <row r="24245" spans="1:3" ht="19.2">
      <c r="A24245" s="2"/>
      <c r="B24245" s="2"/>
      <c r="C24245" s="2"/>
    </row>
    <row r="24246" spans="1:3" ht="19.2">
      <c r="A24246" s="2"/>
      <c r="B24246" s="2"/>
      <c r="C24246" s="2"/>
    </row>
    <row r="24247" spans="1:3" ht="19.2">
      <c r="A24247" s="2"/>
      <c r="B24247" s="2"/>
      <c r="C24247" s="2"/>
    </row>
    <row r="24248" spans="1:3" ht="19.2">
      <c r="A24248" s="2"/>
      <c r="B24248" s="2"/>
      <c r="C24248" s="2"/>
    </row>
    <row r="24249" spans="1:3" ht="19.2">
      <c r="A24249" s="2"/>
      <c r="B24249" s="2"/>
      <c r="C24249" s="2"/>
    </row>
    <row r="24250" spans="1:3" ht="19.2">
      <c r="A24250" s="2"/>
      <c r="B24250" s="2"/>
      <c r="C24250" s="2"/>
    </row>
    <row r="24251" spans="1:3" ht="19.2">
      <c r="A24251" s="2"/>
      <c r="B24251" s="2"/>
      <c r="C24251" s="2"/>
    </row>
    <row r="24252" spans="1:3" ht="19.2">
      <c r="A24252" s="2"/>
      <c r="B24252" s="2"/>
      <c r="C24252" s="2"/>
    </row>
    <row r="24253" spans="1:3" ht="19.2">
      <c r="A24253" s="2"/>
      <c r="B24253" s="2"/>
      <c r="C24253" s="2"/>
    </row>
    <row r="24254" spans="1:3" ht="19.2">
      <c r="A24254" s="2"/>
      <c r="B24254" s="2"/>
      <c r="C24254" s="2"/>
    </row>
    <row r="24255" spans="1:3" ht="19.2">
      <c r="A24255" s="2"/>
      <c r="B24255" s="2"/>
      <c r="C24255" s="2"/>
    </row>
    <row r="24256" spans="1:3" ht="19.2">
      <c r="A24256" s="2"/>
      <c r="B24256" s="2"/>
      <c r="C24256" s="2"/>
    </row>
    <row r="24257" spans="1:3" ht="19.2">
      <c r="A24257" s="2"/>
      <c r="B24257" s="2"/>
      <c r="C24257" s="2"/>
    </row>
    <row r="24258" spans="1:3" ht="19.2">
      <c r="A24258" s="2"/>
      <c r="B24258" s="2"/>
      <c r="C24258" s="2"/>
    </row>
    <row r="24259" spans="1:3" ht="19.2">
      <c r="A24259" s="2"/>
      <c r="B24259" s="2"/>
      <c r="C24259" s="2"/>
    </row>
    <row r="24260" spans="1:3" ht="19.2">
      <c r="A24260" s="2"/>
      <c r="B24260" s="2"/>
      <c r="C24260" s="2"/>
    </row>
    <row r="24261" spans="1:3" ht="19.2">
      <c r="A24261" s="2"/>
      <c r="B24261" s="2"/>
      <c r="C24261" s="2"/>
    </row>
    <row r="24262" spans="1:3" ht="19.2">
      <c r="A24262" s="2"/>
      <c r="B24262" s="2"/>
      <c r="C24262" s="2"/>
    </row>
    <row r="24263" spans="1:3" ht="19.2">
      <c r="A24263" s="2"/>
      <c r="B24263" s="2"/>
      <c r="C24263" s="2"/>
    </row>
    <row r="24264" spans="1:3" ht="19.2">
      <c r="A24264" s="2"/>
      <c r="B24264" s="2"/>
      <c r="C24264" s="2"/>
    </row>
    <row r="24265" spans="1:3" ht="19.2">
      <c r="A24265" s="2"/>
      <c r="B24265" s="2"/>
      <c r="C24265" s="2"/>
    </row>
    <row r="24266" spans="1:3" ht="19.2">
      <c r="A24266" s="2"/>
      <c r="B24266" s="2"/>
      <c r="C24266" s="2"/>
    </row>
    <row r="24267" spans="1:3" ht="19.2">
      <c r="A24267" s="2"/>
      <c r="B24267" s="2"/>
      <c r="C24267" s="2"/>
    </row>
    <row r="24268" spans="1:3" ht="19.2">
      <c r="A24268" s="2"/>
      <c r="B24268" s="2"/>
      <c r="C24268" s="2"/>
    </row>
    <row r="24269" spans="1:3" ht="19.2">
      <c r="A24269" s="2"/>
      <c r="B24269" s="2"/>
      <c r="C24269" s="2"/>
    </row>
    <row r="24270" spans="1:3" ht="19.2">
      <c r="A24270" s="2"/>
      <c r="B24270" s="2"/>
      <c r="C24270" s="2"/>
    </row>
    <row r="24271" spans="1:3" ht="19.2">
      <c r="A24271" s="2"/>
      <c r="B24271" s="2"/>
      <c r="C24271" s="2"/>
    </row>
    <row r="24272" spans="1:3" ht="19.2">
      <c r="A24272" s="2"/>
      <c r="B24272" s="2"/>
      <c r="C24272" s="2"/>
    </row>
    <row r="24273" spans="1:3" ht="19.2">
      <c r="A24273" s="2"/>
      <c r="B24273" s="2"/>
      <c r="C24273" s="2"/>
    </row>
    <row r="24274" spans="1:3" ht="19.2">
      <c r="A24274" s="2"/>
      <c r="B24274" s="2"/>
      <c r="C24274" s="2"/>
    </row>
    <row r="24275" spans="1:3" ht="19.2">
      <c r="A24275" s="2"/>
      <c r="B24275" s="2"/>
      <c r="C24275" s="2"/>
    </row>
    <row r="24276" spans="1:3" ht="19.2">
      <c r="A24276" s="2"/>
      <c r="B24276" s="2"/>
      <c r="C24276" s="2"/>
    </row>
    <row r="24277" spans="1:3" ht="19.2">
      <c r="A24277" s="2"/>
      <c r="B24277" s="2"/>
      <c r="C24277" s="2"/>
    </row>
    <row r="24278" spans="1:3" ht="19.2">
      <c r="A24278" s="2"/>
      <c r="B24278" s="2"/>
      <c r="C24278" s="2"/>
    </row>
    <row r="24279" spans="1:3" ht="19.2">
      <c r="A24279" s="2"/>
      <c r="B24279" s="2"/>
      <c r="C24279" s="2"/>
    </row>
    <row r="24280" spans="1:3" ht="19.2">
      <c r="A24280" s="2"/>
      <c r="B24280" s="2"/>
      <c r="C24280" s="2"/>
    </row>
    <row r="24281" spans="1:3" ht="19.2">
      <c r="A24281" s="2"/>
      <c r="B24281" s="2"/>
      <c r="C24281" s="2"/>
    </row>
    <row r="24282" spans="1:3" ht="19.2">
      <c r="A24282" s="2"/>
      <c r="B24282" s="2"/>
      <c r="C24282" s="2"/>
    </row>
    <row r="24283" spans="1:3" ht="19.2">
      <c r="A24283" s="2"/>
      <c r="B24283" s="2"/>
      <c r="C24283" s="2"/>
    </row>
    <row r="24284" spans="1:3" ht="19.2">
      <c r="A24284" s="2"/>
      <c r="B24284" s="2"/>
      <c r="C24284" s="2"/>
    </row>
    <row r="24285" spans="1:3" ht="19.2">
      <c r="A24285" s="2"/>
      <c r="B24285" s="2"/>
      <c r="C24285" s="2"/>
    </row>
    <row r="24286" spans="1:3" ht="19.2">
      <c r="A24286" s="2"/>
      <c r="B24286" s="2"/>
      <c r="C24286" s="2"/>
    </row>
    <row r="24287" spans="1:3" ht="19.2">
      <c r="A24287" s="2"/>
      <c r="B24287" s="2"/>
      <c r="C24287" s="2"/>
    </row>
    <row r="24288" spans="1:3" ht="19.2">
      <c r="A24288" s="2"/>
      <c r="B24288" s="2"/>
      <c r="C24288" s="2"/>
    </row>
    <row r="24289" spans="1:3" ht="19.2">
      <c r="A24289" s="2"/>
      <c r="B24289" s="2"/>
      <c r="C24289" s="2"/>
    </row>
    <row r="24290" spans="1:3" ht="19.2">
      <c r="A24290" s="2"/>
      <c r="B24290" s="2"/>
      <c r="C24290" s="2"/>
    </row>
    <row r="24291" spans="1:3" ht="19.2">
      <c r="A24291" s="2"/>
      <c r="B24291" s="2"/>
      <c r="C24291" s="2"/>
    </row>
    <row r="24292" spans="1:3" ht="19.2">
      <c r="A24292" s="2"/>
      <c r="B24292" s="2"/>
      <c r="C24292" s="2"/>
    </row>
    <row r="24293" spans="1:3" ht="19.2">
      <c r="A24293" s="2"/>
      <c r="B24293" s="2"/>
      <c r="C24293" s="2"/>
    </row>
    <row r="24294" spans="1:3" ht="19.2">
      <c r="A24294" s="2"/>
      <c r="B24294" s="2"/>
      <c r="C24294" s="2"/>
    </row>
    <row r="24295" spans="1:3" ht="19.2">
      <c r="A24295" s="2"/>
      <c r="B24295" s="2"/>
      <c r="C24295" s="2"/>
    </row>
    <row r="24296" spans="1:3" ht="19.2">
      <c r="A24296" s="2"/>
      <c r="B24296" s="2"/>
      <c r="C24296" s="2"/>
    </row>
    <row r="24297" spans="1:3" ht="19.2">
      <c r="A24297" s="2"/>
      <c r="B24297" s="2"/>
      <c r="C24297" s="2"/>
    </row>
    <row r="24298" spans="1:3" ht="19.2">
      <c r="A24298" s="2"/>
      <c r="B24298" s="2"/>
      <c r="C24298" s="2"/>
    </row>
    <row r="24299" spans="1:3" ht="19.2">
      <c r="A24299" s="2"/>
      <c r="B24299" s="2"/>
      <c r="C24299" s="2"/>
    </row>
    <row r="24300" spans="1:3" ht="19.2">
      <c r="A24300" s="2"/>
      <c r="B24300" s="2"/>
      <c r="C24300" s="2"/>
    </row>
    <row r="24301" spans="1:3" ht="19.2">
      <c r="A24301" s="2"/>
      <c r="B24301" s="2"/>
      <c r="C24301" s="2"/>
    </row>
    <row r="24302" spans="1:3" ht="19.2">
      <c r="A24302" s="2"/>
      <c r="B24302" s="2"/>
      <c r="C24302" s="2"/>
    </row>
    <row r="24303" spans="1:3" ht="19.2">
      <c r="A24303" s="2"/>
      <c r="B24303" s="2"/>
      <c r="C24303" s="2"/>
    </row>
    <row r="24304" spans="1:3" ht="19.2">
      <c r="A24304" s="2"/>
      <c r="B24304" s="2"/>
      <c r="C24304" s="2"/>
    </row>
    <row r="24305" spans="1:3" ht="19.2">
      <c r="A24305" s="2"/>
      <c r="B24305" s="2"/>
      <c r="C24305" s="2"/>
    </row>
    <row r="24306" spans="1:3" ht="19.2">
      <c r="A24306" s="2"/>
      <c r="B24306" s="2"/>
      <c r="C24306" s="2"/>
    </row>
    <row r="24307" spans="1:3" ht="19.2">
      <c r="A24307" s="2"/>
      <c r="B24307" s="2"/>
      <c r="C24307" s="2"/>
    </row>
    <row r="24308" spans="1:3" ht="19.2">
      <c r="A24308" s="2"/>
      <c r="B24308" s="2"/>
      <c r="C24308" s="2"/>
    </row>
    <row r="24309" spans="1:3" ht="19.2">
      <c r="A24309" s="2"/>
      <c r="B24309" s="2"/>
      <c r="C24309" s="2"/>
    </row>
    <row r="24310" spans="1:3" ht="19.2">
      <c r="A24310" s="2"/>
      <c r="B24310" s="2"/>
      <c r="C24310" s="2"/>
    </row>
    <row r="24311" spans="1:3" ht="19.2">
      <c r="A24311" s="2"/>
      <c r="B24311" s="2"/>
      <c r="C24311" s="2"/>
    </row>
    <row r="24312" spans="1:3" ht="19.2">
      <c r="A24312" s="2"/>
      <c r="B24312" s="2"/>
      <c r="C24312" s="2"/>
    </row>
    <row r="24313" spans="1:3" ht="19.2">
      <c r="A24313" s="2"/>
      <c r="B24313" s="2"/>
      <c r="C24313" s="2"/>
    </row>
    <row r="24314" spans="1:3" ht="19.2">
      <c r="A24314" s="2"/>
      <c r="B24314" s="2"/>
      <c r="C24314" s="2"/>
    </row>
    <row r="24315" spans="1:3" ht="19.2">
      <c r="A24315" s="2"/>
      <c r="B24315" s="2"/>
      <c r="C24315" s="2"/>
    </row>
    <row r="24316" spans="1:3" ht="19.2">
      <c r="A24316" s="2"/>
      <c r="B24316" s="2"/>
      <c r="C24316" s="2"/>
    </row>
    <row r="24317" spans="1:3" ht="19.2">
      <c r="A24317" s="2"/>
      <c r="B24317" s="2"/>
      <c r="C24317" s="2"/>
    </row>
    <row r="24318" spans="1:3" ht="19.2">
      <c r="A24318" s="2"/>
      <c r="B24318" s="2"/>
      <c r="C24318" s="2"/>
    </row>
    <row r="24319" spans="1:3" ht="19.2">
      <c r="A24319" s="2"/>
      <c r="B24319" s="2"/>
      <c r="C24319" s="2"/>
    </row>
    <row r="24320" spans="1:3" ht="19.2">
      <c r="A24320" s="2"/>
      <c r="B24320" s="2"/>
      <c r="C24320" s="2"/>
    </row>
    <row r="24321" spans="1:3" ht="19.2">
      <c r="A24321" s="2"/>
      <c r="B24321" s="2"/>
      <c r="C24321" s="2"/>
    </row>
    <row r="24322" spans="1:3" ht="19.2">
      <c r="A24322" s="2"/>
      <c r="B24322" s="2"/>
      <c r="C24322" s="2"/>
    </row>
    <row r="24323" spans="1:3" ht="19.2">
      <c r="A24323" s="2"/>
      <c r="B24323" s="2"/>
      <c r="C24323" s="2"/>
    </row>
    <row r="24324" spans="1:3" ht="19.2">
      <c r="A24324" s="2"/>
      <c r="B24324" s="2"/>
      <c r="C24324" s="2"/>
    </row>
    <row r="24325" spans="1:3" ht="19.2">
      <c r="A24325" s="2"/>
      <c r="B24325" s="2"/>
      <c r="C24325" s="2"/>
    </row>
    <row r="24326" spans="1:3" ht="19.2">
      <c r="A24326" s="2"/>
      <c r="B24326" s="2"/>
      <c r="C24326" s="2"/>
    </row>
    <row r="24327" spans="1:3" ht="19.2">
      <c r="A24327" s="2"/>
      <c r="B24327" s="2"/>
      <c r="C24327" s="2"/>
    </row>
    <row r="24328" spans="1:3" ht="19.2">
      <c r="A24328" s="2"/>
      <c r="B24328" s="2"/>
      <c r="C24328" s="2"/>
    </row>
    <row r="24329" spans="1:3" ht="19.2">
      <c r="A24329" s="2"/>
      <c r="B24329" s="2"/>
      <c r="C24329" s="2"/>
    </row>
    <row r="24330" spans="1:3" ht="19.2">
      <c r="A24330" s="2"/>
      <c r="B24330" s="2"/>
      <c r="C24330" s="2"/>
    </row>
    <row r="24331" spans="1:3" ht="19.2">
      <c r="A24331" s="2"/>
      <c r="B24331" s="2"/>
      <c r="C24331" s="2"/>
    </row>
    <row r="24332" spans="1:3" ht="19.2">
      <c r="A24332" s="2"/>
      <c r="B24332" s="2"/>
      <c r="C24332" s="2"/>
    </row>
    <row r="24333" spans="1:3" ht="19.2">
      <c r="A24333" s="2"/>
      <c r="B24333" s="2"/>
      <c r="C24333" s="2"/>
    </row>
    <row r="24334" spans="1:3" ht="19.2">
      <c r="A24334" s="2"/>
      <c r="B24334" s="2"/>
      <c r="C24334" s="2"/>
    </row>
    <row r="24335" spans="1:3" ht="19.2">
      <c r="A24335" s="2"/>
      <c r="B24335" s="2"/>
      <c r="C24335" s="2"/>
    </row>
    <row r="24336" spans="1:3" ht="19.2">
      <c r="A24336" s="2"/>
      <c r="B24336" s="2"/>
      <c r="C24336" s="2"/>
    </row>
    <row r="24337" spans="1:3" ht="19.2">
      <c r="A24337" s="2"/>
      <c r="B24337" s="2"/>
      <c r="C24337" s="2"/>
    </row>
    <row r="24338" spans="1:3" ht="19.2">
      <c r="A24338" s="2"/>
      <c r="B24338" s="2"/>
      <c r="C24338" s="2"/>
    </row>
    <row r="24339" spans="1:3" ht="19.2">
      <c r="A24339" s="2"/>
      <c r="B24339" s="2"/>
      <c r="C24339" s="2"/>
    </row>
    <row r="24340" spans="1:3" ht="19.2">
      <c r="A24340" s="2"/>
      <c r="B24340" s="2"/>
      <c r="C24340" s="2"/>
    </row>
    <row r="24341" spans="1:3" ht="19.2">
      <c r="A24341" s="2"/>
      <c r="B24341" s="2"/>
      <c r="C24341" s="2"/>
    </row>
    <row r="24342" spans="1:3" ht="19.2">
      <c r="A24342" s="2"/>
      <c r="B24342" s="2"/>
      <c r="C24342" s="2"/>
    </row>
    <row r="24343" spans="1:3" ht="19.2">
      <c r="A24343" s="2"/>
      <c r="B24343" s="2"/>
      <c r="C24343" s="2"/>
    </row>
    <row r="24344" spans="1:3" ht="19.2">
      <c r="A24344" s="2"/>
      <c r="B24344" s="2"/>
      <c r="C24344" s="2"/>
    </row>
    <row r="24345" spans="1:3" ht="19.2">
      <c r="A24345" s="2"/>
      <c r="B24345" s="2"/>
      <c r="C24345" s="2"/>
    </row>
    <row r="24346" spans="1:3" ht="19.2">
      <c r="A24346" s="2"/>
      <c r="B24346" s="2"/>
      <c r="C24346" s="2"/>
    </row>
    <row r="24347" spans="1:3" ht="19.2">
      <c r="A24347" s="2"/>
      <c r="B24347" s="2"/>
      <c r="C24347" s="2"/>
    </row>
    <row r="24348" spans="1:3" ht="19.2">
      <c r="A24348" s="2"/>
      <c r="B24348" s="2"/>
      <c r="C24348" s="2"/>
    </row>
    <row r="24349" spans="1:3" ht="19.2">
      <c r="A24349" s="2"/>
      <c r="B24349" s="2"/>
      <c r="C24349" s="2"/>
    </row>
    <row r="24350" spans="1:3" ht="19.2">
      <c r="A24350" s="2"/>
      <c r="B24350" s="2"/>
      <c r="C24350" s="2"/>
    </row>
    <row r="24351" spans="1:3" ht="19.2">
      <c r="A24351" s="2"/>
      <c r="B24351" s="2"/>
      <c r="C24351" s="2"/>
    </row>
    <row r="24352" spans="1:3" ht="19.2">
      <c r="A24352" s="2"/>
      <c r="B24352" s="2"/>
      <c r="C24352" s="2"/>
    </row>
    <row r="24353" spans="1:3" ht="19.2">
      <c r="A24353" s="2"/>
      <c r="B24353" s="2"/>
      <c r="C24353" s="2"/>
    </row>
    <row r="24354" spans="1:3" ht="19.2">
      <c r="A24354" s="2"/>
      <c r="B24354" s="2"/>
      <c r="C24354" s="2"/>
    </row>
    <row r="24355" spans="1:3" ht="19.2">
      <c r="A24355" s="2"/>
      <c r="B24355" s="2"/>
      <c r="C24355" s="2"/>
    </row>
    <row r="24356" spans="1:3" ht="19.2">
      <c r="A24356" s="2"/>
      <c r="B24356" s="2"/>
      <c r="C24356" s="2"/>
    </row>
    <row r="24357" spans="1:3" ht="19.2">
      <c r="A24357" s="2"/>
      <c r="B24357" s="2"/>
      <c r="C24357" s="2"/>
    </row>
    <row r="24358" spans="1:3" ht="19.2">
      <c r="A24358" s="2"/>
      <c r="B24358" s="2"/>
      <c r="C24358" s="2"/>
    </row>
    <row r="24359" spans="1:3" ht="19.2">
      <c r="A24359" s="2"/>
      <c r="B24359" s="2"/>
      <c r="C24359" s="2"/>
    </row>
    <row r="24360" spans="1:3" ht="19.2">
      <c r="A24360" s="2"/>
      <c r="B24360" s="2"/>
      <c r="C24360" s="2"/>
    </row>
    <row r="24361" spans="1:3" ht="19.2">
      <c r="A24361" s="2"/>
      <c r="B24361" s="2"/>
      <c r="C24361" s="2"/>
    </row>
    <row r="24362" spans="1:3" ht="19.2">
      <c r="A24362" s="2"/>
      <c r="B24362" s="2"/>
      <c r="C24362" s="2"/>
    </row>
    <row r="24363" spans="1:3" ht="19.2">
      <c r="A24363" s="2"/>
      <c r="B24363" s="2"/>
      <c r="C24363" s="2"/>
    </row>
    <row r="24364" spans="1:3" ht="19.2">
      <c r="A24364" s="2"/>
      <c r="B24364" s="2"/>
      <c r="C24364" s="2"/>
    </row>
    <row r="24365" spans="1:3" ht="19.2">
      <c r="A24365" s="2"/>
      <c r="B24365" s="2"/>
      <c r="C24365" s="2"/>
    </row>
    <row r="24366" spans="1:3" ht="19.2">
      <c r="A24366" s="2"/>
      <c r="B24366" s="2"/>
      <c r="C24366" s="2"/>
    </row>
    <row r="24367" spans="1:3" ht="19.2">
      <c r="A24367" s="2"/>
      <c r="B24367" s="2"/>
      <c r="C24367" s="2"/>
    </row>
    <row r="24368" spans="1:3" ht="19.2">
      <c r="A24368" s="2"/>
      <c r="B24368" s="2"/>
      <c r="C24368" s="2"/>
    </row>
    <row r="24369" spans="1:3" ht="19.2">
      <c r="A24369" s="2"/>
      <c r="B24369" s="2"/>
      <c r="C24369" s="2"/>
    </row>
    <row r="24370" spans="1:3" ht="19.2">
      <c r="A24370" s="2"/>
      <c r="B24370" s="2"/>
      <c r="C24370" s="2"/>
    </row>
    <row r="24371" spans="1:3" ht="19.2">
      <c r="A24371" s="2"/>
      <c r="B24371" s="2"/>
      <c r="C24371" s="2"/>
    </row>
    <row r="24372" spans="1:3" ht="19.2">
      <c r="A24372" s="2"/>
      <c r="B24372" s="2"/>
      <c r="C24372" s="2"/>
    </row>
    <row r="24373" spans="1:3" ht="19.2">
      <c r="A24373" s="2"/>
      <c r="B24373" s="2"/>
      <c r="C24373" s="2"/>
    </row>
    <row r="24374" spans="1:3" ht="19.2">
      <c r="A24374" s="2"/>
      <c r="B24374" s="2"/>
      <c r="C24374" s="2"/>
    </row>
    <row r="24375" spans="1:3" ht="19.2">
      <c r="A24375" s="2"/>
      <c r="B24375" s="2"/>
      <c r="C24375" s="2"/>
    </row>
    <row r="24376" spans="1:3" ht="19.2">
      <c r="A24376" s="2"/>
      <c r="B24376" s="2"/>
      <c r="C24376" s="2"/>
    </row>
    <row r="24377" spans="1:3" ht="19.2">
      <c r="A24377" s="2"/>
      <c r="B24377" s="2"/>
      <c r="C24377" s="2"/>
    </row>
    <row r="24378" spans="1:3" ht="19.2">
      <c r="A24378" s="2"/>
      <c r="B24378" s="2"/>
      <c r="C24378" s="2"/>
    </row>
    <row r="24379" spans="1:3" ht="19.2">
      <c r="A24379" s="2"/>
      <c r="B24379" s="2"/>
      <c r="C24379" s="2"/>
    </row>
    <row r="24380" spans="1:3" ht="19.2">
      <c r="A24380" s="2"/>
      <c r="B24380" s="2"/>
      <c r="C24380" s="2"/>
    </row>
    <row r="24381" spans="1:3" ht="19.2">
      <c r="A24381" s="2"/>
      <c r="B24381" s="2"/>
      <c r="C24381" s="2"/>
    </row>
    <row r="24382" spans="1:3" ht="19.2">
      <c r="A24382" s="2"/>
      <c r="B24382" s="2"/>
      <c r="C24382" s="2"/>
    </row>
    <row r="24383" spans="1:3" ht="19.2">
      <c r="A24383" s="2"/>
      <c r="B24383" s="2"/>
      <c r="C24383" s="2"/>
    </row>
    <row r="24384" spans="1:3" ht="19.2">
      <c r="A24384" s="2"/>
      <c r="B24384" s="2"/>
      <c r="C24384" s="2"/>
    </row>
    <row r="24385" spans="1:3" ht="19.2">
      <c r="A24385" s="2"/>
      <c r="B24385" s="2"/>
      <c r="C24385" s="2"/>
    </row>
    <row r="24386" spans="1:3" ht="19.2">
      <c r="A24386" s="2"/>
      <c r="B24386" s="2"/>
      <c r="C24386" s="2"/>
    </row>
    <row r="24387" spans="1:3" ht="19.2">
      <c r="A24387" s="2"/>
      <c r="B24387" s="2"/>
      <c r="C24387" s="2"/>
    </row>
    <row r="24388" spans="1:3" ht="19.2">
      <c r="A24388" s="2"/>
      <c r="B24388" s="2"/>
      <c r="C24388" s="2"/>
    </row>
    <row r="24389" spans="1:3" ht="19.2">
      <c r="A24389" s="2"/>
      <c r="B24389" s="2"/>
      <c r="C24389" s="2"/>
    </row>
    <row r="24390" spans="1:3" ht="19.2">
      <c r="A24390" s="2"/>
      <c r="B24390" s="2"/>
      <c r="C24390" s="2"/>
    </row>
    <row r="24391" spans="1:3" ht="19.2">
      <c r="A24391" s="2"/>
      <c r="B24391" s="2"/>
      <c r="C24391" s="2"/>
    </row>
    <row r="24392" spans="1:3" ht="19.2">
      <c r="A24392" s="2"/>
      <c r="B24392" s="2"/>
      <c r="C24392" s="2"/>
    </row>
    <row r="24393" spans="1:3" ht="19.2">
      <c r="A24393" s="2"/>
      <c r="B24393" s="2"/>
      <c r="C24393" s="2"/>
    </row>
    <row r="24394" spans="1:3" ht="19.2">
      <c r="A24394" s="2"/>
      <c r="B24394" s="2"/>
      <c r="C24394" s="2"/>
    </row>
    <row r="24395" spans="1:3" ht="19.2">
      <c r="A24395" s="2"/>
      <c r="B24395" s="2"/>
      <c r="C24395" s="2"/>
    </row>
    <row r="24396" spans="1:3" ht="19.2">
      <c r="A24396" s="2"/>
      <c r="B24396" s="2"/>
      <c r="C24396" s="2"/>
    </row>
    <row r="24397" spans="1:3" ht="19.2">
      <c r="A24397" s="2"/>
      <c r="B24397" s="2"/>
      <c r="C24397" s="2"/>
    </row>
    <row r="24398" spans="1:3" ht="19.2">
      <c r="A24398" s="2"/>
      <c r="B24398" s="2"/>
      <c r="C24398" s="2"/>
    </row>
    <row r="24399" spans="1:3" ht="19.2">
      <c r="A24399" s="2"/>
      <c r="B24399" s="2"/>
      <c r="C24399" s="2"/>
    </row>
    <row r="24400" spans="1:3" ht="19.2">
      <c r="A24400" s="2"/>
      <c r="B24400" s="2"/>
      <c r="C24400" s="2"/>
    </row>
    <row r="24401" spans="1:3" ht="19.2">
      <c r="A24401" s="2"/>
      <c r="B24401" s="2"/>
      <c r="C24401" s="2"/>
    </row>
    <row r="24402" spans="1:3" ht="19.2">
      <c r="A24402" s="2"/>
      <c r="B24402" s="2"/>
      <c r="C24402" s="2"/>
    </row>
    <row r="24403" spans="1:3" ht="19.2">
      <c r="A24403" s="2"/>
      <c r="B24403" s="2"/>
      <c r="C24403" s="2"/>
    </row>
    <row r="24404" spans="1:3" ht="19.2">
      <c r="A24404" s="2"/>
      <c r="B24404" s="2"/>
      <c r="C24404" s="2"/>
    </row>
    <row r="24405" spans="1:3" ht="19.2">
      <c r="A24405" s="2"/>
      <c r="B24405" s="2"/>
      <c r="C24405" s="2"/>
    </row>
    <row r="24406" spans="1:3" ht="19.2">
      <c r="A24406" s="2"/>
      <c r="B24406" s="2"/>
      <c r="C24406" s="2"/>
    </row>
    <row r="24407" spans="1:3" ht="19.2">
      <c r="A24407" s="2"/>
      <c r="B24407" s="2"/>
      <c r="C24407" s="2"/>
    </row>
    <row r="24408" spans="1:3" ht="19.2">
      <c r="A24408" s="2"/>
      <c r="B24408" s="2"/>
      <c r="C24408" s="2"/>
    </row>
    <row r="24409" spans="1:3" ht="19.2">
      <c r="A24409" s="2"/>
      <c r="B24409" s="2"/>
      <c r="C24409" s="2"/>
    </row>
    <row r="24410" spans="1:3" ht="19.2">
      <c r="A24410" s="2"/>
      <c r="B24410" s="2"/>
      <c r="C24410" s="2"/>
    </row>
    <row r="24411" spans="1:3" ht="19.2">
      <c r="A24411" s="2"/>
      <c r="B24411" s="2"/>
      <c r="C24411" s="2"/>
    </row>
    <row r="24412" spans="1:3" ht="19.2">
      <c r="A24412" s="2"/>
      <c r="B24412" s="2"/>
      <c r="C24412" s="2"/>
    </row>
    <row r="24413" spans="1:3" ht="19.2">
      <c r="A24413" s="2"/>
      <c r="B24413" s="2"/>
      <c r="C24413" s="2"/>
    </row>
    <row r="24414" spans="1:3" ht="19.2">
      <c r="A24414" s="2"/>
      <c r="B24414" s="2"/>
      <c r="C24414" s="2"/>
    </row>
    <row r="24415" spans="1:3" ht="19.2">
      <c r="A24415" s="2"/>
      <c r="B24415" s="2"/>
      <c r="C24415" s="2"/>
    </row>
    <row r="24416" spans="1:3" ht="19.2">
      <c r="A24416" s="2"/>
      <c r="B24416" s="2"/>
      <c r="C24416" s="2"/>
    </row>
    <row r="24417" spans="1:3" ht="19.2">
      <c r="A24417" s="2"/>
      <c r="B24417" s="2"/>
      <c r="C24417" s="2"/>
    </row>
    <row r="24418" spans="1:3" ht="19.2">
      <c r="A24418" s="2"/>
      <c r="B24418" s="2"/>
      <c r="C24418" s="2"/>
    </row>
    <row r="24419" spans="1:3" ht="19.2">
      <c r="A24419" s="2"/>
      <c r="B24419" s="2"/>
      <c r="C24419" s="2"/>
    </row>
    <row r="24420" spans="1:3" ht="19.2">
      <c r="A24420" s="2"/>
      <c r="B24420" s="2"/>
      <c r="C24420" s="2"/>
    </row>
    <row r="24421" spans="1:3" ht="19.2">
      <c r="A24421" s="2"/>
      <c r="B24421" s="2"/>
      <c r="C24421" s="2"/>
    </row>
    <row r="24422" spans="1:3" ht="19.2">
      <c r="A24422" s="2"/>
      <c r="B24422" s="2"/>
      <c r="C24422" s="2"/>
    </row>
    <row r="24423" spans="1:3" ht="19.2">
      <c r="A24423" s="2"/>
      <c r="B24423" s="2"/>
      <c r="C24423" s="2"/>
    </row>
    <row r="24424" spans="1:3" ht="19.2">
      <c r="A24424" s="2"/>
      <c r="B24424" s="2"/>
      <c r="C24424" s="2"/>
    </row>
    <row r="24425" spans="1:3" ht="19.2">
      <c r="A24425" s="2"/>
      <c r="B24425" s="2"/>
      <c r="C24425" s="2"/>
    </row>
    <row r="24426" spans="1:3" ht="19.2">
      <c r="A24426" s="2"/>
      <c r="B24426" s="2"/>
      <c r="C24426" s="2"/>
    </row>
    <row r="24427" spans="1:3" ht="19.2">
      <c r="A24427" s="2"/>
      <c r="B24427" s="2"/>
      <c r="C24427" s="2"/>
    </row>
    <row r="24428" spans="1:3" ht="19.2">
      <c r="A24428" s="2"/>
      <c r="B24428" s="2"/>
      <c r="C24428" s="2"/>
    </row>
    <row r="24429" spans="1:3" ht="19.2">
      <c r="A24429" s="2"/>
      <c r="B24429" s="2"/>
      <c r="C24429" s="2"/>
    </row>
    <row r="24430" spans="1:3" ht="19.2">
      <c r="A24430" s="2"/>
      <c r="B24430" s="2"/>
      <c r="C24430" s="2"/>
    </row>
    <row r="24431" spans="1:3" ht="19.2">
      <c r="A24431" s="2"/>
      <c r="B24431" s="2"/>
      <c r="C24431" s="2"/>
    </row>
    <row r="24432" spans="1:3" ht="19.2">
      <c r="A24432" s="2"/>
      <c r="B24432" s="2"/>
      <c r="C24432" s="2"/>
    </row>
    <row r="24433" spans="1:3" ht="19.2">
      <c r="A24433" s="2"/>
      <c r="B24433" s="2"/>
      <c r="C24433" s="2"/>
    </row>
    <row r="24434" spans="1:3" ht="19.2">
      <c r="A24434" s="2"/>
      <c r="B24434" s="2"/>
      <c r="C24434" s="2"/>
    </row>
    <row r="24435" spans="1:3" ht="19.2">
      <c r="A24435" s="2"/>
      <c r="B24435" s="2"/>
      <c r="C24435" s="2"/>
    </row>
    <row r="24436" spans="1:3" ht="19.2">
      <c r="A24436" s="2"/>
      <c r="B24436" s="2"/>
      <c r="C24436" s="2"/>
    </row>
    <row r="24437" spans="1:3" ht="19.2">
      <c r="A24437" s="2"/>
      <c r="B24437" s="2"/>
      <c r="C24437" s="2"/>
    </row>
    <row r="24438" spans="1:3" ht="19.2">
      <c r="A24438" s="2"/>
      <c r="B24438" s="2"/>
      <c r="C24438" s="2"/>
    </row>
    <row r="24439" spans="1:3" ht="19.2">
      <c r="A24439" s="2"/>
      <c r="B24439" s="2"/>
      <c r="C24439" s="2"/>
    </row>
    <row r="24440" spans="1:3" ht="19.2">
      <c r="A24440" s="2"/>
      <c r="B24440" s="2"/>
      <c r="C24440" s="2"/>
    </row>
    <row r="24441" spans="1:3" ht="19.2">
      <c r="A24441" s="2"/>
      <c r="B24441" s="2"/>
      <c r="C24441" s="2"/>
    </row>
    <row r="24442" spans="1:3" ht="19.2">
      <c r="A24442" s="2"/>
      <c r="B24442" s="2"/>
      <c r="C24442" s="2"/>
    </row>
    <row r="24443" spans="1:3" ht="19.2">
      <c r="A24443" s="2"/>
      <c r="B24443" s="2"/>
      <c r="C24443" s="2"/>
    </row>
    <row r="24444" spans="1:3" ht="19.2">
      <c r="A24444" s="2"/>
      <c r="B24444" s="2"/>
      <c r="C24444" s="2"/>
    </row>
    <row r="24445" spans="1:3" ht="19.2">
      <c r="A24445" s="2"/>
      <c r="B24445" s="2"/>
      <c r="C24445" s="2"/>
    </row>
    <row r="24446" spans="1:3" ht="19.2">
      <c r="A24446" s="2"/>
      <c r="B24446" s="2"/>
      <c r="C24446" s="2"/>
    </row>
    <row r="24447" spans="1:3" ht="19.2">
      <c r="A24447" s="2"/>
      <c r="B24447" s="2"/>
      <c r="C24447" s="2"/>
    </row>
    <row r="24448" spans="1:3" ht="19.2">
      <c r="A24448" s="2"/>
      <c r="B24448" s="2"/>
      <c r="C24448" s="2"/>
    </row>
    <row r="24449" spans="1:3" ht="19.2">
      <c r="A24449" s="2"/>
      <c r="B24449" s="2"/>
      <c r="C24449" s="2"/>
    </row>
    <row r="24450" spans="1:3" ht="19.2">
      <c r="A24450" s="2"/>
      <c r="B24450" s="2"/>
      <c r="C24450" s="2"/>
    </row>
    <row r="24451" spans="1:3" ht="19.2">
      <c r="A24451" s="2"/>
      <c r="B24451" s="2"/>
      <c r="C24451" s="2"/>
    </row>
    <row r="24452" spans="1:3" ht="19.2">
      <c r="A24452" s="2"/>
      <c r="B24452" s="2"/>
      <c r="C24452" s="2"/>
    </row>
    <row r="24453" spans="1:3" ht="19.2">
      <c r="A24453" s="2"/>
      <c r="B24453" s="2"/>
      <c r="C24453" s="2"/>
    </row>
    <row r="24454" spans="1:3" ht="19.2">
      <c r="A24454" s="2"/>
      <c r="B24454" s="2"/>
      <c r="C24454" s="2"/>
    </row>
    <row r="24455" spans="1:3" ht="19.2">
      <c r="A24455" s="2"/>
      <c r="B24455" s="2"/>
      <c r="C24455" s="2"/>
    </row>
    <row r="24456" spans="1:3" ht="19.2">
      <c r="A24456" s="2"/>
      <c r="B24456" s="2"/>
      <c r="C24456" s="2"/>
    </row>
    <row r="24457" spans="1:3" ht="19.2">
      <c r="A24457" s="2"/>
      <c r="B24457" s="2"/>
      <c r="C24457" s="2"/>
    </row>
    <row r="24458" spans="1:3" ht="19.2">
      <c r="A24458" s="2"/>
      <c r="B24458" s="2"/>
      <c r="C24458" s="2"/>
    </row>
    <row r="24459" spans="1:3" ht="19.2">
      <c r="A24459" s="2"/>
      <c r="B24459" s="2"/>
      <c r="C24459" s="2"/>
    </row>
    <row r="24460" spans="1:3" ht="19.2">
      <c r="A24460" s="2"/>
      <c r="B24460" s="2"/>
      <c r="C24460" s="2"/>
    </row>
    <row r="24461" spans="1:3" ht="19.2">
      <c r="A24461" s="2"/>
      <c r="B24461" s="2"/>
      <c r="C24461" s="2"/>
    </row>
    <row r="24462" spans="1:3" ht="19.2">
      <c r="A24462" s="2"/>
      <c r="B24462" s="2"/>
      <c r="C24462" s="2"/>
    </row>
    <row r="24463" spans="1:3" ht="19.2">
      <c r="A24463" s="2"/>
      <c r="B24463" s="2"/>
      <c r="C24463" s="2"/>
    </row>
    <row r="24464" spans="1:3" ht="19.2">
      <c r="A24464" s="2"/>
      <c r="B24464" s="2"/>
      <c r="C24464" s="2"/>
    </row>
    <row r="24465" spans="1:3" ht="19.2">
      <c r="A24465" s="2"/>
      <c r="B24465" s="2"/>
      <c r="C24465" s="2"/>
    </row>
    <row r="24466" spans="1:3" ht="19.2">
      <c r="A24466" s="2"/>
      <c r="B24466" s="2"/>
      <c r="C24466" s="2"/>
    </row>
    <row r="24467" spans="1:3" ht="19.2">
      <c r="A24467" s="2"/>
      <c r="B24467" s="2"/>
      <c r="C24467" s="2"/>
    </row>
    <row r="24468" spans="1:3" ht="19.2">
      <c r="A24468" s="2"/>
      <c r="B24468" s="2"/>
      <c r="C24468" s="2"/>
    </row>
    <row r="24469" spans="1:3" ht="19.2">
      <c r="A24469" s="2"/>
      <c r="B24469" s="2"/>
      <c r="C24469" s="2"/>
    </row>
    <row r="24470" spans="1:3" ht="19.2">
      <c r="A24470" s="2"/>
      <c r="B24470" s="2"/>
      <c r="C24470" s="2"/>
    </row>
    <row r="24471" spans="1:3" ht="19.2">
      <c r="A24471" s="2"/>
      <c r="B24471" s="2"/>
      <c r="C24471" s="2"/>
    </row>
    <row r="24472" spans="1:3" ht="19.2">
      <c r="A24472" s="2"/>
      <c r="B24472" s="2"/>
      <c r="C24472" s="2"/>
    </row>
    <row r="24473" spans="1:3" ht="19.2">
      <c r="A24473" s="2"/>
      <c r="B24473" s="2"/>
      <c r="C24473" s="2"/>
    </row>
    <row r="24474" spans="1:3" ht="19.2">
      <c r="A24474" s="2"/>
      <c r="B24474" s="2"/>
      <c r="C24474" s="2"/>
    </row>
    <row r="24475" spans="1:3" ht="19.2">
      <c r="A24475" s="2"/>
      <c r="B24475" s="2"/>
      <c r="C24475" s="2"/>
    </row>
    <row r="24476" spans="1:3" ht="19.2">
      <c r="A24476" s="2"/>
      <c r="B24476" s="2"/>
      <c r="C24476" s="2"/>
    </row>
    <row r="24477" spans="1:3" ht="19.2">
      <c r="A24477" s="2"/>
      <c r="B24477" s="2"/>
      <c r="C24477" s="2"/>
    </row>
    <row r="24478" spans="1:3" ht="19.2">
      <c r="A24478" s="2"/>
      <c r="B24478" s="2"/>
      <c r="C24478" s="2"/>
    </row>
    <row r="24479" spans="1:3" ht="19.2">
      <c r="A24479" s="2"/>
      <c r="B24479" s="2"/>
      <c r="C24479" s="2"/>
    </row>
    <row r="24480" spans="1:3" ht="19.2">
      <c r="A24480" s="2"/>
      <c r="B24480" s="2"/>
      <c r="C24480" s="2"/>
    </row>
    <row r="24481" spans="1:3" ht="19.2">
      <c r="A24481" s="2"/>
      <c r="B24481" s="2"/>
      <c r="C24481" s="2"/>
    </row>
    <row r="24482" spans="1:3" ht="19.2">
      <c r="A24482" s="2"/>
      <c r="B24482" s="2"/>
      <c r="C24482" s="2"/>
    </row>
    <row r="24483" spans="1:3" ht="19.2">
      <c r="A24483" s="2"/>
      <c r="B24483" s="2"/>
      <c r="C24483" s="2"/>
    </row>
    <row r="24484" spans="1:3" ht="19.2">
      <c r="A24484" s="2"/>
      <c r="B24484" s="2"/>
      <c r="C24484" s="2"/>
    </row>
    <row r="24485" spans="1:3" ht="19.2">
      <c r="A24485" s="2"/>
      <c r="B24485" s="2"/>
      <c r="C24485" s="2"/>
    </row>
    <row r="24486" spans="1:3" ht="19.2">
      <c r="A24486" s="2"/>
      <c r="B24486" s="2"/>
      <c r="C24486" s="2"/>
    </row>
    <row r="24487" spans="1:3" ht="19.2">
      <c r="A24487" s="2"/>
      <c r="B24487" s="2"/>
      <c r="C24487" s="2"/>
    </row>
    <row r="24488" spans="1:3" ht="19.2">
      <c r="A24488" s="2"/>
      <c r="B24488" s="2"/>
      <c r="C24488" s="2"/>
    </row>
    <row r="24489" spans="1:3" ht="19.2">
      <c r="A24489" s="2"/>
      <c r="B24489" s="2"/>
      <c r="C24489" s="2"/>
    </row>
    <row r="24490" spans="1:3" ht="19.2">
      <c r="A24490" s="2"/>
      <c r="B24490" s="2"/>
      <c r="C24490" s="2"/>
    </row>
    <row r="24491" spans="1:3" ht="19.2">
      <c r="A24491" s="2"/>
      <c r="B24491" s="2"/>
      <c r="C24491" s="2"/>
    </row>
    <row r="24492" spans="1:3" ht="19.2">
      <c r="A24492" s="2"/>
      <c r="B24492" s="2"/>
      <c r="C24492" s="2"/>
    </row>
    <row r="24493" spans="1:3" ht="19.2">
      <c r="A24493" s="2"/>
      <c r="B24493" s="2"/>
      <c r="C24493" s="2"/>
    </row>
    <row r="24494" spans="1:3" ht="19.2">
      <c r="A24494" s="2"/>
      <c r="B24494" s="2"/>
      <c r="C24494" s="2"/>
    </row>
    <row r="24495" spans="1:3" ht="19.2">
      <c r="A24495" s="2"/>
      <c r="B24495" s="2"/>
      <c r="C24495" s="2"/>
    </row>
    <row r="24496" spans="1:3" ht="19.2">
      <c r="A24496" s="2"/>
      <c r="B24496" s="2"/>
      <c r="C24496" s="2"/>
    </row>
    <row r="24497" spans="1:3" ht="19.2">
      <c r="A24497" s="2"/>
      <c r="B24497" s="2"/>
      <c r="C24497" s="2"/>
    </row>
    <row r="24498" spans="1:3" ht="19.2">
      <c r="A24498" s="2"/>
      <c r="B24498" s="2"/>
      <c r="C24498" s="2"/>
    </row>
    <row r="24499" spans="1:3" ht="19.2">
      <c r="A24499" s="2"/>
      <c r="B24499" s="2"/>
      <c r="C24499" s="2"/>
    </row>
    <row r="24500" spans="1:3" ht="19.2">
      <c r="A24500" s="2"/>
      <c r="B24500" s="2"/>
      <c r="C24500" s="2"/>
    </row>
    <row r="24501" spans="1:3" ht="19.2">
      <c r="A24501" s="2"/>
      <c r="B24501" s="2"/>
      <c r="C24501" s="2"/>
    </row>
    <row r="24502" spans="1:3" ht="19.2">
      <c r="A24502" s="2"/>
      <c r="B24502" s="2"/>
      <c r="C24502" s="2"/>
    </row>
    <row r="24503" spans="1:3" ht="19.2">
      <c r="A24503" s="2"/>
      <c r="B24503" s="2"/>
      <c r="C24503" s="2"/>
    </row>
    <row r="24504" spans="1:3" ht="19.2">
      <c r="A24504" s="2"/>
      <c r="B24504" s="2"/>
      <c r="C24504" s="2"/>
    </row>
    <row r="24505" spans="1:3" ht="19.2">
      <c r="A24505" s="2"/>
      <c r="B24505" s="2"/>
      <c r="C24505" s="2"/>
    </row>
    <row r="24506" spans="1:3" ht="19.2">
      <c r="A24506" s="2"/>
      <c r="B24506" s="2"/>
      <c r="C24506" s="2"/>
    </row>
    <row r="24507" spans="1:3" ht="19.2">
      <c r="A24507" s="2"/>
      <c r="B24507" s="2"/>
      <c r="C24507" s="2"/>
    </row>
    <row r="24508" spans="1:3" ht="19.2">
      <c r="A24508" s="2"/>
      <c r="B24508" s="2"/>
      <c r="C24508" s="2"/>
    </row>
    <row r="24509" spans="1:3" ht="19.2">
      <c r="A24509" s="2"/>
      <c r="B24509" s="2"/>
      <c r="C24509" s="2"/>
    </row>
    <row r="24510" spans="1:3" ht="19.2">
      <c r="A24510" s="2"/>
      <c r="B24510" s="2"/>
      <c r="C24510" s="2"/>
    </row>
    <row r="24511" spans="1:3" ht="19.2">
      <c r="A24511" s="2"/>
      <c r="B24511" s="2"/>
      <c r="C24511" s="2"/>
    </row>
    <row r="24512" spans="1:3" ht="19.2">
      <c r="A24512" s="2"/>
      <c r="B24512" s="2"/>
      <c r="C24512" s="2"/>
    </row>
    <row r="24513" spans="1:3" ht="19.2">
      <c r="A24513" s="2"/>
      <c r="B24513" s="2"/>
      <c r="C24513" s="2"/>
    </row>
    <row r="24514" spans="1:3" ht="19.2">
      <c r="A24514" s="2"/>
      <c r="B24514" s="2"/>
      <c r="C24514" s="2"/>
    </row>
    <row r="24515" spans="1:3" ht="19.2">
      <c r="A24515" s="2"/>
      <c r="B24515" s="2"/>
      <c r="C24515" s="2"/>
    </row>
    <row r="24516" spans="1:3" ht="19.2">
      <c r="A24516" s="2"/>
      <c r="B24516" s="2"/>
      <c r="C24516" s="2"/>
    </row>
    <row r="24517" spans="1:3" ht="19.2">
      <c r="A24517" s="2"/>
      <c r="B24517" s="2"/>
      <c r="C24517" s="2"/>
    </row>
    <row r="24518" spans="1:3" ht="19.2">
      <c r="A24518" s="2"/>
      <c r="B24518" s="2"/>
      <c r="C24518" s="2"/>
    </row>
    <row r="24519" spans="1:3" ht="19.2">
      <c r="A24519" s="2"/>
      <c r="B24519" s="2"/>
      <c r="C24519" s="2"/>
    </row>
    <row r="24520" spans="1:3" ht="19.2">
      <c r="A24520" s="2"/>
      <c r="B24520" s="2"/>
      <c r="C24520" s="2"/>
    </row>
    <row r="24521" spans="1:3" ht="19.2">
      <c r="A24521" s="2"/>
      <c r="B24521" s="2"/>
      <c r="C24521" s="2"/>
    </row>
    <row r="24522" spans="1:3" ht="19.2">
      <c r="A24522" s="2"/>
      <c r="B24522" s="2"/>
      <c r="C24522" s="2"/>
    </row>
    <row r="24523" spans="1:3" ht="19.2">
      <c r="A24523" s="2"/>
      <c r="B24523" s="2"/>
      <c r="C24523" s="2"/>
    </row>
    <row r="24524" spans="1:3" ht="19.2">
      <c r="A24524" s="2"/>
      <c r="B24524" s="2"/>
      <c r="C24524" s="2"/>
    </row>
    <row r="24525" spans="1:3" ht="19.2">
      <c r="A24525" s="2"/>
      <c r="B24525" s="2"/>
      <c r="C24525" s="2"/>
    </row>
    <row r="24526" spans="1:3" ht="19.2">
      <c r="A24526" s="2"/>
      <c r="B24526" s="2"/>
      <c r="C24526" s="2"/>
    </row>
    <row r="24527" spans="1:3" ht="19.2">
      <c r="A24527" s="2"/>
      <c r="B24527" s="2"/>
      <c r="C24527" s="2"/>
    </row>
    <row r="24528" spans="1:3" ht="19.2">
      <c r="A24528" s="2"/>
      <c r="B24528" s="2"/>
      <c r="C24528" s="2"/>
    </row>
    <row r="24529" spans="1:3" ht="19.2">
      <c r="A24529" s="2"/>
      <c r="B24529" s="2"/>
      <c r="C24529" s="2"/>
    </row>
    <row r="24530" spans="1:3" ht="19.2">
      <c r="A24530" s="2"/>
      <c r="B24530" s="2"/>
      <c r="C24530" s="2"/>
    </row>
    <row r="24531" spans="1:3" ht="19.2">
      <c r="A24531" s="2"/>
      <c r="B24531" s="2"/>
      <c r="C24531" s="2"/>
    </row>
    <row r="24532" spans="1:3" ht="19.2">
      <c r="A24532" s="2"/>
      <c r="B24532" s="2"/>
      <c r="C24532" s="2"/>
    </row>
    <row r="24533" spans="1:3" ht="19.2">
      <c r="A24533" s="2"/>
      <c r="B24533" s="2"/>
      <c r="C24533" s="2"/>
    </row>
    <row r="24534" spans="1:3" ht="19.2">
      <c r="A24534" s="2"/>
      <c r="B24534" s="2"/>
      <c r="C24534" s="2"/>
    </row>
    <row r="24535" spans="1:3" ht="19.2">
      <c r="A24535" s="2"/>
      <c r="B24535" s="2"/>
      <c r="C24535" s="2"/>
    </row>
    <row r="24536" spans="1:3" ht="19.2">
      <c r="A24536" s="2"/>
      <c r="B24536" s="2"/>
      <c r="C24536" s="2"/>
    </row>
    <row r="24537" spans="1:3" ht="19.2">
      <c r="A24537" s="2"/>
      <c r="B24537" s="2"/>
      <c r="C24537" s="2"/>
    </row>
    <row r="24538" spans="1:3" ht="19.2">
      <c r="A24538" s="2"/>
      <c r="B24538" s="2"/>
      <c r="C24538" s="2"/>
    </row>
    <row r="24539" spans="1:3" ht="19.2">
      <c r="A24539" s="2"/>
      <c r="B24539" s="2"/>
      <c r="C24539" s="2"/>
    </row>
    <row r="24540" spans="1:3" ht="19.2">
      <c r="A24540" s="2"/>
      <c r="B24540" s="2"/>
      <c r="C24540" s="2"/>
    </row>
    <row r="24541" spans="1:3" ht="19.2">
      <c r="A24541" s="2"/>
      <c r="B24541" s="2"/>
      <c r="C24541" s="2"/>
    </row>
    <row r="24542" spans="1:3" ht="19.2">
      <c r="A24542" s="2"/>
      <c r="B24542" s="2"/>
      <c r="C24542" s="2"/>
    </row>
    <row r="24543" spans="1:3" ht="19.2">
      <c r="A24543" s="2"/>
      <c r="B24543" s="2"/>
      <c r="C24543" s="2"/>
    </row>
    <row r="24544" spans="1:3" ht="19.2">
      <c r="A24544" s="2"/>
      <c r="B24544" s="2"/>
      <c r="C24544" s="2"/>
    </row>
    <row r="24545" spans="1:3" ht="19.2">
      <c r="A24545" s="2"/>
      <c r="B24545" s="2"/>
      <c r="C24545" s="2"/>
    </row>
    <row r="24546" spans="1:3" ht="19.2">
      <c r="A24546" s="2"/>
      <c r="B24546" s="2"/>
      <c r="C24546" s="2"/>
    </row>
    <row r="24547" spans="1:3" ht="19.2">
      <c r="A24547" s="2"/>
      <c r="B24547" s="2"/>
      <c r="C24547" s="2"/>
    </row>
    <row r="24548" spans="1:3" ht="19.2">
      <c r="A24548" s="2"/>
      <c r="B24548" s="2"/>
      <c r="C24548" s="2"/>
    </row>
    <row r="24549" spans="1:3" ht="19.2">
      <c r="A24549" s="2"/>
      <c r="B24549" s="2"/>
      <c r="C24549" s="2"/>
    </row>
    <row r="24550" spans="1:3" ht="19.2">
      <c r="A24550" s="2"/>
      <c r="B24550" s="2"/>
      <c r="C24550" s="2"/>
    </row>
    <row r="24551" spans="1:3" ht="19.2">
      <c r="A24551" s="2"/>
      <c r="B24551" s="2"/>
      <c r="C24551" s="2"/>
    </row>
    <row r="24552" spans="1:3" ht="19.2">
      <c r="A24552" s="2"/>
      <c r="B24552" s="2"/>
      <c r="C24552" s="2"/>
    </row>
    <row r="24553" spans="1:3" ht="19.2">
      <c r="A24553" s="2"/>
      <c r="B24553" s="2"/>
      <c r="C24553" s="2"/>
    </row>
    <row r="24554" spans="1:3" ht="19.2">
      <c r="A24554" s="2"/>
      <c r="B24554" s="2"/>
      <c r="C24554" s="2"/>
    </row>
    <row r="24555" spans="1:3" ht="19.2">
      <c r="A24555" s="2"/>
      <c r="B24555" s="2"/>
      <c r="C24555" s="2"/>
    </row>
    <row r="24556" spans="1:3" ht="19.2">
      <c r="A24556" s="2"/>
      <c r="B24556" s="2"/>
      <c r="C24556" s="2"/>
    </row>
    <row r="24557" spans="1:3" ht="19.2">
      <c r="A24557" s="2"/>
      <c r="B24557" s="2"/>
      <c r="C24557" s="2"/>
    </row>
    <row r="24558" spans="1:3" ht="19.2">
      <c r="A24558" s="2"/>
      <c r="B24558" s="2"/>
      <c r="C24558" s="2"/>
    </row>
    <row r="24559" spans="1:3" ht="19.2">
      <c r="A24559" s="2"/>
      <c r="B24559" s="2"/>
      <c r="C24559" s="2"/>
    </row>
    <row r="24560" spans="1:3" ht="19.2">
      <c r="A24560" s="2"/>
      <c r="B24560" s="2"/>
      <c r="C24560" s="2"/>
    </row>
    <row r="24561" spans="1:3" ht="19.2">
      <c r="A24561" s="2"/>
      <c r="B24561" s="2"/>
      <c r="C24561" s="2"/>
    </row>
    <row r="24562" spans="1:3" ht="19.2">
      <c r="A24562" s="2"/>
      <c r="B24562" s="2"/>
      <c r="C24562" s="2"/>
    </row>
    <row r="24563" spans="1:3" ht="19.2">
      <c r="A24563" s="2"/>
      <c r="B24563" s="2"/>
      <c r="C24563" s="2"/>
    </row>
    <row r="24564" spans="1:3" ht="19.2">
      <c r="A24564" s="2"/>
      <c r="B24564" s="2"/>
      <c r="C24564" s="2"/>
    </row>
    <row r="24565" spans="1:3" ht="19.2">
      <c r="A24565" s="2"/>
      <c r="B24565" s="2"/>
      <c r="C24565" s="2"/>
    </row>
    <row r="24566" spans="1:3" ht="19.2">
      <c r="A24566" s="2"/>
      <c r="B24566" s="2"/>
      <c r="C24566" s="2"/>
    </row>
    <row r="24567" spans="1:3" ht="19.2">
      <c r="A24567" s="2"/>
      <c r="B24567" s="2"/>
      <c r="C24567" s="2"/>
    </row>
    <row r="24568" spans="1:3" ht="19.2">
      <c r="A24568" s="2"/>
      <c r="B24568" s="2"/>
      <c r="C24568" s="2"/>
    </row>
    <row r="24569" spans="1:3" ht="19.2">
      <c r="A24569" s="2"/>
      <c r="B24569" s="2"/>
      <c r="C24569" s="2"/>
    </row>
    <row r="24570" spans="1:3" ht="19.2">
      <c r="A24570" s="2"/>
      <c r="B24570" s="2"/>
      <c r="C24570" s="2"/>
    </row>
    <row r="24571" spans="1:3" ht="19.2">
      <c r="A24571" s="2"/>
      <c r="B24571" s="2"/>
      <c r="C24571" s="2"/>
    </row>
    <row r="24572" spans="1:3" ht="19.2">
      <c r="A24572" s="2"/>
      <c r="B24572" s="2"/>
      <c r="C24572" s="2"/>
    </row>
    <row r="24573" spans="1:3" ht="19.2">
      <c r="A24573" s="2"/>
      <c r="B24573" s="2"/>
      <c r="C24573" s="2"/>
    </row>
    <row r="24574" spans="1:3" ht="19.2">
      <c r="A24574" s="2"/>
      <c r="B24574" s="2"/>
      <c r="C24574" s="2"/>
    </row>
    <row r="24575" spans="1:3" ht="19.2">
      <c r="A24575" s="2"/>
      <c r="B24575" s="2"/>
      <c r="C24575" s="2"/>
    </row>
    <row r="24576" spans="1:3" ht="19.2">
      <c r="A24576" s="2"/>
      <c r="B24576" s="2"/>
      <c r="C24576" s="2"/>
    </row>
    <row r="24577" spans="1:3" ht="19.2">
      <c r="A24577" s="2"/>
      <c r="B24577" s="2"/>
      <c r="C24577" s="2"/>
    </row>
    <row r="24578" spans="1:3" ht="19.2">
      <c r="A24578" s="2"/>
      <c r="B24578" s="2"/>
      <c r="C24578" s="2"/>
    </row>
    <row r="24579" spans="1:3" ht="19.2">
      <c r="A24579" s="2"/>
      <c r="B24579" s="2"/>
      <c r="C24579" s="2"/>
    </row>
    <row r="24580" spans="1:3" ht="19.2">
      <c r="A24580" s="2"/>
      <c r="B24580" s="2"/>
      <c r="C24580" s="2"/>
    </row>
    <row r="24581" spans="1:3" ht="19.2">
      <c r="A24581" s="2"/>
      <c r="B24581" s="2"/>
      <c r="C24581" s="2"/>
    </row>
    <row r="24582" spans="1:3" ht="19.2">
      <c r="A24582" s="2"/>
      <c r="B24582" s="2"/>
      <c r="C24582" s="2"/>
    </row>
    <row r="24583" spans="1:3" ht="19.2">
      <c r="A24583" s="2"/>
      <c r="B24583" s="2"/>
      <c r="C24583" s="2"/>
    </row>
    <row r="24584" spans="1:3" ht="19.2">
      <c r="A24584" s="2"/>
      <c r="B24584" s="2"/>
      <c r="C24584" s="2"/>
    </row>
    <row r="24585" spans="1:3" ht="19.2">
      <c r="A24585" s="2"/>
      <c r="B24585" s="2"/>
      <c r="C24585" s="2"/>
    </row>
    <row r="24586" spans="1:3" ht="19.2">
      <c r="A24586" s="2"/>
      <c r="B24586" s="2"/>
      <c r="C24586" s="2"/>
    </row>
    <row r="24587" spans="1:3" ht="19.2">
      <c r="A24587" s="2"/>
      <c r="B24587" s="2"/>
      <c r="C24587" s="2"/>
    </row>
    <row r="24588" spans="1:3" ht="19.2">
      <c r="A24588" s="2"/>
      <c r="B24588" s="2"/>
      <c r="C24588" s="2"/>
    </row>
    <row r="24589" spans="1:3" ht="19.2">
      <c r="A24589" s="2"/>
      <c r="B24589" s="2"/>
      <c r="C24589" s="2"/>
    </row>
    <row r="24590" spans="1:3" ht="19.2">
      <c r="A24590" s="2"/>
      <c r="B24590" s="2"/>
      <c r="C24590" s="2"/>
    </row>
    <row r="24591" spans="1:3" ht="19.2">
      <c r="A24591" s="2"/>
      <c r="B24591" s="2"/>
      <c r="C24591" s="2"/>
    </row>
    <row r="24592" spans="1:3" ht="19.2">
      <c r="A24592" s="2"/>
      <c r="B24592" s="2"/>
      <c r="C24592" s="2"/>
    </row>
    <row r="24593" spans="1:3" ht="19.2">
      <c r="A24593" s="2"/>
      <c r="B24593" s="2"/>
      <c r="C24593" s="2"/>
    </row>
    <row r="24594" spans="1:3" ht="19.2">
      <c r="A24594" s="2"/>
      <c r="B24594" s="2"/>
      <c r="C24594" s="2"/>
    </row>
    <row r="24595" spans="1:3" ht="19.2">
      <c r="A24595" s="2"/>
      <c r="B24595" s="2"/>
      <c r="C24595" s="2"/>
    </row>
    <row r="24596" spans="1:3" ht="19.2">
      <c r="A24596" s="2"/>
      <c r="B24596" s="2"/>
      <c r="C24596" s="2"/>
    </row>
    <row r="24597" spans="1:3" ht="19.2">
      <c r="A24597" s="2"/>
      <c r="B24597" s="2"/>
      <c r="C24597" s="2"/>
    </row>
    <row r="24598" spans="1:3" ht="19.2">
      <c r="A24598" s="2"/>
      <c r="B24598" s="2"/>
      <c r="C24598" s="2"/>
    </row>
    <row r="24599" spans="1:3" ht="19.2">
      <c r="A24599" s="2"/>
      <c r="B24599" s="2"/>
      <c r="C24599" s="2"/>
    </row>
    <row r="24600" spans="1:3" ht="19.2">
      <c r="A24600" s="2"/>
      <c r="B24600" s="2"/>
      <c r="C24600" s="2"/>
    </row>
    <row r="24601" spans="1:3" ht="19.2">
      <c r="A24601" s="2"/>
      <c r="B24601" s="2"/>
      <c r="C24601" s="2"/>
    </row>
    <row r="24602" spans="1:3" ht="19.2">
      <c r="A24602" s="2"/>
      <c r="B24602" s="2"/>
      <c r="C24602" s="2"/>
    </row>
    <row r="24603" spans="1:3" ht="19.2">
      <c r="A24603" s="2"/>
      <c r="B24603" s="2"/>
      <c r="C24603" s="2"/>
    </row>
    <row r="24604" spans="1:3" ht="19.2">
      <c r="A24604" s="2"/>
      <c r="B24604" s="2"/>
      <c r="C24604" s="2"/>
    </row>
    <row r="24605" spans="1:3" ht="19.2">
      <c r="A24605" s="2"/>
      <c r="B24605" s="2"/>
      <c r="C24605" s="2"/>
    </row>
    <row r="24606" spans="1:3" ht="19.2">
      <c r="A24606" s="2"/>
      <c r="B24606" s="2"/>
      <c r="C24606" s="2"/>
    </row>
    <row r="24607" spans="1:3" ht="19.2">
      <c r="A24607" s="2"/>
      <c r="B24607" s="2"/>
      <c r="C24607" s="2"/>
    </row>
    <row r="24608" spans="1:3" ht="19.2">
      <c r="A24608" s="2"/>
      <c r="B24608" s="2"/>
      <c r="C24608" s="2"/>
    </row>
    <row r="24609" spans="1:3" ht="19.2">
      <c r="A24609" s="2"/>
      <c r="B24609" s="2"/>
      <c r="C24609" s="2"/>
    </row>
    <row r="24610" spans="1:3" ht="19.2">
      <c r="A24610" s="2"/>
      <c r="B24610" s="2"/>
      <c r="C24610" s="2"/>
    </row>
    <row r="24611" spans="1:3" ht="19.2">
      <c r="A24611" s="2"/>
      <c r="B24611" s="2"/>
      <c r="C24611" s="2"/>
    </row>
    <row r="24612" spans="1:3" ht="19.2">
      <c r="A24612" s="2"/>
      <c r="B24612" s="2"/>
      <c r="C24612" s="2"/>
    </row>
    <row r="24613" spans="1:3" ht="19.2">
      <c r="A24613" s="2"/>
      <c r="B24613" s="2"/>
      <c r="C24613" s="2"/>
    </row>
    <row r="24614" spans="1:3" ht="19.2">
      <c r="A24614" s="2"/>
      <c r="B24614" s="2"/>
      <c r="C24614" s="2"/>
    </row>
    <row r="24615" spans="1:3" ht="19.2">
      <c r="A24615" s="2"/>
      <c r="B24615" s="2"/>
      <c r="C24615" s="2"/>
    </row>
    <row r="24616" spans="1:3" ht="19.2">
      <c r="A24616" s="2"/>
      <c r="B24616" s="2"/>
      <c r="C24616" s="2"/>
    </row>
    <row r="24617" spans="1:3" ht="19.2">
      <c r="A24617" s="2"/>
      <c r="B24617" s="2"/>
      <c r="C24617" s="2"/>
    </row>
    <row r="24618" spans="1:3" ht="19.2">
      <c r="A24618" s="2"/>
      <c r="B24618" s="2"/>
      <c r="C24618" s="2"/>
    </row>
    <row r="24619" spans="1:3" ht="19.2">
      <c r="A24619" s="2"/>
      <c r="B24619" s="2"/>
      <c r="C24619" s="2"/>
    </row>
    <row r="24620" spans="1:3" ht="19.2">
      <c r="A24620" s="2"/>
      <c r="B24620" s="2"/>
      <c r="C24620" s="2"/>
    </row>
    <row r="24621" spans="1:3" ht="19.2">
      <c r="A24621" s="2"/>
      <c r="B24621" s="2"/>
      <c r="C24621" s="2"/>
    </row>
    <row r="24622" spans="1:3" ht="19.2">
      <c r="A24622" s="2"/>
      <c r="B24622" s="2"/>
      <c r="C24622" s="2"/>
    </row>
    <row r="24623" spans="1:3" ht="19.2">
      <c r="A24623" s="2"/>
      <c r="B24623" s="2"/>
      <c r="C24623" s="2"/>
    </row>
    <row r="24624" spans="1:3" ht="19.2">
      <c r="A24624" s="2"/>
      <c r="B24624" s="2"/>
      <c r="C24624" s="2"/>
    </row>
    <row r="24625" spans="1:3" ht="19.2">
      <c r="A24625" s="2"/>
      <c r="B24625" s="2"/>
      <c r="C24625" s="2"/>
    </row>
    <row r="24626" spans="1:3" ht="19.2">
      <c r="A24626" s="2"/>
      <c r="B24626" s="2"/>
      <c r="C24626" s="2"/>
    </row>
    <row r="24627" spans="1:3" ht="19.2">
      <c r="A24627" s="2"/>
      <c r="B24627" s="2"/>
      <c r="C24627" s="2"/>
    </row>
    <row r="24628" spans="1:3" ht="19.2">
      <c r="A24628" s="2"/>
      <c r="B24628" s="2"/>
      <c r="C24628" s="2"/>
    </row>
    <row r="24629" spans="1:3" ht="19.2">
      <c r="A24629" s="2"/>
      <c r="B24629" s="2"/>
      <c r="C24629" s="2"/>
    </row>
    <row r="24630" spans="1:3" ht="19.2">
      <c r="A24630" s="2"/>
      <c r="B24630" s="2"/>
      <c r="C24630" s="2"/>
    </row>
    <row r="24631" spans="1:3" ht="19.2">
      <c r="A24631" s="2"/>
      <c r="B24631" s="2"/>
      <c r="C24631" s="2"/>
    </row>
    <row r="24632" spans="1:3" ht="19.2">
      <c r="A24632" s="2"/>
      <c r="B24632" s="2"/>
      <c r="C24632" s="2"/>
    </row>
    <row r="24633" spans="1:3" ht="19.2">
      <c r="A24633" s="2"/>
      <c r="B24633" s="2"/>
      <c r="C24633" s="2"/>
    </row>
    <row r="24634" spans="1:3" ht="19.2">
      <c r="A24634" s="2"/>
      <c r="B24634" s="2"/>
      <c r="C24634" s="2"/>
    </row>
    <row r="24635" spans="1:3" ht="19.2">
      <c r="A24635" s="2"/>
      <c r="B24635" s="2"/>
      <c r="C24635" s="2"/>
    </row>
    <row r="24636" spans="1:3" ht="19.2">
      <c r="A24636" s="2"/>
      <c r="B24636" s="2"/>
      <c r="C24636" s="2"/>
    </row>
    <row r="24637" spans="1:3" ht="19.2">
      <c r="A24637" s="2"/>
      <c r="B24637" s="2"/>
      <c r="C24637" s="2"/>
    </row>
    <row r="24638" spans="1:3" ht="19.2">
      <c r="A24638" s="2"/>
      <c r="B24638" s="2"/>
      <c r="C24638" s="2"/>
    </row>
    <row r="24639" spans="1:3" ht="19.2">
      <c r="A24639" s="2"/>
      <c r="B24639" s="2"/>
      <c r="C24639" s="2"/>
    </row>
    <row r="24640" spans="1:3" ht="19.2">
      <c r="A24640" s="2"/>
      <c r="B24640" s="2"/>
      <c r="C24640" s="2"/>
    </row>
    <row r="24641" spans="1:3" ht="19.2">
      <c r="A24641" s="2"/>
      <c r="B24641" s="2"/>
      <c r="C24641" s="2"/>
    </row>
    <row r="24642" spans="1:3" ht="19.2">
      <c r="A24642" s="2"/>
      <c r="B24642" s="2"/>
      <c r="C24642" s="2"/>
    </row>
    <row r="24643" spans="1:3" ht="19.2">
      <c r="A24643" s="2"/>
      <c r="B24643" s="2"/>
      <c r="C24643" s="2"/>
    </row>
    <row r="24644" spans="1:3" ht="19.2">
      <c r="A24644" s="2"/>
      <c r="B24644" s="2"/>
      <c r="C24644" s="2"/>
    </row>
    <row r="24645" spans="1:3" ht="19.2">
      <c r="A24645" s="2"/>
      <c r="B24645" s="2"/>
      <c r="C24645" s="2"/>
    </row>
    <row r="24646" spans="1:3" ht="19.2">
      <c r="A24646" s="2"/>
      <c r="B24646" s="2"/>
      <c r="C24646" s="2"/>
    </row>
    <row r="24647" spans="1:3" ht="19.2">
      <c r="A24647" s="2"/>
      <c r="B24647" s="2"/>
      <c r="C24647" s="2"/>
    </row>
    <row r="24648" spans="1:3" ht="19.2">
      <c r="A24648" s="2"/>
      <c r="B24648" s="2"/>
      <c r="C24648" s="2"/>
    </row>
    <row r="24649" spans="1:3" ht="19.2">
      <c r="A24649" s="2"/>
      <c r="B24649" s="2"/>
      <c r="C24649" s="2"/>
    </row>
    <row r="24650" spans="1:3" ht="19.2">
      <c r="A24650" s="2"/>
      <c r="B24650" s="2"/>
      <c r="C24650" s="2"/>
    </row>
    <row r="24651" spans="1:3" ht="19.2">
      <c r="A24651" s="2"/>
      <c r="B24651" s="2"/>
      <c r="C24651" s="2"/>
    </row>
    <row r="24652" spans="1:3" ht="19.2">
      <c r="A24652" s="2"/>
      <c r="B24652" s="2"/>
      <c r="C24652" s="2"/>
    </row>
    <row r="24653" spans="1:3" ht="19.2">
      <c r="A24653" s="2"/>
      <c r="B24653" s="2"/>
      <c r="C24653" s="2"/>
    </row>
    <row r="24654" spans="1:3" ht="19.2">
      <c r="A24654" s="2"/>
      <c r="B24654" s="2"/>
      <c r="C24654" s="2"/>
    </row>
    <row r="24655" spans="1:3" ht="19.2">
      <c r="A24655" s="2"/>
      <c r="B24655" s="2"/>
      <c r="C24655" s="2"/>
    </row>
    <row r="24656" spans="1:3" ht="19.2">
      <c r="A24656" s="2"/>
      <c r="B24656" s="2"/>
      <c r="C24656" s="2"/>
    </row>
    <row r="24657" spans="1:3" ht="19.2">
      <c r="A24657" s="2"/>
      <c r="B24657" s="2"/>
      <c r="C24657" s="2"/>
    </row>
    <row r="24658" spans="1:3" ht="19.2">
      <c r="A24658" s="2"/>
      <c r="B24658" s="2"/>
      <c r="C24658" s="2"/>
    </row>
    <row r="24659" spans="1:3" ht="19.2">
      <c r="A24659" s="2"/>
      <c r="B24659" s="2"/>
      <c r="C24659" s="2"/>
    </row>
    <row r="24660" spans="1:3" ht="19.2">
      <c r="A24660" s="2"/>
      <c r="B24660" s="2"/>
      <c r="C24660" s="2"/>
    </row>
    <row r="24661" spans="1:3" ht="19.2">
      <c r="A24661" s="2"/>
      <c r="B24661" s="2"/>
      <c r="C24661" s="2"/>
    </row>
    <row r="24662" spans="1:3" ht="19.2">
      <c r="A24662" s="2"/>
      <c r="B24662" s="2"/>
      <c r="C24662" s="2"/>
    </row>
    <row r="24663" spans="1:3" ht="19.2">
      <c r="A24663" s="2"/>
      <c r="B24663" s="2"/>
      <c r="C24663" s="2"/>
    </row>
    <row r="24664" spans="1:3" ht="19.2">
      <c r="A24664" s="2"/>
      <c r="B24664" s="2"/>
      <c r="C24664" s="2"/>
    </row>
    <row r="24665" spans="1:3" ht="19.2">
      <c r="A24665" s="2"/>
      <c r="B24665" s="2"/>
      <c r="C24665" s="2"/>
    </row>
    <row r="24666" spans="1:3" ht="19.2">
      <c r="A24666" s="2"/>
      <c r="B24666" s="2"/>
      <c r="C24666" s="2"/>
    </row>
    <row r="24667" spans="1:3" ht="19.2">
      <c r="A24667" s="2"/>
      <c r="B24667" s="2"/>
      <c r="C24667" s="2"/>
    </row>
    <row r="24668" spans="1:3" ht="19.2">
      <c r="A24668" s="2"/>
      <c r="B24668" s="2"/>
      <c r="C24668" s="2"/>
    </row>
    <row r="24669" spans="1:3" ht="19.2">
      <c r="A24669" s="2"/>
      <c r="B24669" s="2"/>
      <c r="C24669" s="2"/>
    </row>
    <row r="24670" spans="1:3" ht="19.2">
      <c r="A24670" s="2"/>
      <c r="B24670" s="2"/>
      <c r="C24670" s="2"/>
    </row>
    <row r="24671" spans="1:3" ht="19.2">
      <c r="A24671" s="2"/>
      <c r="B24671" s="2"/>
      <c r="C24671" s="2"/>
    </row>
    <row r="24672" spans="1:3" ht="19.2">
      <c r="A24672" s="2"/>
      <c r="B24672" s="2"/>
      <c r="C24672" s="2"/>
    </row>
    <row r="24673" spans="1:3" ht="19.2">
      <c r="A24673" s="2"/>
      <c r="B24673" s="2"/>
      <c r="C24673" s="2"/>
    </row>
    <row r="24674" spans="1:3" ht="19.2">
      <c r="A24674" s="2"/>
      <c r="B24674" s="2"/>
      <c r="C24674" s="2"/>
    </row>
    <row r="24675" spans="1:3" ht="19.2">
      <c r="A24675" s="2"/>
      <c r="B24675" s="2"/>
      <c r="C24675" s="2"/>
    </row>
    <row r="24676" spans="1:3" ht="19.2">
      <c r="A24676" s="2"/>
      <c r="B24676" s="2"/>
      <c r="C24676" s="2"/>
    </row>
    <row r="24677" spans="1:3" ht="19.2">
      <c r="A24677" s="2"/>
      <c r="B24677" s="2"/>
      <c r="C24677" s="2"/>
    </row>
    <row r="24678" spans="1:3" ht="19.2">
      <c r="A24678" s="2"/>
      <c r="B24678" s="2"/>
      <c r="C24678" s="2"/>
    </row>
    <row r="24679" spans="1:3" ht="19.2">
      <c r="A24679" s="2"/>
      <c r="B24679" s="2"/>
      <c r="C24679" s="2"/>
    </row>
    <row r="24680" spans="1:3" ht="19.2">
      <c r="A24680" s="2"/>
      <c r="B24680" s="2"/>
      <c r="C24680" s="2"/>
    </row>
    <row r="24681" spans="1:3" ht="19.2">
      <c r="A24681" s="2"/>
      <c r="B24681" s="2"/>
      <c r="C24681" s="2"/>
    </row>
    <row r="24682" spans="1:3" ht="19.2">
      <c r="A24682" s="2"/>
      <c r="B24682" s="2"/>
      <c r="C24682" s="2"/>
    </row>
    <row r="24683" spans="1:3" ht="19.2">
      <c r="A24683" s="2"/>
      <c r="B24683" s="2"/>
      <c r="C24683" s="2"/>
    </row>
    <row r="24684" spans="1:3" ht="19.2">
      <c r="A24684" s="2"/>
      <c r="B24684" s="2"/>
      <c r="C24684" s="2"/>
    </row>
    <row r="24685" spans="1:3" ht="19.2">
      <c r="A24685" s="2"/>
      <c r="B24685" s="2"/>
      <c r="C24685" s="2"/>
    </row>
    <row r="24686" spans="1:3" ht="19.2">
      <c r="A24686" s="2"/>
      <c r="B24686" s="2"/>
      <c r="C24686" s="2"/>
    </row>
    <row r="24687" spans="1:3" ht="19.2">
      <c r="A24687" s="2"/>
      <c r="B24687" s="2"/>
      <c r="C24687" s="2"/>
    </row>
    <row r="24688" spans="1:3" ht="19.2">
      <c r="A24688" s="2"/>
      <c r="B24688" s="2"/>
      <c r="C24688" s="2"/>
    </row>
    <row r="24689" spans="1:3" ht="19.2">
      <c r="A24689" s="2"/>
      <c r="B24689" s="2"/>
      <c r="C24689" s="2"/>
    </row>
    <row r="24690" spans="1:3" ht="19.2">
      <c r="A24690" s="2"/>
      <c r="B24690" s="2"/>
      <c r="C24690" s="2"/>
    </row>
    <row r="24691" spans="1:3" ht="19.2">
      <c r="A24691" s="2"/>
      <c r="B24691" s="2"/>
      <c r="C24691" s="2"/>
    </row>
    <row r="24692" spans="1:3" ht="19.2">
      <c r="A24692" s="2"/>
      <c r="B24692" s="2"/>
      <c r="C24692" s="2"/>
    </row>
    <row r="24693" spans="1:3" ht="19.2">
      <c r="A24693" s="2"/>
      <c r="B24693" s="2"/>
      <c r="C24693" s="2"/>
    </row>
    <row r="24694" spans="1:3" ht="19.2">
      <c r="A24694" s="2"/>
      <c r="B24694" s="2"/>
      <c r="C24694" s="2"/>
    </row>
    <row r="24695" spans="1:3" ht="19.2">
      <c r="A24695" s="2"/>
      <c r="B24695" s="2"/>
      <c r="C24695" s="2"/>
    </row>
    <row r="24696" spans="1:3" ht="19.2">
      <c r="A24696" s="2"/>
      <c r="B24696" s="2"/>
      <c r="C24696" s="2"/>
    </row>
    <row r="24697" spans="1:3" ht="19.2">
      <c r="A24697" s="2"/>
      <c r="B24697" s="2"/>
      <c r="C24697" s="2"/>
    </row>
    <row r="24698" spans="1:3" ht="19.2">
      <c r="A24698" s="2"/>
      <c r="B24698" s="2"/>
      <c r="C24698" s="2"/>
    </row>
    <row r="24699" spans="1:3" ht="19.2">
      <c r="A24699" s="2"/>
      <c r="B24699" s="2"/>
      <c r="C24699" s="2"/>
    </row>
    <row r="24700" spans="1:3" ht="19.2">
      <c r="A24700" s="2"/>
      <c r="B24700" s="2"/>
      <c r="C24700" s="2"/>
    </row>
    <row r="24701" spans="1:3" ht="19.2">
      <c r="A24701" s="2"/>
      <c r="B24701" s="2"/>
      <c r="C24701" s="2"/>
    </row>
    <row r="24702" spans="1:3" ht="19.2">
      <c r="A24702" s="2"/>
      <c r="B24702" s="2"/>
      <c r="C24702" s="2"/>
    </row>
    <row r="24703" spans="1:3" ht="19.2">
      <c r="A24703" s="2"/>
      <c r="B24703" s="2"/>
      <c r="C24703" s="2"/>
    </row>
    <row r="24704" spans="1:3" ht="19.2">
      <c r="A24704" s="2"/>
      <c r="B24704" s="2"/>
      <c r="C24704" s="2"/>
    </row>
    <row r="24705" spans="1:3" ht="19.2">
      <c r="A24705" s="2"/>
      <c r="B24705" s="2"/>
      <c r="C24705" s="2"/>
    </row>
    <row r="24706" spans="1:3" ht="19.2">
      <c r="A24706" s="2"/>
      <c r="B24706" s="2"/>
      <c r="C24706" s="2"/>
    </row>
    <row r="24707" spans="1:3" ht="19.2">
      <c r="A24707" s="2"/>
      <c r="B24707" s="2"/>
      <c r="C24707" s="2"/>
    </row>
    <row r="24708" spans="1:3" ht="19.2">
      <c r="A24708" s="2"/>
      <c r="B24708" s="2"/>
      <c r="C24708" s="2"/>
    </row>
    <row r="24709" spans="1:3" ht="19.2">
      <c r="A24709" s="2"/>
      <c r="B24709" s="2"/>
      <c r="C24709" s="2"/>
    </row>
    <row r="24710" spans="1:3" ht="19.2">
      <c r="A24710" s="2"/>
      <c r="B24710" s="2"/>
      <c r="C24710" s="2"/>
    </row>
    <row r="24711" spans="1:3" ht="19.2">
      <c r="A24711" s="2"/>
      <c r="B24711" s="2"/>
      <c r="C24711" s="2"/>
    </row>
    <row r="24712" spans="1:3" ht="19.2">
      <c r="A24712" s="2"/>
      <c r="B24712" s="2"/>
      <c r="C24712" s="2"/>
    </row>
    <row r="24713" spans="1:3" ht="19.2">
      <c r="A24713" s="2"/>
      <c r="B24713" s="2"/>
      <c r="C24713" s="2"/>
    </row>
    <row r="24714" spans="1:3" ht="19.2">
      <c r="A24714" s="2"/>
      <c r="B24714" s="2"/>
      <c r="C24714" s="2"/>
    </row>
    <row r="24715" spans="1:3" ht="19.2">
      <c r="A24715" s="2"/>
      <c r="B24715" s="2"/>
      <c r="C24715" s="2"/>
    </row>
    <row r="24716" spans="1:3" ht="19.2">
      <c r="A24716" s="2"/>
      <c r="B24716" s="2"/>
      <c r="C24716" s="2"/>
    </row>
    <row r="24717" spans="1:3" ht="19.2">
      <c r="A24717" s="2"/>
      <c r="B24717" s="2"/>
      <c r="C24717" s="2"/>
    </row>
    <row r="24718" spans="1:3" ht="19.2">
      <c r="A24718" s="2"/>
      <c r="B24718" s="2"/>
      <c r="C24718" s="2"/>
    </row>
    <row r="24719" spans="1:3" ht="19.2">
      <c r="A24719" s="2"/>
      <c r="B24719" s="2"/>
      <c r="C24719" s="2"/>
    </row>
    <row r="24720" spans="1:3" ht="19.2">
      <c r="A24720" s="2"/>
      <c r="B24720" s="2"/>
      <c r="C24720" s="2"/>
    </row>
    <row r="24721" spans="1:3" ht="19.2">
      <c r="A24721" s="2"/>
      <c r="B24721" s="2"/>
      <c r="C24721" s="2"/>
    </row>
    <row r="24722" spans="1:3" ht="19.2">
      <c r="A24722" s="2"/>
      <c r="B24722" s="2"/>
      <c r="C24722" s="2"/>
    </row>
    <row r="24723" spans="1:3" ht="19.2">
      <c r="A24723" s="2"/>
      <c r="B24723" s="2"/>
      <c r="C24723" s="2"/>
    </row>
    <row r="24724" spans="1:3" ht="19.2">
      <c r="A24724" s="2"/>
      <c r="B24724" s="2"/>
      <c r="C24724" s="2"/>
    </row>
    <row r="24725" spans="1:3" ht="19.2">
      <c r="A24725" s="2"/>
      <c r="B24725" s="2"/>
      <c r="C24725" s="2"/>
    </row>
    <row r="24726" spans="1:3" ht="19.2">
      <c r="A24726" s="2"/>
      <c r="B24726" s="2"/>
      <c r="C24726" s="2"/>
    </row>
    <row r="24727" spans="1:3" ht="19.2">
      <c r="A24727" s="2"/>
      <c r="B24727" s="2"/>
      <c r="C24727" s="2"/>
    </row>
    <row r="24728" spans="1:3" ht="19.2">
      <c r="A24728" s="2"/>
      <c r="B24728" s="2"/>
      <c r="C24728" s="2"/>
    </row>
    <row r="24729" spans="1:3" ht="19.2">
      <c r="A24729" s="2"/>
      <c r="B24729" s="2"/>
      <c r="C24729" s="2"/>
    </row>
    <row r="24730" spans="1:3" ht="19.2">
      <c r="A24730" s="2"/>
      <c r="B24730" s="2"/>
      <c r="C24730" s="2"/>
    </row>
    <row r="24731" spans="1:3" ht="19.2">
      <c r="A24731" s="2"/>
      <c r="B24731" s="2"/>
      <c r="C24731" s="2"/>
    </row>
    <row r="24732" spans="1:3" ht="19.2">
      <c r="A24732" s="2"/>
      <c r="B24732" s="2"/>
      <c r="C24732" s="2"/>
    </row>
    <row r="24733" spans="1:3" ht="19.2">
      <c r="A24733" s="2"/>
      <c r="B24733" s="2"/>
      <c r="C24733" s="2"/>
    </row>
    <row r="24734" spans="1:3" ht="19.2">
      <c r="A24734" s="2"/>
      <c r="B24734" s="2"/>
      <c r="C24734" s="2"/>
    </row>
    <row r="24735" spans="1:3" ht="19.2">
      <c r="A24735" s="2"/>
      <c r="B24735" s="2"/>
      <c r="C24735" s="2"/>
    </row>
    <row r="24736" spans="1:3" ht="19.2">
      <c r="A24736" s="2"/>
      <c r="B24736" s="2"/>
      <c r="C24736" s="2"/>
    </row>
    <row r="24737" spans="1:3" ht="19.2">
      <c r="A24737" s="2"/>
      <c r="B24737" s="2"/>
      <c r="C24737" s="2"/>
    </row>
    <row r="24738" spans="1:3" ht="19.2">
      <c r="A24738" s="2"/>
      <c r="B24738" s="2"/>
      <c r="C24738" s="2"/>
    </row>
    <row r="24739" spans="1:3" ht="19.2">
      <c r="A24739" s="2"/>
      <c r="B24739" s="2"/>
      <c r="C24739" s="2"/>
    </row>
    <row r="24740" spans="1:3" ht="19.2">
      <c r="A24740" s="2"/>
      <c r="B24740" s="2"/>
      <c r="C24740" s="2"/>
    </row>
    <row r="24741" spans="1:3" ht="19.2">
      <c r="A24741" s="2"/>
      <c r="B24741" s="2"/>
      <c r="C24741" s="2"/>
    </row>
    <row r="24742" spans="1:3" ht="19.2">
      <c r="A24742" s="2"/>
      <c r="B24742" s="2"/>
      <c r="C24742" s="2"/>
    </row>
    <row r="24743" spans="1:3" ht="19.2">
      <c r="A24743" s="2"/>
      <c r="B24743" s="2"/>
      <c r="C24743" s="2"/>
    </row>
    <row r="24744" spans="1:3" ht="19.2">
      <c r="A24744" s="2"/>
      <c r="B24744" s="2"/>
      <c r="C24744" s="2"/>
    </row>
    <row r="24745" spans="1:3" ht="19.2">
      <c r="A24745" s="2"/>
      <c r="B24745" s="2"/>
      <c r="C24745" s="2"/>
    </row>
    <row r="24746" spans="1:3" ht="19.2">
      <c r="A24746" s="2"/>
      <c r="B24746" s="2"/>
      <c r="C24746" s="2"/>
    </row>
    <row r="24747" spans="1:3" ht="19.2">
      <c r="A24747" s="2"/>
      <c r="B24747" s="2"/>
      <c r="C24747" s="2"/>
    </row>
    <row r="24748" spans="1:3" ht="19.2">
      <c r="A24748" s="2"/>
      <c r="B24748" s="2"/>
      <c r="C24748" s="2"/>
    </row>
    <row r="24749" spans="1:3" ht="19.2">
      <c r="A24749" s="2"/>
      <c r="B24749" s="2"/>
      <c r="C24749" s="2"/>
    </row>
    <row r="24750" spans="1:3" ht="19.2">
      <c r="A24750" s="2"/>
      <c r="B24750" s="2"/>
      <c r="C24750" s="2"/>
    </row>
    <row r="24751" spans="1:3" ht="19.2">
      <c r="A24751" s="2"/>
      <c r="B24751" s="2"/>
      <c r="C24751" s="2"/>
    </row>
    <row r="24752" spans="1:3" ht="19.2">
      <c r="A24752" s="2"/>
      <c r="B24752" s="2"/>
      <c r="C24752" s="2"/>
    </row>
    <row r="24753" spans="1:3" ht="19.2">
      <c r="A24753" s="2"/>
      <c r="B24753" s="2"/>
      <c r="C24753" s="2"/>
    </row>
    <row r="24754" spans="1:3" ht="19.2">
      <c r="A24754" s="2"/>
      <c r="B24754" s="2"/>
      <c r="C24754" s="2"/>
    </row>
    <row r="24755" spans="1:3" ht="19.2">
      <c r="A24755" s="2"/>
      <c r="B24755" s="2"/>
      <c r="C24755" s="2"/>
    </row>
    <row r="24756" spans="1:3" ht="19.2">
      <c r="A24756" s="2"/>
      <c r="B24756" s="2"/>
      <c r="C24756" s="2"/>
    </row>
    <row r="24757" spans="1:3" ht="19.2">
      <c r="A24757" s="2"/>
      <c r="B24757" s="2"/>
      <c r="C24757" s="2"/>
    </row>
    <row r="24758" spans="1:3" ht="19.2">
      <c r="A24758" s="2"/>
      <c r="B24758" s="2"/>
      <c r="C24758" s="2"/>
    </row>
    <row r="24759" spans="1:3" ht="19.2">
      <c r="A24759" s="2"/>
      <c r="B24759" s="2"/>
      <c r="C24759" s="2"/>
    </row>
    <row r="24760" spans="1:3" ht="19.2">
      <c r="A24760" s="2"/>
      <c r="B24760" s="2"/>
      <c r="C24760" s="2"/>
    </row>
    <row r="24761" spans="1:3" ht="19.2">
      <c r="A24761" s="2"/>
      <c r="B24761" s="2"/>
      <c r="C24761" s="2"/>
    </row>
    <row r="24762" spans="1:3" ht="19.2">
      <c r="A24762" s="2"/>
      <c r="B24762" s="2"/>
      <c r="C24762" s="2"/>
    </row>
    <row r="24763" spans="1:3" ht="19.2">
      <c r="A24763" s="2"/>
      <c r="B24763" s="2"/>
      <c r="C24763" s="2"/>
    </row>
    <row r="24764" spans="1:3" ht="19.2">
      <c r="A24764" s="2"/>
      <c r="B24764" s="2"/>
      <c r="C24764" s="2"/>
    </row>
    <row r="24765" spans="1:3" ht="19.2">
      <c r="A24765" s="2"/>
      <c r="B24765" s="2"/>
      <c r="C24765" s="2"/>
    </row>
    <row r="24766" spans="1:3" ht="19.2">
      <c r="A24766" s="2"/>
      <c r="B24766" s="2"/>
      <c r="C24766" s="2"/>
    </row>
    <row r="24767" spans="1:3" ht="19.2">
      <c r="A24767" s="2"/>
      <c r="B24767" s="2"/>
      <c r="C24767" s="2"/>
    </row>
    <row r="24768" spans="1:3" ht="19.2">
      <c r="A24768" s="2"/>
      <c r="B24768" s="2"/>
      <c r="C24768" s="2"/>
    </row>
    <row r="24769" spans="1:3" ht="19.2">
      <c r="A24769" s="2"/>
      <c r="B24769" s="2"/>
      <c r="C24769" s="2"/>
    </row>
    <row r="24770" spans="1:3" ht="19.2">
      <c r="A24770" s="2"/>
      <c r="B24770" s="2"/>
      <c r="C24770" s="2"/>
    </row>
    <row r="24771" spans="1:3" ht="19.2">
      <c r="A24771" s="2"/>
      <c r="B24771" s="2"/>
      <c r="C24771" s="2"/>
    </row>
    <row r="24772" spans="1:3" ht="19.2">
      <c r="A24772" s="2"/>
      <c r="B24772" s="2"/>
      <c r="C24772" s="2"/>
    </row>
    <row r="24773" spans="1:3" ht="19.2">
      <c r="A24773" s="2"/>
      <c r="B24773" s="2"/>
      <c r="C24773" s="2"/>
    </row>
    <row r="24774" spans="1:3" ht="19.2">
      <c r="A24774" s="2"/>
      <c r="B24774" s="2"/>
      <c r="C24774" s="2"/>
    </row>
    <row r="24775" spans="1:3" ht="19.2">
      <c r="A24775" s="2"/>
      <c r="B24775" s="2"/>
      <c r="C24775" s="2"/>
    </row>
    <row r="24776" spans="1:3" ht="19.2">
      <c r="A24776" s="2"/>
      <c r="B24776" s="2"/>
      <c r="C24776" s="2"/>
    </row>
    <row r="24777" spans="1:3" ht="19.2">
      <c r="A24777" s="2"/>
      <c r="B24777" s="2"/>
      <c r="C24777" s="2"/>
    </row>
    <row r="24778" spans="1:3" ht="19.2">
      <c r="A24778" s="2"/>
      <c r="B24778" s="2"/>
      <c r="C24778" s="2"/>
    </row>
    <row r="24779" spans="1:3" ht="19.2">
      <c r="A24779" s="2"/>
      <c r="B24779" s="2"/>
      <c r="C24779" s="2"/>
    </row>
    <row r="24780" spans="1:3" ht="19.2">
      <c r="A24780" s="2"/>
      <c r="B24780" s="2"/>
      <c r="C24780" s="2"/>
    </row>
    <row r="24781" spans="1:3" ht="19.2">
      <c r="A24781" s="2"/>
      <c r="B24781" s="2"/>
      <c r="C24781" s="2"/>
    </row>
    <row r="24782" spans="1:3" ht="19.2">
      <c r="A24782" s="2"/>
      <c r="B24782" s="2"/>
      <c r="C24782" s="2"/>
    </row>
    <row r="24783" spans="1:3" ht="19.2">
      <c r="A24783" s="2"/>
      <c r="B24783" s="2"/>
      <c r="C24783" s="2"/>
    </row>
    <row r="24784" spans="1:3" ht="19.2">
      <c r="A24784" s="2"/>
      <c r="B24784" s="2"/>
      <c r="C24784" s="2"/>
    </row>
    <row r="24785" spans="1:3" ht="19.2">
      <c r="A24785" s="2"/>
      <c r="B24785" s="2"/>
      <c r="C24785" s="2"/>
    </row>
    <row r="24786" spans="1:3" ht="19.2">
      <c r="A24786" s="2"/>
      <c r="B24786" s="2"/>
      <c r="C24786" s="2"/>
    </row>
    <row r="24787" spans="1:3" ht="19.2">
      <c r="A24787" s="2"/>
      <c r="B24787" s="2"/>
      <c r="C24787" s="2"/>
    </row>
    <row r="24788" spans="1:3" ht="19.2">
      <c r="A24788" s="2"/>
      <c r="B24788" s="2"/>
      <c r="C24788" s="2"/>
    </row>
    <row r="24789" spans="1:3" ht="19.2">
      <c r="A24789" s="2"/>
      <c r="B24789" s="2"/>
      <c r="C24789" s="2"/>
    </row>
    <row r="24790" spans="1:3" ht="19.2">
      <c r="A24790" s="2"/>
      <c r="B24790" s="2"/>
      <c r="C24790" s="2"/>
    </row>
    <row r="24791" spans="1:3" ht="19.2">
      <c r="A24791" s="2"/>
      <c r="B24791" s="2"/>
      <c r="C24791" s="2"/>
    </row>
    <row r="24792" spans="1:3" ht="19.2">
      <c r="A24792" s="2"/>
      <c r="B24792" s="2"/>
      <c r="C24792" s="2"/>
    </row>
    <row r="24793" spans="1:3" ht="19.2">
      <c r="A24793" s="2"/>
      <c r="B24793" s="2"/>
      <c r="C24793" s="2"/>
    </row>
    <row r="24794" spans="1:3" ht="19.2">
      <c r="A24794" s="2"/>
      <c r="B24794" s="2"/>
      <c r="C24794" s="2"/>
    </row>
    <row r="24795" spans="1:3" ht="19.2">
      <c r="A24795" s="2"/>
      <c r="B24795" s="2"/>
      <c r="C24795" s="2"/>
    </row>
    <row r="24796" spans="1:3" ht="19.2">
      <c r="A24796" s="2"/>
      <c r="B24796" s="2"/>
      <c r="C24796" s="2"/>
    </row>
    <row r="24797" spans="1:3" ht="19.2">
      <c r="A24797" s="2"/>
      <c r="B24797" s="2"/>
      <c r="C24797" s="2"/>
    </row>
    <row r="24798" spans="1:3" ht="19.2">
      <c r="A24798" s="2"/>
      <c r="B24798" s="2"/>
      <c r="C24798" s="2"/>
    </row>
    <row r="24799" spans="1:3" ht="19.2">
      <c r="A24799" s="2"/>
      <c r="B24799" s="2"/>
      <c r="C24799" s="2"/>
    </row>
    <row r="24800" spans="1:3" ht="19.2">
      <c r="A24800" s="2"/>
      <c r="B24800" s="2"/>
      <c r="C24800" s="2"/>
    </row>
    <row r="24801" spans="1:3" ht="19.2">
      <c r="A24801" s="2"/>
      <c r="B24801" s="2"/>
      <c r="C24801" s="2"/>
    </row>
    <row r="24802" spans="1:3" ht="19.2">
      <c r="A24802" s="2"/>
      <c r="B24802" s="2"/>
      <c r="C24802" s="2"/>
    </row>
    <row r="24803" spans="1:3" ht="19.2">
      <c r="A24803" s="2"/>
      <c r="B24803" s="2"/>
      <c r="C24803" s="2"/>
    </row>
    <row r="24804" spans="1:3" ht="19.2">
      <c r="A24804" s="2"/>
      <c r="B24804" s="2"/>
      <c r="C24804" s="2"/>
    </row>
    <row r="24805" spans="1:3" ht="19.2">
      <c r="A24805" s="2"/>
      <c r="B24805" s="2"/>
      <c r="C24805" s="2"/>
    </row>
    <row r="24806" spans="1:3" ht="19.2">
      <c r="A24806" s="2"/>
      <c r="B24806" s="2"/>
      <c r="C24806" s="2"/>
    </row>
    <row r="24807" spans="1:3" ht="19.2">
      <c r="A24807" s="2"/>
      <c r="B24807" s="2"/>
      <c r="C24807" s="2"/>
    </row>
    <row r="24808" spans="1:3" ht="19.2">
      <c r="A24808" s="2"/>
      <c r="B24808" s="2"/>
      <c r="C24808" s="2"/>
    </row>
    <row r="24809" spans="1:3" ht="19.2">
      <c r="A24809" s="2"/>
      <c r="B24809" s="2"/>
      <c r="C24809" s="2"/>
    </row>
    <row r="24810" spans="1:3" ht="19.2">
      <c r="A24810" s="2"/>
      <c r="B24810" s="2"/>
      <c r="C24810" s="2"/>
    </row>
    <row r="24811" spans="1:3" ht="19.2">
      <c r="A24811" s="2"/>
      <c r="B24811" s="2"/>
      <c r="C24811" s="2"/>
    </row>
    <row r="24812" spans="1:3" ht="19.2">
      <c r="A24812" s="2"/>
      <c r="B24812" s="2"/>
      <c r="C24812" s="2"/>
    </row>
    <row r="24813" spans="1:3" ht="19.2">
      <c r="A24813" s="2"/>
      <c r="B24813" s="2"/>
      <c r="C24813" s="2"/>
    </row>
    <row r="24814" spans="1:3" ht="19.2">
      <c r="A24814" s="2"/>
      <c r="B24814" s="2"/>
      <c r="C24814" s="2"/>
    </row>
    <row r="24815" spans="1:3" ht="19.2">
      <c r="A24815" s="2"/>
      <c r="B24815" s="2"/>
      <c r="C24815" s="2"/>
    </row>
    <row r="24816" spans="1:3" ht="19.2">
      <c r="A24816" s="2"/>
      <c r="B24816" s="2"/>
      <c r="C24816" s="2"/>
    </row>
    <row r="24817" spans="1:3" ht="19.2">
      <c r="A24817" s="2"/>
      <c r="B24817" s="2"/>
      <c r="C24817" s="2"/>
    </row>
    <row r="24818" spans="1:3" ht="19.2">
      <c r="A24818" s="2"/>
      <c r="B24818" s="2"/>
      <c r="C24818" s="2"/>
    </row>
    <row r="24819" spans="1:3" ht="19.2">
      <c r="A24819" s="2"/>
      <c r="B24819" s="2"/>
      <c r="C24819" s="2"/>
    </row>
    <row r="24820" spans="1:3" ht="19.2">
      <c r="A24820" s="2"/>
      <c r="B24820" s="2"/>
      <c r="C24820" s="2"/>
    </row>
    <row r="24821" spans="1:3" ht="19.2">
      <c r="A24821" s="2"/>
      <c r="B24821" s="2"/>
      <c r="C24821" s="2"/>
    </row>
    <row r="24822" spans="1:3" ht="19.2">
      <c r="A24822" s="2"/>
      <c r="B24822" s="2"/>
      <c r="C24822" s="2"/>
    </row>
    <row r="24823" spans="1:3" ht="19.2">
      <c r="A24823" s="2"/>
      <c r="B24823" s="2"/>
      <c r="C24823" s="2"/>
    </row>
    <row r="24824" spans="1:3" ht="19.2">
      <c r="A24824" s="2"/>
      <c r="B24824" s="2"/>
      <c r="C24824" s="2"/>
    </row>
    <row r="24825" spans="1:3" ht="19.2">
      <c r="A24825" s="2"/>
      <c r="B24825" s="2"/>
      <c r="C24825" s="2"/>
    </row>
    <row r="24826" spans="1:3" ht="19.2">
      <c r="A24826" s="2"/>
      <c r="B24826" s="2"/>
      <c r="C24826" s="2"/>
    </row>
    <row r="24827" spans="1:3" ht="19.2">
      <c r="A24827" s="2"/>
      <c r="B24827" s="2"/>
      <c r="C24827" s="2"/>
    </row>
    <row r="24828" spans="1:3" ht="19.2">
      <c r="A24828" s="2"/>
      <c r="B24828" s="2"/>
      <c r="C24828" s="2"/>
    </row>
    <row r="24829" spans="1:3" ht="19.2">
      <c r="A24829" s="2"/>
      <c r="B24829" s="2"/>
      <c r="C24829" s="2"/>
    </row>
    <row r="24830" spans="1:3" ht="19.2">
      <c r="A24830" s="2"/>
      <c r="B24830" s="2"/>
      <c r="C24830" s="2"/>
    </row>
    <row r="24831" spans="1:3" ht="19.2">
      <c r="A24831" s="2"/>
      <c r="B24831" s="2"/>
      <c r="C24831" s="2"/>
    </row>
    <row r="24832" spans="1:3" ht="19.2">
      <c r="A24832" s="2"/>
      <c r="B24832" s="2"/>
      <c r="C24832" s="2"/>
    </row>
    <row r="24833" spans="1:3" ht="19.2">
      <c r="A24833" s="2"/>
      <c r="B24833" s="2"/>
      <c r="C24833" s="2"/>
    </row>
    <row r="24834" spans="1:3" ht="19.2">
      <c r="A24834" s="2"/>
      <c r="B24834" s="2"/>
      <c r="C24834" s="2"/>
    </row>
    <row r="24835" spans="1:3" ht="19.2">
      <c r="A24835" s="2"/>
      <c r="B24835" s="2"/>
      <c r="C24835" s="2"/>
    </row>
    <row r="24836" spans="1:3" ht="19.2">
      <c r="A24836" s="2"/>
      <c r="B24836" s="2"/>
      <c r="C24836" s="2"/>
    </row>
    <row r="24837" spans="1:3" ht="19.2">
      <c r="A24837" s="2"/>
      <c r="B24837" s="2"/>
      <c r="C24837" s="2"/>
    </row>
    <row r="24838" spans="1:3" ht="19.2">
      <c r="A24838" s="2"/>
      <c r="B24838" s="2"/>
      <c r="C24838" s="2"/>
    </row>
    <row r="24839" spans="1:3" ht="19.2">
      <c r="A24839" s="2"/>
      <c r="B24839" s="2"/>
      <c r="C24839" s="2"/>
    </row>
    <row r="24840" spans="1:3" ht="19.2">
      <c r="A24840" s="2"/>
      <c r="B24840" s="2"/>
      <c r="C24840" s="2"/>
    </row>
    <row r="24841" spans="1:3" ht="19.2">
      <c r="A24841" s="2"/>
      <c r="B24841" s="2"/>
      <c r="C24841" s="2"/>
    </row>
    <row r="24842" spans="1:3" ht="19.2">
      <c r="A24842" s="2"/>
      <c r="B24842" s="2"/>
      <c r="C24842" s="2"/>
    </row>
    <row r="24843" spans="1:3" ht="19.2">
      <c r="A24843" s="2"/>
      <c r="B24843" s="2"/>
      <c r="C24843" s="2"/>
    </row>
    <row r="24844" spans="1:3" ht="19.2">
      <c r="A24844" s="2"/>
      <c r="B24844" s="2"/>
      <c r="C24844" s="2"/>
    </row>
    <row r="24845" spans="1:3" ht="19.2">
      <c r="A24845" s="2"/>
      <c r="B24845" s="2"/>
      <c r="C24845" s="2"/>
    </row>
    <row r="24846" spans="1:3" ht="19.2">
      <c r="A24846" s="2"/>
      <c r="B24846" s="2"/>
      <c r="C24846" s="2"/>
    </row>
    <row r="24847" spans="1:3" ht="19.2">
      <c r="A24847" s="2"/>
      <c r="B24847" s="2"/>
      <c r="C24847" s="2"/>
    </row>
    <row r="24848" spans="1:3" ht="19.2">
      <c r="A24848" s="2"/>
      <c r="B24848" s="2"/>
      <c r="C24848" s="2"/>
    </row>
    <row r="24849" spans="1:3" ht="19.2">
      <c r="A24849" s="2"/>
      <c r="B24849" s="2"/>
      <c r="C24849" s="2"/>
    </row>
    <row r="24850" spans="1:3" ht="19.2">
      <c r="A24850" s="2"/>
      <c r="B24850" s="2"/>
      <c r="C24850" s="2"/>
    </row>
    <row r="24851" spans="1:3" ht="19.2">
      <c r="A24851" s="2"/>
      <c r="B24851" s="2"/>
      <c r="C24851" s="2"/>
    </row>
    <row r="24852" spans="1:3" ht="19.2">
      <c r="A24852" s="2"/>
      <c r="B24852" s="2"/>
      <c r="C24852" s="2"/>
    </row>
    <row r="24853" spans="1:3" ht="19.2">
      <c r="A24853" s="2"/>
      <c r="B24853" s="2"/>
      <c r="C24853" s="2"/>
    </row>
    <row r="24854" spans="1:3" ht="19.2">
      <c r="A24854" s="2"/>
      <c r="B24854" s="2"/>
      <c r="C24854" s="2"/>
    </row>
    <row r="24855" spans="1:3" ht="19.2">
      <c r="A24855" s="2"/>
      <c r="B24855" s="2"/>
      <c r="C24855" s="2"/>
    </row>
    <row r="24856" spans="1:3" ht="19.2">
      <c r="A24856" s="2"/>
      <c r="B24856" s="2"/>
      <c r="C24856" s="2"/>
    </row>
    <row r="24857" spans="1:3" ht="19.2">
      <c r="A24857" s="2"/>
      <c r="B24857" s="2"/>
      <c r="C24857" s="2"/>
    </row>
    <row r="24858" spans="1:3" ht="19.2">
      <c r="A24858" s="2"/>
      <c r="B24858" s="2"/>
      <c r="C24858" s="2"/>
    </row>
    <row r="24859" spans="1:3" ht="19.2">
      <c r="A24859" s="2"/>
      <c r="B24859" s="2"/>
      <c r="C24859" s="2"/>
    </row>
    <row r="24860" spans="1:3" ht="19.2">
      <c r="A24860" s="2"/>
      <c r="B24860" s="2"/>
      <c r="C24860" s="2"/>
    </row>
    <row r="24861" spans="1:3" ht="19.2">
      <c r="A24861" s="2"/>
      <c r="B24861" s="2"/>
      <c r="C24861" s="2"/>
    </row>
    <row r="24862" spans="1:3" ht="19.2">
      <c r="A24862" s="2"/>
      <c r="B24862" s="2"/>
      <c r="C24862" s="2"/>
    </row>
    <row r="24863" spans="1:3" ht="19.2">
      <c r="A24863" s="2"/>
      <c r="B24863" s="2"/>
      <c r="C24863" s="2"/>
    </row>
    <row r="24864" spans="1:3" ht="19.2">
      <c r="A24864" s="2"/>
      <c r="B24864" s="2"/>
      <c r="C24864" s="2"/>
    </row>
    <row r="24865" spans="1:3" ht="19.2">
      <c r="A24865" s="2"/>
      <c r="B24865" s="2"/>
      <c r="C24865" s="2"/>
    </row>
    <row r="24866" spans="1:3" ht="19.2">
      <c r="A24866" s="2"/>
      <c r="B24866" s="2"/>
      <c r="C24866" s="2"/>
    </row>
    <row r="24867" spans="1:3" ht="19.2">
      <c r="A24867" s="2"/>
      <c r="B24867" s="2"/>
      <c r="C24867" s="2"/>
    </row>
    <row r="24868" spans="1:3" ht="19.2">
      <c r="A24868" s="2"/>
      <c r="B24868" s="2"/>
      <c r="C24868" s="2"/>
    </row>
    <row r="24869" spans="1:3" ht="19.2">
      <c r="A24869" s="2"/>
      <c r="B24869" s="2"/>
      <c r="C24869" s="2"/>
    </row>
    <row r="24870" spans="1:3" ht="19.2">
      <c r="A24870" s="2"/>
      <c r="B24870" s="2"/>
      <c r="C24870" s="2"/>
    </row>
    <row r="24871" spans="1:3" ht="19.2">
      <c r="A24871" s="2"/>
      <c r="B24871" s="2"/>
      <c r="C24871" s="2"/>
    </row>
    <row r="24872" spans="1:3" ht="19.2">
      <c r="A24872" s="2"/>
      <c r="B24872" s="2"/>
      <c r="C24872" s="2"/>
    </row>
    <row r="24873" spans="1:3" ht="19.2">
      <c r="A24873" s="2"/>
      <c r="B24873" s="2"/>
      <c r="C24873" s="2"/>
    </row>
    <row r="24874" spans="1:3" ht="19.2">
      <c r="A24874" s="2"/>
      <c r="B24874" s="2"/>
      <c r="C24874" s="2"/>
    </row>
    <row r="24875" spans="1:3" ht="19.2">
      <c r="A24875" s="2"/>
      <c r="B24875" s="2"/>
      <c r="C24875" s="2"/>
    </row>
    <row r="24876" spans="1:3" ht="19.2">
      <c r="A24876" s="2"/>
      <c r="B24876" s="2"/>
      <c r="C24876" s="2"/>
    </row>
    <row r="24877" spans="1:3" ht="19.2">
      <c r="A24877" s="2"/>
      <c r="B24877" s="2"/>
      <c r="C24877" s="2"/>
    </row>
    <row r="24878" spans="1:3" ht="19.2">
      <c r="A24878" s="2"/>
      <c r="B24878" s="2"/>
      <c r="C24878" s="2"/>
    </row>
    <row r="24879" spans="1:3" ht="19.2">
      <c r="A24879" s="2"/>
      <c r="B24879" s="2"/>
      <c r="C24879" s="2"/>
    </row>
    <row r="24880" spans="1:3" ht="19.2">
      <c r="A24880" s="2"/>
      <c r="B24880" s="2"/>
      <c r="C24880" s="2"/>
    </row>
    <row r="24881" spans="1:3" ht="19.2">
      <c r="A24881" s="2"/>
      <c r="B24881" s="2"/>
      <c r="C24881" s="2"/>
    </row>
    <row r="24882" spans="1:3" ht="19.2">
      <c r="A24882" s="2"/>
      <c r="B24882" s="2"/>
      <c r="C24882" s="2"/>
    </row>
    <row r="24883" spans="1:3" ht="19.2">
      <c r="A24883" s="2"/>
      <c r="B24883" s="2"/>
      <c r="C24883" s="2"/>
    </row>
    <row r="24884" spans="1:3" ht="19.2">
      <c r="A24884" s="2"/>
      <c r="B24884" s="2"/>
      <c r="C24884" s="2"/>
    </row>
    <row r="24885" spans="1:3" ht="19.2">
      <c r="A24885" s="2"/>
      <c r="B24885" s="2"/>
      <c r="C24885" s="2"/>
    </row>
    <row r="24886" spans="1:3" ht="19.2">
      <c r="A24886" s="2"/>
      <c r="B24886" s="2"/>
      <c r="C24886" s="2"/>
    </row>
    <row r="24887" spans="1:3" ht="19.2">
      <c r="A24887" s="2"/>
      <c r="B24887" s="2"/>
      <c r="C24887" s="2"/>
    </row>
    <row r="24888" spans="1:3" ht="19.2">
      <c r="A24888" s="2"/>
      <c r="B24888" s="2"/>
      <c r="C24888" s="2"/>
    </row>
    <row r="24889" spans="1:3" ht="19.2">
      <c r="A24889" s="2"/>
      <c r="B24889" s="2"/>
      <c r="C24889" s="2"/>
    </row>
    <row r="24890" spans="1:3" ht="19.2">
      <c r="A24890" s="2"/>
      <c r="B24890" s="2"/>
      <c r="C24890" s="2"/>
    </row>
    <row r="24891" spans="1:3" ht="19.2">
      <c r="A24891" s="2"/>
      <c r="B24891" s="2"/>
      <c r="C24891" s="2"/>
    </row>
    <row r="24892" spans="1:3" ht="19.2">
      <c r="A24892" s="2"/>
      <c r="B24892" s="2"/>
      <c r="C24892" s="2"/>
    </row>
    <row r="24893" spans="1:3" ht="19.2">
      <c r="A24893" s="2"/>
      <c r="B24893" s="2"/>
      <c r="C24893" s="2"/>
    </row>
    <row r="24894" spans="1:3" ht="19.2">
      <c r="A24894" s="2"/>
      <c r="B24894" s="2"/>
      <c r="C24894" s="2"/>
    </row>
    <row r="24895" spans="1:3" ht="19.2">
      <c r="A24895" s="2"/>
      <c r="B24895" s="2"/>
      <c r="C24895" s="2"/>
    </row>
    <row r="24896" spans="1:3" ht="19.2">
      <c r="A24896" s="2"/>
      <c r="B24896" s="2"/>
      <c r="C24896" s="2"/>
    </row>
    <row r="24897" spans="1:3" ht="19.2">
      <c r="A24897" s="2"/>
      <c r="B24897" s="2"/>
      <c r="C24897" s="2"/>
    </row>
    <row r="24898" spans="1:3" ht="19.2">
      <c r="A24898" s="2"/>
      <c r="B24898" s="2"/>
      <c r="C24898" s="2"/>
    </row>
    <row r="24899" spans="1:3" ht="19.2">
      <c r="A24899" s="2"/>
      <c r="B24899" s="2"/>
      <c r="C24899" s="2"/>
    </row>
    <row r="24900" spans="1:3" ht="19.2">
      <c r="A24900" s="2"/>
      <c r="B24900" s="2"/>
      <c r="C24900" s="2"/>
    </row>
    <row r="24901" spans="1:3" ht="19.2">
      <c r="A24901" s="2"/>
      <c r="B24901" s="2"/>
      <c r="C24901" s="2"/>
    </row>
    <row r="24902" spans="1:3" ht="19.2">
      <c r="A24902" s="2"/>
      <c r="B24902" s="2"/>
      <c r="C24902" s="2"/>
    </row>
    <row r="24903" spans="1:3" ht="19.2">
      <c r="A24903" s="2"/>
      <c r="B24903" s="2"/>
      <c r="C24903" s="2"/>
    </row>
    <row r="24904" spans="1:3" ht="19.2">
      <c r="A24904" s="2"/>
      <c r="B24904" s="2"/>
      <c r="C24904" s="2"/>
    </row>
    <row r="24905" spans="1:3" ht="19.2">
      <c r="A24905" s="2"/>
      <c r="B24905" s="2"/>
      <c r="C24905" s="2"/>
    </row>
    <row r="24906" spans="1:3" ht="19.2">
      <c r="A24906" s="2"/>
      <c r="B24906" s="2"/>
      <c r="C24906" s="2"/>
    </row>
    <row r="24907" spans="1:3" ht="19.2">
      <c r="A24907" s="2"/>
      <c r="B24907" s="2"/>
      <c r="C24907" s="2"/>
    </row>
    <row r="24908" spans="1:3" ht="19.2">
      <c r="A24908" s="2"/>
      <c r="B24908" s="2"/>
      <c r="C24908" s="2"/>
    </row>
    <row r="24909" spans="1:3" ht="19.2">
      <c r="A24909" s="2"/>
      <c r="B24909" s="2"/>
      <c r="C24909" s="2"/>
    </row>
    <row r="24910" spans="1:3" ht="19.2">
      <c r="A24910" s="2"/>
      <c r="B24910" s="2"/>
      <c r="C24910" s="2"/>
    </row>
    <row r="24911" spans="1:3" ht="19.2">
      <c r="A24911" s="2"/>
      <c r="B24911" s="2"/>
      <c r="C24911" s="2"/>
    </row>
    <row r="24912" spans="1:3" ht="19.2">
      <c r="A24912" s="2"/>
      <c r="B24912" s="2"/>
      <c r="C24912" s="2"/>
    </row>
    <row r="24913" spans="1:3" ht="19.2">
      <c r="A24913" s="2"/>
      <c r="B24913" s="2"/>
      <c r="C24913" s="2"/>
    </row>
    <row r="24914" spans="1:3" ht="19.2">
      <c r="A24914" s="2"/>
      <c r="B24914" s="2"/>
      <c r="C24914" s="2"/>
    </row>
    <row r="24915" spans="1:3" ht="19.2">
      <c r="A24915" s="2"/>
      <c r="B24915" s="2"/>
      <c r="C24915" s="2"/>
    </row>
    <row r="24916" spans="1:3" ht="19.2">
      <c r="A24916" s="2"/>
      <c r="B24916" s="2"/>
      <c r="C24916" s="2"/>
    </row>
    <row r="24917" spans="1:3" ht="19.2">
      <c r="A24917" s="2"/>
      <c r="B24917" s="2"/>
      <c r="C24917" s="2"/>
    </row>
    <row r="24918" spans="1:3" ht="19.2">
      <c r="A24918" s="2"/>
      <c r="B24918" s="2"/>
      <c r="C24918" s="2"/>
    </row>
    <row r="24919" spans="1:3" ht="19.2">
      <c r="A24919" s="2"/>
      <c r="B24919" s="2"/>
      <c r="C24919" s="2"/>
    </row>
    <row r="24920" spans="1:3" ht="19.2">
      <c r="A24920" s="2"/>
      <c r="B24920" s="2"/>
      <c r="C24920" s="2"/>
    </row>
    <row r="24921" spans="1:3" ht="19.2">
      <c r="A24921" s="2"/>
      <c r="B24921" s="2"/>
      <c r="C24921" s="2"/>
    </row>
    <row r="24922" spans="1:3" ht="19.2">
      <c r="A24922" s="2"/>
      <c r="B24922" s="2"/>
      <c r="C24922" s="2"/>
    </row>
    <row r="24923" spans="1:3" ht="19.2">
      <c r="A24923" s="2"/>
      <c r="B24923" s="2"/>
      <c r="C24923" s="2"/>
    </row>
    <row r="24924" spans="1:3" ht="19.2">
      <c r="A24924" s="2"/>
      <c r="B24924" s="2"/>
      <c r="C24924" s="2"/>
    </row>
    <row r="24925" spans="1:3" ht="19.2">
      <c r="A24925" s="2"/>
      <c r="B24925" s="2"/>
      <c r="C24925" s="2"/>
    </row>
    <row r="24926" spans="1:3" ht="19.2">
      <c r="A24926" s="2"/>
      <c r="B24926" s="2"/>
      <c r="C24926" s="2"/>
    </row>
    <row r="24927" spans="1:3" ht="19.2">
      <c r="A24927" s="2"/>
      <c r="B24927" s="2"/>
      <c r="C24927" s="2"/>
    </row>
    <row r="24928" spans="1:3" ht="19.2">
      <c r="A24928" s="2"/>
      <c r="B24928" s="2"/>
      <c r="C24928" s="2"/>
    </row>
    <row r="24929" spans="1:3" ht="19.2">
      <c r="A24929" s="2"/>
      <c r="B24929" s="2"/>
      <c r="C24929" s="2"/>
    </row>
    <row r="24930" spans="1:3" ht="19.2">
      <c r="A24930" s="2"/>
      <c r="B24930" s="2"/>
      <c r="C24930" s="2"/>
    </row>
    <row r="24931" spans="1:3" ht="19.2">
      <c r="A24931" s="2"/>
      <c r="B24931" s="2"/>
      <c r="C24931" s="2"/>
    </row>
    <row r="24932" spans="1:3" ht="19.2">
      <c r="A24932" s="2"/>
      <c r="B24932" s="2"/>
      <c r="C24932" s="2"/>
    </row>
    <row r="24933" spans="1:3" ht="19.2">
      <c r="A24933" s="2"/>
      <c r="B24933" s="2"/>
      <c r="C24933" s="2"/>
    </row>
    <row r="24934" spans="1:3" ht="19.2">
      <c r="A24934" s="2"/>
      <c r="B24934" s="2"/>
      <c r="C24934" s="2"/>
    </row>
    <row r="24935" spans="1:3" ht="19.2">
      <c r="A24935" s="2"/>
      <c r="B24935" s="2"/>
      <c r="C24935" s="2"/>
    </row>
    <row r="24936" spans="1:3" ht="19.2">
      <c r="A24936" s="2"/>
      <c r="B24936" s="2"/>
      <c r="C24936" s="2"/>
    </row>
    <row r="24937" spans="1:3" ht="19.2">
      <c r="A24937" s="2"/>
      <c r="B24937" s="2"/>
      <c r="C24937" s="2"/>
    </row>
    <row r="24938" spans="1:3" ht="19.2">
      <c r="A24938" s="2"/>
      <c r="B24938" s="2"/>
      <c r="C24938" s="2"/>
    </row>
    <row r="24939" spans="1:3" ht="19.2">
      <c r="A24939" s="2"/>
      <c r="B24939" s="2"/>
      <c r="C24939" s="2"/>
    </row>
    <row r="24940" spans="1:3" ht="19.2">
      <c r="A24940" s="2"/>
      <c r="B24940" s="2"/>
      <c r="C24940" s="2"/>
    </row>
    <row r="24941" spans="1:3" ht="19.2">
      <c r="A24941" s="2"/>
      <c r="B24941" s="2"/>
      <c r="C24941" s="2"/>
    </row>
    <row r="24942" spans="1:3" ht="19.2">
      <c r="A24942" s="2"/>
      <c r="B24942" s="2"/>
      <c r="C24942" s="2"/>
    </row>
    <row r="24943" spans="1:3" ht="19.2">
      <c r="A24943" s="2"/>
      <c r="B24943" s="2"/>
      <c r="C24943" s="2"/>
    </row>
    <row r="24944" spans="1:3" ht="19.2">
      <c r="A24944" s="2"/>
      <c r="B24944" s="2"/>
      <c r="C24944" s="2"/>
    </row>
    <row r="24945" spans="1:3" ht="19.2">
      <c r="A24945" s="2"/>
      <c r="B24945" s="2"/>
      <c r="C24945" s="2"/>
    </row>
    <row r="24946" spans="1:3" ht="19.2">
      <c r="A24946" s="2"/>
      <c r="B24946" s="2"/>
      <c r="C24946" s="2"/>
    </row>
    <row r="24947" spans="1:3" ht="19.2">
      <c r="A24947" s="2"/>
      <c r="B24947" s="2"/>
      <c r="C24947" s="2"/>
    </row>
    <row r="24948" spans="1:3" ht="19.2">
      <c r="A24948" s="2"/>
      <c r="B24948" s="2"/>
      <c r="C24948" s="2"/>
    </row>
    <row r="24949" spans="1:3" ht="19.2">
      <c r="A24949" s="2"/>
      <c r="B24949" s="2"/>
      <c r="C24949" s="2"/>
    </row>
    <row r="24950" spans="1:3" ht="19.2">
      <c r="A24950" s="2"/>
      <c r="B24950" s="2"/>
      <c r="C24950" s="2"/>
    </row>
    <row r="24951" spans="1:3" ht="19.2">
      <c r="A24951" s="2"/>
      <c r="B24951" s="2"/>
      <c r="C24951" s="2"/>
    </row>
    <row r="24952" spans="1:3" ht="19.2">
      <c r="A24952" s="2"/>
      <c r="B24952" s="2"/>
      <c r="C24952" s="2"/>
    </row>
    <row r="24953" spans="1:3" ht="19.2">
      <c r="A24953" s="2"/>
      <c r="B24953" s="2"/>
      <c r="C24953" s="2"/>
    </row>
    <row r="24954" spans="1:3" ht="19.2">
      <c r="A24954" s="2"/>
      <c r="B24954" s="2"/>
      <c r="C24954" s="2"/>
    </row>
    <row r="24955" spans="1:3" ht="19.2">
      <c r="A24955" s="2"/>
      <c r="B24955" s="2"/>
      <c r="C24955" s="2"/>
    </row>
    <row r="24956" spans="1:3" ht="19.2">
      <c r="A24956" s="2"/>
      <c r="B24956" s="2"/>
      <c r="C24956" s="2"/>
    </row>
    <row r="24957" spans="1:3" ht="19.2">
      <c r="A24957" s="2"/>
      <c r="B24957" s="2"/>
      <c r="C24957" s="2"/>
    </row>
    <row r="24958" spans="1:3" ht="19.2">
      <c r="A24958" s="2"/>
      <c r="B24958" s="2"/>
      <c r="C24958" s="2"/>
    </row>
    <row r="24959" spans="1:3" ht="19.2">
      <c r="A24959" s="2"/>
      <c r="B24959" s="2"/>
      <c r="C24959" s="2"/>
    </row>
    <row r="24960" spans="1:3" ht="19.2">
      <c r="A24960" s="2"/>
      <c r="B24960" s="2"/>
      <c r="C24960" s="2"/>
    </row>
    <row r="24961" spans="1:3" ht="19.2">
      <c r="A24961" s="2"/>
      <c r="B24961" s="2"/>
      <c r="C24961" s="2"/>
    </row>
    <row r="24962" spans="1:3" ht="19.2">
      <c r="A24962" s="2"/>
      <c r="B24962" s="2"/>
      <c r="C24962" s="2"/>
    </row>
    <row r="24963" spans="1:3" ht="19.2">
      <c r="A24963" s="2"/>
      <c r="B24963" s="2"/>
      <c r="C24963" s="2"/>
    </row>
    <row r="24964" spans="1:3" ht="19.2">
      <c r="A24964" s="2"/>
      <c r="B24964" s="2"/>
      <c r="C24964" s="2"/>
    </row>
    <row r="24965" spans="1:3" ht="19.2">
      <c r="A24965" s="2"/>
      <c r="B24965" s="2"/>
      <c r="C24965" s="2"/>
    </row>
    <row r="24966" spans="1:3" ht="19.2">
      <c r="A24966" s="2"/>
      <c r="B24966" s="2"/>
      <c r="C24966" s="2"/>
    </row>
    <row r="24967" spans="1:3" ht="19.2">
      <c r="A24967" s="2"/>
      <c r="B24967" s="2"/>
      <c r="C24967" s="2"/>
    </row>
    <row r="24968" spans="1:3" ht="19.2">
      <c r="A24968" s="2"/>
      <c r="B24968" s="2"/>
      <c r="C24968" s="2"/>
    </row>
    <row r="24969" spans="1:3" ht="19.2">
      <c r="A24969" s="2"/>
      <c r="B24969" s="2"/>
      <c r="C24969" s="2"/>
    </row>
    <row r="24970" spans="1:3" ht="19.2">
      <c r="A24970" s="2"/>
      <c r="B24970" s="2"/>
      <c r="C24970" s="2"/>
    </row>
    <row r="24971" spans="1:3" ht="19.2">
      <c r="A24971" s="2"/>
      <c r="B24971" s="2"/>
      <c r="C24971" s="2"/>
    </row>
    <row r="24972" spans="1:3" ht="19.2">
      <c r="A24972" s="2"/>
      <c r="B24972" s="2"/>
      <c r="C24972" s="2"/>
    </row>
    <row r="24973" spans="1:3" ht="19.2">
      <c r="A24973" s="2"/>
      <c r="B24973" s="2"/>
      <c r="C24973" s="2"/>
    </row>
    <row r="24974" spans="1:3" ht="19.2">
      <c r="A24974" s="2"/>
      <c r="B24974" s="2"/>
      <c r="C24974" s="2"/>
    </row>
    <row r="24975" spans="1:3" ht="19.2">
      <c r="A24975" s="2"/>
      <c r="B24975" s="2"/>
      <c r="C24975" s="2"/>
    </row>
    <row r="24976" spans="1:3" ht="19.2">
      <c r="A24976" s="2"/>
      <c r="B24976" s="2"/>
      <c r="C24976" s="2"/>
    </row>
    <row r="24977" spans="1:3" ht="19.2">
      <c r="A24977" s="2"/>
      <c r="B24977" s="2"/>
      <c r="C24977" s="2"/>
    </row>
    <row r="24978" spans="1:3" ht="19.2">
      <c r="A24978" s="2"/>
      <c r="B24978" s="2"/>
      <c r="C24978" s="2"/>
    </row>
    <row r="24979" spans="1:3" ht="19.2">
      <c r="A24979" s="2"/>
      <c r="B24979" s="2"/>
      <c r="C24979" s="2"/>
    </row>
    <row r="24980" spans="1:3" ht="19.2">
      <c r="A24980" s="2"/>
      <c r="B24980" s="2"/>
      <c r="C24980" s="2"/>
    </row>
    <row r="24981" spans="1:3" ht="19.2">
      <c r="A24981" s="2"/>
      <c r="B24981" s="2"/>
      <c r="C24981" s="2"/>
    </row>
    <row r="24982" spans="1:3" ht="19.2">
      <c r="A24982" s="2"/>
      <c r="B24982" s="2"/>
      <c r="C24982" s="2"/>
    </row>
    <row r="24983" spans="1:3" ht="19.2">
      <c r="A24983" s="2"/>
      <c r="B24983" s="2"/>
      <c r="C24983" s="2"/>
    </row>
    <row r="24984" spans="1:3" ht="19.2">
      <c r="A24984" s="2"/>
      <c r="B24984" s="2"/>
      <c r="C24984" s="2"/>
    </row>
    <row r="24985" spans="1:3" ht="19.2">
      <c r="A24985" s="2"/>
      <c r="B24985" s="2"/>
      <c r="C24985" s="2"/>
    </row>
    <row r="24986" spans="1:3" ht="19.2">
      <c r="A24986" s="2"/>
      <c r="B24986" s="2"/>
      <c r="C24986" s="2"/>
    </row>
    <row r="24987" spans="1:3" ht="19.2">
      <c r="A24987" s="2"/>
      <c r="B24987" s="2"/>
      <c r="C24987" s="2"/>
    </row>
    <row r="24988" spans="1:3" ht="19.2">
      <c r="A24988" s="2"/>
      <c r="B24988" s="2"/>
      <c r="C24988" s="2"/>
    </row>
    <row r="24989" spans="1:3" ht="19.2">
      <c r="A24989" s="2"/>
      <c r="B24989" s="2"/>
      <c r="C24989" s="2"/>
    </row>
    <row r="24990" spans="1:3" ht="19.2">
      <c r="A24990" s="2"/>
      <c r="B24990" s="2"/>
      <c r="C24990" s="2"/>
    </row>
    <row r="24991" spans="1:3" ht="19.2">
      <c r="A24991" s="2"/>
      <c r="B24991" s="2"/>
      <c r="C24991" s="2"/>
    </row>
    <row r="24992" spans="1:3" ht="19.2">
      <c r="A24992" s="2"/>
      <c r="B24992" s="2"/>
      <c r="C24992" s="2"/>
    </row>
    <row r="24993" spans="1:3" ht="19.2">
      <c r="A24993" s="2"/>
      <c r="B24993" s="2"/>
      <c r="C24993" s="2"/>
    </row>
    <row r="24994" spans="1:3" ht="19.2">
      <c r="A24994" s="2"/>
      <c r="B24994" s="2"/>
      <c r="C24994" s="2"/>
    </row>
    <row r="24995" spans="1:3" ht="19.2">
      <c r="A24995" s="2"/>
      <c r="B24995" s="2"/>
      <c r="C24995" s="2"/>
    </row>
    <row r="24996" spans="1:3" ht="19.2">
      <c r="A24996" s="2"/>
      <c r="B24996" s="2"/>
      <c r="C24996" s="2"/>
    </row>
    <row r="24997" spans="1:3" ht="19.2">
      <c r="A24997" s="2"/>
      <c r="B24997" s="2"/>
      <c r="C24997" s="2"/>
    </row>
    <row r="24998" spans="1:3" ht="19.2">
      <c r="A24998" s="2"/>
      <c r="B24998" s="2"/>
      <c r="C24998" s="2"/>
    </row>
    <row r="24999" spans="1:3" ht="19.2">
      <c r="A24999" s="2"/>
      <c r="B24999" s="2"/>
      <c r="C24999" s="2"/>
    </row>
    <row r="25000" spans="1:3" ht="19.2">
      <c r="A25000" s="2"/>
      <c r="B25000" s="2"/>
      <c r="C25000" s="2"/>
    </row>
    <row r="25001" spans="1:3" ht="19.2">
      <c r="A25001" s="2"/>
      <c r="B25001" s="2"/>
      <c r="C25001" s="2"/>
    </row>
    <row r="25002" spans="1:3" ht="19.2">
      <c r="A25002" s="2"/>
      <c r="B25002" s="2"/>
      <c r="C25002" s="2"/>
    </row>
    <row r="25003" spans="1:3" ht="19.2">
      <c r="A25003" s="2"/>
      <c r="B25003" s="2"/>
      <c r="C25003" s="2"/>
    </row>
    <row r="25004" spans="1:3" ht="19.2">
      <c r="A25004" s="2"/>
      <c r="B25004" s="2"/>
      <c r="C25004" s="2"/>
    </row>
    <row r="25005" spans="1:3" ht="19.2">
      <c r="A25005" s="2"/>
      <c r="B25005" s="2"/>
      <c r="C25005" s="2"/>
    </row>
    <row r="25006" spans="1:3" ht="19.2">
      <c r="A25006" s="2"/>
      <c r="B25006" s="2"/>
      <c r="C25006" s="2"/>
    </row>
    <row r="25007" spans="1:3" ht="19.2">
      <c r="A25007" s="2"/>
      <c r="B25007" s="2"/>
      <c r="C25007" s="2"/>
    </row>
    <row r="25008" spans="1:3" ht="19.2">
      <c r="A25008" s="2"/>
      <c r="B25008" s="2"/>
      <c r="C25008" s="2"/>
    </row>
    <row r="25009" spans="1:3" ht="19.2">
      <c r="A25009" s="2"/>
      <c r="B25009" s="2"/>
      <c r="C25009" s="2"/>
    </row>
    <row r="25010" spans="1:3" ht="19.2">
      <c r="A25010" s="2"/>
      <c r="B25010" s="2"/>
      <c r="C25010" s="2"/>
    </row>
    <row r="25011" spans="1:3" ht="19.2">
      <c r="A25011" s="2"/>
      <c r="B25011" s="2"/>
      <c r="C25011" s="2"/>
    </row>
    <row r="25012" spans="1:3" ht="19.2">
      <c r="A25012" s="2"/>
      <c r="B25012" s="2"/>
      <c r="C25012" s="2"/>
    </row>
    <row r="25013" spans="1:3" ht="19.2">
      <c r="A25013" s="2"/>
      <c r="B25013" s="2"/>
      <c r="C25013" s="2"/>
    </row>
    <row r="25014" spans="1:3" ht="19.2">
      <c r="A25014" s="2"/>
      <c r="B25014" s="2"/>
      <c r="C25014" s="2"/>
    </row>
    <row r="25015" spans="1:3" ht="19.2">
      <c r="A25015" s="2"/>
      <c r="B25015" s="2"/>
      <c r="C25015" s="2"/>
    </row>
    <row r="25016" spans="1:3" ht="19.2">
      <c r="A25016" s="2"/>
      <c r="B25016" s="2"/>
      <c r="C25016" s="2"/>
    </row>
    <row r="25017" spans="1:3" ht="19.2">
      <c r="A25017" s="2"/>
      <c r="B25017" s="2"/>
      <c r="C25017" s="2"/>
    </row>
    <row r="25018" spans="1:3" ht="19.2">
      <c r="A25018" s="2"/>
      <c r="B25018" s="2"/>
      <c r="C25018" s="2"/>
    </row>
    <row r="25019" spans="1:3" ht="19.2">
      <c r="A25019" s="2"/>
      <c r="B25019" s="2"/>
      <c r="C25019" s="2"/>
    </row>
    <row r="25020" spans="1:3" ht="19.2">
      <c r="A25020" s="2"/>
      <c r="B25020" s="2"/>
      <c r="C25020" s="2"/>
    </row>
    <row r="25021" spans="1:3" ht="19.2">
      <c r="A25021" s="2"/>
      <c r="B25021" s="2"/>
      <c r="C25021" s="2"/>
    </row>
    <row r="25022" spans="1:3" ht="19.2">
      <c r="A25022" s="2"/>
      <c r="B25022" s="2"/>
      <c r="C25022" s="2"/>
    </row>
    <row r="25023" spans="1:3" ht="19.2">
      <c r="A25023" s="2"/>
      <c r="B25023" s="2"/>
      <c r="C25023" s="2"/>
    </row>
    <row r="25024" spans="1:3" ht="19.2">
      <c r="A25024" s="2"/>
      <c r="B25024" s="2"/>
      <c r="C25024" s="2"/>
    </row>
    <row r="25025" spans="1:3" ht="19.2">
      <c r="A25025" s="2"/>
      <c r="B25025" s="2"/>
      <c r="C25025" s="2"/>
    </row>
    <row r="25026" spans="1:3" ht="19.2">
      <c r="A25026" s="2"/>
      <c r="B25026" s="2"/>
      <c r="C25026" s="2"/>
    </row>
    <row r="25027" spans="1:3" ht="19.2">
      <c r="A25027" s="2"/>
      <c r="B25027" s="2"/>
      <c r="C25027" s="2"/>
    </row>
    <row r="25028" spans="1:3" ht="19.2">
      <c r="A25028" s="2"/>
      <c r="B25028" s="2"/>
      <c r="C25028" s="2"/>
    </row>
    <row r="25029" spans="1:3" ht="19.2">
      <c r="A25029" s="2"/>
      <c r="B25029" s="2"/>
      <c r="C25029" s="2"/>
    </row>
    <row r="25030" spans="1:3" ht="19.2">
      <c r="A25030" s="2"/>
      <c r="B25030" s="2"/>
      <c r="C25030" s="2"/>
    </row>
    <row r="25031" spans="1:3" ht="19.2">
      <c r="A25031" s="2"/>
      <c r="B25031" s="2"/>
      <c r="C25031" s="2"/>
    </row>
    <row r="25032" spans="1:3" ht="19.2">
      <c r="A25032" s="2"/>
      <c r="B25032" s="2"/>
      <c r="C25032" s="2"/>
    </row>
    <row r="25033" spans="1:3" ht="19.2">
      <c r="A25033" s="2"/>
      <c r="B25033" s="2"/>
      <c r="C25033" s="2"/>
    </row>
    <row r="25034" spans="1:3" ht="19.2">
      <c r="A25034" s="2"/>
      <c r="B25034" s="2"/>
      <c r="C25034" s="2"/>
    </row>
    <row r="25035" spans="1:3" ht="19.2">
      <c r="A25035" s="2"/>
      <c r="B25035" s="2"/>
      <c r="C25035" s="2"/>
    </row>
    <row r="25036" spans="1:3" ht="19.2">
      <c r="A25036" s="2"/>
      <c r="B25036" s="2"/>
      <c r="C25036" s="2"/>
    </row>
    <row r="25037" spans="1:3" ht="19.2">
      <c r="A25037" s="2"/>
      <c r="B25037" s="2"/>
      <c r="C25037" s="2"/>
    </row>
    <row r="25038" spans="1:3" ht="19.2">
      <c r="A25038" s="2"/>
      <c r="B25038" s="2"/>
      <c r="C25038" s="2"/>
    </row>
    <row r="25039" spans="1:3" ht="19.2">
      <c r="A25039" s="2"/>
      <c r="B25039" s="2"/>
      <c r="C25039" s="2"/>
    </row>
    <row r="25040" spans="1:3" ht="19.2">
      <c r="A25040" s="2"/>
      <c r="B25040" s="2"/>
      <c r="C25040" s="2"/>
    </row>
    <row r="25041" spans="1:3" ht="19.2">
      <c r="A25041" s="2"/>
      <c r="B25041" s="2"/>
      <c r="C25041" s="2"/>
    </row>
    <row r="25042" spans="1:3" ht="19.2">
      <c r="A25042" s="2"/>
      <c r="B25042" s="2"/>
      <c r="C25042" s="2"/>
    </row>
    <row r="25043" spans="1:3" ht="19.2">
      <c r="A25043" s="2"/>
      <c r="B25043" s="2"/>
      <c r="C25043" s="2"/>
    </row>
    <row r="25044" spans="1:3" ht="19.2">
      <c r="A25044" s="2"/>
      <c r="B25044" s="2"/>
      <c r="C25044" s="2"/>
    </row>
    <row r="25045" spans="1:3" ht="19.2">
      <c r="A25045" s="2"/>
      <c r="B25045" s="2"/>
      <c r="C25045" s="2"/>
    </row>
    <row r="25046" spans="1:3" ht="19.2">
      <c r="A25046" s="2"/>
      <c r="B25046" s="2"/>
      <c r="C25046" s="2"/>
    </row>
    <row r="25047" spans="1:3" ht="19.2">
      <c r="A25047" s="2"/>
      <c r="B25047" s="2"/>
      <c r="C25047" s="2"/>
    </row>
    <row r="25048" spans="1:3" ht="19.2">
      <c r="A25048" s="2"/>
      <c r="B25048" s="2"/>
      <c r="C25048" s="2"/>
    </row>
    <row r="25049" spans="1:3" ht="19.2">
      <c r="A25049" s="2"/>
      <c r="B25049" s="2"/>
      <c r="C25049" s="2"/>
    </row>
    <row r="25050" spans="1:3" ht="19.2">
      <c r="A25050" s="2"/>
      <c r="B25050" s="2"/>
      <c r="C25050" s="2"/>
    </row>
    <row r="25051" spans="1:3" ht="19.2">
      <c r="A25051" s="2"/>
      <c r="B25051" s="2"/>
      <c r="C25051" s="2"/>
    </row>
    <row r="25052" spans="1:3" ht="19.2">
      <c r="A25052" s="2"/>
      <c r="B25052" s="2"/>
      <c r="C25052" s="2"/>
    </row>
    <row r="25053" spans="1:3" ht="19.2">
      <c r="A25053" s="2"/>
      <c r="B25053" s="2"/>
      <c r="C25053" s="2"/>
    </row>
    <row r="25054" spans="1:3" ht="19.2">
      <c r="A25054" s="2"/>
      <c r="B25054" s="2"/>
      <c r="C25054" s="2"/>
    </row>
    <row r="25055" spans="1:3" ht="19.2">
      <c r="A25055" s="2"/>
      <c r="B25055" s="2"/>
      <c r="C25055" s="2"/>
    </row>
    <row r="25056" spans="1:3" ht="19.2">
      <c r="A25056" s="2"/>
      <c r="B25056" s="2"/>
      <c r="C25056" s="2"/>
    </row>
    <row r="25057" spans="1:3" ht="19.2">
      <c r="A25057" s="2"/>
      <c r="B25057" s="2"/>
      <c r="C25057" s="2"/>
    </row>
    <row r="25058" spans="1:3" ht="19.2">
      <c r="A25058" s="2"/>
      <c r="B25058" s="2"/>
      <c r="C25058" s="2"/>
    </row>
    <row r="25059" spans="1:3" ht="19.2">
      <c r="A25059" s="2"/>
      <c r="B25059" s="2"/>
      <c r="C25059" s="2"/>
    </row>
    <row r="25060" spans="1:3" ht="19.2">
      <c r="A25060" s="2"/>
      <c r="B25060" s="2"/>
      <c r="C25060" s="2"/>
    </row>
    <row r="25061" spans="1:3" ht="19.2">
      <c r="A25061" s="2"/>
      <c r="B25061" s="2"/>
      <c r="C25061" s="2"/>
    </row>
    <row r="25062" spans="1:3" ht="19.2">
      <c r="A25062" s="2"/>
      <c r="B25062" s="2"/>
      <c r="C25062" s="2"/>
    </row>
    <row r="25063" spans="1:3" ht="19.2">
      <c r="A25063" s="2"/>
      <c r="B25063" s="2"/>
      <c r="C25063" s="2"/>
    </row>
    <row r="25064" spans="1:3" ht="19.2">
      <c r="A25064" s="2"/>
      <c r="B25064" s="2"/>
      <c r="C25064" s="2"/>
    </row>
    <row r="25065" spans="1:3" ht="19.2">
      <c r="A25065" s="2"/>
      <c r="B25065" s="2"/>
      <c r="C25065" s="2"/>
    </row>
    <row r="25066" spans="1:3" ht="19.2">
      <c r="A25066" s="2"/>
      <c r="B25066" s="2"/>
      <c r="C25066" s="2"/>
    </row>
    <row r="25067" spans="1:3" ht="19.2">
      <c r="A25067" s="2"/>
      <c r="B25067" s="2"/>
      <c r="C25067" s="2"/>
    </row>
    <row r="25068" spans="1:3" ht="19.2">
      <c r="A25068" s="2"/>
      <c r="B25068" s="2"/>
      <c r="C25068" s="2"/>
    </row>
    <row r="25069" spans="1:3" ht="19.2">
      <c r="A25069" s="2"/>
      <c r="B25069" s="2"/>
      <c r="C25069" s="2"/>
    </row>
    <row r="25070" spans="1:3" ht="19.2">
      <c r="A25070" s="2"/>
      <c r="B25070" s="2"/>
      <c r="C25070" s="2"/>
    </row>
    <row r="25071" spans="1:3" ht="19.2">
      <c r="A25071" s="2"/>
      <c r="B25071" s="2"/>
      <c r="C25071" s="2"/>
    </row>
    <row r="25072" spans="1:3" ht="19.2">
      <c r="A25072" s="2"/>
      <c r="B25072" s="2"/>
      <c r="C25072" s="2"/>
    </row>
    <row r="25073" spans="1:3" ht="19.2">
      <c r="A25073" s="2"/>
      <c r="B25073" s="2"/>
      <c r="C25073" s="2"/>
    </row>
    <row r="25074" spans="1:3" ht="19.2">
      <c r="A25074" s="2"/>
      <c r="B25074" s="2"/>
      <c r="C25074" s="2"/>
    </row>
    <row r="25075" spans="1:3" ht="19.2">
      <c r="A25075" s="2"/>
      <c r="B25075" s="2"/>
      <c r="C25075" s="2"/>
    </row>
    <row r="25076" spans="1:3" ht="19.2">
      <c r="A25076" s="2"/>
      <c r="B25076" s="2"/>
      <c r="C25076" s="2"/>
    </row>
    <row r="25077" spans="1:3" ht="19.2">
      <c r="A25077" s="2"/>
      <c r="B25077" s="2"/>
      <c r="C25077" s="2"/>
    </row>
    <row r="25078" spans="1:3" ht="19.2">
      <c r="A25078" s="2"/>
      <c r="B25078" s="2"/>
      <c r="C25078" s="2"/>
    </row>
    <row r="25079" spans="1:3" ht="19.2">
      <c r="A25079" s="2"/>
      <c r="B25079" s="2"/>
      <c r="C25079" s="2"/>
    </row>
    <row r="25080" spans="1:3" ht="19.2">
      <c r="A25080" s="2"/>
      <c r="B25080" s="2"/>
      <c r="C25080" s="2"/>
    </row>
    <row r="25081" spans="1:3" ht="19.2">
      <c r="A25081" s="2"/>
      <c r="B25081" s="2"/>
      <c r="C25081" s="2"/>
    </row>
    <row r="25082" spans="1:3" ht="19.2">
      <c r="A25082" s="2"/>
      <c r="B25082" s="2"/>
      <c r="C25082" s="2"/>
    </row>
    <row r="25083" spans="1:3" ht="19.2">
      <c r="A25083" s="2"/>
      <c r="B25083" s="2"/>
      <c r="C25083" s="2"/>
    </row>
    <row r="25084" spans="1:3" ht="19.2">
      <c r="A25084" s="2"/>
      <c r="B25084" s="2"/>
      <c r="C25084" s="2"/>
    </row>
    <row r="25085" spans="1:3" ht="19.2">
      <c r="A25085" s="2"/>
      <c r="B25085" s="2"/>
      <c r="C25085" s="2"/>
    </row>
    <row r="25086" spans="1:3" ht="19.2">
      <c r="A25086" s="2"/>
      <c r="B25086" s="2"/>
      <c r="C25086" s="2"/>
    </row>
    <row r="25087" spans="1:3" ht="19.2">
      <c r="A25087" s="2"/>
      <c r="B25087" s="2"/>
      <c r="C25087" s="2"/>
    </row>
    <row r="25088" spans="1:3" ht="19.2">
      <c r="A25088" s="2"/>
      <c r="B25088" s="2"/>
      <c r="C25088" s="2"/>
    </row>
    <row r="25089" spans="1:3" ht="19.2">
      <c r="A25089" s="2"/>
      <c r="B25089" s="2"/>
      <c r="C25089" s="2"/>
    </row>
    <row r="25090" spans="1:3" ht="19.2">
      <c r="A25090" s="2"/>
      <c r="B25090" s="2"/>
      <c r="C25090" s="2"/>
    </row>
    <row r="25091" spans="1:3" ht="19.2">
      <c r="A25091" s="2"/>
      <c r="B25091" s="2"/>
      <c r="C25091" s="2"/>
    </row>
    <row r="25092" spans="1:3" ht="19.2">
      <c r="A25092" s="2"/>
      <c r="B25092" s="2"/>
      <c r="C25092" s="2"/>
    </row>
    <row r="25093" spans="1:3" ht="19.2">
      <c r="A25093" s="2"/>
      <c r="B25093" s="2"/>
      <c r="C25093" s="2"/>
    </row>
    <row r="25094" spans="1:3" ht="19.2">
      <c r="A25094" s="2"/>
      <c r="B25094" s="2"/>
      <c r="C25094" s="2"/>
    </row>
    <row r="25095" spans="1:3" ht="19.2">
      <c r="A25095" s="2"/>
      <c r="B25095" s="2"/>
      <c r="C25095" s="2"/>
    </row>
    <row r="25096" spans="1:3" ht="19.2">
      <c r="A25096" s="2"/>
      <c r="B25096" s="2"/>
      <c r="C25096" s="2"/>
    </row>
    <row r="25097" spans="1:3" ht="19.2">
      <c r="A25097" s="2"/>
      <c r="B25097" s="2"/>
      <c r="C25097" s="2"/>
    </row>
    <row r="25098" spans="1:3" ht="19.2">
      <c r="A25098" s="2"/>
      <c r="B25098" s="2"/>
      <c r="C25098" s="2"/>
    </row>
    <row r="25099" spans="1:3" ht="19.2">
      <c r="A25099" s="2"/>
      <c r="B25099" s="2"/>
      <c r="C25099" s="2"/>
    </row>
    <row r="25100" spans="1:3" ht="19.2">
      <c r="A25100" s="2"/>
      <c r="B25100" s="2"/>
      <c r="C25100" s="2"/>
    </row>
    <row r="25101" spans="1:3" ht="19.2">
      <c r="A25101" s="2"/>
      <c r="B25101" s="2"/>
      <c r="C25101" s="2"/>
    </row>
    <row r="25102" spans="1:3" ht="19.2">
      <c r="A25102" s="2"/>
      <c r="B25102" s="2"/>
      <c r="C25102" s="2"/>
    </row>
    <row r="25103" spans="1:3" ht="19.2">
      <c r="A25103" s="2"/>
      <c r="B25103" s="2"/>
      <c r="C25103" s="2"/>
    </row>
    <row r="25104" spans="1:3" ht="19.2">
      <c r="A25104" s="2"/>
      <c r="B25104" s="2"/>
      <c r="C25104" s="2"/>
    </row>
    <row r="25105" spans="1:3" ht="19.2">
      <c r="A25105" s="2"/>
      <c r="B25105" s="2"/>
      <c r="C25105" s="2"/>
    </row>
    <row r="25106" spans="1:3" ht="19.2">
      <c r="A25106" s="2"/>
      <c r="B25106" s="2"/>
      <c r="C25106" s="2"/>
    </row>
    <row r="25107" spans="1:3" ht="19.2">
      <c r="A25107" s="2"/>
      <c r="B25107" s="2"/>
      <c r="C25107" s="2"/>
    </row>
    <row r="25108" spans="1:3" ht="19.2">
      <c r="A25108" s="2"/>
      <c r="B25108" s="2"/>
      <c r="C25108" s="2"/>
    </row>
    <row r="25109" spans="1:3" ht="19.2">
      <c r="A25109" s="2"/>
      <c r="B25109" s="2"/>
      <c r="C25109" s="2"/>
    </row>
    <row r="25110" spans="1:3" ht="19.2">
      <c r="A25110" s="2"/>
      <c r="B25110" s="2"/>
      <c r="C25110" s="2"/>
    </row>
    <row r="25111" spans="1:3" ht="19.2">
      <c r="A25111" s="2"/>
      <c r="B25111" s="2"/>
      <c r="C25111" s="2"/>
    </row>
    <row r="25112" spans="1:3" ht="19.2">
      <c r="A25112" s="2"/>
      <c r="B25112" s="2"/>
      <c r="C25112" s="2"/>
    </row>
    <row r="25113" spans="1:3" ht="19.2">
      <c r="A25113" s="2"/>
      <c r="B25113" s="2"/>
      <c r="C25113" s="2"/>
    </row>
    <row r="25114" spans="1:3" ht="19.2">
      <c r="A25114" s="2"/>
      <c r="B25114" s="2"/>
      <c r="C25114" s="2"/>
    </row>
    <row r="25115" spans="1:3" ht="19.2">
      <c r="A25115" s="2"/>
      <c r="B25115" s="2"/>
      <c r="C25115" s="2"/>
    </row>
    <row r="25116" spans="1:3" ht="19.2">
      <c r="A25116" s="2"/>
      <c r="B25116" s="2"/>
      <c r="C25116" s="2"/>
    </row>
    <row r="25117" spans="1:3" ht="19.2">
      <c r="A25117" s="2"/>
      <c r="B25117" s="2"/>
      <c r="C25117" s="2"/>
    </row>
    <row r="25118" spans="1:3" ht="19.2">
      <c r="A25118" s="2"/>
      <c r="B25118" s="2"/>
      <c r="C25118" s="2"/>
    </row>
    <row r="25119" spans="1:3" ht="19.2">
      <c r="A25119" s="2"/>
      <c r="B25119" s="2"/>
      <c r="C25119" s="2"/>
    </row>
    <row r="25120" spans="1:3" ht="19.2">
      <c r="A25120" s="2"/>
      <c r="B25120" s="2"/>
      <c r="C25120" s="2"/>
    </row>
    <row r="25121" spans="1:3" ht="19.2">
      <c r="A25121" s="2"/>
      <c r="B25121" s="2"/>
      <c r="C25121" s="2"/>
    </row>
    <row r="25122" spans="1:3" ht="19.2">
      <c r="A25122" s="2"/>
      <c r="B25122" s="2"/>
      <c r="C25122" s="2"/>
    </row>
    <row r="25123" spans="1:3" ht="19.2">
      <c r="A25123" s="2"/>
      <c r="B25123" s="2"/>
      <c r="C25123" s="2"/>
    </row>
    <row r="25124" spans="1:3" ht="19.2">
      <c r="A25124" s="2"/>
      <c r="B25124" s="2"/>
      <c r="C25124" s="2"/>
    </row>
    <row r="25125" spans="1:3" ht="19.2">
      <c r="A25125" s="2"/>
      <c r="B25125" s="2"/>
      <c r="C25125" s="2"/>
    </row>
    <row r="25126" spans="1:3" ht="19.2">
      <c r="A25126" s="2"/>
      <c r="B25126" s="2"/>
      <c r="C25126" s="2"/>
    </row>
    <row r="25127" spans="1:3" ht="19.2">
      <c r="A25127" s="2"/>
      <c r="B25127" s="2"/>
      <c r="C25127" s="2"/>
    </row>
    <row r="25128" spans="1:3" ht="19.2">
      <c r="A25128" s="2"/>
      <c r="B25128" s="2"/>
      <c r="C25128" s="2"/>
    </row>
    <row r="25129" spans="1:3" ht="19.2">
      <c r="A25129" s="2"/>
      <c r="B25129" s="2"/>
      <c r="C25129" s="2"/>
    </row>
    <row r="25130" spans="1:3" ht="19.2">
      <c r="A25130" s="2"/>
      <c r="B25130" s="2"/>
      <c r="C25130" s="2"/>
    </row>
    <row r="25131" spans="1:3" ht="19.2">
      <c r="A25131" s="2"/>
      <c r="B25131" s="2"/>
      <c r="C25131" s="2"/>
    </row>
    <row r="25132" spans="1:3" ht="19.2">
      <c r="A25132" s="2"/>
      <c r="B25132" s="2"/>
      <c r="C25132" s="2"/>
    </row>
    <row r="25133" spans="1:3" ht="19.2">
      <c r="A25133" s="2"/>
      <c r="B25133" s="2"/>
      <c r="C25133" s="2"/>
    </row>
    <row r="25134" spans="1:3" ht="19.2">
      <c r="A25134" s="2"/>
      <c r="B25134" s="2"/>
      <c r="C25134" s="2"/>
    </row>
    <row r="25135" spans="1:3" ht="19.2">
      <c r="A25135" s="2"/>
      <c r="B25135" s="2"/>
      <c r="C25135" s="2"/>
    </row>
    <row r="25136" spans="1:3" ht="19.2">
      <c r="A25136" s="2"/>
      <c r="B25136" s="2"/>
      <c r="C25136" s="2"/>
    </row>
    <row r="25137" spans="1:3" ht="19.2">
      <c r="A25137" s="2"/>
      <c r="B25137" s="2"/>
      <c r="C25137" s="2"/>
    </row>
    <row r="25138" spans="1:3" ht="19.2">
      <c r="A25138" s="2"/>
      <c r="B25138" s="2"/>
      <c r="C25138" s="2"/>
    </row>
    <row r="25139" spans="1:3" ht="19.2">
      <c r="A25139" s="2"/>
      <c r="B25139" s="2"/>
      <c r="C25139" s="2"/>
    </row>
    <row r="25140" spans="1:3" ht="19.2">
      <c r="A25140" s="2"/>
      <c r="B25140" s="2"/>
      <c r="C25140" s="2"/>
    </row>
    <row r="25141" spans="1:3" ht="19.2">
      <c r="A25141" s="2"/>
      <c r="B25141" s="2"/>
      <c r="C25141" s="2"/>
    </row>
    <row r="25142" spans="1:3" ht="19.2">
      <c r="A25142" s="2"/>
      <c r="B25142" s="2"/>
      <c r="C25142" s="2"/>
    </row>
    <row r="25143" spans="1:3" ht="19.2">
      <c r="A25143" s="2"/>
      <c r="B25143" s="2"/>
      <c r="C25143" s="2"/>
    </row>
    <row r="25144" spans="1:3" ht="19.2">
      <c r="A25144" s="2"/>
      <c r="B25144" s="2"/>
      <c r="C25144" s="2"/>
    </row>
    <row r="25145" spans="1:3" ht="19.2">
      <c r="A25145" s="2"/>
      <c r="B25145" s="2"/>
      <c r="C25145" s="2"/>
    </row>
    <row r="25146" spans="1:3" ht="19.2">
      <c r="A25146" s="2"/>
      <c r="B25146" s="2"/>
      <c r="C25146" s="2"/>
    </row>
    <row r="25147" spans="1:3" ht="19.2">
      <c r="A25147" s="2"/>
      <c r="B25147" s="2"/>
      <c r="C25147" s="2"/>
    </row>
    <row r="25148" spans="1:3" ht="19.2">
      <c r="A25148" s="2"/>
      <c r="B25148" s="2"/>
      <c r="C25148" s="2"/>
    </row>
    <row r="25149" spans="1:3" ht="19.2">
      <c r="A25149" s="2"/>
      <c r="B25149" s="2"/>
      <c r="C25149" s="2"/>
    </row>
    <row r="25150" spans="1:3" ht="19.2">
      <c r="A25150" s="2"/>
      <c r="B25150" s="2"/>
      <c r="C25150" s="2"/>
    </row>
    <row r="25151" spans="1:3" ht="19.2">
      <c r="A25151" s="2"/>
      <c r="B25151" s="2"/>
      <c r="C25151" s="2"/>
    </row>
    <row r="25152" spans="1:3" ht="19.2">
      <c r="A25152" s="2"/>
      <c r="B25152" s="2"/>
      <c r="C25152" s="2"/>
    </row>
    <row r="25153" spans="1:3" ht="19.2">
      <c r="A25153" s="2"/>
      <c r="B25153" s="2"/>
      <c r="C25153" s="2"/>
    </row>
    <row r="25154" spans="1:3" ht="19.2">
      <c r="A25154" s="2"/>
      <c r="B25154" s="2"/>
      <c r="C25154" s="2"/>
    </row>
    <row r="25155" spans="1:3" ht="19.2">
      <c r="A25155" s="2"/>
      <c r="B25155" s="2"/>
      <c r="C25155" s="2"/>
    </row>
    <row r="25156" spans="1:3" ht="19.2">
      <c r="A25156" s="2"/>
      <c r="B25156" s="2"/>
      <c r="C25156" s="2"/>
    </row>
    <row r="25157" spans="1:3" ht="19.2">
      <c r="A25157" s="2"/>
      <c r="B25157" s="2"/>
      <c r="C25157" s="2"/>
    </row>
    <row r="25158" spans="1:3" ht="19.2">
      <c r="A25158" s="2"/>
      <c r="B25158" s="2"/>
      <c r="C25158" s="2"/>
    </row>
    <row r="25159" spans="1:3" ht="19.2">
      <c r="A25159" s="2"/>
      <c r="B25159" s="2"/>
      <c r="C25159" s="2"/>
    </row>
    <row r="25160" spans="1:3" ht="19.2">
      <c r="A25160" s="2"/>
      <c r="B25160" s="2"/>
      <c r="C25160" s="2"/>
    </row>
    <row r="25161" spans="1:3" ht="19.2">
      <c r="A25161" s="2"/>
      <c r="B25161" s="2"/>
      <c r="C25161" s="2"/>
    </row>
    <row r="25162" spans="1:3" ht="19.2">
      <c r="A25162" s="2"/>
      <c r="B25162" s="2"/>
      <c r="C25162" s="2"/>
    </row>
    <row r="25163" spans="1:3" ht="19.2">
      <c r="A25163" s="2"/>
      <c r="B25163" s="2"/>
      <c r="C25163" s="2"/>
    </row>
    <row r="25164" spans="1:3" ht="19.2">
      <c r="A25164" s="2"/>
      <c r="B25164" s="2"/>
      <c r="C25164" s="2"/>
    </row>
    <row r="25165" spans="1:3" ht="19.2">
      <c r="A25165" s="2"/>
      <c r="B25165" s="2"/>
      <c r="C25165" s="2"/>
    </row>
    <row r="25166" spans="1:3" ht="19.2">
      <c r="A25166" s="2"/>
      <c r="B25166" s="2"/>
      <c r="C25166" s="2"/>
    </row>
    <row r="25167" spans="1:3" ht="19.2">
      <c r="A25167" s="2"/>
      <c r="B25167" s="2"/>
      <c r="C25167" s="2"/>
    </row>
    <row r="25168" spans="1:3" ht="19.2">
      <c r="A25168" s="2"/>
      <c r="B25168" s="2"/>
      <c r="C25168" s="2"/>
    </row>
    <row r="25169" spans="1:3" ht="19.2">
      <c r="A25169" s="2"/>
      <c r="B25169" s="2"/>
      <c r="C25169" s="2"/>
    </row>
    <row r="25170" spans="1:3" ht="19.2">
      <c r="A25170" s="2"/>
      <c r="B25170" s="2"/>
      <c r="C25170" s="2"/>
    </row>
    <row r="25171" spans="1:3" ht="19.2">
      <c r="A25171" s="2"/>
      <c r="B25171" s="2"/>
      <c r="C25171" s="2"/>
    </row>
    <row r="25172" spans="1:3" ht="19.2">
      <c r="A25172" s="2"/>
      <c r="B25172" s="2"/>
      <c r="C25172" s="2"/>
    </row>
    <row r="25173" spans="1:3" ht="19.2">
      <c r="A25173" s="2"/>
      <c r="B25173" s="2"/>
      <c r="C25173" s="2"/>
    </row>
    <row r="25174" spans="1:3" ht="19.2">
      <c r="A25174" s="2"/>
      <c r="B25174" s="2"/>
      <c r="C25174" s="2"/>
    </row>
    <row r="25175" spans="1:3" ht="19.2">
      <c r="A25175" s="2"/>
      <c r="B25175" s="2"/>
      <c r="C25175" s="2"/>
    </row>
    <row r="25176" spans="1:3" ht="19.2">
      <c r="A25176" s="2"/>
      <c r="B25176" s="2"/>
      <c r="C25176" s="2"/>
    </row>
    <row r="25177" spans="1:3" ht="19.2">
      <c r="A25177" s="2"/>
      <c r="B25177" s="2"/>
      <c r="C25177" s="2"/>
    </row>
    <row r="25178" spans="1:3" ht="19.2">
      <c r="A25178" s="2"/>
      <c r="B25178" s="2"/>
      <c r="C25178" s="2"/>
    </row>
    <row r="25179" spans="1:3" ht="19.2">
      <c r="A25179" s="2"/>
      <c r="B25179" s="2"/>
      <c r="C25179" s="2"/>
    </row>
    <row r="25180" spans="1:3" ht="19.2">
      <c r="A25180" s="2"/>
      <c r="B25180" s="2"/>
      <c r="C25180" s="2"/>
    </row>
    <row r="25181" spans="1:3" ht="19.2">
      <c r="A25181" s="2"/>
      <c r="B25181" s="2"/>
      <c r="C25181" s="2"/>
    </row>
    <row r="25182" spans="1:3" ht="19.2">
      <c r="A25182" s="2"/>
      <c r="B25182" s="2"/>
      <c r="C25182" s="2"/>
    </row>
    <row r="25183" spans="1:3" ht="19.2">
      <c r="A25183" s="2"/>
      <c r="B25183" s="2"/>
      <c r="C25183" s="2"/>
    </row>
    <row r="25184" spans="1:3" ht="19.2">
      <c r="A25184" s="2"/>
      <c r="B25184" s="2"/>
      <c r="C25184" s="2"/>
    </row>
    <row r="25185" spans="1:3" ht="19.2">
      <c r="A25185" s="2"/>
      <c r="B25185" s="2"/>
      <c r="C25185" s="2"/>
    </row>
    <row r="25186" spans="1:3" ht="19.2">
      <c r="A25186" s="2"/>
      <c r="B25186" s="2"/>
      <c r="C25186" s="2"/>
    </row>
    <row r="25187" spans="1:3" ht="19.2">
      <c r="A25187" s="2"/>
      <c r="B25187" s="2"/>
      <c r="C25187" s="2"/>
    </row>
    <row r="25188" spans="1:3" ht="19.2">
      <c r="A25188" s="2"/>
      <c r="B25188" s="2"/>
      <c r="C25188" s="2"/>
    </row>
    <row r="25189" spans="1:3" ht="19.2">
      <c r="A25189" s="2"/>
      <c r="B25189" s="2"/>
      <c r="C25189" s="2"/>
    </row>
    <row r="25190" spans="1:3" ht="19.2">
      <c r="A25190" s="2"/>
      <c r="B25190" s="2"/>
      <c r="C25190" s="2"/>
    </row>
    <row r="25191" spans="1:3" ht="19.2">
      <c r="A25191" s="2"/>
      <c r="B25191" s="2"/>
      <c r="C25191" s="2"/>
    </row>
    <row r="25192" spans="1:3" ht="19.2">
      <c r="A25192" s="2"/>
      <c r="B25192" s="2"/>
      <c r="C25192" s="2"/>
    </row>
    <row r="25193" spans="1:3" ht="19.2">
      <c r="A25193" s="2"/>
      <c r="B25193" s="2"/>
      <c r="C25193" s="2"/>
    </row>
    <row r="25194" spans="1:3" ht="19.2">
      <c r="A25194" s="2"/>
      <c r="B25194" s="2"/>
      <c r="C25194" s="2"/>
    </row>
    <row r="25195" spans="1:3" ht="19.2">
      <c r="A25195" s="2"/>
      <c r="B25195" s="2"/>
      <c r="C25195" s="2"/>
    </row>
    <row r="25196" spans="1:3" ht="19.2">
      <c r="A25196" s="2"/>
      <c r="B25196" s="2"/>
      <c r="C25196" s="2"/>
    </row>
    <row r="25197" spans="1:3" ht="19.2">
      <c r="A25197" s="2"/>
      <c r="B25197" s="2"/>
      <c r="C25197" s="2"/>
    </row>
    <row r="25198" spans="1:3" ht="19.2">
      <c r="A25198" s="2"/>
      <c r="B25198" s="2"/>
      <c r="C25198" s="2"/>
    </row>
    <row r="25199" spans="1:3" ht="19.2">
      <c r="A25199" s="2"/>
      <c r="B25199" s="2"/>
      <c r="C25199" s="2"/>
    </row>
    <row r="25200" spans="1:3" ht="19.2">
      <c r="A25200" s="2"/>
      <c r="B25200" s="2"/>
      <c r="C25200" s="2"/>
    </row>
    <row r="25201" spans="1:3" ht="19.2">
      <c r="A25201" s="2"/>
      <c r="B25201" s="2"/>
      <c r="C25201" s="2"/>
    </row>
    <row r="25202" spans="1:3" ht="19.2">
      <c r="A25202" s="2"/>
      <c r="B25202" s="2"/>
      <c r="C25202" s="2"/>
    </row>
    <row r="25203" spans="1:3" ht="19.2">
      <c r="A25203" s="2"/>
      <c r="B25203" s="2"/>
      <c r="C25203" s="2"/>
    </row>
    <row r="25204" spans="1:3" ht="19.2">
      <c r="A25204" s="2"/>
      <c r="B25204" s="2"/>
      <c r="C25204" s="2"/>
    </row>
    <row r="25205" spans="1:3" ht="19.2">
      <c r="A25205" s="2"/>
      <c r="B25205" s="2"/>
      <c r="C25205" s="2"/>
    </row>
    <row r="25206" spans="1:3" ht="19.2">
      <c r="A25206" s="2"/>
      <c r="B25206" s="2"/>
      <c r="C25206" s="2"/>
    </row>
    <row r="25207" spans="1:3" ht="19.2">
      <c r="A25207" s="2"/>
      <c r="B25207" s="2"/>
      <c r="C25207" s="2"/>
    </row>
    <row r="25208" spans="1:3" ht="19.2">
      <c r="A25208" s="2"/>
      <c r="B25208" s="2"/>
      <c r="C25208" s="2"/>
    </row>
    <row r="25209" spans="1:3" ht="19.2">
      <c r="A25209" s="2"/>
      <c r="B25209" s="2"/>
      <c r="C25209" s="2"/>
    </row>
    <row r="25210" spans="1:3" ht="19.2">
      <c r="A25210" s="2"/>
      <c r="B25210" s="2"/>
      <c r="C25210" s="2"/>
    </row>
    <row r="25211" spans="1:3" ht="19.2">
      <c r="A25211" s="2"/>
      <c r="B25211" s="2"/>
      <c r="C25211" s="2"/>
    </row>
    <row r="25212" spans="1:3" ht="19.2">
      <c r="A25212" s="2"/>
      <c r="B25212" s="2"/>
      <c r="C25212" s="2"/>
    </row>
    <row r="25213" spans="1:3" ht="19.2">
      <c r="A25213" s="2"/>
      <c r="B25213" s="2"/>
      <c r="C25213" s="2"/>
    </row>
    <row r="25214" spans="1:3" ht="19.2">
      <c r="A25214" s="2"/>
      <c r="B25214" s="2"/>
      <c r="C25214" s="2"/>
    </row>
    <row r="25215" spans="1:3" ht="19.2">
      <c r="A25215" s="2"/>
      <c r="B25215" s="2"/>
      <c r="C25215" s="2"/>
    </row>
    <row r="25216" spans="1:3" ht="19.2">
      <c r="A25216" s="2"/>
      <c r="B25216" s="2"/>
      <c r="C25216" s="2"/>
    </row>
    <row r="25217" spans="1:3" ht="19.2">
      <c r="A25217" s="2"/>
      <c r="B25217" s="2"/>
      <c r="C25217" s="2"/>
    </row>
    <row r="25218" spans="1:3" ht="19.2">
      <c r="A25218" s="2"/>
      <c r="B25218" s="2"/>
      <c r="C25218" s="2"/>
    </row>
    <row r="25219" spans="1:3" ht="19.2">
      <c r="A25219" s="2"/>
      <c r="B25219" s="2"/>
      <c r="C25219" s="2"/>
    </row>
    <row r="25220" spans="1:3" ht="19.2">
      <c r="A25220" s="2"/>
      <c r="B25220" s="2"/>
      <c r="C25220" s="2"/>
    </row>
    <row r="25221" spans="1:3" ht="19.2">
      <c r="A25221" s="2"/>
      <c r="B25221" s="2"/>
      <c r="C25221" s="2"/>
    </row>
    <row r="25222" spans="1:3" ht="19.2">
      <c r="A25222" s="2"/>
      <c r="B25222" s="2"/>
      <c r="C25222" s="2"/>
    </row>
    <row r="25223" spans="1:3" ht="19.2">
      <c r="A25223" s="2"/>
      <c r="B25223" s="2"/>
      <c r="C25223" s="2"/>
    </row>
    <row r="25224" spans="1:3" ht="19.2">
      <c r="A25224" s="2"/>
      <c r="B25224" s="2"/>
      <c r="C25224" s="2"/>
    </row>
    <row r="25225" spans="1:3" ht="19.2">
      <c r="A25225" s="2"/>
      <c r="B25225" s="2"/>
      <c r="C25225" s="2"/>
    </row>
    <row r="25226" spans="1:3" ht="19.2">
      <c r="A25226" s="2"/>
      <c r="B25226" s="2"/>
      <c r="C25226" s="2"/>
    </row>
    <row r="25227" spans="1:3" ht="19.2">
      <c r="A25227" s="2"/>
      <c r="B25227" s="2"/>
      <c r="C25227" s="2"/>
    </row>
    <row r="25228" spans="1:3" ht="19.2">
      <c r="A25228" s="2"/>
      <c r="B25228" s="2"/>
      <c r="C25228" s="2"/>
    </row>
    <row r="25229" spans="1:3" ht="19.2">
      <c r="A25229" s="2"/>
      <c r="B25229" s="2"/>
      <c r="C25229" s="2"/>
    </row>
    <row r="25230" spans="1:3" ht="19.2">
      <c r="A25230" s="2"/>
      <c r="B25230" s="2"/>
      <c r="C25230" s="2"/>
    </row>
    <row r="25231" spans="1:3" ht="19.2">
      <c r="A25231" s="2"/>
      <c r="B25231" s="2"/>
      <c r="C25231" s="2"/>
    </row>
    <row r="25232" spans="1:3" ht="19.2">
      <c r="A25232" s="2"/>
      <c r="B25232" s="2"/>
      <c r="C25232" s="2"/>
    </row>
    <row r="25233" spans="1:3" ht="19.2">
      <c r="A25233" s="2"/>
      <c r="B25233" s="2"/>
      <c r="C25233" s="2"/>
    </row>
    <row r="25234" spans="1:3" ht="19.2">
      <c r="A25234" s="2"/>
      <c r="B25234" s="2"/>
      <c r="C25234" s="2"/>
    </row>
    <row r="25235" spans="1:3" ht="19.2">
      <c r="A25235" s="2"/>
      <c r="B25235" s="2"/>
      <c r="C25235" s="2"/>
    </row>
    <row r="25236" spans="1:3" ht="19.2">
      <c r="A25236" s="2"/>
      <c r="B25236" s="2"/>
      <c r="C25236" s="2"/>
    </row>
    <row r="25237" spans="1:3" ht="19.2">
      <c r="A25237" s="2"/>
      <c r="B25237" s="2"/>
      <c r="C25237" s="2"/>
    </row>
    <row r="25238" spans="1:3" ht="19.2">
      <c r="A25238" s="2"/>
      <c r="B25238" s="2"/>
      <c r="C25238" s="2"/>
    </row>
    <row r="25239" spans="1:3" ht="19.2">
      <c r="A25239" s="2"/>
      <c r="B25239" s="2"/>
      <c r="C25239" s="2"/>
    </row>
    <row r="25240" spans="1:3" ht="19.2">
      <c r="A25240" s="2"/>
      <c r="B25240" s="2"/>
      <c r="C25240" s="2"/>
    </row>
    <row r="25241" spans="1:3" ht="19.2">
      <c r="A25241" s="2"/>
      <c r="B25241" s="2"/>
      <c r="C25241" s="2"/>
    </row>
    <row r="25242" spans="1:3" ht="19.2">
      <c r="A25242" s="2"/>
      <c r="B25242" s="2"/>
      <c r="C25242" s="2"/>
    </row>
    <row r="25243" spans="1:3" ht="19.2">
      <c r="A25243" s="2"/>
      <c r="B25243" s="2"/>
      <c r="C25243" s="2"/>
    </row>
    <row r="25244" spans="1:3" ht="19.2">
      <c r="A25244" s="2"/>
      <c r="B25244" s="2"/>
      <c r="C25244" s="2"/>
    </row>
    <row r="25245" spans="1:3" ht="19.2">
      <c r="A25245" s="2"/>
      <c r="B25245" s="2"/>
      <c r="C25245" s="2"/>
    </row>
    <row r="25246" spans="1:3" ht="19.2">
      <c r="A25246" s="2"/>
      <c r="B25246" s="2"/>
      <c r="C25246" s="2"/>
    </row>
    <row r="25247" spans="1:3" ht="19.2">
      <c r="A25247" s="2"/>
      <c r="B25247" s="2"/>
      <c r="C25247" s="2"/>
    </row>
    <row r="25248" spans="1:3" ht="19.2">
      <c r="A25248" s="2"/>
      <c r="B25248" s="2"/>
      <c r="C25248" s="2"/>
    </row>
    <row r="25249" spans="1:3" ht="19.2">
      <c r="A25249" s="2"/>
      <c r="B25249" s="2"/>
      <c r="C25249" s="2"/>
    </row>
    <row r="25250" spans="1:3" ht="19.2">
      <c r="A25250" s="2"/>
      <c r="B25250" s="2"/>
      <c r="C25250" s="2"/>
    </row>
    <row r="25251" spans="1:3" ht="19.2">
      <c r="A25251" s="2"/>
      <c r="B25251" s="2"/>
      <c r="C25251" s="2"/>
    </row>
    <row r="25252" spans="1:3" ht="19.2">
      <c r="A25252" s="2"/>
      <c r="B25252" s="2"/>
      <c r="C25252" s="2"/>
    </row>
    <row r="25253" spans="1:3" ht="19.2">
      <c r="A25253" s="2"/>
      <c r="B25253" s="2"/>
      <c r="C25253" s="2"/>
    </row>
    <row r="25254" spans="1:3" ht="19.2">
      <c r="A25254" s="2"/>
      <c r="B25254" s="2"/>
      <c r="C25254" s="2"/>
    </row>
    <row r="25255" spans="1:3" ht="19.2">
      <c r="A25255" s="2"/>
      <c r="B25255" s="2"/>
      <c r="C25255" s="2"/>
    </row>
    <row r="25256" spans="1:3" ht="19.2">
      <c r="A25256" s="2"/>
      <c r="B25256" s="2"/>
      <c r="C25256" s="2"/>
    </row>
    <row r="25257" spans="1:3" ht="19.2">
      <c r="A25257" s="2"/>
      <c r="B25257" s="2"/>
      <c r="C25257" s="2"/>
    </row>
    <row r="25258" spans="1:3" ht="19.2">
      <c r="A25258" s="2"/>
      <c r="B25258" s="2"/>
      <c r="C25258" s="2"/>
    </row>
    <row r="25259" spans="1:3" ht="19.2">
      <c r="A25259" s="2"/>
      <c r="B25259" s="2"/>
      <c r="C25259" s="2"/>
    </row>
    <row r="25260" spans="1:3" ht="19.2">
      <c r="A25260" s="2"/>
      <c r="B25260" s="2"/>
      <c r="C25260" s="2"/>
    </row>
    <row r="25261" spans="1:3" ht="19.2">
      <c r="A25261" s="2"/>
      <c r="B25261" s="2"/>
      <c r="C25261" s="2"/>
    </row>
    <row r="25262" spans="1:3" ht="19.2">
      <c r="A25262" s="2"/>
      <c r="B25262" s="2"/>
      <c r="C25262" s="2"/>
    </row>
    <row r="25263" spans="1:3" ht="19.2">
      <c r="A25263" s="2"/>
      <c r="B25263" s="2"/>
      <c r="C25263" s="2"/>
    </row>
    <row r="25264" spans="1:3" ht="19.2">
      <c r="A25264" s="2"/>
      <c r="B25264" s="2"/>
      <c r="C25264" s="2"/>
    </row>
    <row r="25265" spans="1:3" ht="19.2">
      <c r="A25265" s="2"/>
      <c r="B25265" s="2"/>
      <c r="C25265" s="2"/>
    </row>
    <row r="25266" spans="1:3" ht="19.2">
      <c r="A25266" s="2"/>
      <c r="B25266" s="2"/>
      <c r="C25266" s="2"/>
    </row>
    <row r="25267" spans="1:3" ht="19.2">
      <c r="A25267" s="2"/>
      <c r="B25267" s="2"/>
      <c r="C25267" s="2"/>
    </row>
    <row r="25268" spans="1:3" ht="19.2">
      <c r="A25268" s="2"/>
      <c r="B25268" s="2"/>
      <c r="C25268" s="2"/>
    </row>
    <row r="25269" spans="1:3" ht="19.2">
      <c r="A25269" s="2"/>
      <c r="B25269" s="2"/>
      <c r="C25269" s="2"/>
    </row>
    <row r="25270" spans="1:3" ht="19.2">
      <c r="A25270" s="2"/>
      <c r="B25270" s="2"/>
      <c r="C25270" s="2"/>
    </row>
    <row r="25271" spans="1:3" ht="19.2">
      <c r="A25271" s="2"/>
      <c r="B25271" s="2"/>
      <c r="C25271" s="2"/>
    </row>
    <row r="25272" spans="1:3" ht="19.2">
      <c r="A25272" s="2"/>
      <c r="B25272" s="2"/>
      <c r="C25272" s="2"/>
    </row>
    <row r="25273" spans="1:3" ht="19.2">
      <c r="A25273" s="2"/>
      <c r="B25273" s="2"/>
      <c r="C25273" s="2"/>
    </row>
    <row r="25274" spans="1:3" ht="19.2">
      <c r="A25274" s="2"/>
      <c r="B25274" s="2"/>
      <c r="C25274" s="2"/>
    </row>
    <row r="25275" spans="1:3" ht="19.2">
      <c r="A25275" s="2"/>
      <c r="B25275" s="2"/>
      <c r="C25275" s="2"/>
    </row>
    <row r="25276" spans="1:3" ht="19.2">
      <c r="A25276" s="2"/>
      <c r="B25276" s="2"/>
      <c r="C25276" s="2"/>
    </row>
    <row r="25277" spans="1:3" ht="19.2">
      <c r="A25277" s="2"/>
      <c r="B25277" s="2"/>
      <c r="C25277" s="2"/>
    </row>
    <row r="25278" spans="1:3" ht="19.2">
      <c r="A25278" s="2"/>
      <c r="B25278" s="2"/>
      <c r="C25278" s="2"/>
    </row>
    <row r="25279" spans="1:3" ht="19.2">
      <c r="A25279" s="2"/>
      <c r="B25279" s="2"/>
      <c r="C25279" s="2"/>
    </row>
    <row r="25280" spans="1:3" ht="19.2">
      <c r="A25280" s="2"/>
      <c r="B25280" s="2"/>
      <c r="C25280" s="2"/>
    </row>
    <row r="25281" spans="1:3" ht="19.2">
      <c r="A25281" s="2"/>
      <c r="B25281" s="2"/>
      <c r="C25281" s="2"/>
    </row>
    <row r="25282" spans="1:3" ht="19.2">
      <c r="A25282" s="2"/>
      <c r="B25282" s="2"/>
      <c r="C25282" s="2"/>
    </row>
    <row r="25283" spans="1:3" ht="19.2">
      <c r="A25283" s="2"/>
      <c r="B25283" s="2"/>
      <c r="C25283" s="2"/>
    </row>
    <row r="25284" spans="1:3" ht="19.2">
      <c r="A25284" s="2"/>
      <c r="B25284" s="2"/>
      <c r="C25284" s="2"/>
    </row>
    <row r="25285" spans="1:3" ht="19.2">
      <c r="A25285" s="2"/>
      <c r="B25285" s="2"/>
      <c r="C25285" s="2"/>
    </row>
    <row r="25286" spans="1:3" ht="19.2">
      <c r="A25286" s="2"/>
      <c r="B25286" s="2"/>
      <c r="C25286" s="2"/>
    </row>
    <row r="25287" spans="1:3" ht="19.2">
      <c r="A25287" s="2"/>
      <c r="B25287" s="2"/>
      <c r="C25287" s="2"/>
    </row>
    <row r="25288" spans="1:3" ht="19.2">
      <c r="A25288" s="2"/>
      <c r="B25288" s="2"/>
      <c r="C25288" s="2"/>
    </row>
    <row r="25289" spans="1:3" ht="19.2">
      <c r="A25289" s="2"/>
      <c r="B25289" s="2"/>
      <c r="C25289" s="2"/>
    </row>
    <row r="25290" spans="1:3" ht="19.2">
      <c r="A25290" s="2"/>
      <c r="B25290" s="2"/>
      <c r="C25290" s="2"/>
    </row>
    <row r="25291" spans="1:3" ht="19.2">
      <c r="A25291" s="2"/>
      <c r="B25291" s="2"/>
      <c r="C25291" s="2"/>
    </row>
    <row r="25292" spans="1:3" ht="19.2">
      <c r="A25292" s="2"/>
      <c r="B25292" s="2"/>
      <c r="C25292" s="2"/>
    </row>
    <row r="25293" spans="1:3" ht="19.2">
      <c r="A25293" s="2"/>
      <c r="B25293" s="2"/>
      <c r="C25293" s="2"/>
    </row>
    <row r="25294" spans="1:3" ht="19.2">
      <c r="A25294" s="2"/>
      <c r="B25294" s="2"/>
      <c r="C25294" s="2"/>
    </row>
    <row r="25295" spans="1:3" ht="19.2">
      <c r="A25295" s="2"/>
      <c r="B25295" s="2"/>
      <c r="C25295" s="2"/>
    </row>
    <row r="25296" spans="1:3" ht="19.2">
      <c r="A25296" s="2"/>
      <c r="B25296" s="2"/>
      <c r="C25296" s="2"/>
    </row>
    <row r="25297" spans="1:3" ht="19.2">
      <c r="A25297" s="2"/>
      <c r="B25297" s="2"/>
      <c r="C25297" s="2"/>
    </row>
    <row r="25298" spans="1:3" ht="19.2">
      <c r="A25298" s="2"/>
      <c r="B25298" s="2"/>
      <c r="C25298" s="2"/>
    </row>
    <row r="25299" spans="1:3" ht="19.2">
      <c r="A25299" s="2"/>
      <c r="B25299" s="2"/>
      <c r="C25299" s="2"/>
    </row>
    <row r="25300" spans="1:3" ht="19.2">
      <c r="A25300" s="2"/>
      <c r="B25300" s="2"/>
      <c r="C25300" s="2"/>
    </row>
    <row r="25301" spans="1:3" ht="19.2">
      <c r="A25301" s="2"/>
      <c r="B25301" s="2"/>
      <c r="C25301" s="2"/>
    </row>
    <row r="25302" spans="1:3" ht="19.2">
      <c r="A25302" s="2"/>
      <c r="B25302" s="2"/>
      <c r="C25302" s="2"/>
    </row>
    <row r="25303" spans="1:3" ht="19.2">
      <c r="A25303" s="2"/>
      <c r="B25303" s="2"/>
      <c r="C25303" s="2"/>
    </row>
    <row r="25304" spans="1:3" ht="19.2">
      <c r="A25304" s="2"/>
      <c r="B25304" s="2"/>
      <c r="C25304" s="2"/>
    </row>
    <row r="25305" spans="1:3" ht="19.2">
      <c r="A25305" s="2"/>
      <c r="B25305" s="2"/>
      <c r="C25305" s="2"/>
    </row>
    <row r="25306" spans="1:3" ht="19.2">
      <c r="A25306" s="2"/>
      <c r="B25306" s="2"/>
      <c r="C25306" s="2"/>
    </row>
    <row r="25307" spans="1:3" ht="19.2">
      <c r="A25307" s="2"/>
      <c r="B25307" s="2"/>
      <c r="C25307" s="2"/>
    </row>
    <row r="25308" spans="1:3" ht="19.2">
      <c r="A25308" s="2"/>
      <c r="B25308" s="2"/>
      <c r="C25308" s="2"/>
    </row>
    <row r="25309" spans="1:3" ht="19.2">
      <c r="A25309" s="2"/>
      <c r="B25309" s="2"/>
      <c r="C25309" s="2"/>
    </row>
    <row r="25310" spans="1:3" ht="19.2">
      <c r="A25310" s="2"/>
      <c r="B25310" s="2"/>
      <c r="C25310" s="2"/>
    </row>
    <row r="25311" spans="1:3" ht="19.2">
      <c r="A25311" s="2"/>
      <c r="B25311" s="2"/>
      <c r="C25311" s="2"/>
    </row>
    <row r="25312" spans="1:3" ht="19.2">
      <c r="A25312" s="2"/>
      <c r="B25312" s="2"/>
      <c r="C25312" s="2"/>
    </row>
    <row r="25313" spans="1:3" ht="19.2">
      <c r="A25313" s="2"/>
      <c r="B25313" s="2"/>
      <c r="C25313" s="2"/>
    </row>
    <row r="25314" spans="1:3" ht="19.2">
      <c r="A25314" s="2"/>
      <c r="B25314" s="2"/>
      <c r="C25314" s="2"/>
    </row>
    <row r="25315" spans="1:3" ht="19.2">
      <c r="A25315" s="2"/>
      <c r="B25315" s="2"/>
      <c r="C25315" s="2"/>
    </row>
    <row r="25316" spans="1:3" ht="19.2">
      <c r="A25316" s="2"/>
      <c r="B25316" s="2"/>
      <c r="C25316" s="2"/>
    </row>
    <row r="25317" spans="1:3" ht="19.2">
      <c r="A25317" s="2"/>
      <c r="B25317" s="2"/>
      <c r="C25317" s="2"/>
    </row>
    <row r="25318" spans="1:3" ht="19.2">
      <c r="A25318" s="2"/>
      <c r="B25318" s="2"/>
      <c r="C25318" s="2"/>
    </row>
    <row r="25319" spans="1:3" ht="19.2">
      <c r="A25319" s="2"/>
      <c r="B25319" s="2"/>
      <c r="C25319" s="2"/>
    </row>
    <row r="25320" spans="1:3" ht="19.2">
      <c r="A25320" s="2"/>
      <c r="B25320" s="2"/>
      <c r="C25320" s="2"/>
    </row>
    <row r="25321" spans="1:3" ht="19.2">
      <c r="A25321" s="2"/>
      <c r="B25321" s="2"/>
      <c r="C25321" s="2"/>
    </row>
    <row r="25322" spans="1:3" ht="19.2">
      <c r="A25322" s="2"/>
      <c r="B25322" s="2"/>
      <c r="C25322" s="2"/>
    </row>
    <row r="25323" spans="1:3" ht="19.2">
      <c r="A25323" s="2"/>
      <c r="B25323" s="2"/>
      <c r="C25323" s="2"/>
    </row>
    <row r="25324" spans="1:3" ht="19.2">
      <c r="A25324" s="2"/>
      <c r="B25324" s="2"/>
      <c r="C25324" s="2"/>
    </row>
    <row r="25325" spans="1:3" ht="19.2">
      <c r="A25325" s="2"/>
      <c r="B25325" s="2"/>
      <c r="C25325" s="2"/>
    </row>
    <row r="25326" spans="1:3" ht="19.2">
      <c r="A25326" s="2"/>
      <c r="B25326" s="2"/>
      <c r="C25326" s="2"/>
    </row>
    <row r="25327" spans="1:3" ht="19.2">
      <c r="A25327" s="2"/>
      <c r="B25327" s="2"/>
      <c r="C25327" s="2"/>
    </row>
    <row r="25328" spans="1:3" ht="19.2">
      <c r="A25328" s="2"/>
      <c r="B25328" s="2"/>
      <c r="C25328" s="2"/>
    </row>
    <row r="25329" spans="1:3" ht="19.2">
      <c r="A25329" s="2"/>
      <c r="B25329" s="2"/>
      <c r="C25329" s="2"/>
    </row>
    <row r="25330" spans="1:3" ht="19.2">
      <c r="A25330" s="2"/>
      <c r="B25330" s="2"/>
      <c r="C25330" s="2"/>
    </row>
    <row r="25331" spans="1:3" ht="19.2">
      <c r="A25331" s="2"/>
      <c r="B25331" s="2"/>
      <c r="C25331" s="2"/>
    </row>
    <row r="25332" spans="1:3" ht="19.2">
      <c r="A25332" s="2"/>
      <c r="B25332" s="2"/>
      <c r="C25332" s="2"/>
    </row>
    <row r="25333" spans="1:3" ht="19.2">
      <c r="A25333" s="2"/>
      <c r="B25333" s="2"/>
      <c r="C25333" s="2"/>
    </row>
    <row r="25334" spans="1:3" ht="19.2">
      <c r="A25334" s="2"/>
      <c r="B25334" s="2"/>
      <c r="C25334" s="2"/>
    </row>
    <row r="25335" spans="1:3" ht="19.2">
      <c r="A25335" s="2"/>
      <c r="B25335" s="2"/>
      <c r="C25335" s="2"/>
    </row>
    <row r="25336" spans="1:3" ht="19.2">
      <c r="A25336" s="2"/>
      <c r="B25336" s="2"/>
      <c r="C25336" s="2"/>
    </row>
    <row r="25337" spans="1:3" ht="19.2">
      <c r="A25337" s="2"/>
      <c r="B25337" s="2"/>
      <c r="C25337" s="2"/>
    </row>
    <row r="25338" spans="1:3" ht="19.2">
      <c r="A25338" s="2"/>
      <c r="B25338" s="2"/>
      <c r="C25338" s="2"/>
    </row>
    <row r="25339" spans="1:3" ht="19.2">
      <c r="A25339" s="2"/>
      <c r="B25339" s="2"/>
      <c r="C25339" s="2"/>
    </row>
    <row r="25340" spans="1:3" ht="19.2">
      <c r="A25340" s="2"/>
      <c r="B25340" s="2"/>
      <c r="C25340" s="2"/>
    </row>
    <row r="25341" spans="1:3" ht="19.2">
      <c r="A25341" s="2"/>
      <c r="B25341" s="2"/>
      <c r="C25341" s="2"/>
    </row>
    <row r="25342" spans="1:3" ht="19.2">
      <c r="A25342" s="2"/>
      <c r="B25342" s="2"/>
      <c r="C25342" s="2"/>
    </row>
    <row r="25343" spans="1:3" ht="19.2">
      <c r="A25343" s="2"/>
      <c r="B25343" s="2"/>
      <c r="C25343" s="2"/>
    </row>
    <row r="25344" spans="1:3" ht="19.2">
      <c r="A25344" s="2"/>
      <c r="B25344" s="2"/>
      <c r="C25344" s="2"/>
    </row>
    <row r="25345" spans="1:3" ht="19.2">
      <c r="A25345" s="2"/>
      <c r="B25345" s="2"/>
      <c r="C25345" s="2"/>
    </row>
    <row r="25346" spans="1:3" ht="19.2">
      <c r="A25346" s="2"/>
      <c r="B25346" s="2"/>
      <c r="C25346" s="2"/>
    </row>
    <row r="25347" spans="1:3" ht="19.2">
      <c r="A25347" s="2"/>
      <c r="B25347" s="2"/>
      <c r="C25347" s="2"/>
    </row>
    <row r="25348" spans="1:3" ht="19.2">
      <c r="A25348" s="2"/>
      <c r="B25348" s="2"/>
      <c r="C25348" s="2"/>
    </row>
    <row r="25349" spans="1:3" ht="19.2">
      <c r="A25349" s="2"/>
      <c r="B25349" s="2"/>
      <c r="C25349" s="2"/>
    </row>
    <row r="25350" spans="1:3" ht="19.2">
      <c r="A25350" s="2"/>
      <c r="B25350" s="2"/>
      <c r="C25350" s="2"/>
    </row>
    <row r="25351" spans="1:3" ht="19.2">
      <c r="A25351" s="2"/>
      <c r="B25351" s="2"/>
      <c r="C25351" s="2"/>
    </row>
    <row r="25352" spans="1:3" ht="19.2">
      <c r="A25352" s="2"/>
      <c r="B25352" s="2"/>
      <c r="C25352" s="2"/>
    </row>
    <row r="25353" spans="1:3" ht="19.2">
      <c r="A25353" s="2"/>
      <c r="B25353" s="2"/>
      <c r="C25353" s="2"/>
    </row>
    <row r="25354" spans="1:3" ht="19.2">
      <c r="A25354" s="2"/>
      <c r="B25354" s="2"/>
      <c r="C25354" s="2"/>
    </row>
    <row r="25355" spans="1:3" ht="19.2">
      <c r="A25355" s="2"/>
      <c r="B25355" s="2"/>
      <c r="C25355" s="2"/>
    </row>
    <row r="25356" spans="1:3" ht="19.2">
      <c r="A25356" s="2"/>
      <c r="B25356" s="2"/>
      <c r="C25356" s="2"/>
    </row>
    <row r="25357" spans="1:3" ht="19.2">
      <c r="A25357" s="2"/>
      <c r="B25357" s="2"/>
      <c r="C25357" s="2"/>
    </row>
    <row r="25358" spans="1:3" ht="19.2">
      <c r="A25358" s="2"/>
      <c r="B25358" s="2"/>
      <c r="C25358" s="2"/>
    </row>
    <row r="25359" spans="1:3" ht="19.2">
      <c r="A25359" s="2"/>
      <c r="B25359" s="2"/>
      <c r="C25359" s="2"/>
    </row>
    <row r="25360" spans="1:3" ht="19.2">
      <c r="A25360" s="2"/>
      <c r="B25360" s="2"/>
      <c r="C25360" s="2"/>
    </row>
    <row r="25361" spans="1:3" ht="19.2">
      <c r="A25361" s="2"/>
      <c r="B25361" s="2"/>
      <c r="C25361" s="2"/>
    </row>
    <row r="25362" spans="1:3" ht="19.2">
      <c r="A25362" s="2"/>
      <c r="B25362" s="2"/>
      <c r="C25362" s="2"/>
    </row>
    <row r="25363" spans="1:3" ht="19.2">
      <c r="A25363" s="2"/>
      <c r="B25363" s="2"/>
      <c r="C25363" s="2"/>
    </row>
    <row r="25364" spans="1:3" ht="19.2">
      <c r="A25364" s="2"/>
      <c r="B25364" s="2"/>
      <c r="C25364" s="2"/>
    </row>
    <row r="25365" spans="1:3" ht="19.2">
      <c r="A25365" s="2"/>
      <c r="B25365" s="2"/>
      <c r="C25365" s="2"/>
    </row>
    <row r="25366" spans="1:3" ht="19.2">
      <c r="A25366" s="2"/>
      <c r="B25366" s="2"/>
      <c r="C25366" s="2"/>
    </row>
    <row r="25367" spans="1:3" ht="19.2">
      <c r="A25367" s="2"/>
      <c r="B25367" s="2"/>
      <c r="C25367" s="2"/>
    </row>
    <row r="25368" spans="1:3" ht="19.2">
      <c r="A25368" s="2"/>
      <c r="B25368" s="2"/>
      <c r="C25368" s="2"/>
    </row>
    <row r="25369" spans="1:3" ht="19.2">
      <c r="A25369" s="2"/>
      <c r="B25369" s="2"/>
      <c r="C25369" s="2"/>
    </row>
    <row r="25370" spans="1:3" ht="19.2">
      <c r="A25370" s="2"/>
      <c r="B25370" s="2"/>
      <c r="C25370" s="2"/>
    </row>
    <row r="25371" spans="1:3" ht="19.2">
      <c r="A25371" s="2"/>
      <c r="B25371" s="2"/>
      <c r="C25371" s="2"/>
    </row>
    <row r="25372" spans="1:3" ht="19.2">
      <c r="A25372" s="2"/>
      <c r="B25372" s="2"/>
      <c r="C25372" s="2"/>
    </row>
    <row r="25373" spans="1:3" ht="19.2">
      <c r="A25373" s="2"/>
      <c r="B25373" s="2"/>
      <c r="C25373" s="2"/>
    </row>
    <row r="25374" spans="1:3" ht="19.2">
      <c r="A25374" s="2"/>
      <c r="B25374" s="2"/>
      <c r="C25374" s="2"/>
    </row>
    <row r="25375" spans="1:3" ht="19.2">
      <c r="A25375" s="2"/>
      <c r="B25375" s="2"/>
      <c r="C25375" s="2"/>
    </row>
    <row r="25376" spans="1:3" ht="19.2">
      <c r="A25376" s="2"/>
      <c r="B25376" s="2"/>
      <c r="C25376" s="2"/>
    </row>
    <row r="25377" spans="1:3" ht="19.2">
      <c r="A25377" s="2"/>
      <c r="B25377" s="2"/>
      <c r="C25377" s="2"/>
    </row>
    <row r="25378" spans="1:3" ht="19.2">
      <c r="A25378" s="2"/>
      <c r="B25378" s="2"/>
      <c r="C25378" s="2"/>
    </row>
    <row r="25379" spans="1:3" ht="19.2">
      <c r="A25379" s="2"/>
      <c r="B25379" s="2"/>
      <c r="C25379" s="2"/>
    </row>
    <row r="25380" spans="1:3" ht="19.2">
      <c r="A25380" s="2"/>
      <c r="B25380" s="2"/>
      <c r="C25380" s="2"/>
    </row>
    <row r="25381" spans="1:3" ht="19.2">
      <c r="A25381" s="2"/>
      <c r="B25381" s="2"/>
      <c r="C25381" s="2"/>
    </row>
    <row r="25382" spans="1:3" ht="19.2">
      <c r="A25382" s="2"/>
      <c r="B25382" s="2"/>
      <c r="C25382" s="2"/>
    </row>
    <row r="25383" spans="1:3" ht="19.2">
      <c r="A25383" s="2"/>
      <c r="B25383" s="2"/>
      <c r="C25383" s="2"/>
    </row>
    <row r="25384" spans="1:3" ht="19.2">
      <c r="A25384" s="2"/>
      <c r="B25384" s="2"/>
      <c r="C25384" s="2"/>
    </row>
    <row r="25385" spans="1:3" ht="19.2">
      <c r="A25385" s="2"/>
      <c r="B25385" s="2"/>
      <c r="C25385" s="2"/>
    </row>
    <row r="25386" spans="1:3" ht="19.2">
      <c r="A25386" s="2"/>
      <c r="B25386" s="2"/>
      <c r="C25386" s="2"/>
    </row>
    <row r="25387" spans="1:3" ht="19.2">
      <c r="A25387" s="2"/>
      <c r="B25387" s="2"/>
      <c r="C25387" s="2"/>
    </row>
    <row r="25388" spans="1:3" ht="19.2">
      <c r="A25388" s="2"/>
      <c r="B25388" s="2"/>
      <c r="C25388" s="2"/>
    </row>
    <row r="25389" spans="1:3" ht="19.2">
      <c r="A25389" s="2"/>
      <c r="B25389" s="2"/>
      <c r="C25389" s="2"/>
    </row>
    <row r="25390" spans="1:3" ht="19.2">
      <c r="A25390" s="2"/>
      <c r="B25390" s="2"/>
      <c r="C25390" s="2"/>
    </row>
    <row r="25391" spans="1:3" ht="19.2">
      <c r="A25391" s="2"/>
      <c r="B25391" s="2"/>
      <c r="C25391" s="2"/>
    </row>
    <row r="25392" spans="1:3" ht="19.2">
      <c r="A25392" s="2"/>
      <c r="B25392" s="2"/>
      <c r="C25392" s="2"/>
    </row>
    <row r="25393" spans="1:3" ht="19.2">
      <c r="A25393" s="2"/>
      <c r="B25393" s="2"/>
      <c r="C25393" s="2"/>
    </row>
    <row r="25394" spans="1:3" ht="19.2">
      <c r="A25394" s="2"/>
      <c r="B25394" s="2"/>
      <c r="C25394" s="2"/>
    </row>
    <row r="25395" spans="1:3" ht="19.2">
      <c r="A25395" s="2"/>
      <c r="B25395" s="2"/>
      <c r="C25395" s="2"/>
    </row>
    <row r="25396" spans="1:3" ht="19.2">
      <c r="A25396" s="2"/>
      <c r="B25396" s="2"/>
      <c r="C25396" s="2"/>
    </row>
    <row r="25397" spans="1:3" ht="19.2">
      <c r="A25397" s="2"/>
      <c r="B25397" s="2"/>
      <c r="C25397" s="2"/>
    </row>
    <row r="25398" spans="1:3" ht="19.2">
      <c r="A25398" s="2"/>
      <c r="B25398" s="2"/>
      <c r="C25398" s="2"/>
    </row>
    <row r="25399" spans="1:3" ht="19.2">
      <c r="A25399" s="2"/>
      <c r="B25399" s="2"/>
      <c r="C25399" s="2"/>
    </row>
    <row r="25400" spans="1:3" ht="19.2">
      <c r="A25400" s="2"/>
      <c r="B25400" s="2"/>
      <c r="C25400" s="2"/>
    </row>
    <row r="25401" spans="1:3" ht="19.2">
      <c r="A25401" s="2"/>
      <c r="B25401" s="2"/>
      <c r="C25401" s="2"/>
    </row>
    <row r="25402" spans="1:3" ht="19.2">
      <c r="A25402" s="2"/>
      <c r="B25402" s="2"/>
      <c r="C25402" s="2"/>
    </row>
    <row r="25403" spans="1:3" ht="19.2">
      <c r="A25403" s="2"/>
      <c r="B25403" s="2"/>
      <c r="C25403" s="2"/>
    </row>
    <row r="25404" spans="1:3" ht="19.2">
      <c r="A25404" s="2"/>
      <c r="B25404" s="2"/>
      <c r="C25404" s="2"/>
    </row>
    <row r="25405" spans="1:3" ht="19.2">
      <c r="A25405" s="2"/>
      <c r="B25405" s="2"/>
      <c r="C25405" s="2"/>
    </row>
    <row r="25406" spans="1:3" ht="19.2">
      <c r="A25406" s="2"/>
      <c r="B25406" s="2"/>
      <c r="C25406" s="2"/>
    </row>
    <row r="25407" spans="1:3" ht="19.2">
      <c r="A25407" s="2"/>
      <c r="B25407" s="2"/>
      <c r="C25407" s="2"/>
    </row>
    <row r="25408" spans="1:3" ht="19.2">
      <c r="A25408" s="2"/>
      <c r="B25408" s="2"/>
      <c r="C25408" s="2"/>
    </row>
    <row r="25409" spans="1:3" ht="19.2">
      <c r="A25409" s="2"/>
      <c r="B25409" s="2"/>
      <c r="C25409" s="2"/>
    </row>
    <row r="25410" spans="1:3" ht="19.2">
      <c r="A25410" s="2"/>
      <c r="B25410" s="2"/>
      <c r="C25410" s="2"/>
    </row>
    <row r="25411" spans="1:3" ht="19.2">
      <c r="A25411" s="2"/>
      <c r="B25411" s="2"/>
      <c r="C25411" s="2"/>
    </row>
    <row r="25412" spans="1:3" ht="19.2">
      <c r="A25412" s="2"/>
      <c r="B25412" s="2"/>
      <c r="C25412" s="2"/>
    </row>
    <row r="25413" spans="1:3" ht="19.2">
      <c r="A25413" s="2"/>
      <c r="B25413" s="2"/>
      <c r="C25413" s="2"/>
    </row>
    <row r="25414" spans="1:3" ht="19.2">
      <c r="A25414" s="2"/>
      <c r="B25414" s="2"/>
      <c r="C25414" s="2"/>
    </row>
    <row r="25415" spans="1:3" ht="19.2">
      <c r="A25415" s="2"/>
      <c r="B25415" s="2"/>
      <c r="C25415" s="2"/>
    </row>
    <row r="25416" spans="1:3" ht="19.2">
      <c r="A25416" s="2"/>
      <c r="B25416" s="2"/>
      <c r="C25416" s="2"/>
    </row>
    <row r="25417" spans="1:3" ht="19.2">
      <c r="A25417" s="2"/>
      <c r="B25417" s="2"/>
      <c r="C25417" s="2"/>
    </row>
    <row r="25418" spans="1:3" ht="19.2">
      <c r="A25418" s="2"/>
      <c r="B25418" s="2"/>
      <c r="C25418" s="2"/>
    </row>
    <row r="25419" spans="1:3" ht="19.2">
      <c r="A25419" s="2"/>
      <c r="B25419" s="2"/>
      <c r="C25419" s="2"/>
    </row>
    <row r="25420" spans="1:3" ht="19.2">
      <c r="A25420" s="2"/>
      <c r="B25420" s="2"/>
      <c r="C25420" s="2"/>
    </row>
    <row r="25421" spans="1:3" ht="19.2">
      <c r="A25421" s="2"/>
      <c r="B25421" s="2"/>
      <c r="C25421" s="2"/>
    </row>
    <row r="25422" spans="1:3" ht="19.2">
      <c r="A25422" s="2"/>
      <c r="B25422" s="2"/>
      <c r="C25422" s="2"/>
    </row>
    <row r="25423" spans="1:3" ht="19.2">
      <c r="A25423" s="2"/>
      <c r="B25423" s="2"/>
      <c r="C25423" s="2"/>
    </row>
    <row r="25424" spans="1:3" ht="19.2">
      <c r="A25424" s="2"/>
      <c r="B25424" s="2"/>
      <c r="C25424" s="2"/>
    </row>
    <row r="25425" spans="1:3" ht="19.2">
      <c r="A25425" s="2"/>
      <c r="B25425" s="2"/>
      <c r="C25425" s="2"/>
    </row>
    <row r="25426" spans="1:3" ht="19.2">
      <c r="A25426" s="2"/>
      <c r="B25426" s="2"/>
      <c r="C25426" s="2"/>
    </row>
    <row r="25427" spans="1:3" ht="19.2">
      <c r="A25427" s="2"/>
      <c r="B25427" s="2"/>
      <c r="C25427" s="2"/>
    </row>
    <row r="25428" spans="1:3" ht="19.2">
      <c r="A25428" s="2"/>
      <c r="B25428" s="2"/>
      <c r="C25428" s="2"/>
    </row>
    <row r="25429" spans="1:3" ht="19.2">
      <c r="A25429" s="2"/>
      <c r="B25429" s="2"/>
      <c r="C25429" s="2"/>
    </row>
    <row r="25430" spans="1:3" ht="19.2">
      <c r="A25430" s="2"/>
      <c r="B25430" s="2"/>
      <c r="C25430" s="2"/>
    </row>
    <row r="25431" spans="1:3" ht="19.2">
      <c r="A25431" s="2"/>
      <c r="B25431" s="2"/>
      <c r="C25431" s="2"/>
    </row>
    <row r="25432" spans="1:3" ht="19.2">
      <c r="A25432" s="2"/>
      <c r="B25432" s="2"/>
      <c r="C25432" s="2"/>
    </row>
    <row r="25433" spans="1:3" ht="19.2">
      <c r="A25433" s="2"/>
      <c r="B25433" s="2"/>
      <c r="C25433" s="2"/>
    </row>
    <row r="25434" spans="1:3" ht="19.2">
      <c r="A25434" s="2"/>
      <c r="B25434" s="2"/>
      <c r="C25434" s="2"/>
    </row>
    <row r="25435" spans="1:3" ht="19.2">
      <c r="A25435" s="2"/>
      <c r="B25435" s="2"/>
      <c r="C25435" s="2"/>
    </row>
    <row r="25436" spans="1:3" ht="19.2">
      <c r="A25436" s="2"/>
      <c r="B25436" s="2"/>
      <c r="C25436" s="2"/>
    </row>
    <row r="25437" spans="1:3" ht="19.2">
      <c r="A25437" s="2"/>
      <c r="B25437" s="2"/>
      <c r="C25437" s="2"/>
    </row>
    <row r="25438" spans="1:3" ht="19.2">
      <c r="A25438" s="2"/>
      <c r="B25438" s="2"/>
      <c r="C25438" s="2"/>
    </row>
    <row r="25439" spans="1:3" ht="19.2">
      <c r="A25439" s="2"/>
      <c r="B25439" s="2"/>
      <c r="C25439" s="2"/>
    </row>
    <row r="25440" spans="1:3" ht="19.2">
      <c r="A25440" s="2"/>
      <c r="B25440" s="2"/>
      <c r="C25440" s="2"/>
    </row>
    <row r="25441" spans="1:3" ht="19.2">
      <c r="A25441" s="2"/>
      <c r="B25441" s="2"/>
      <c r="C25441" s="2"/>
    </row>
    <row r="25442" spans="1:3" ht="19.2">
      <c r="A25442" s="2"/>
      <c r="B25442" s="2"/>
      <c r="C25442" s="2"/>
    </row>
    <row r="25443" spans="1:3" ht="19.2">
      <c r="A25443" s="2"/>
      <c r="B25443" s="2"/>
      <c r="C25443" s="2"/>
    </row>
    <row r="25444" spans="1:3" ht="19.2">
      <c r="A25444" s="2"/>
      <c r="B25444" s="2"/>
      <c r="C25444" s="2"/>
    </row>
    <row r="25445" spans="1:3" ht="19.2">
      <c r="A25445" s="2"/>
      <c r="B25445" s="2"/>
      <c r="C25445" s="2"/>
    </row>
    <row r="25446" spans="1:3" ht="19.2">
      <c r="A25446" s="2"/>
      <c r="B25446" s="2"/>
      <c r="C25446" s="2"/>
    </row>
    <row r="25447" spans="1:3" ht="19.2">
      <c r="A25447" s="2"/>
      <c r="B25447" s="2"/>
      <c r="C25447" s="2"/>
    </row>
    <row r="25448" spans="1:3" ht="19.2">
      <c r="A25448" s="2"/>
      <c r="B25448" s="2"/>
      <c r="C25448" s="2"/>
    </row>
    <row r="25449" spans="1:3" ht="19.2">
      <c r="A25449" s="2"/>
      <c r="B25449" s="2"/>
      <c r="C25449" s="2"/>
    </row>
    <row r="25450" spans="1:3" ht="19.2">
      <c r="A25450" s="2"/>
      <c r="B25450" s="2"/>
      <c r="C25450" s="2"/>
    </row>
    <row r="25451" spans="1:3" ht="19.2">
      <c r="A25451" s="2"/>
      <c r="B25451" s="2"/>
      <c r="C25451" s="2"/>
    </row>
    <row r="25452" spans="1:3" ht="19.2">
      <c r="A25452" s="2"/>
      <c r="B25452" s="2"/>
      <c r="C25452" s="2"/>
    </row>
    <row r="25453" spans="1:3" ht="19.2">
      <c r="A25453" s="2"/>
      <c r="B25453" s="2"/>
      <c r="C25453" s="2"/>
    </row>
    <row r="25454" spans="1:3" ht="19.2">
      <c r="A25454" s="2"/>
      <c r="B25454" s="2"/>
      <c r="C25454" s="2"/>
    </row>
    <row r="25455" spans="1:3" ht="19.2">
      <c r="A25455" s="2"/>
      <c r="B25455" s="2"/>
      <c r="C25455" s="2"/>
    </row>
    <row r="25456" spans="1:3" ht="19.2">
      <c r="A25456" s="2"/>
      <c r="B25456" s="2"/>
      <c r="C25456" s="2"/>
    </row>
    <row r="25457" spans="1:3" ht="19.2">
      <c r="A25457" s="2"/>
      <c r="B25457" s="2"/>
      <c r="C25457" s="2"/>
    </row>
    <row r="25458" spans="1:3" ht="19.2">
      <c r="A25458" s="2"/>
      <c r="B25458" s="2"/>
      <c r="C25458" s="2"/>
    </row>
    <row r="25459" spans="1:3" ht="19.2">
      <c r="A25459" s="2"/>
      <c r="B25459" s="2"/>
      <c r="C25459" s="2"/>
    </row>
    <row r="25460" spans="1:3" ht="19.2">
      <c r="A25460" s="2"/>
      <c r="B25460" s="2"/>
      <c r="C25460" s="2"/>
    </row>
    <row r="25461" spans="1:3" ht="19.2">
      <c r="A25461" s="2"/>
      <c r="B25461" s="2"/>
      <c r="C25461" s="2"/>
    </row>
    <row r="25462" spans="1:3" ht="19.2">
      <c r="A25462" s="2"/>
      <c r="B25462" s="2"/>
      <c r="C25462" s="2"/>
    </row>
    <row r="25463" spans="1:3" ht="19.2">
      <c r="A25463" s="2"/>
      <c r="B25463" s="2"/>
      <c r="C25463" s="2"/>
    </row>
    <row r="25464" spans="1:3" ht="19.2">
      <c r="A25464" s="2"/>
      <c r="B25464" s="2"/>
      <c r="C25464" s="2"/>
    </row>
    <row r="25465" spans="1:3" ht="19.2">
      <c r="A25465" s="2"/>
      <c r="B25465" s="2"/>
      <c r="C25465" s="2"/>
    </row>
    <row r="25466" spans="1:3" ht="19.2">
      <c r="A25466" s="2"/>
      <c r="B25466" s="2"/>
      <c r="C25466" s="2"/>
    </row>
    <row r="25467" spans="1:3" ht="19.2">
      <c r="A25467" s="2"/>
      <c r="B25467" s="2"/>
      <c r="C25467" s="2"/>
    </row>
    <row r="25468" spans="1:3" ht="19.2">
      <c r="A25468" s="2"/>
      <c r="B25468" s="2"/>
      <c r="C25468" s="2"/>
    </row>
    <row r="25469" spans="1:3" ht="19.2">
      <c r="A25469" s="2"/>
      <c r="B25469" s="2"/>
      <c r="C25469" s="2"/>
    </row>
    <row r="25470" spans="1:3" ht="19.2">
      <c r="A25470" s="2"/>
      <c r="B25470" s="2"/>
      <c r="C25470" s="2"/>
    </row>
    <row r="25471" spans="1:3" ht="19.2">
      <c r="A25471" s="2"/>
      <c r="B25471" s="2"/>
      <c r="C25471" s="2"/>
    </row>
    <row r="25472" spans="1:3" ht="19.2">
      <c r="A25472" s="2"/>
      <c r="B25472" s="2"/>
      <c r="C25472" s="2"/>
    </row>
    <row r="25473" spans="1:3" ht="19.2">
      <c r="A25473" s="2"/>
      <c r="B25473" s="2"/>
      <c r="C25473" s="2"/>
    </row>
    <row r="25474" spans="1:3" ht="19.2">
      <c r="A25474" s="2"/>
      <c r="B25474" s="2"/>
      <c r="C25474" s="2"/>
    </row>
    <row r="25475" spans="1:3" ht="19.2">
      <c r="A25475" s="2"/>
      <c r="B25475" s="2"/>
      <c r="C25475" s="2"/>
    </row>
    <row r="25476" spans="1:3" ht="19.2">
      <c r="A25476" s="2"/>
      <c r="B25476" s="2"/>
      <c r="C25476" s="2"/>
    </row>
    <row r="25477" spans="1:3" ht="19.2">
      <c r="A25477" s="2"/>
      <c r="B25477" s="2"/>
      <c r="C25477" s="2"/>
    </row>
    <row r="25478" spans="1:3" ht="19.2">
      <c r="A25478" s="2"/>
      <c r="B25478" s="2"/>
      <c r="C25478" s="2"/>
    </row>
    <row r="25479" spans="1:3" ht="19.2">
      <c r="A25479" s="2"/>
      <c r="B25479" s="2"/>
      <c r="C25479" s="2"/>
    </row>
    <row r="25480" spans="1:3" ht="19.2">
      <c r="A25480" s="2"/>
      <c r="B25480" s="2"/>
      <c r="C25480" s="2"/>
    </row>
    <row r="25481" spans="1:3" ht="19.2">
      <c r="A25481" s="2"/>
      <c r="B25481" s="2"/>
      <c r="C25481" s="2"/>
    </row>
    <row r="25482" spans="1:3" ht="19.2">
      <c r="A25482" s="2"/>
      <c r="B25482" s="2"/>
      <c r="C25482" s="2"/>
    </row>
    <row r="25483" spans="1:3" ht="19.2">
      <c r="A25483" s="2"/>
      <c r="B25483" s="2"/>
      <c r="C25483" s="2"/>
    </row>
    <row r="25484" spans="1:3" ht="19.2">
      <c r="A25484" s="2"/>
      <c r="B25484" s="2"/>
      <c r="C25484" s="2"/>
    </row>
    <row r="25485" spans="1:3" ht="19.2">
      <c r="A25485" s="2"/>
      <c r="B25485" s="2"/>
      <c r="C25485" s="2"/>
    </row>
    <row r="25486" spans="1:3" ht="19.2">
      <c r="A25486" s="2"/>
      <c r="B25486" s="2"/>
      <c r="C25486" s="2"/>
    </row>
    <row r="25487" spans="1:3" ht="19.2">
      <c r="A25487" s="2"/>
      <c r="B25487" s="2"/>
      <c r="C25487" s="2"/>
    </row>
    <row r="25488" spans="1:3" ht="19.2">
      <c r="A25488" s="2"/>
      <c r="B25488" s="2"/>
      <c r="C25488" s="2"/>
    </row>
    <row r="25489" spans="1:3" ht="19.2">
      <c r="A25489" s="2"/>
      <c r="B25489" s="2"/>
      <c r="C25489" s="2"/>
    </row>
    <row r="25490" spans="1:3" ht="19.2">
      <c r="A25490" s="2"/>
      <c r="B25490" s="2"/>
      <c r="C25490" s="2"/>
    </row>
    <row r="25491" spans="1:3" ht="19.2">
      <c r="A25491" s="2"/>
      <c r="B25491" s="2"/>
      <c r="C25491" s="2"/>
    </row>
    <row r="25492" spans="1:3" ht="19.2">
      <c r="A25492" s="2"/>
      <c r="B25492" s="2"/>
      <c r="C25492" s="2"/>
    </row>
    <row r="25493" spans="1:3" ht="19.2">
      <c r="A25493" s="2"/>
      <c r="B25493" s="2"/>
      <c r="C25493" s="2"/>
    </row>
    <row r="25494" spans="1:3" ht="19.2">
      <c r="A25494" s="2"/>
      <c r="B25494" s="2"/>
      <c r="C25494" s="2"/>
    </row>
    <row r="25495" spans="1:3" ht="19.2">
      <c r="A25495" s="2"/>
      <c r="B25495" s="2"/>
      <c r="C25495" s="2"/>
    </row>
    <row r="25496" spans="1:3" ht="19.2">
      <c r="A25496" s="2"/>
      <c r="B25496" s="2"/>
      <c r="C25496" s="2"/>
    </row>
    <row r="25497" spans="1:3" ht="19.2">
      <c r="A25497" s="2"/>
      <c r="B25497" s="2"/>
      <c r="C25497" s="2"/>
    </row>
    <row r="25498" spans="1:3" ht="19.2">
      <c r="A25498" s="2"/>
      <c r="B25498" s="2"/>
      <c r="C25498" s="2"/>
    </row>
    <row r="25499" spans="1:3" ht="19.2">
      <c r="A25499" s="2"/>
      <c r="B25499" s="2"/>
      <c r="C25499" s="2"/>
    </row>
    <row r="25500" spans="1:3" ht="19.2">
      <c r="A25500" s="2"/>
      <c r="B25500" s="2"/>
      <c r="C25500" s="2"/>
    </row>
    <row r="25501" spans="1:3" ht="19.2">
      <c r="A25501" s="2"/>
      <c r="B25501" s="2"/>
      <c r="C25501" s="2"/>
    </row>
    <row r="25502" spans="1:3" ht="19.2">
      <c r="A25502" s="2"/>
      <c r="B25502" s="2"/>
      <c r="C25502" s="2"/>
    </row>
    <row r="25503" spans="1:3" ht="19.2">
      <c r="A25503" s="2"/>
      <c r="B25503" s="2"/>
      <c r="C25503" s="2"/>
    </row>
    <row r="25504" spans="1:3" ht="19.2">
      <c r="A25504" s="2"/>
      <c r="B25504" s="2"/>
      <c r="C25504" s="2"/>
    </row>
    <row r="25505" spans="1:3" ht="19.2">
      <c r="A25505" s="2"/>
      <c r="B25505" s="2"/>
      <c r="C25505" s="2"/>
    </row>
    <row r="25506" spans="1:3" ht="19.2">
      <c r="A25506" s="2"/>
      <c r="B25506" s="2"/>
      <c r="C25506" s="2"/>
    </row>
    <row r="25507" spans="1:3" ht="19.2">
      <c r="A25507" s="2"/>
      <c r="B25507" s="2"/>
      <c r="C25507" s="2"/>
    </row>
    <row r="25508" spans="1:3" ht="19.2">
      <c r="A25508" s="2"/>
      <c r="B25508" s="2"/>
      <c r="C25508" s="2"/>
    </row>
    <row r="25509" spans="1:3" ht="19.2">
      <c r="A25509" s="2"/>
      <c r="B25509" s="2"/>
      <c r="C25509" s="2"/>
    </row>
    <row r="25510" spans="1:3" ht="19.2">
      <c r="A25510" s="2"/>
      <c r="B25510" s="2"/>
      <c r="C25510" s="2"/>
    </row>
    <row r="25511" spans="1:3" ht="19.2">
      <c r="A25511" s="2"/>
      <c r="B25511" s="2"/>
      <c r="C25511" s="2"/>
    </row>
    <row r="25512" spans="1:3" ht="19.2">
      <c r="A25512" s="2"/>
      <c r="B25512" s="2"/>
      <c r="C25512" s="2"/>
    </row>
    <row r="25513" spans="1:3" ht="19.2">
      <c r="A25513" s="2"/>
      <c r="B25513" s="2"/>
      <c r="C25513" s="2"/>
    </row>
    <row r="25514" spans="1:3" ht="19.2">
      <c r="A25514" s="2"/>
      <c r="B25514" s="2"/>
      <c r="C25514" s="2"/>
    </row>
    <row r="25515" spans="1:3" ht="19.2">
      <c r="A25515" s="2"/>
      <c r="B25515" s="2"/>
      <c r="C25515" s="2"/>
    </row>
    <row r="25516" spans="1:3" ht="19.2">
      <c r="A25516" s="2"/>
      <c r="B25516" s="2"/>
      <c r="C25516" s="2"/>
    </row>
    <row r="25517" spans="1:3" ht="19.2">
      <c r="A25517" s="2"/>
      <c r="B25517" s="2"/>
      <c r="C25517" s="2"/>
    </row>
    <row r="25518" spans="1:3" ht="19.2">
      <c r="A25518" s="2"/>
      <c r="B25518" s="2"/>
      <c r="C25518" s="2"/>
    </row>
    <row r="25519" spans="1:3" ht="19.2">
      <c r="A25519" s="2"/>
      <c r="B25519" s="2"/>
      <c r="C25519" s="2"/>
    </row>
    <row r="25520" spans="1:3" ht="19.2">
      <c r="A25520" s="2"/>
      <c r="B25520" s="2"/>
      <c r="C25520" s="2"/>
    </row>
    <row r="25521" spans="1:3" ht="19.2">
      <c r="A25521" s="2"/>
      <c r="B25521" s="2"/>
      <c r="C25521" s="2"/>
    </row>
    <row r="25522" spans="1:3" ht="19.2">
      <c r="A25522" s="2"/>
      <c r="B25522" s="2"/>
      <c r="C25522" s="2"/>
    </row>
    <row r="25523" spans="1:3" ht="19.2">
      <c r="A25523" s="2"/>
      <c r="B25523" s="2"/>
      <c r="C25523" s="2"/>
    </row>
    <row r="25524" spans="1:3" ht="19.2">
      <c r="A25524" s="2"/>
      <c r="B25524" s="2"/>
      <c r="C25524" s="2"/>
    </row>
    <row r="25525" spans="1:3" ht="19.2">
      <c r="A25525" s="2"/>
      <c r="B25525" s="2"/>
      <c r="C25525" s="2"/>
    </row>
    <row r="25526" spans="1:3" ht="19.2">
      <c r="A25526" s="2"/>
      <c r="B25526" s="2"/>
      <c r="C25526" s="2"/>
    </row>
    <row r="25527" spans="1:3" ht="19.2">
      <c r="A25527" s="2"/>
      <c r="B25527" s="2"/>
      <c r="C25527" s="2"/>
    </row>
    <row r="25528" spans="1:3" ht="19.2">
      <c r="A25528" s="2"/>
      <c r="B25528" s="2"/>
      <c r="C25528" s="2"/>
    </row>
    <row r="25529" spans="1:3" ht="19.2">
      <c r="A25529" s="2"/>
      <c r="B25529" s="2"/>
      <c r="C25529" s="2"/>
    </row>
    <row r="25530" spans="1:3" ht="19.2">
      <c r="A25530" s="2"/>
      <c r="B25530" s="2"/>
      <c r="C25530" s="2"/>
    </row>
    <row r="25531" spans="1:3" ht="19.2">
      <c r="A25531" s="2"/>
      <c r="B25531" s="2"/>
      <c r="C25531" s="2"/>
    </row>
    <row r="25532" spans="1:3" ht="19.2">
      <c r="A25532" s="2"/>
      <c r="B25532" s="2"/>
      <c r="C25532" s="2"/>
    </row>
    <row r="25533" spans="1:3" ht="19.2">
      <c r="A25533" s="2"/>
      <c r="B25533" s="2"/>
      <c r="C25533" s="2"/>
    </row>
    <row r="25534" spans="1:3" ht="19.2">
      <c r="A25534" s="2"/>
      <c r="B25534" s="2"/>
      <c r="C25534" s="2"/>
    </row>
    <row r="25535" spans="1:3" ht="19.2">
      <c r="A25535" s="2"/>
      <c r="B25535" s="2"/>
      <c r="C25535" s="2"/>
    </row>
    <row r="25536" spans="1:3" ht="19.2">
      <c r="A25536" s="2"/>
      <c r="B25536" s="2"/>
      <c r="C25536" s="2"/>
    </row>
    <row r="25537" spans="1:3" ht="19.2">
      <c r="A25537" s="2"/>
      <c r="B25537" s="2"/>
      <c r="C25537" s="2"/>
    </row>
    <row r="25538" spans="1:3" ht="19.2">
      <c r="A25538" s="2"/>
      <c r="B25538" s="2"/>
      <c r="C25538" s="2"/>
    </row>
    <row r="25539" spans="1:3" ht="19.2">
      <c r="A25539" s="2"/>
      <c r="B25539" s="2"/>
      <c r="C25539" s="2"/>
    </row>
    <row r="25540" spans="1:3" ht="19.2">
      <c r="A25540" s="2"/>
      <c r="B25540" s="2"/>
      <c r="C25540" s="2"/>
    </row>
    <row r="25541" spans="1:3" ht="19.2">
      <c r="A25541" s="2"/>
      <c r="B25541" s="2"/>
      <c r="C25541" s="2"/>
    </row>
    <row r="25542" spans="1:3" ht="19.2">
      <c r="A25542" s="2"/>
      <c r="B25542" s="2"/>
      <c r="C25542" s="2"/>
    </row>
    <row r="25543" spans="1:3" ht="19.2">
      <c r="A25543" s="2"/>
      <c r="B25543" s="2"/>
      <c r="C25543" s="2"/>
    </row>
    <row r="25544" spans="1:3" ht="19.2">
      <c r="A25544" s="2"/>
      <c r="B25544" s="2"/>
      <c r="C25544" s="2"/>
    </row>
    <row r="25545" spans="1:3" ht="19.2">
      <c r="A25545" s="2"/>
      <c r="B25545" s="2"/>
      <c r="C25545" s="2"/>
    </row>
    <row r="25546" spans="1:3" ht="19.2">
      <c r="A25546" s="2"/>
      <c r="B25546" s="2"/>
      <c r="C25546" s="2"/>
    </row>
    <row r="25547" spans="1:3" ht="19.2">
      <c r="A25547" s="2"/>
      <c r="B25547" s="2"/>
      <c r="C25547" s="2"/>
    </row>
    <row r="25548" spans="1:3" ht="19.2">
      <c r="A25548" s="2"/>
      <c r="B25548" s="2"/>
      <c r="C25548" s="2"/>
    </row>
    <row r="25549" spans="1:3" ht="19.2">
      <c r="A25549" s="2"/>
      <c r="B25549" s="2"/>
      <c r="C25549" s="2"/>
    </row>
    <row r="25550" spans="1:3" ht="19.2">
      <c r="A25550" s="2"/>
      <c r="B25550" s="2"/>
      <c r="C25550" s="2"/>
    </row>
    <row r="25551" spans="1:3" ht="19.2">
      <c r="A25551" s="2"/>
      <c r="B25551" s="2"/>
      <c r="C25551" s="2"/>
    </row>
    <row r="25552" spans="1:3" ht="19.2">
      <c r="A25552" s="2"/>
      <c r="B25552" s="2"/>
      <c r="C25552" s="2"/>
    </row>
    <row r="25553" spans="1:3" ht="19.2">
      <c r="A25553" s="2"/>
      <c r="B25553" s="2"/>
      <c r="C25553" s="2"/>
    </row>
    <row r="25554" spans="1:3" ht="19.2">
      <c r="A25554" s="2"/>
      <c r="B25554" s="2"/>
      <c r="C25554" s="2"/>
    </row>
    <row r="25555" spans="1:3" ht="19.2">
      <c r="A25555" s="2"/>
      <c r="B25555" s="2"/>
      <c r="C25555" s="2"/>
    </row>
    <row r="25556" spans="1:3" ht="19.2">
      <c r="A25556" s="2"/>
      <c r="B25556" s="2"/>
      <c r="C25556" s="2"/>
    </row>
    <row r="25557" spans="1:3" ht="19.2">
      <c r="A25557" s="2"/>
      <c r="B25557" s="2"/>
      <c r="C25557" s="2"/>
    </row>
    <row r="25558" spans="1:3" ht="19.2">
      <c r="A25558" s="2"/>
      <c r="B25558" s="2"/>
      <c r="C25558" s="2"/>
    </row>
    <row r="25559" spans="1:3" ht="19.2">
      <c r="A25559" s="2"/>
      <c r="B25559" s="2"/>
      <c r="C25559" s="2"/>
    </row>
    <row r="25560" spans="1:3" ht="19.2">
      <c r="A25560" s="2"/>
      <c r="B25560" s="2"/>
      <c r="C25560" s="2"/>
    </row>
    <row r="25561" spans="1:3" ht="19.2">
      <c r="A25561" s="2"/>
      <c r="B25561" s="2"/>
      <c r="C25561" s="2"/>
    </row>
    <row r="25562" spans="1:3" ht="19.2">
      <c r="A25562" s="2"/>
      <c r="B25562" s="2"/>
      <c r="C25562" s="2"/>
    </row>
    <row r="25563" spans="1:3" ht="19.2">
      <c r="A25563" s="2"/>
      <c r="B25563" s="2"/>
      <c r="C25563" s="2"/>
    </row>
    <row r="25564" spans="1:3" ht="19.2">
      <c r="A25564" s="2"/>
      <c r="B25564" s="2"/>
      <c r="C25564" s="2"/>
    </row>
    <row r="25565" spans="1:3" ht="19.2">
      <c r="A25565" s="2"/>
      <c r="B25565" s="2"/>
      <c r="C25565" s="2"/>
    </row>
    <row r="25566" spans="1:3" ht="19.2">
      <c r="A25566" s="2"/>
      <c r="B25566" s="2"/>
      <c r="C25566" s="2"/>
    </row>
    <row r="25567" spans="1:3" ht="19.2">
      <c r="A25567" s="2"/>
      <c r="B25567" s="2"/>
      <c r="C25567" s="2"/>
    </row>
    <row r="25568" spans="1:3" ht="19.2">
      <c r="A25568" s="2"/>
      <c r="B25568" s="2"/>
      <c r="C25568" s="2"/>
    </row>
    <row r="25569" spans="1:3" ht="19.2">
      <c r="A25569" s="2"/>
      <c r="B25569" s="2"/>
      <c r="C25569" s="2"/>
    </row>
    <row r="25570" spans="1:3" ht="19.2">
      <c r="A25570" s="2"/>
      <c r="B25570" s="2"/>
      <c r="C25570" s="2"/>
    </row>
    <row r="25571" spans="1:3" ht="19.2">
      <c r="A25571" s="2"/>
      <c r="B25571" s="2"/>
      <c r="C25571" s="2"/>
    </row>
    <row r="25572" spans="1:3" ht="19.2">
      <c r="A25572" s="2"/>
      <c r="B25572" s="2"/>
      <c r="C25572" s="2"/>
    </row>
    <row r="25573" spans="1:3" ht="19.2">
      <c r="A25573" s="2"/>
      <c r="B25573" s="2"/>
      <c r="C25573" s="2"/>
    </row>
    <row r="25574" spans="1:3" ht="19.2">
      <c r="A25574" s="2"/>
      <c r="B25574" s="2"/>
      <c r="C25574" s="2"/>
    </row>
    <row r="25575" spans="1:3" ht="19.2">
      <c r="A25575" s="2"/>
      <c r="B25575" s="2"/>
      <c r="C25575" s="2"/>
    </row>
    <row r="25576" spans="1:3" ht="19.2">
      <c r="A25576" s="2"/>
      <c r="B25576" s="2"/>
      <c r="C25576" s="2"/>
    </row>
    <row r="25577" spans="1:3" ht="19.2">
      <c r="A25577" s="2"/>
      <c r="B25577" s="2"/>
      <c r="C25577" s="2"/>
    </row>
    <row r="25578" spans="1:3" ht="19.2">
      <c r="A25578" s="2"/>
      <c r="B25578" s="2"/>
      <c r="C25578" s="2"/>
    </row>
    <row r="25579" spans="1:3" ht="19.2">
      <c r="A25579" s="2"/>
      <c r="B25579" s="2"/>
      <c r="C25579" s="2"/>
    </row>
    <row r="25580" spans="1:3" ht="19.2">
      <c r="A25580" s="2"/>
      <c r="B25580" s="2"/>
      <c r="C25580" s="2"/>
    </row>
    <row r="25581" spans="1:3" ht="19.2">
      <c r="A25581" s="2"/>
      <c r="B25581" s="2"/>
      <c r="C25581" s="2"/>
    </row>
    <row r="25582" spans="1:3" ht="19.2">
      <c r="A25582" s="2"/>
      <c r="B25582" s="2"/>
      <c r="C25582" s="2"/>
    </row>
    <row r="25583" spans="1:3" ht="19.2">
      <c r="A25583" s="2"/>
      <c r="B25583" s="2"/>
      <c r="C25583" s="2"/>
    </row>
    <row r="25584" spans="1:3" ht="19.2">
      <c r="A25584" s="2"/>
      <c r="B25584" s="2"/>
      <c r="C25584" s="2"/>
    </row>
    <row r="25585" spans="1:3" ht="19.2">
      <c r="A25585" s="2"/>
      <c r="B25585" s="2"/>
      <c r="C25585" s="2"/>
    </row>
    <row r="25586" spans="1:3" ht="19.2">
      <c r="A25586" s="2"/>
      <c r="B25586" s="2"/>
      <c r="C25586" s="2"/>
    </row>
    <row r="25587" spans="1:3" ht="19.2">
      <c r="A25587" s="2"/>
      <c r="B25587" s="2"/>
      <c r="C25587" s="2"/>
    </row>
    <row r="25588" spans="1:3" ht="19.2">
      <c r="A25588" s="2"/>
      <c r="B25588" s="2"/>
      <c r="C25588" s="2"/>
    </row>
    <row r="25589" spans="1:3" ht="19.2">
      <c r="A25589" s="2"/>
      <c r="B25589" s="2"/>
      <c r="C25589" s="2"/>
    </row>
    <row r="25590" spans="1:3" ht="19.2">
      <c r="A25590" s="2"/>
      <c r="B25590" s="2"/>
      <c r="C25590" s="2"/>
    </row>
    <row r="25591" spans="1:3" ht="19.2">
      <c r="A25591" s="2"/>
      <c r="B25591" s="2"/>
      <c r="C25591" s="2"/>
    </row>
    <row r="25592" spans="1:3" ht="19.2">
      <c r="A25592" s="2"/>
      <c r="B25592" s="2"/>
      <c r="C25592" s="2"/>
    </row>
    <row r="25593" spans="1:3" ht="19.2">
      <c r="A25593" s="2"/>
      <c r="B25593" s="2"/>
      <c r="C25593" s="2"/>
    </row>
    <row r="25594" spans="1:3" ht="19.2">
      <c r="A25594" s="2"/>
      <c r="B25594" s="2"/>
      <c r="C25594" s="2"/>
    </row>
    <row r="25595" spans="1:3" ht="19.2">
      <c r="A25595" s="2"/>
      <c r="B25595" s="2"/>
      <c r="C25595" s="2"/>
    </row>
    <row r="25596" spans="1:3" ht="19.2">
      <c r="A25596" s="2"/>
      <c r="B25596" s="2"/>
      <c r="C25596" s="2"/>
    </row>
    <row r="25597" spans="1:3" ht="19.2">
      <c r="A25597" s="2"/>
      <c r="B25597" s="2"/>
      <c r="C25597" s="2"/>
    </row>
    <row r="25598" spans="1:3" ht="19.2">
      <c r="A25598" s="2"/>
      <c r="B25598" s="2"/>
      <c r="C25598" s="2"/>
    </row>
    <row r="25599" spans="1:3" ht="19.2">
      <c r="A25599" s="2"/>
      <c r="B25599" s="2"/>
      <c r="C25599" s="2"/>
    </row>
    <row r="25600" spans="1:3" ht="19.2">
      <c r="A25600" s="2"/>
      <c r="B25600" s="2"/>
      <c r="C25600" s="2"/>
    </row>
    <row r="25601" spans="1:3" ht="19.2">
      <c r="A25601" s="2"/>
      <c r="B25601" s="2"/>
      <c r="C25601" s="2"/>
    </row>
    <row r="25602" spans="1:3" ht="19.2">
      <c r="A25602" s="2"/>
      <c r="B25602" s="2"/>
      <c r="C25602" s="2"/>
    </row>
    <row r="25603" spans="1:3" ht="19.2">
      <c r="A25603" s="2"/>
      <c r="B25603" s="2"/>
      <c r="C25603" s="2"/>
    </row>
    <row r="25604" spans="1:3" ht="19.2">
      <c r="A25604" s="2"/>
      <c r="B25604" s="2"/>
      <c r="C25604" s="2"/>
    </row>
    <row r="25605" spans="1:3" ht="19.2">
      <c r="A25605" s="2"/>
      <c r="B25605" s="2"/>
      <c r="C25605" s="2"/>
    </row>
    <row r="25606" spans="1:3" ht="19.2">
      <c r="A25606" s="2"/>
      <c r="B25606" s="2"/>
      <c r="C25606" s="2"/>
    </row>
    <row r="25607" spans="1:3" ht="19.2">
      <c r="A25607" s="2"/>
      <c r="B25607" s="2"/>
      <c r="C25607" s="2"/>
    </row>
    <row r="25608" spans="1:3" ht="19.2">
      <c r="A25608" s="2"/>
      <c r="B25608" s="2"/>
      <c r="C25608" s="2"/>
    </row>
    <row r="25609" spans="1:3" ht="19.2">
      <c r="A25609" s="2"/>
      <c r="B25609" s="2"/>
      <c r="C25609" s="2"/>
    </row>
    <row r="25610" spans="1:3" ht="19.2">
      <c r="A25610" s="2"/>
      <c r="B25610" s="2"/>
      <c r="C25610" s="2"/>
    </row>
    <row r="25611" spans="1:3" ht="19.2">
      <c r="A25611" s="2"/>
      <c r="B25611" s="2"/>
      <c r="C25611" s="2"/>
    </row>
    <row r="25612" spans="1:3" ht="19.2">
      <c r="A25612" s="2"/>
      <c r="B25612" s="2"/>
      <c r="C25612" s="2"/>
    </row>
    <row r="25613" spans="1:3" ht="19.2">
      <c r="A25613" s="2"/>
      <c r="B25613" s="2"/>
      <c r="C25613" s="2"/>
    </row>
    <row r="25614" spans="1:3" ht="19.2">
      <c r="A25614" s="2"/>
      <c r="B25614" s="2"/>
      <c r="C25614" s="2"/>
    </row>
    <row r="25615" spans="1:3" ht="19.2">
      <c r="A25615" s="2"/>
      <c r="B25615" s="2"/>
      <c r="C25615" s="2"/>
    </row>
    <row r="25616" spans="1:3" ht="19.2">
      <c r="A25616" s="2"/>
      <c r="B25616" s="2"/>
      <c r="C25616" s="2"/>
    </row>
    <row r="25617" spans="1:3" ht="19.2">
      <c r="A25617" s="2"/>
      <c r="B25617" s="2"/>
      <c r="C25617" s="2"/>
    </row>
    <row r="25618" spans="1:3" ht="19.2">
      <c r="A25618" s="2"/>
      <c r="B25618" s="2"/>
      <c r="C25618" s="2"/>
    </row>
    <row r="25619" spans="1:3" ht="19.2">
      <c r="A25619" s="2"/>
      <c r="B25619" s="2"/>
      <c r="C25619" s="2"/>
    </row>
    <row r="25620" spans="1:3" ht="19.2">
      <c r="A25620" s="2"/>
      <c r="B25620" s="2"/>
      <c r="C25620" s="2"/>
    </row>
    <row r="25621" spans="1:3" ht="19.2">
      <c r="A25621" s="2"/>
      <c r="B25621" s="2"/>
      <c r="C25621" s="2"/>
    </row>
    <row r="25622" spans="1:3" ht="19.2">
      <c r="A25622" s="2"/>
      <c r="B25622" s="2"/>
      <c r="C25622" s="2"/>
    </row>
    <row r="25623" spans="1:3" ht="19.2">
      <c r="A25623" s="2"/>
      <c r="B25623" s="2"/>
      <c r="C25623" s="2"/>
    </row>
    <row r="25624" spans="1:3" ht="19.2">
      <c r="A25624" s="2"/>
      <c r="B25624" s="2"/>
      <c r="C25624" s="2"/>
    </row>
    <row r="25625" spans="1:3" ht="19.2">
      <c r="A25625" s="2"/>
      <c r="B25625" s="2"/>
      <c r="C25625" s="2"/>
    </row>
    <row r="25626" spans="1:3" ht="19.2">
      <c r="A25626" s="2"/>
      <c r="B25626" s="2"/>
      <c r="C25626" s="2"/>
    </row>
    <row r="25627" spans="1:3" ht="19.2">
      <c r="A25627" s="2"/>
      <c r="B25627" s="2"/>
      <c r="C25627" s="2"/>
    </row>
    <row r="25628" spans="1:3" ht="19.2">
      <c r="A25628" s="2"/>
      <c r="B25628" s="2"/>
      <c r="C25628" s="2"/>
    </row>
    <row r="25629" spans="1:3" ht="19.2">
      <c r="A25629" s="2"/>
      <c r="B25629" s="2"/>
      <c r="C25629" s="2"/>
    </row>
    <row r="25630" spans="1:3" ht="19.2">
      <c r="A25630" s="2"/>
      <c r="B25630" s="2"/>
      <c r="C25630" s="2"/>
    </row>
    <row r="25631" spans="1:3" ht="19.2">
      <c r="A25631" s="2"/>
      <c r="B25631" s="2"/>
      <c r="C25631" s="2"/>
    </row>
    <row r="25632" spans="1:3" ht="19.2">
      <c r="A25632" s="2"/>
      <c r="B25632" s="2"/>
      <c r="C25632" s="2"/>
    </row>
    <row r="25633" spans="1:3" ht="19.2">
      <c r="A25633" s="2"/>
      <c r="B25633" s="2"/>
      <c r="C25633" s="2"/>
    </row>
    <row r="25634" spans="1:3" ht="19.2">
      <c r="A25634" s="2"/>
      <c r="B25634" s="2"/>
      <c r="C25634" s="2"/>
    </row>
    <row r="25635" spans="1:3" ht="19.2">
      <c r="A25635" s="2"/>
      <c r="B25635" s="2"/>
      <c r="C25635" s="2"/>
    </row>
    <row r="25636" spans="1:3" ht="19.2">
      <c r="A25636" s="2"/>
      <c r="B25636" s="2"/>
      <c r="C25636" s="2"/>
    </row>
    <row r="25637" spans="1:3" ht="19.2">
      <c r="A25637" s="2"/>
      <c r="B25637" s="2"/>
      <c r="C25637" s="2"/>
    </row>
    <row r="25638" spans="1:3" ht="19.2">
      <c r="A25638" s="2"/>
      <c r="B25638" s="2"/>
      <c r="C25638" s="2"/>
    </row>
    <row r="25639" spans="1:3" ht="19.2">
      <c r="A25639" s="2"/>
      <c r="B25639" s="2"/>
      <c r="C25639" s="2"/>
    </row>
    <row r="25640" spans="1:3" ht="19.2">
      <c r="A25640" s="2"/>
      <c r="B25640" s="2"/>
      <c r="C25640" s="2"/>
    </row>
    <row r="25641" spans="1:3" ht="19.2">
      <c r="A25641" s="2"/>
      <c r="B25641" s="2"/>
      <c r="C25641" s="2"/>
    </row>
    <row r="25642" spans="1:3" ht="19.2">
      <c r="A25642" s="2"/>
      <c r="B25642" s="2"/>
      <c r="C25642" s="2"/>
    </row>
    <row r="25643" spans="1:3" ht="19.2">
      <c r="A25643" s="2"/>
      <c r="B25643" s="2"/>
      <c r="C25643" s="2"/>
    </row>
    <row r="25644" spans="1:3" ht="19.2">
      <c r="A25644" s="2"/>
      <c r="B25644" s="2"/>
      <c r="C25644" s="2"/>
    </row>
    <row r="25645" spans="1:3" ht="19.2">
      <c r="A25645" s="2"/>
      <c r="B25645" s="2"/>
      <c r="C25645" s="2"/>
    </row>
    <row r="25646" spans="1:3" ht="19.2">
      <c r="A25646" s="2"/>
      <c r="B25646" s="2"/>
      <c r="C25646" s="2"/>
    </row>
    <row r="25647" spans="1:3" ht="19.2">
      <c r="A25647" s="2"/>
      <c r="B25647" s="2"/>
      <c r="C25647" s="2"/>
    </row>
    <row r="25648" spans="1:3" ht="19.2">
      <c r="A25648" s="2"/>
      <c r="B25648" s="2"/>
      <c r="C25648" s="2"/>
    </row>
    <row r="25649" spans="1:3" ht="19.2">
      <c r="A25649" s="2"/>
      <c r="B25649" s="2"/>
      <c r="C25649" s="2"/>
    </row>
    <row r="25650" spans="1:3" ht="19.2">
      <c r="A25650" s="2"/>
      <c r="B25650" s="2"/>
      <c r="C25650" s="2"/>
    </row>
    <row r="25651" spans="1:3" ht="19.2">
      <c r="A25651" s="2"/>
      <c r="B25651" s="2"/>
      <c r="C25651" s="2"/>
    </row>
    <row r="25652" spans="1:3" ht="19.2">
      <c r="A25652" s="2"/>
      <c r="B25652" s="2"/>
      <c r="C25652" s="2"/>
    </row>
    <row r="25653" spans="1:3" ht="19.2">
      <c r="A25653" s="2"/>
      <c r="B25653" s="2"/>
      <c r="C25653" s="2"/>
    </row>
    <row r="25654" spans="1:3" ht="19.2">
      <c r="A25654" s="2"/>
      <c r="B25654" s="2"/>
      <c r="C25654" s="2"/>
    </row>
    <row r="25655" spans="1:3" ht="19.2">
      <c r="A25655" s="2"/>
      <c r="B25655" s="2"/>
      <c r="C25655" s="2"/>
    </row>
    <row r="25656" spans="1:3" ht="19.2">
      <c r="A25656" s="2"/>
      <c r="B25656" s="2"/>
      <c r="C25656" s="2"/>
    </row>
    <row r="25657" spans="1:3" ht="19.2">
      <c r="A25657" s="2"/>
      <c r="B25657" s="2"/>
      <c r="C25657" s="2"/>
    </row>
    <row r="25658" spans="1:3" ht="19.2">
      <c r="A25658" s="2"/>
      <c r="B25658" s="2"/>
      <c r="C25658" s="2"/>
    </row>
    <row r="25659" spans="1:3" ht="19.2">
      <c r="A25659" s="2"/>
      <c r="B25659" s="2"/>
      <c r="C25659" s="2"/>
    </row>
    <row r="25660" spans="1:3" ht="19.2">
      <c r="A25660" s="2"/>
      <c r="B25660" s="2"/>
      <c r="C25660" s="2"/>
    </row>
    <row r="25661" spans="1:3" ht="19.2">
      <c r="A25661" s="2"/>
      <c r="B25661" s="2"/>
      <c r="C25661" s="2"/>
    </row>
    <row r="25662" spans="1:3" ht="19.2">
      <c r="A25662" s="2"/>
      <c r="B25662" s="2"/>
      <c r="C25662" s="2"/>
    </row>
    <row r="25663" spans="1:3" ht="19.2">
      <c r="A25663" s="2"/>
      <c r="B25663" s="2"/>
      <c r="C25663" s="2"/>
    </row>
    <row r="25664" spans="1:3" ht="19.2">
      <c r="A25664" s="2"/>
      <c r="B25664" s="2"/>
      <c r="C25664" s="2"/>
    </row>
    <row r="25665" spans="1:3" ht="19.2">
      <c r="A25665" s="2"/>
      <c r="B25665" s="2"/>
      <c r="C25665" s="2"/>
    </row>
    <row r="25666" spans="1:3" ht="19.2">
      <c r="A25666" s="2"/>
      <c r="B25666" s="2"/>
      <c r="C25666" s="2"/>
    </row>
    <row r="25667" spans="1:3" ht="19.2">
      <c r="A25667" s="2"/>
      <c r="B25667" s="2"/>
      <c r="C25667" s="2"/>
    </row>
    <row r="25668" spans="1:3" ht="19.2">
      <c r="A25668" s="2"/>
      <c r="B25668" s="2"/>
      <c r="C25668" s="2"/>
    </row>
    <row r="25669" spans="1:3" ht="19.2">
      <c r="A25669" s="2"/>
      <c r="B25669" s="2"/>
      <c r="C25669" s="2"/>
    </row>
    <row r="25670" spans="1:3" ht="19.2">
      <c r="A25670" s="2"/>
      <c r="B25670" s="2"/>
      <c r="C25670" s="2"/>
    </row>
    <row r="25671" spans="1:3" ht="19.2">
      <c r="A25671" s="2"/>
      <c r="B25671" s="2"/>
      <c r="C25671" s="2"/>
    </row>
    <row r="25672" spans="1:3" ht="19.2">
      <c r="A25672" s="2"/>
      <c r="B25672" s="2"/>
      <c r="C25672" s="2"/>
    </row>
    <row r="25673" spans="1:3" ht="19.2">
      <c r="A25673" s="2"/>
      <c r="B25673" s="2"/>
      <c r="C25673" s="2"/>
    </row>
    <row r="25674" spans="1:3" ht="19.2">
      <c r="A25674" s="2"/>
      <c r="B25674" s="2"/>
      <c r="C25674" s="2"/>
    </row>
    <row r="25675" spans="1:3" ht="19.2">
      <c r="A25675" s="2"/>
      <c r="B25675" s="2"/>
      <c r="C25675" s="2"/>
    </row>
    <row r="25676" spans="1:3" ht="19.2">
      <c r="A25676" s="2"/>
      <c r="B25676" s="2"/>
      <c r="C25676" s="2"/>
    </row>
    <row r="25677" spans="1:3" ht="19.2">
      <c r="A25677" s="2"/>
      <c r="B25677" s="2"/>
      <c r="C25677" s="2"/>
    </row>
    <row r="25678" spans="1:3" ht="19.2">
      <c r="A25678" s="2"/>
      <c r="B25678" s="2"/>
      <c r="C25678" s="2"/>
    </row>
    <row r="25679" spans="1:3" ht="19.2">
      <c r="A25679" s="2"/>
      <c r="B25679" s="2"/>
      <c r="C25679" s="2"/>
    </row>
    <row r="25680" spans="1:3" ht="19.2">
      <c r="A25680" s="2"/>
      <c r="B25680" s="2"/>
      <c r="C25680" s="2"/>
    </row>
    <row r="25681" spans="1:3" ht="19.2">
      <c r="A25681" s="2"/>
      <c r="B25681" s="2"/>
      <c r="C25681" s="2"/>
    </row>
    <row r="25682" spans="1:3" ht="19.2">
      <c r="A25682" s="2"/>
      <c r="B25682" s="2"/>
      <c r="C25682" s="2"/>
    </row>
    <row r="25683" spans="1:3" ht="19.2">
      <c r="A25683" s="2"/>
      <c r="B25683" s="2"/>
      <c r="C25683" s="2"/>
    </row>
    <row r="25684" spans="1:3" ht="19.2">
      <c r="A25684" s="2"/>
      <c r="B25684" s="2"/>
      <c r="C25684" s="2"/>
    </row>
    <row r="25685" spans="1:3" ht="19.2">
      <c r="A25685" s="2"/>
      <c r="B25685" s="2"/>
      <c r="C25685" s="2"/>
    </row>
    <row r="25686" spans="1:3" ht="19.2">
      <c r="A25686" s="2"/>
      <c r="B25686" s="2"/>
      <c r="C25686" s="2"/>
    </row>
    <row r="25687" spans="1:3" ht="19.2">
      <c r="A25687" s="2"/>
      <c r="B25687" s="2"/>
      <c r="C25687" s="2"/>
    </row>
    <row r="25688" spans="1:3" ht="19.2">
      <c r="A25688" s="2"/>
      <c r="B25688" s="2"/>
      <c r="C25688" s="2"/>
    </row>
    <row r="25689" spans="1:3" ht="19.2">
      <c r="A25689" s="2"/>
      <c r="B25689" s="2"/>
      <c r="C25689" s="2"/>
    </row>
    <row r="25690" spans="1:3" ht="19.2">
      <c r="A25690" s="2"/>
      <c r="B25690" s="2"/>
      <c r="C25690" s="2"/>
    </row>
    <row r="25691" spans="1:3" ht="19.2">
      <c r="A25691" s="2"/>
      <c r="B25691" s="2"/>
      <c r="C25691" s="2"/>
    </row>
    <row r="25692" spans="1:3" ht="19.2">
      <c r="A25692" s="2"/>
      <c r="B25692" s="2"/>
      <c r="C25692" s="2"/>
    </row>
    <row r="25693" spans="1:3" ht="19.2">
      <c r="A25693" s="2"/>
      <c r="B25693" s="2"/>
      <c r="C25693" s="2"/>
    </row>
    <row r="25694" spans="1:3" ht="19.2">
      <c r="A25694" s="2"/>
      <c r="B25694" s="2"/>
      <c r="C25694" s="2"/>
    </row>
    <row r="25695" spans="1:3" ht="19.2">
      <c r="A25695" s="2"/>
      <c r="B25695" s="2"/>
      <c r="C25695" s="2"/>
    </row>
    <row r="25696" spans="1:3" ht="19.2">
      <c r="A25696" s="2"/>
      <c r="B25696" s="2"/>
      <c r="C25696" s="2"/>
    </row>
    <row r="25697" spans="1:3" ht="19.2">
      <c r="A25697" s="2"/>
      <c r="B25697" s="2"/>
      <c r="C25697" s="2"/>
    </row>
    <row r="25698" spans="1:3" ht="19.2">
      <c r="A25698" s="2"/>
      <c r="B25698" s="2"/>
      <c r="C25698" s="2"/>
    </row>
    <row r="25699" spans="1:3" ht="19.2">
      <c r="A25699" s="2"/>
      <c r="B25699" s="2"/>
      <c r="C25699" s="2"/>
    </row>
    <row r="25700" spans="1:3" ht="19.2">
      <c r="A25700" s="2"/>
      <c r="B25700" s="2"/>
      <c r="C25700" s="2"/>
    </row>
    <row r="25701" spans="1:3" ht="19.2">
      <c r="A25701" s="2"/>
      <c r="B25701" s="2"/>
      <c r="C25701" s="2"/>
    </row>
    <row r="25702" spans="1:3" ht="19.2">
      <c r="A25702" s="2"/>
      <c r="B25702" s="2"/>
      <c r="C25702" s="2"/>
    </row>
    <row r="25703" spans="1:3" ht="19.2">
      <c r="A25703" s="2"/>
      <c r="B25703" s="2"/>
      <c r="C25703" s="2"/>
    </row>
    <row r="25704" spans="1:3" ht="19.2">
      <c r="A25704" s="2"/>
      <c r="B25704" s="2"/>
      <c r="C25704" s="2"/>
    </row>
    <row r="25705" spans="1:3" ht="19.2">
      <c r="A25705" s="2"/>
      <c r="B25705" s="2"/>
      <c r="C25705" s="2"/>
    </row>
    <row r="25706" spans="1:3" ht="19.2">
      <c r="A25706" s="2"/>
      <c r="B25706" s="2"/>
      <c r="C25706" s="2"/>
    </row>
    <row r="25707" spans="1:3" ht="19.2">
      <c r="A25707" s="2"/>
      <c r="B25707" s="2"/>
      <c r="C25707" s="2"/>
    </row>
    <row r="25708" spans="1:3" ht="19.2">
      <c r="A25708" s="2"/>
      <c r="B25708" s="2"/>
      <c r="C25708" s="2"/>
    </row>
    <row r="25709" spans="1:3" ht="19.2">
      <c r="A25709" s="2"/>
      <c r="B25709" s="2"/>
      <c r="C25709" s="2"/>
    </row>
    <row r="25710" spans="1:3" ht="19.2">
      <c r="A25710" s="2"/>
      <c r="B25710" s="2"/>
      <c r="C25710" s="2"/>
    </row>
    <row r="25711" spans="1:3" ht="19.2">
      <c r="A25711" s="2"/>
      <c r="B25711" s="2"/>
      <c r="C25711" s="2"/>
    </row>
    <row r="25712" spans="1:3" ht="19.2">
      <c r="A25712" s="2"/>
      <c r="B25712" s="2"/>
      <c r="C25712" s="2"/>
    </row>
    <row r="25713" spans="1:3" ht="19.2">
      <c r="A25713" s="2"/>
      <c r="B25713" s="2"/>
      <c r="C25713" s="2"/>
    </row>
    <row r="25714" spans="1:3" ht="19.2">
      <c r="A25714" s="2"/>
      <c r="B25714" s="2"/>
      <c r="C25714" s="2"/>
    </row>
    <row r="25715" spans="1:3" ht="19.2">
      <c r="A25715" s="2"/>
      <c r="B25715" s="2"/>
      <c r="C25715" s="2"/>
    </row>
    <row r="25716" spans="1:3" ht="19.2">
      <c r="A25716" s="2"/>
      <c r="B25716" s="2"/>
      <c r="C25716" s="2"/>
    </row>
    <row r="25717" spans="1:3" ht="19.2">
      <c r="A25717" s="2"/>
      <c r="B25717" s="2"/>
      <c r="C25717" s="2"/>
    </row>
    <row r="25718" spans="1:3" ht="19.2">
      <c r="A25718" s="2"/>
      <c r="B25718" s="2"/>
      <c r="C25718" s="2"/>
    </row>
    <row r="25719" spans="1:3" ht="19.2">
      <c r="A25719" s="2"/>
      <c r="B25719" s="2"/>
      <c r="C25719" s="2"/>
    </row>
    <row r="25720" spans="1:3" ht="19.2">
      <c r="A25720" s="2"/>
      <c r="B25720" s="2"/>
      <c r="C25720" s="2"/>
    </row>
    <row r="25721" spans="1:3" ht="19.2">
      <c r="A25721" s="2"/>
      <c r="B25721" s="2"/>
      <c r="C25721" s="2"/>
    </row>
    <row r="25722" spans="1:3" ht="19.2">
      <c r="A25722" s="2"/>
      <c r="B25722" s="2"/>
      <c r="C25722" s="2"/>
    </row>
    <row r="25723" spans="1:3" ht="19.2">
      <c r="A25723" s="2"/>
      <c r="B25723" s="2"/>
      <c r="C25723" s="2"/>
    </row>
    <row r="25724" spans="1:3" ht="19.2">
      <c r="A25724" s="2"/>
      <c r="B25724" s="2"/>
      <c r="C25724" s="2"/>
    </row>
    <row r="25725" spans="1:3" ht="19.2">
      <c r="A25725" s="2"/>
      <c r="B25725" s="2"/>
      <c r="C25725" s="2"/>
    </row>
    <row r="25726" spans="1:3" ht="19.2">
      <c r="A25726" s="2"/>
      <c r="B25726" s="2"/>
      <c r="C25726" s="2"/>
    </row>
    <row r="25727" spans="1:3" ht="19.2">
      <c r="A25727" s="2"/>
      <c r="B25727" s="2"/>
      <c r="C25727" s="2"/>
    </row>
    <row r="25728" spans="1:3" ht="19.2">
      <c r="A25728" s="2"/>
      <c r="B25728" s="2"/>
      <c r="C25728" s="2"/>
    </row>
    <row r="25729" spans="1:3" ht="19.2">
      <c r="A25729" s="2"/>
      <c r="B25729" s="2"/>
      <c r="C25729" s="2"/>
    </row>
    <row r="25730" spans="1:3" ht="19.2">
      <c r="A25730" s="2"/>
      <c r="B25730" s="2"/>
      <c r="C25730" s="2"/>
    </row>
    <row r="25731" spans="1:3" ht="19.2">
      <c r="A25731" s="2"/>
      <c r="B25731" s="2"/>
      <c r="C25731" s="2"/>
    </row>
    <row r="25732" spans="1:3" ht="19.2">
      <c r="A25732" s="2"/>
      <c r="B25732" s="2"/>
      <c r="C25732" s="2"/>
    </row>
    <row r="25733" spans="1:3" ht="19.2">
      <c r="A25733" s="2"/>
      <c r="B25733" s="2"/>
      <c r="C25733" s="2"/>
    </row>
    <row r="25734" spans="1:3" ht="19.2">
      <c r="A25734" s="2"/>
      <c r="B25734" s="2"/>
      <c r="C25734" s="2"/>
    </row>
    <row r="25735" spans="1:3" ht="19.2">
      <c r="A25735" s="2"/>
      <c r="B25735" s="2"/>
      <c r="C25735" s="2"/>
    </row>
    <row r="25736" spans="1:3" ht="19.2">
      <c r="A25736" s="2"/>
      <c r="B25736" s="2"/>
      <c r="C25736" s="2"/>
    </row>
    <row r="25737" spans="1:3" ht="19.2">
      <c r="A25737" s="2"/>
      <c r="B25737" s="2"/>
      <c r="C25737" s="2"/>
    </row>
    <row r="25738" spans="1:3" ht="19.2">
      <c r="A25738" s="2"/>
      <c r="B25738" s="2"/>
      <c r="C25738" s="2"/>
    </row>
    <row r="25739" spans="1:3" ht="19.2">
      <c r="A25739" s="2"/>
      <c r="B25739" s="2"/>
      <c r="C25739" s="2"/>
    </row>
    <row r="25740" spans="1:3" ht="19.2">
      <c r="A25740" s="2"/>
      <c r="B25740" s="2"/>
      <c r="C25740" s="2"/>
    </row>
    <row r="25741" spans="1:3" ht="19.2">
      <c r="A25741" s="2"/>
      <c r="B25741" s="2"/>
      <c r="C25741" s="2"/>
    </row>
    <row r="25742" spans="1:3" ht="19.2">
      <c r="A25742" s="2"/>
      <c r="B25742" s="2"/>
      <c r="C25742" s="2"/>
    </row>
    <row r="25743" spans="1:3" ht="19.2">
      <c r="A25743" s="2"/>
      <c r="B25743" s="2"/>
      <c r="C25743" s="2"/>
    </row>
    <row r="25744" spans="1:3" ht="19.2">
      <c r="A25744" s="2"/>
      <c r="B25744" s="2"/>
      <c r="C25744" s="2"/>
    </row>
    <row r="25745" spans="1:3" ht="19.2">
      <c r="A25745" s="2"/>
      <c r="B25745" s="2"/>
      <c r="C25745" s="2"/>
    </row>
    <row r="25746" spans="1:3" ht="19.2">
      <c r="A25746" s="2"/>
      <c r="B25746" s="2"/>
      <c r="C25746" s="2"/>
    </row>
    <row r="25747" spans="1:3" ht="19.2">
      <c r="A25747" s="2"/>
      <c r="B25747" s="2"/>
      <c r="C25747" s="2"/>
    </row>
    <row r="25748" spans="1:3" ht="19.2">
      <c r="A25748" s="2"/>
      <c r="B25748" s="2"/>
      <c r="C25748" s="2"/>
    </row>
    <row r="25749" spans="1:3" ht="19.2">
      <c r="A25749" s="2"/>
      <c r="B25749" s="2"/>
      <c r="C25749" s="2"/>
    </row>
    <row r="25750" spans="1:3" ht="19.2">
      <c r="A25750" s="2"/>
      <c r="B25750" s="2"/>
      <c r="C25750" s="2"/>
    </row>
    <row r="25751" spans="1:3" ht="19.2">
      <c r="A25751" s="2"/>
      <c r="B25751" s="2"/>
      <c r="C25751" s="2"/>
    </row>
    <row r="25752" spans="1:3" ht="19.2">
      <c r="A25752" s="2"/>
      <c r="B25752" s="2"/>
      <c r="C25752" s="2"/>
    </row>
    <row r="25753" spans="1:3" ht="19.2">
      <c r="A25753" s="2"/>
      <c r="B25753" s="2"/>
      <c r="C25753" s="2"/>
    </row>
    <row r="25754" spans="1:3" ht="19.2">
      <c r="A25754" s="2"/>
      <c r="B25754" s="2"/>
      <c r="C25754" s="2"/>
    </row>
    <row r="25755" spans="1:3" ht="19.2">
      <c r="A25755" s="2"/>
      <c r="B25755" s="2"/>
      <c r="C25755" s="2"/>
    </row>
    <row r="25756" spans="1:3" ht="19.2">
      <c r="A25756" s="2"/>
      <c r="B25756" s="2"/>
      <c r="C25756" s="2"/>
    </row>
    <row r="25757" spans="1:3" ht="19.2">
      <c r="A25757" s="2"/>
      <c r="B25757" s="2"/>
      <c r="C25757" s="2"/>
    </row>
    <row r="25758" spans="1:3" ht="19.2">
      <c r="A25758" s="2"/>
      <c r="B25758" s="2"/>
      <c r="C25758" s="2"/>
    </row>
    <row r="25759" spans="1:3" ht="19.2">
      <c r="A25759" s="2"/>
      <c r="B25759" s="2"/>
      <c r="C25759" s="2"/>
    </row>
    <row r="25760" spans="1:3" ht="19.2">
      <c r="A25760" s="2"/>
      <c r="B25760" s="2"/>
      <c r="C25760" s="2"/>
    </row>
    <row r="25761" spans="1:3" ht="19.2">
      <c r="A25761" s="2"/>
      <c r="B25761" s="2"/>
      <c r="C25761" s="2"/>
    </row>
    <row r="25762" spans="1:3" ht="19.2">
      <c r="A25762" s="2"/>
      <c r="B25762" s="2"/>
      <c r="C25762" s="2"/>
    </row>
    <row r="25763" spans="1:3" ht="19.2">
      <c r="A25763" s="2"/>
      <c r="B25763" s="2"/>
      <c r="C25763" s="2"/>
    </row>
    <row r="25764" spans="1:3" ht="19.2">
      <c r="A25764" s="2"/>
      <c r="B25764" s="2"/>
      <c r="C25764" s="2"/>
    </row>
    <row r="25765" spans="1:3" ht="19.2">
      <c r="A25765" s="2"/>
      <c r="B25765" s="2"/>
      <c r="C25765" s="2"/>
    </row>
    <row r="25766" spans="1:3" ht="19.2">
      <c r="A25766" s="2"/>
      <c r="B25766" s="2"/>
      <c r="C25766" s="2"/>
    </row>
    <row r="25767" spans="1:3" ht="19.2">
      <c r="A25767" s="2"/>
      <c r="B25767" s="2"/>
      <c r="C25767" s="2"/>
    </row>
    <row r="25768" spans="1:3" ht="19.2">
      <c r="A25768" s="2"/>
      <c r="B25768" s="2"/>
      <c r="C25768" s="2"/>
    </row>
    <row r="25769" spans="1:3" ht="19.2">
      <c r="A25769" s="2"/>
      <c r="B25769" s="2"/>
      <c r="C25769" s="2"/>
    </row>
    <row r="25770" spans="1:3" ht="19.2">
      <c r="A25770" s="2"/>
      <c r="B25770" s="2"/>
      <c r="C25770" s="2"/>
    </row>
    <row r="25771" spans="1:3" ht="19.2">
      <c r="A25771" s="2"/>
      <c r="B25771" s="2"/>
      <c r="C25771" s="2"/>
    </row>
    <row r="25772" spans="1:3" ht="19.2">
      <c r="A25772" s="2"/>
      <c r="B25772" s="2"/>
      <c r="C25772" s="2"/>
    </row>
    <row r="25773" spans="1:3" ht="19.2">
      <c r="A25773" s="2"/>
      <c r="B25773" s="2"/>
      <c r="C25773" s="2"/>
    </row>
    <row r="25774" spans="1:3" ht="19.2">
      <c r="A25774" s="2"/>
      <c r="B25774" s="2"/>
      <c r="C25774" s="2"/>
    </row>
    <row r="25775" spans="1:3" ht="19.2">
      <c r="A25775" s="2"/>
      <c r="B25775" s="2"/>
      <c r="C25775" s="2"/>
    </row>
    <row r="25776" spans="1:3" ht="19.2">
      <c r="A25776" s="2"/>
      <c r="B25776" s="2"/>
      <c r="C25776" s="2"/>
    </row>
    <row r="25777" spans="1:3" ht="19.2">
      <c r="A25777" s="2"/>
      <c r="B25777" s="2"/>
      <c r="C25777" s="2"/>
    </row>
    <row r="25778" spans="1:3" ht="19.2">
      <c r="A25778" s="2"/>
      <c r="B25778" s="2"/>
      <c r="C25778" s="2"/>
    </row>
    <row r="25779" spans="1:3" ht="19.2">
      <c r="A25779" s="2"/>
      <c r="B25779" s="2"/>
      <c r="C25779" s="2"/>
    </row>
    <row r="25780" spans="1:3" ht="19.2">
      <c r="A25780" s="2"/>
      <c r="B25780" s="2"/>
      <c r="C25780" s="2"/>
    </row>
    <row r="25781" spans="1:3" ht="19.2">
      <c r="A25781" s="2"/>
      <c r="B25781" s="2"/>
      <c r="C25781" s="2"/>
    </row>
    <row r="25782" spans="1:3" ht="19.2">
      <c r="A25782" s="2"/>
      <c r="B25782" s="2"/>
      <c r="C25782" s="2"/>
    </row>
    <row r="25783" spans="1:3" ht="19.2">
      <c r="A25783" s="2"/>
      <c r="B25783" s="2"/>
      <c r="C25783" s="2"/>
    </row>
    <row r="25784" spans="1:3" ht="19.2">
      <c r="A25784" s="2"/>
      <c r="B25784" s="2"/>
      <c r="C25784" s="2"/>
    </row>
    <row r="25785" spans="1:3" ht="19.2">
      <c r="A25785" s="2"/>
      <c r="B25785" s="2"/>
      <c r="C25785" s="2"/>
    </row>
    <row r="25786" spans="1:3" ht="19.2">
      <c r="A25786" s="2"/>
      <c r="B25786" s="2"/>
      <c r="C25786" s="2"/>
    </row>
    <row r="25787" spans="1:3" ht="19.2">
      <c r="A25787" s="2"/>
      <c r="B25787" s="2"/>
      <c r="C25787" s="2"/>
    </row>
    <row r="25788" spans="1:3" ht="19.2">
      <c r="A25788" s="2"/>
      <c r="B25788" s="2"/>
      <c r="C25788" s="2"/>
    </row>
    <row r="25789" spans="1:3" ht="19.2">
      <c r="A25789" s="2"/>
      <c r="B25789" s="2"/>
      <c r="C25789" s="2"/>
    </row>
    <row r="25790" spans="1:3" ht="19.2">
      <c r="A25790" s="2"/>
      <c r="B25790" s="2"/>
      <c r="C25790" s="2"/>
    </row>
    <row r="25791" spans="1:3" ht="19.2">
      <c r="A25791" s="2"/>
      <c r="B25791" s="2"/>
      <c r="C25791" s="2"/>
    </row>
    <row r="25792" spans="1:3" ht="19.2">
      <c r="A25792" s="2"/>
      <c r="B25792" s="2"/>
      <c r="C25792" s="2"/>
    </row>
    <row r="25793" spans="1:3" ht="19.2">
      <c r="A25793" s="2"/>
      <c r="B25793" s="2"/>
      <c r="C25793" s="2"/>
    </row>
    <row r="25794" spans="1:3" ht="19.2">
      <c r="A25794" s="2"/>
      <c r="B25794" s="2"/>
      <c r="C25794" s="2"/>
    </row>
    <row r="25795" spans="1:3" ht="19.2">
      <c r="A25795" s="2"/>
      <c r="B25795" s="2"/>
      <c r="C25795" s="2"/>
    </row>
    <row r="25796" spans="1:3" ht="19.2">
      <c r="A25796" s="2"/>
      <c r="B25796" s="2"/>
      <c r="C25796" s="2"/>
    </row>
    <row r="25797" spans="1:3" ht="19.2">
      <c r="A25797" s="2"/>
      <c r="B25797" s="2"/>
      <c r="C25797" s="2"/>
    </row>
    <row r="25798" spans="1:3" ht="19.2">
      <c r="A25798" s="2"/>
      <c r="B25798" s="2"/>
      <c r="C25798" s="2"/>
    </row>
    <row r="25799" spans="1:3" ht="19.2">
      <c r="A25799" s="2"/>
      <c r="B25799" s="2"/>
      <c r="C25799" s="2"/>
    </row>
    <row r="25800" spans="1:3" ht="19.2">
      <c r="A25800" s="2"/>
      <c r="B25800" s="2"/>
      <c r="C25800" s="2"/>
    </row>
    <row r="25801" spans="1:3" ht="19.2">
      <c r="A25801" s="2"/>
      <c r="B25801" s="2"/>
      <c r="C25801" s="2"/>
    </row>
    <row r="25802" spans="1:3" ht="19.2">
      <c r="A25802" s="2"/>
      <c r="B25802" s="2"/>
      <c r="C25802" s="2"/>
    </row>
    <row r="25803" spans="1:3" ht="19.2">
      <c r="A25803" s="2"/>
      <c r="B25803" s="2"/>
      <c r="C25803" s="2"/>
    </row>
    <row r="25804" spans="1:3" ht="19.2">
      <c r="A25804" s="2"/>
      <c r="B25804" s="2"/>
      <c r="C25804" s="2"/>
    </row>
    <row r="25805" spans="1:3" ht="19.2">
      <c r="A25805" s="2"/>
      <c r="B25805" s="2"/>
      <c r="C25805" s="2"/>
    </row>
    <row r="25806" spans="1:3" ht="19.2">
      <c r="A25806" s="2"/>
      <c r="B25806" s="2"/>
      <c r="C25806" s="2"/>
    </row>
    <row r="25807" spans="1:3" ht="19.2">
      <c r="A25807" s="2"/>
      <c r="B25807" s="2"/>
      <c r="C25807" s="2"/>
    </row>
    <row r="25808" spans="1:3" ht="19.2">
      <c r="A25808" s="2"/>
      <c r="B25808" s="2"/>
      <c r="C25808" s="2"/>
    </row>
    <row r="25809" spans="1:3" ht="19.2">
      <c r="A25809" s="2"/>
      <c r="B25809" s="2"/>
      <c r="C25809" s="2"/>
    </row>
    <row r="25810" spans="1:3" ht="19.2">
      <c r="A25810" s="2"/>
      <c r="B25810" s="2"/>
      <c r="C25810" s="2"/>
    </row>
    <row r="25811" spans="1:3" ht="19.2">
      <c r="A25811" s="2"/>
      <c r="B25811" s="2"/>
      <c r="C25811" s="2"/>
    </row>
    <row r="25812" spans="1:3" ht="19.2">
      <c r="A25812" s="2"/>
      <c r="B25812" s="2"/>
      <c r="C25812" s="2"/>
    </row>
    <row r="25813" spans="1:3" ht="19.2">
      <c r="A25813" s="2"/>
      <c r="B25813" s="2"/>
      <c r="C25813" s="2"/>
    </row>
    <row r="25814" spans="1:3" ht="19.2">
      <c r="A25814" s="2"/>
      <c r="B25814" s="2"/>
      <c r="C25814" s="2"/>
    </row>
    <row r="25815" spans="1:3" ht="19.2">
      <c r="A25815" s="2"/>
      <c r="B25815" s="2"/>
      <c r="C25815" s="2"/>
    </row>
    <row r="25816" spans="1:3" ht="19.2">
      <c r="A25816" s="2"/>
      <c r="B25816" s="2"/>
      <c r="C25816" s="2"/>
    </row>
    <row r="25817" spans="1:3" ht="19.2">
      <c r="A25817" s="2"/>
      <c r="B25817" s="2"/>
      <c r="C25817" s="2"/>
    </row>
    <row r="25818" spans="1:3" ht="19.2">
      <c r="A25818" s="2"/>
      <c r="B25818" s="2"/>
      <c r="C25818" s="2"/>
    </row>
    <row r="25819" spans="1:3" ht="19.2">
      <c r="A25819" s="2"/>
      <c r="B25819" s="2"/>
      <c r="C25819" s="2"/>
    </row>
    <row r="25820" spans="1:3" ht="19.2">
      <c r="A25820" s="2"/>
      <c r="B25820" s="2"/>
      <c r="C25820" s="2"/>
    </row>
    <row r="25821" spans="1:3" ht="19.2">
      <c r="A25821" s="2"/>
      <c r="B25821" s="2"/>
      <c r="C25821" s="2"/>
    </row>
    <row r="25822" spans="1:3" ht="19.2">
      <c r="A25822" s="2"/>
      <c r="B25822" s="2"/>
      <c r="C25822" s="2"/>
    </row>
    <row r="25823" spans="1:3" ht="19.2">
      <c r="A25823" s="2"/>
      <c r="B25823" s="2"/>
      <c r="C25823" s="2"/>
    </row>
    <row r="25824" spans="1:3" ht="19.2">
      <c r="A25824" s="2"/>
      <c r="B25824" s="2"/>
      <c r="C25824" s="2"/>
    </row>
    <row r="25825" spans="1:3" ht="19.2">
      <c r="A25825" s="2"/>
      <c r="B25825" s="2"/>
      <c r="C25825" s="2"/>
    </row>
    <row r="25826" spans="1:3" ht="19.2">
      <c r="A25826" s="2"/>
      <c r="B25826" s="2"/>
      <c r="C25826" s="2"/>
    </row>
    <row r="25827" spans="1:3" ht="19.2">
      <c r="A25827" s="2"/>
      <c r="B25827" s="2"/>
      <c r="C25827" s="2"/>
    </row>
    <row r="25828" spans="1:3" ht="19.2">
      <c r="A25828" s="2"/>
      <c r="B25828" s="2"/>
      <c r="C25828" s="2"/>
    </row>
    <row r="25829" spans="1:3" ht="19.2">
      <c r="A25829" s="2"/>
      <c r="B25829" s="2"/>
      <c r="C25829" s="2"/>
    </row>
    <row r="25830" spans="1:3" ht="19.2">
      <c r="A25830" s="2"/>
      <c r="B25830" s="2"/>
      <c r="C25830" s="2"/>
    </row>
    <row r="25831" spans="1:3" ht="19.2">
      <c r="A25831" s="2"/>
      <c r="B25831" s="2"/>
      <c r="C25831" s="2"/>
    </row>
    <row r="25832" spans="1:3" ht="19.2">
      <c r="A25832" s="2"/>
      <c r="B25832" s="2"/>
      <c r="C25832" s="2"/>
    </row>
    <row r="25833" spans="1:3" ht="19.2">
      <c r="A25833" s="2"/>
      <c r="B25833" s="2"/>
      <c r="C25833" s="2"/>
    </row>
    <row r="25834" spans="1:3" ht="19.2">
      <c r="A25834" s="2"/>
      <c r="B25834" s="2"/>
      <c r="C25834" s="2"/>
    </row>
    <row r="25835" spans="1:3" ht="19.2">
      <c r="A25835" s="2"/>
      <c r="B25835" s="2"/>
      <c r="C25835" s="2"/>
    </row>
    <row r="25836" spans="1:3" ht="19.2">
      <c r="A25836" s="2"/>
      <c r="B25836" s="2"/>
      <c r="C25836" s="2"/>
    </row>
    <row r="25837" spans="1:3" ht="19.2">
      <c r="A25837" s="2"/>
      <c r="B25837" s="2"/>
      <c r="C25837" s="2"/>
    </row>
    <row r="25838" spans="1:3" ht="19.2">
      <c r="A25838" s="2"/>
      <c r="B25838" s="2"/>
      <c r="C25838" s="2"/>
    </row>
    <row r="25839" spans="1:3" ht="19.2">
      <c r="A25839" s="2"/>
      <c r="B25839" s="2"/>
      <c r="C25839" s="2"/>
    </row>
    <row r="25840" spans="1:3" ht="19.2">
      <c r="A25840" s="2"/>
      <c r="B25840" s="2"/>
      <c r="C25840" s="2"/>
    </row>
    <row r="25841" spans="1:3" ht="19.2">
      <c r="A25841" s="2"/>
      <c r="B25841" s="2"/>
      <c r="C25841" s="2"/>
    </row>
    <row r="25842" spans="1:3" ht="19.2">
      <c r="A25842" s="2"/>
      <c r="B25842" s="2"/>
      <c r="C25842" s="2"/>
    </row>
    <row r="25843" spans="1:3" ht="19.2">
      <c r="A25843" s="2"/>
      <c r="B25843" s="2"/>
      <c r="C25843" s="2"/>
    </row>
    <row r="25844" spans="1:3" ht="19.2">
      <c r="A25844" s="2"/>
      <c r="B25844" s="2"/>
      <c r="C25844" s="2"/>
    </row>
    <row r="25845" spans="1:3" ht="19.2">
      <c r="A25845" s="2"/>
      <c r="B25845" s="2"/>
      <c r="C25845" s="2"/>
    </row>
    <row r="25846" spans="1:3" ht="19.2">
      <c r="A25846" s="2"/>
      <c r="B25846" s="2"/>
      <c r="C25846" s="2"/>
    </row>
    <row r="25847" spans="1:3" ht="19.2">
      <c r="A25847" s="2"/>
      <c r="B25847" s="2"/>
      <c r="C25847" s="2"/>
    </row>
    <row r="25848" spans="1:3" ht="19.2">
      <c r="A25848" s="2"/>
      <c r="B25848" s="2"/>
      <c r="C25848" s="2"/>
    </row>
    <row r="25849" spans="1:3" ht="19.2">
      <c r="A25849" s="2"/>
      <c r="B25849" s="2"/>
      <c r="C25849" s="2"/>
    </row>
    <row r="25850" spans="1:3" ht="19.2">
      <c r="A25850" s="2"/>
      <c r="B25850" s="2"/>
      <c r="C25850" s="2"/>
    </row>
    <row r="25851" spans="1:3" ht="19.2">
      <c r="A25851" s="2"/>
      <c r="B25851" s="2"/>
      <c r="C25851" s="2"/>
    </row>
    <row r="25852" spans="1:3" ht="19.2">
      <c r="A25852" s="2"/>
      <c r="B25852" s="2"/>
      <c r="C25852" s="2"/>
    </row>
    <row r="25853" spans="1:3" ht="19.2">
      <c r="A25853" s="2"/>
      <c r="B25853" s="2"/>
      <c r="C25853" s="2"/>
    </row>
    <row r="25854" spans="1:3" ht="19.2">
      <c r="A25854" s="2"/>
      <c r="B25854" s="2"/>
      <c r="C25854" s="2"/>
    </row>
    <row r="25855" spans="1:3" ht="19.2">
      <c r="A25855" s="2"/>
      <c r="B25855" s="2"/>
      <c r="C25855" s="2"/>
    </row>
    <row r="25856" spans="1:3" ht="19.2">
      <c r="A25856" s="2"/>
      <c r="B25856" s="2"/>
      <c r="C25856" s="2"/>
    </row>
    <row r="25857" spans="1:3" ht="19.2">
      <c r="A25857" s="2"/>
      <c r="B25857" s="2"/>
      <c r="C25857" s="2"/>
    </row>
    <row r="25858" spans="1:3" ht="19.2">
      <c r="A25858" s="2"/>
      <c r="B25858" s="2"/>
      <c r="C25858" s="2"/>
    </row>
    <row r="25859" spans="1:3" ht="19.2">
      <c r="A25859" s="2"/>
      <c r="B25859" s="2"/>
      <c r="C25859" s="2"/>
    </row>
    <row r="25860" spans="1:3" ht="19.2">
      <c r="A25860" s="2"/>
      <c r="B25860" s="2"/>
      <c r="C25860" s="2"/>
    </row>
    <row r="25861" spans="1:3" ht="19.2">
      <c r="A25861" s="2"/>
      <c r="B25861" s="2"/>
      <c r="C25861" s="2"/>
    </row>
    <row r="25862" spans="1:3" ht="19.2">
      <c r="A25862" s="2"/>
      <c r="B25862" s="2"/>
      <c r="C25862" s="2"/>
    </row>
    <row r="25863" spans="1:3" ht="19.2">
      <c r="A25863" s="2"/>
      <c r="B25863" s="2"/>
      <c r="C25863" s="2"/>
    </row>
    <row r="25864" spans="1:3" ht="19.2">
      <c r="A25864" s="2"/>
      <c r="B25864" s="2"/>
      <c r="C25864" s="2"/>
    </row>
    <row r="25865" spans="1:3" ht="19.2">
      <c r="A25865" s="2"/>
      <c r="B25865" s="2"/>
      <c r="C25865" s="2"/>
    </row>
    <row r="25866" spans="1:3" ht="19.2">
      <c r="A25866" s="2"/>
      <c r="B25866" s="2"/>
      <c r="C25866" s="2"/>
    </row>
    <row r="25867" spans="1:3" ht="19.2">
      <c r="A25867" s="2"/>
      <c r="B25867" s="2"/>
      <c r="C25867" s="2"/>
    </row>
    <row r="25868" spans="1:3" ht="19.2">
      <c r="A25868" s="2"/>
      <c r="B25868" s="2"/>
      <c r="C25868" s="2"/>
    </row>
    <row r="25869" spans="1:3" ht="19.2">
      <c r="A25869" s="2"/>
      <c r="B25869" s="2"/>
      <c r="C25869" s="2"/>
    </row>
    <row r="25870" spans="1:3" ht="19.2">
      <c r="A25870" s="2"/>
      <c r="B25870" s="2"/>
      <c r="C25870" s="2"/>
    </row>
    <row r="25871" spans="1:3" ht="19.2">
      <c r="A25871" s="2"/>
      <c r="B25871" s="2"/>
      <c r="C25871" s="2"/>
    </row>
    <row r="25872" spans="1:3" ht="19.2">
      <c r="A25872" s="2"/>
      <c r="B25872" s="2"/>
      <c r="C25872" s="2"/>
    </row>
    <row r="25873" spans="1:3" ht="19.2">
      <c r="A25873" s="2"/>
      <c r="B25873" s="2"/>
      <c r="C25873" s="2"/>
    </row>
    <row r="25874" spans="1:3" ht="19.2">
      <c r="A25874" s="2"/>
      <c r="B25874" s="2"/>
      <c r="C25874" s="2"/>
    </row>
    <row r="25875" spans="1:3" ht="19.2">
      <c r="A25875" s="2"/>
      <c r="B25875" s="2"/>
      <c r="C25875" s="2"/>
    </row>
    <row r="25876" spans="1:3" ht="19.2">
      <c r="A25876" s="2"/>
      <c r="B25876" s="2"/>
      <c r="C25876" s="2"/>
    </row>
    <row r="25877" spans="1:3" ht="19.2">
      <c r="A25877" s="2"/>
      <c r="B25877" s="2"/>
      <c r="C25877" s="2"/>
    </row>
    <row r="25878" spans="1:3" ht="19.2">
      <c r="A25878" s="2"/>
      <c r="B25878" s="2"/>
      <c r="C25878" s="2"/>
    </row>
    <row r="25879" spans="1:3" ht="19.2">
      <c r="A25879" s="2"/>
      <c r="B25879" s="2"/>
      <c r="C25879" s="2"/>
    </row>
    <row r="25880" spans="1:3" ht="19.2">
      <c r="A25880" s="2"/>
      <c r="B25880" s="2"/>
      <c r="C25880" s="2"/>
    </row>
    <row r="25881" spans="1:3" ht="19.2">
      <c r="A25881" s="2"/>
      <c r="B25881" s="2"/>
      <c r="C25881" s="2"/>
    </row>
    <row r="25882" spans="1:3" ht="19.2">
      <c r="A25882" s="2"/>
      <c r="B25882" s="2"/>
      <c r="C25882" s="2"/>
    </row>
    <row r="25883" spans="1:3" ht="19.2">
      <c r="A25883" s="2"/>
      <c r="B25883" s="2"/>
      <c r="C25883" s="2"/>
    </row>
    <row r="25884" spans="1:3" ht="19.2">
      <c r="A25884" s="2"/>
      <c r="B25884" s="2"/>
      <c r="C25884" s="2"/>
    </row>
    <row r="25885" spans="1:3" ht="19.2">
      <c r="A25885" s="2"/>
      <c r="B25885" s="2"/>
      <c r="C25885" s="2"/>
    </row>
    <row r="25886" spans="1:3" ht="19.2">
      <c r="A25886" s="2"/>
      <c r="B25886" s="2"/>
      <c r="C25886" s="2"/>
    </row>
    <row r="25887" spans="1:3" ht="19.2">
      <c r="A25887" s="2"/>
      <c r="B25887" s="2"/>
      <c r="C25887" s="2"/>
    </row>
    <row r="25888" spans="1:3" ht="19.2">
      <c r="A25888" s="2"/>
      <c r="B25888" s="2"/>
      <c r="C25888" s="2"/>
    </row>
    <row r="25889" spans="1:3" ht="19.2">
      <c r="A25889" s="2"/>
      <c r="B25889" s="2"/>
      <c r="C25889" s="2"/>
    </row>
    <row r="25890" spans="1:3" ht="19.2">
      <c r="A25890" s="2"/>
      <c r="B25890" s="2"/>
      <c r="C25890" s="2"/>
    </row>
    <row r="25891" spans="1:3" ht="19.2">
      <c r="A25891" s="2"/>
      <c r="B25891" s="2"/>
      <c r="C25891" s="2"/>
    </row>
    <row r="25892" spans="1:3" ht="19.2">
      <c r="A25892" s="2"/>
      <c r="B25892" s="2"/>
      <c r="C25892" s="2"/>
    </row>
    <row r="25893" spans="1:3" ht="19.2">
      <c r="A25893" s="2"/>
      <c r="B25893" s="2"/>
      <c r="C25893" s="2"/>
    </row>
    <row r="25894" spans="1:3" ht="19.2">
      <c r="A25894" s="2"/>
      <c r="B25894" s="2"/>
      <c r="C25894" s="2"/>
    </row>
    <row r="25895" spans="1:3" ht="19.2">
      <c r="A25895" s="2"/>
      <c r="B25895" s="2"/>
      <c r="C25895" s="2"/>
    </row>
    <row r="25896" spans="1:3" ht="19.2">
      <c r="A25896" s="2"/>
      <c r="B25896" s="2"/>
      <c r="C25896" s="2"/>
    </row>
    <row r="25897" spans="1:3" ht="19.2">
      <c r="A25897" s="2"/>
      <c r="B25897" s="2"/>
      <c r="C25897" s="2"/>
    </row>
    <row r="25898" spans="1:3" ht="19.2">
      <c r="A25898" s="2"/>
      <c r="B25898" s="2"/>
      <c r="C25898" s="2"/>
    </row>
    <row r="25899" spans="1:3" ht="19.2">
      <c r="A25899" s="2"/>
      <c r="B25899" s="2"/>
      <c r="C25899" s="2"/>
    </row>
    <row r="25900" spans="1:3" ht="19.2">
      <c r="A25900" s="2"/>
      <c r="B25900" s="2"/>
      <c r="C25900" s="2"/>
    </row>
    <row r="25901" spans="1:3" ht="19.2">
      <c r="A25901" s="2"/>
      <c r="B25901" s="2"/>
      <c r="C25901" s="2"/>
    </row>
    <row r="25902" spans="1:3" ht="19.2">
      <c r="A25902" s="2"/>
      <c r="B25902" s="2"/>
      <c r="C25902" s="2"/>
    </row>
    <row r="25903" spans="1:3" ht="19.2">
      <c r="A25903" s="2"/>
      <c r="B25903" s="2"/>
      <c r="C25903" s="2"/>
    </row>
    <row r="25904" spans="1:3" ht="19.2">
      <c r="A25904" s="2"/>
      <c r="B25904" s="2"/>
      <c r="C25904" s="2"/>
    </row>
    <row r="25905" spans="1:3" ht="19.2">
      <c r="A25905" s="2"/>
      <c r="B25905" s="2"/>
      <c r="C25905" s="2"/>
    </row>
    <row r="25906" spans="1:3" ht="19.2">
      <c r="A25906" s="2"/>
      <c r="B25906" s="2"/>
      <c r="C25906" s="2"/>
    </row>
    <row r="25907" spans="1:3" ht="19.2">
      <c r="A25907" s="2"/>
      <c r="B25907" s="2"/>
      <c r="C25907" s="2"/>
    </row>
    <row r="25908" spans="1:3" ht="19.2">
      <c r="A25908" s="2"/>
      <c r="B25908" s="2"/>
      <c r="C25908" s="2"/>
    </row>
    <row r="25909" spans="1:3" ht="19.2">
      <c r="A25909" s="2"/>
      <c r="B25909" s="2"/>
      <c r="C25909" s="2"/>
    </row>
    <row r="25910" spans="1:3" ht="19.2">
      <c r="A25910" s="2"/>
      <c r="B25910" s="2"/>
      <c r="C25910" s="2"/>
    </row>
    <row r="25911" spans="1:3" ht="19.2">
      <c r="A25911" s="2"/>
      <c r="B25911" s="2"/>
      <c r="C25911" s="2"/>
    </row>
    <row r="25912" spans="1:3" ht="19.2">
      <c r="A25912" s="2"/>
      <c r="B25912" s="2"/>
      <c r="C25912" s="2"/>
    </row>
    <row r="25913" spans="1:3" ht="19.2">
      <c r="A25913" s="2"/>
      <c r="B25913" s="2"/>
      <c r="C25913" s="2"/>
    </row>
    <row r="25914" spans="1:3" ht="19.2">
      <c r="A25914" s="2"/>
      <c r="B25914" s="2"/>
      <c r="C25914" s="2"/>
    </row>
    <row r="25915" spans="1:3" ht="19.2">
      <c r="A25915" s="2"/>
      <c r="B25915" s="2"/>
      <c r="C25915" s="2"/>
    </row>
    <row r="25916" spans="1:3" ht="19.2">
      <c r="A25916" s="2"/>
      <c r="B25916" s="2"/>
      <c r="C25916" s="2"/>
    </row>
    <row r="25917" spans="1:3" ht="19.2">
      <c r="A25917" s="2"/>
      <c r="B25917" s="2"/>
      <c r="C25917" s="2"/>
    </row>
    <row r="25918" spans="1:3" ht="19.2">
      <c r="A25918" s="2"/>
      <c r="B25918" s="2"/>
      <c r="C25918" s="2"/>
    </row>
    <row r="25919" spans="1:3" ht="19.2">
      <c r="A25919" s="2"/>
      <c r="B25919" s="2"/>
      <c r="C25919" s="2"/>
    </row>
    <row r="25920" spans="1:3" ht="19.2">
      <c r="A25920" s="2"/>
      <c r="B25920" s="2"/>
      <c r="C25920" s="2"/>
    </row>
    <row r="25921" spans="1:3" ht="19.2">
      <c r="A25921" s="2"/>
      <c r="B25921" s="2"/>
      <c r="C25921" s="2"/>
    </row>
    <row r="25922" spans="1:3" ht="19.2">
      <c r="A25922" s="2"/>
      <c r="B25922" s="2"/>
      <c r="C25922" s="2"/>
    </row>
    <row r="25923" spans="1:3" ht="19.2">
      <c r="A25923" s="2"/>
      <c r="B25923" s="2"/>
      <c r="C25923" s="2"/>
    </row>
    <row r="25924" spans="1:3" ht="19.2">
      <c r="A25924" s="2"/>
      <c r="B25924" s="2"/>
      <c r="C25924" s="2"/>
    </row>
    <row r="25925" spans="1:3" ht="19.2">
      <c r="A25925" s="2"/>
      <c r="B25925" s="2"/>
      <c r="C25925" s="2"/>
    </row>
    <row r="25926" spans="1:3" ht="19.2">
      <c r="A25926" s="2"/>
      <c r="B25926" s="2"/>
      <c r="C25926" s="2"/>
    </row>
    <row r="25927" spans="1:3" ht="19.2">
      <c r="A25927" s="2"/>
      <c r="B25927" s="2"/>
      <c r="C25927" s="2"/>
    </row>
    <row r="25928" spans="1:3" ht="19.2">
      <c r="A25928" s="2"/>
      <c r="B25928" s="2"/>
      <c r="C25928" s="2"/>
    </row>
    <row r="25929" spans="1:3" ht="19.2">
      <c r="A25929" s="2"/>
      <c r="B25929" s="2"/>
      <c r="C25929" s="2"/>
    </row>
    <row r="25930" spans="1:3" ht="19.2">
      <c r="A25930" s="2"/>
      <c r="B25930" s="2"/>
      <c r="C25930" s="2"/>
    </row>
    <row r="25931" spans="1:3" ht="19.2">
      <c r="A25931" s="2"/>
      <c r="B25931" s="2"/>
      <c r="C25931" s="2"/>
    </row>
    <row r="25932" spans="1:3" ht="19.2">
      <c r="A25932" s="2"/>
      <c r="B25932" s="2"/>
      <c r="C25932" s="2"/>
    </row>
    <row r="25933" spans="1:3" ht="19.2">
      <c r="A25933" s="2"/>
      <c r="B25933" s="2"/>
      <c r="C25933" s="2"/>
    </row>
    <row r="25934" spans="1:3" ht="19.2">
      <c r="A25934" s="2"/>
      <c r="B25934" s="2"/>
      <c r="C25934" s="2"/>
    </row>
    <row r="25935" spans="1:3" ht="19.2">
      <c r="A25935" s="2"/>
      <c r="B25935" s="2"/>
      <c r="C25935" s="2"/>
    </row>
    <row r="25936" spans="1:3" ht="19.2">
      <c r="A25936" s="2"/>
      <c r="B25936" s="2"/>
      <c r="C25936" s="2"/>
    </row>
    <row r="25937" spans="1:3" ht="19.2">
      <c r="A25937" s="2"/>
      <c r="B25937" s="2"/>
      <c r="C25937" s="2"/>
    </row>
    <row r="25938" spans="1:3" ht="19.2">
      <c r="A25938" s="2"/>
      <c r="B25938" s="2"/>
      <c r="C25938" s="2"/>
    </row>
    <row r="25939" spans="1:3" ht="19.2">
      <c r="A25939" s="2"/>
      <c r="B25939" s="2"/>
      <c r="C25939" s="2"/>
    </row>
    <row r="25940" spans="1:3" ht="19.2">
      <c r="A25940" s="2"/>
      <c r="B25940" s="2"/>
      <c r="C25940" s="2"/>
    </row>
    <row r="25941" spans="1:3" ht="19.2">
      <c r="A25941" s="2"/>
      <c r="B25941" s="2"/>
      <c r="C25941" s="2"/>
    </row>
    <row r="25942" spans="1:3" ht="19.2">
      <c r="A25942" s="2"/>
      <c r="B25942" s="2"/>
      <c r="C25942" s="2"/>
    </row>
    <row r="25943" spans="1:3" ht="19.2">
      <c r="A25943" s="2"/>
      <c r="B25943" s="2"/>
      <c r="C25943" s="2"/>
    </row>
    <row r="25944" spans="1:3" ht="19.2">
      <c r="A25944" s="2"/>
      <c r="B25944" s="2"/>
      <c r="C25944" s="2"/>
    </row>
    <row r="25945" spans="1:3" ht="19.2">
      <c r="A25945" s="2"/>
      <c r="B25945" s="2"/>
      <c r="C25945" s="2"/>
    </row>
    <row r="25946" spans="1:3" ht="19.2">
      <c r="A25946" s="2"/>
      <c r="B25946" s="2"/>
      <c r="C25946" s="2"/>
    </row>
    <row r="25947" spans="1:3" ht="19.2">
      <c r="A25947" s="2"/>
      <c r="B25947" s="2"/>
      <c r="C25947" s="2"/>
    </row>
    <row r="25948" spans="1:3" ht="19.2">
      <c r="A25948" s="2"/>
      <c r="B25948" s="2"/>
      <c r="C25948" s="2"/>
    </row>
    <row r="25949" spans="1:3" ht="19.2">
      <c r="A25949" s="2"/>
      <c r="B25949" s="2"/>
      <c r="C25949" s="2"/>
    </row>
    <row r="25950" spans="1:3" ht="19.2">
      <c r="A25950" s="2"/>
      <c r="B25950" s="2"/>
      <c r="C25950" s="2"/>
    </row>
    <row r="25951" spans="1:3" ht="19.2">
      <c r="A25951" s="2"/>
      <c r="B25951" s="2"/>
      <c r="C25951" s="2"/>
    </row>
    <row r="25952" spans="1:3" ht="19.2">
      <c r="A25952" s="2"/>
      <c r="B25952" s="2"/>
      <c r="C25952" s="2"/>
    </row>
    <row r="25953" spans="1:3" ht="19.2">
      <c r="A25953" s="2"/>
      <c r="B25953" s="2"/>
      <c r="C25953" s="2"/>
    </row>
    <row r="25954" spans="1:3" ht="19.2">
      <c r="A25954" s="2"/>
      <c r="B25954" s="2"/>
      <c r="C25954" s="2"/>
    </row>
    <row r="25955" spans="1:3" ht="19.2">
      <c r="A25955" s="2"/>
      <c r="B25955" s="2"/>
      <c r="C25955" s="2"/>
    </row>
    <row r="25956" spans="1:3" ht="19.2">
      <c r="A25956" s="2"/>
      <c r="B25956" s="2"/>
      <c r="C25956" s="2"/>
    </row>
    <row r="25957" spans="1:3" ht="19.2">
      <c r="A25957" s="2"/>
      <c r="B25957" s="2"/>
      <c r="C25957" s="2"/>
    </row>
    <row r="25958" spans="1:3" ht="19.2">
      <c r="A25958" s="2"/>
      <c r="B25958" s="2"/>
      <c r="C25958" s="2"/>
    </row>
    <row r="25959" spans="1:3" ht="19.2">
      <c r="A25959" s="2"/>
      <c r="B25959" s="2"/>
      <c r="C25959" s="2"/>
    </row>
    <row r="25960" spans="1:3" ht="19.2">
      <c r="A25960" s="2"/>
      <c r="B25960" s="2"/>
      <c r="C25960" s="2"/>
    </row>
    <row r="25961" spans="1:3" ht="19.2">
      <c r="A25961" s="2"/>
      <c r="B25961" s="2"/>
      <c r="C25961" s="2"/>
    </row>
    <row r="25962" spans="1:3" ht="19.2">
      <c r="A25962" s="2"/>
      <c r="B25962" s="2"/>
      <c r="C25962" s="2"/>
    </row>
    <row r="25963" spans="1:3" ht="19.2">
      <c r="A25963" s="2"/>
      <c r="B25963" s="2"/>
      <c r="C25963" s="2"/>
    </row>
    <row r="25964" spans="1:3" ht="19.2">
      <c r="A25964" s="2"/>
      <c r="B25964" s="2"/>
      <c r="C25964" s="2"/>
    </row>
    <row r="25965" spans="1:3" ht="19.2">
      <c r="A25965" s="2"/>
      <c r="B25965" s="2"/>
      <c r="C25965" s="2"/>
    </row>
    <row r="25966" spans="1:3" ht="19.2">
      <c r="A25966" s="2"/>
      <c r="B25966" s="2"/>
      <c r="C25966" s="2"/>
    </row>
    <row r="25967" spans="1:3" ht="19.2">
      <c r="A25967" s="2"/>
      <c r="B25967" s="2"/>
      <c r="C25967" s="2"/>
    </row>
    <row r="25968" spans="1:3" ht="19.2">
      <c r="A25968" s="2"/>
      <c r="B25968" s="2"/>
      <c r="C25968" s="2"/>
    </row>
    <row r="25969" spans="1:3" ht="19.2">
      <c r="A25969" s="2"/>
      <c r="B25969" s="2"/>
      <c r="C25969" s="2"/>
    </row>
    <row r="25970" spans="1:3" ht="19.2">
      <c r="A25970" s="2"/>
      <c r="B25970" s="2"/>
      <c r="C25970" s="2"/>
    </row>
    <row r="25971" spans="1:3" ht="19.2">
      <c r="A25971" s="2"/>
      <c r="B25971" s="2"/>
      <c r="C25971" s="2"/>
    </row>
    <row r="25972" spans="1:3" ht="19.2">
      <c r="A25972" s="2"/>
      <c r="B25972" s="2"/>
      <c r="C25972" s="2"/>
    </row>
    <row r="25973" spans="1:3" ht="19.2">
      <c r="A25973" s="2"/>
      <c r="B25973" s="2"/>
      <c r="C25973" s="2"/>
    </row>
    <row r="25974" spans="1:3" ht="19.2">
      <c r="A25974" s="2"/>
      <c r="B25974" s="2"/>
      <c r="C25974" s="2"/>
    </row>
    <row r="25975" spans="1:3" ht="19.2">
      <c r="A25975" s="2"/>
      <c r="B25975" s="2"/>
      <c r="C25975" s="2"/>
    </row>
    <row r="25976" spans="1:3" ht="19.2">
      <c r="A25976" s="2"/>
      <c r="B25976" s="2"/>
      <c r="C25976" s="2"/>
    </row>
    <row r="25977" spans="1:3" ht="19.2">
      <c r="A25977" s="2"/>
      <c r="B25977" s="2"/>
      <c r="C25977" s="2"/>
    </row>
    <row r="25978" spans="1:3" ht="19.2">
      <c r="A25978" s="2"/>
      <c r="B25978" s="2"/>
      <c r="C25978" s="2"/>
    </row>
    <row r="25979" spans="1:3" ht="19.2">
      <c r="A25979" s="2"/>
      <c r="B25979" s="2"/>
      <c r="C25979" s="2"/>
    </row>
    <row r="25980" spans="1:3" ht="19.2">
      <c r="A25980" s="2"/>
      <c r="B25980" s="2"/>
      <c r="C25980" s="2"/>
    </row>
    <row r="25981" spans="1:3" ht="19.2">
      <c r="A25981" s="2"/>
      <c r="B25981" s="2"/>
      <c r="C25981" s="2"/>
    </row>
    <row r="25982" spans="1:3" ht="19.2">
      <c r="A25982" s="2"/>
      <c r="B25982" s="2"/>
      <c r="C25982" s="2"/>
    </row>
    <row r="25983" spans="1:3" ht="19.2">
      <c r="A25983" s="2"/>
      <c r="B25983" s="2"/>
      <c r="C25983" s="2"/>
    </row>
    <row r="25984" spans="1:3" ht="19.2">
      <c r="A25984" s="2"/>
      <c r="B25984" s="2"/>
      <c r="C25984" s="2"/>
    </row>
    <row r="25985" spans="1:3" ht="19.2">
      <c r="A25985" s="2"/>
      <c r="B25985" s="2"/>
      <c r="C25985" s="2"/>
    </row>
    <row r="25986" spans="1:3" ht="19.2">
      <c r="A25986" s="2"/>
      <c r="B25986" s="2"/>
      <c r="C25986" s="2"/>
    </row>
    <row r="25987" spans="1:3" ht="19.2">
      <c r="A25987" s="2"/>
      <c r="B25987" s="2"/>
      <c r="C25987" s="2"/>
    </row>
    <row r="25988" spans="1:3" ht="19.2">
      <c r="A25988" s="2"/>
      <c r="B25988" s="2"/>
      <c r="C25988" s="2"/>
    </row>
    <row r="25989" spans="1:3" ht="19.2">
      <c r="A25989" s="2"/>
      <c r="B25989" s="2"/>
      <c r="C25989" s="2"/>
    </row>
    <row r="25990" spans="1:3" ht="19.2">
      <c r="A25990" s="2"/>
      <c r="B25990" s="2"/>
      <c r="C25990" s="2"/>
    </row>
    <row r="25991" spans="1:3" ht="19.2">
      <c r="A25991" s="2"/>
      <c r="B25991" s="2"/>
      <c r="C25991" s="2"/>
    </row>
    <row r="25992" spans="1:3" ht="19.2">
      <c r="A25992" s="2"/>
      <c r="B25992" s="2"/>
      <c r="C25992" s="2"/>
    </row>
    <row r="25993" spans="1:3" ht="19.2">
      <c r="A25993" s="2"/>
      <c r="B25993" s="2"/>
      <c r="C25993" s="2"/>
    </row>
    <row r="25994" spans="1:3" ht="19.2">
      <c r="A25994" s="2"/>
      <c r="B25994" s="2"/>
      <c r="C25994" s="2"/>
    </row>
    <row r="25995" spans="1:3" ht="19.2">
      <c r="A25995" s="2"/>
      <c r="B25995" s="2"/>
      <c r="C25995" s="2"/>
    </row>
    <row r="25996" spans="1:3" ht="19.2">
      <c r="A25996" s="2"/>
      <c r="B25996" s="2"/>
      <c r="C25996" s="2"/>
    </row>
    <row r="25997" spans="1:3" ht="19.2">
      <c r="A25997" s="2"/>
      <c r="B25997" s="2"/>
      <c r="C25997" s="2"/>
    </row>
    <row r="25998" spans="1:3" ht="19.2">
      <c r="A25998" s="2"/>
      <c r="B25998" s="2"/>
      <c r="C25998" s="2"/>
    </row>
    <row r="25999" spans="1:3" ht="19.2">
      <c r="A25999" s="2"/>
      <c r="B25999" s="2"/>
      <c r="C25999" s="2"/>
    </row>
    <row r="26000" spans="1:3" ht="19.2">
      <c r="A26000" s="2"/>
      <c r="B26000" s="2"/>
      <c r="C26000" s="2"/>
    </row>
    <row r="26001" spans="1:3" ht="19.2">
      <c r="A26001" s="2"/>
      <c r="B26001" s="2"/>
      <c r="C26001" s="2"/>
    </row>
    <row r="26002" spans="1:3" ht="19.2">
      <c r="A26002" s="2"/>
      <c r="B26002" s="2"/>
      <c r="C26002" s="2"/>
    </row>
    <row r="26003" spans="1:3" ht="19.2">
      <c r="A26003" s="2"/>
      <c r="B26003" s="2"/>
      <c r="C26003" s="2"/>
    </row>
    <row r="26004" spans="1:3" ht="19.2">
      <c r="A26004" s="2"/>
      <c r="B26004" s="2"/>
      <c r="C26004" s="2"/>
    </row>
    <row r="26005" spans="1:3" ht="19.2">
      <c r="A26005" s="2"/>
      <c r="B26005" s="2"/>
      <c r="C26005" s="2"/>
    </row>
    <row r="26006" spans="1:3" ht="19.2">
      <c r="A26006" s="2"/>
      <c r="B26006" s="2"/>
      <c r="C26006" s="2"/>
    </row>
    <row r="26007" spans="1:3" ht="19.2">
      <c r="A26007" s="2"/>
      <c r="B26007" s="2"/>
      <c r="C26007" s="2"/>
    </row>
    <row r="26008" spans="1:3" ht="19.2">
      <c r="A26008" s="2"/>
      <c r="B26008" s="2"/>
      <c r="C26008" s="2"/>
    </row>
    <row r="26009" spans="1:3" ht="19.2">
      <c r="A26009" s="2"/>
      <c r="B26009" s="2"/>
      <c r="C26009" s="2"/>
    </row>
    <row r="26010" spans="1:3" ht="19.2">
      <c r="A26010" s="2"/>
      <c r="B26010" s="2"/>
      <c r="C26010" s="2"/>
    </row>
    <row r="26011" spans="1:3" ht="19.2">
      <c r="A26011" s="2"/>
      <c r="B26011" s="2"/>
      <c r="C26011" s="2"/>
    </row>
    <row r="26012" spans="1:3" ht="19.2">
      <c r="A26012" s="2"/>
      <c r="B26012" s="2"/>
      <c r="C26012" s="2"/>
    </row>
    <row r="26013" spans="1:3" ht="19.2">
      <c r="A26013" s="2"/>
      <c r="B26013" s="2"/>
      <c r="C26013" s="2"/>
    </row>
    <row r="26014" spans="1:3" ht="19.2">
      <c r="A26014" s="2"/>
      <c r="B26014" s="2"/>
      <c r="C26014" s="2"/>
    </row>
    <row r="26015" spans="1:3" ht="19.2">
      <c r="A26015" s="2"/>
      <c r="B26015" s="2"/>
      <c r="C26015" s="2"/>
    </row>
    <row r="26016" spans="1:3" ht="19.2">
      <c r="A26016" s="2"/>
      <c r="B26016" s="2"/>
      <c r="C26016" s="2"/>
    </row>
    <row r="26017" spans="1:3" ht="19.2">
      <c r="A26017" s="2"/>
      <c r="B26017" s="2"/>
      <c r="C26017" s="2"/>
    </row>
    <row r="26018" spans="1:3" ht="19.2">
      <c r="A26018" s="2"/>
      <c r="B26018" s="2"/>
      <c r="C26018" s="2"/>
    </row>
    <row r="26019" spans="1:3" ht="19.2">
      <c r="A26019" s="2"/>
      <c r="B26019" s="2"/>
      <c r="C26019" s="2"/>
    </row>
    <row r="26020" spans="1:3" ht="19.2">
      <c r="A26020" s="2"/>
      <c r="B26020" s="2"/>
      <c r="C26020" s="2"/>
    </row>
    <row r="26021" spans="1:3" ht="19.2">
      <c r="A26021" s="2"/>
      <c r="B26021" s="2"/>
      <c r="C26021" s="2"/>
    </row>
    <row r="26022" spans="1:3" ht="19.2">
      <c r="A26022" s="2"/>
      <c r="B26022" s="2"/>
      <c r="C26022" s="2"/>
    </row>
    <row r="26023" spans="1:3" ht="19.2">
      <c r="A26023" s="2"/>
      <c r="B26023" s="2"/>
      <c r="C26023" s="2"/>
    </row>
    <row r="26024" spans="1:3" ht="19.2">
      <c r="A26024" s="2"/>
      <c r="B26024" s="2"/>
      <c r="C26024" s="2"/>
    </row>
    <row r="26025" spans="1:3" ht="19.2">
      <c r="A26025" s="2"/>
      <c r="B26025" s="2"/>
      <c r="C26025" s="2"/>
    </row>
    <row r="26026" spans="1:3" ht="19.2">
      <c r="A26026" s="2"/>
      <c r="B26026" s="2"/>
      <c r="C26026" s="2"/>
    </row>
    <row r="26027" spans="1:3" ht="19.2">
      <c r="A26027" s="2"/>
      <c r="B26027" s="2"/>
      <c r="C26027" s="2"/>
    </row>
    <row r="26028" spans="1:3" ht="19.2">
      <c r="A26028" s="2"/>
      <c r="B26028" s="2"/>
      <c r="C26028" s="2"/>
    </row>
    <row r="26029" spans="1:3" ht="19.2">
      <c r="A26029" s="2"/>
      <c r="B26029" s="2"/>
      <c r="C26029" s="2"/>
    </row>
    <row r="26030" spans="1:3" ht="19.2">
      <c r="A26030" s="2"/>
      <c r="B26030" s="2"/>
      <c r="C26030" s="2"/>
    </row>
    <row r="26031" spans="1:3" ht="19.2">
      <c r="A26031" s="2"/>
      <c r="B26031" s="2"/>
      <c r="C26031" s="2"/>
    </row>
    <row r="26032" spans="1:3" ht="19.2">
      <c r="A26032" s="2"/>
      <c r="B26032" s="2"/>
      <c r="C26032" s="2"/>
    </row>
    <row r="26033" spans="1:3" ht="19.2">
      <c r="A26033" s="2"/>
      <c r="B26033" s="2"/>
      <c r="C26033" s="2"/>
    </row>
    <row r="26034" spans="1:3" ht="19.2">
      <c r="A26034" s="2"/>
      <c r="B26034" s="2"/>
      <c r="C26034" s="2"/>
    </row>
    <row r="26035" spans="1:3" ht="19.2">
      <c r="A26035" s="2"/>
      <c r="B26035" s="2"/>
      <c r="C26035" s="2"/>
    </row>
    <row r="26036" spans="1:3" ht="19.2">
      <c r="A26036" s="2"/>
      <c r="B26036" s="2"/>
      <c r="C26036" s="2"/>
    </row>
    <row r="26037" spans="1:3" ht="19.2">
      <c r="A26037" s="2"/>
      <c r="B26037" s="2"/>
      <c r="C26037" s="2"/>
    </row>
    <row r="26038" spans="1:3" ht="19.2">
      <c r="A26038" s="2"/>
      <c r="B26038" s="2"/>
      <c r="C26038" s="2"/>
    </row>
    <row r="26039" spans="1:3" ht="19.2">
      <c r="A26039" s="2"/>
      <c r="B26039" s="2"/>
      <c r="C26039" s="2"/>
    </row>
    <row r="26040" spans="1:3" ht="19.2">
      <c r="A26040" s="2"/>
      <c r="B26040" s="2"/>
      <c r="C26040" s="2"/>
    </row>
    <row r="26041" spans="1:3" ht="19.2">
      <c r="A26041" s="2"/>
      <c r="B26041" s="2"/>
      <c r="C26041" s="2"/>
    </row>
    <row r="26042" spans="1:3" ht="19.2">
      <c r="A26042" s="2"/>
      <c r="B26042" s="2"/>
      <c r="C26042" s="2"/>
    </row>
    <row r="26043" spans="1:3" ht="19.2">
      <c r="A26043" s="2"/>
      <c r="B26043" s="2"/>
      <c r="C26043" s="2"/>
    </row>
    <row r="26044" spans="1:3" ht="19.2">
      <c r="A26044" s="2"/>
      <c r="B26044" s="2"/>
      <c r="C26044" s="2"/>
    </row>
    <row r="26045" spans="1:3" ht="19.2">
      <c r="A26045" s="2"/>
      <c r="B26045" s="2"/>
      <c r="C26045" s="2"/>
    </row>
    <row r="26046" spans="1:3" ht="19.2">
      <c r="A26046" s="2"/>
      <c r="B26046" s="2"/>
      <c r="C26046" s="2"/>
    </row>
    <row r="26047" spans="1:3" ht="19.2">
      <c r="A26047" s="2"/>
      <c r="B26047" s="2"/>
      <c r="C26047" s="2"/>
    </row>
    <row r="26048" spans="1:3" ht="19.2">
      <c r="A26048" s="2"/>
      <c r="B26048" s="2"/>
      <c r="C26048" s="2"/>
    </row>
    <row r="26049" spans="1:3" ht="19.2">
      <c r="A26049" s="2"/>
      <c r="B26049" s="2"/>
      <c r="C26049" s="2"/>
    </row>
    <row r="26050" spans="1:3" ht="19.2">
      <c r="A26050" s="2"/>
      <c r="B26050" s="2"/>
      <c r="C26050" s="2"/>
    </row>
    <row r="26051" spans="1:3" ht="19.2">
      <c r="A26051" s="2"/>
      <c r="B26051" s="2"/>
      <c r="C26051" s="2"/>
    </row>
    <row r="26052" spans="1:3" ht="19.2">
      <c r="A26052" s="2"/>
      <c r="B26052" s="2"/>
      <c r="C26052" s="2"/>
    </row>
    <row r="26053" spans="1:3" ht="19.2">
      <c r="A26053" s="2"/>
      <c r="B26053" s="2"/>
      <c r="C26053" s="2"/>
    </row>
    <row r="26054" spans="1:3" ht="19.2">
      <c r="A26054" s="2"/>
      <c r="B26054" s="2"/>
      <c r="C26054" s="2"/>
    </row>
    <row r="26055" spans="1:3" ht="19.2">
      <c r="A26055" s="2"/>
      <c r="B26055" s="2"/>
      <c r="C26055" s="2"/>
    </row>
    <row r="26056" spans="1:3" ht="19.2">
      <c r="A26056" s="2"/>
      <c r="B26056" s="2"/>
      <c r="C26056" s="2"/>
    </row>
    <row r="26057" spans="1:3" ht="19.2">
      <c r="A26057" s="2"/>
      <c r="B26057" s="2"/>
      <c r="C26057" s="2"/>
    </row>
    <row r="26058" spans="1:3" ht="19.2">
      <c r="A26058" s="2"/>
      <c r="B26058" s="2"/>
      <c r="C26058" s="2"/>
    </row>
    <row r="26059" spans="1:3" ht="19.2">
      <c r="A26059" s="2"/>
      <c r="B26059" s="2"/>
      <c r="C26059" s="2"/>
    </row>
    <row r="26060" spans="1:3" ht="19.2">
      <c r="A26060" s="2"/>
      <c r="B26060" s="2"/>
      <c r="C26060" s="2"/>
    </row>
    <row r="26061" spans="1:3" ht="19.2">
      <c r="A26061" s="2"/>
      <c r="B26061" s="2"/>
      <c r="C26061" s="2"/>
    </row>
    <row r="26062" spans="1:3" ht="19.2">
      <c r="A26062" s="2"/>
      <c r="B26062" s="2"/>
      <c r="C26062" s="2"/>
    </row>
    <row r="26063" spans="1:3" ht="19.2">
      <c r="A26063" s="2"/>
      <c r="B26063" s="2"/>
      <c r="C26063" s="2"/>
    </row>
    <row r="26064" spans="1:3" ht="19.2">
      <c r="A26064" s="2"/>
      <c r="B26064" s="2"/>
      <c r="C26064" s="2"/>
    </row>
    <row r="26065" spans="1:3" ht="19.2">
      <c r="A26065" s="2"/>
      <c r="B26065" s="2"/>
      <c r="C26065" s="2"/>
    </row>
    <row r="26066" spans="1:3" ht="19.2">
      <c r="A26066" s="2"/>
      <c r="B26066" s="2"/>
      <c r="C26066" s="2"/>
    </row>
    <row r="26067" spans="1:3" ht="19.2">
      <c r="A26067" s="2"/>
      <c r="B26067" s="2"/>
      <c r="C26067" s="2"/>
    </row>
    <row r="26068" spans="1:3" ht="19.2">
      <c r="A26068" s="2"/>
      <c r="B26068" s="2"/>
      <c r="C26068" s="2"/>
    </row>
    <row r="26069" spans="1:3" ht="19.2">
      <c r="A26069" s="2"/>
      <c r="B26069" s="2"/>
      <c r="C26069" s="2"/>
    </row>
    <row r="26070" spans="1:3" ht="19.2">
      <c r="A26070" s="2"/>
      <c r="B26070" s="2"/>
      <c r="C26070" s="2"/>
    </row>
    <row r="26071" spans="1:3" ht="19.2">
      <c r="A26071" s="2"/>
      <c r="B26071" s="2"/>
      <c r="C26071" s="2"/>
    </row>
    <row r="26072" spans="1:3" ht="19.2">
      <c r="A26072" s="2"/>
      <c r="B26072" s="2"/>
      <c r="C26072" s="2"/>
    </row>
    <row r="26073" spans="1:3" ht="19.2">
      <c r="A26073" s="2"/>
      <c r="B26073" s="2"/>
      <c r="C26073" s="2"/>
    </row>
    <row r="26074" spans="1:3" ht="19.2">
      <c r="A26074" s="2"/>
      <c r="B26074" s="2"/>
      <c r="C26074" s="2"/>
    </row>
    <row r="26075" spans="1:3" ht="19.2">
      <c r="A26075" s="2"/>
      <c r="B26075" s="2"/>
      <c r="C26075" s="2"/>
    </row>
    <row r="26076" spans="1:3" ht="19.2">
      <c r="A26076" s="2"/>
      <c r="B26076" s="2"/>
      <c r="C26076" s="2"/>
    </row>
    <row r="26077" spans="1:3" ht="19.2">
      <c r="A26077" s="2"/>
      <c r="B26077" s="2"/>
      <c r="C26077" s="2"/>
    </row>
    <row r="26078" spans="1:3" ht="19.2">
      <c r="A26078" s="2"/>
      <c r="B26078" s="2"/>
      <c r="C26078" s="2"/>
    </row>
    <row r="26079" spans="1:3" ht="19.2">
      <c r="A26079" s="2"/>
      <c r="B26079" s="2"/>
      <c r="C26079" s="2"/>
    </row>
    <row r="26080" spans="1:3" ht="19.2">
      <c r="A26080" s="2"/>
      <c r="B26080" s="2"/>
      <c r="C26080" s="2"/>
    </row>
    <row r="26081" spans="1:3" ht="19.2">
      <c r="A26081" s="2"/>
      <c r="B26081" s="2"/>
      <c r="C26081" s="2"/>
    </row>
    <row r="26082" spans="1:3" ht="19.2">
      <c r="A26082" s="2"/>
      <c r="B26082" s="2"/>
      <c r="C26082" s="2"/>
    </row>
    <row r="26083" spans="1:3" ht="19.2">
      <c r="A26083" s="2"/>
      <c r="B26083" s="2"/>
      <c r="C26083" s="2"/>
    </row>
    <row r="26084" spans="1:3" ht="19.2">
      <c r="A26084" s="2"/>
      <c r="B26084" s="2"/>
      <c r="C26084" s="2"/>
    </row>
    <row r="26085" spans="1:3" ht="19.2">
      <c r="A26085" s="2"/>
      <c r="B26085" s="2"/>
      <c r="C26085" s="2"/>
    </row>
    <row r="26086" spans="1:3" ht="19.2">
      <c r="A26086" s="2"/>
      <c r="B26086" s="2"/>
      <c r="C26086" s="2"/>
    </row>
    <row r="26087" spans="1:3" ht="19.2">
      <c r="A26087" s="2"/>
      <c r="B26087" s="2"/>
      <c r="C26087" s="2"/>
    </row>
    <row r="26088" spans="1:3" ht="19.2">
      <c r="A26088" s="2"/>
      <c r="B26088" s="2"/>
      <c r="C26088" s="2"/>
    </row>
    <row r="26089" spans="1:3" ht="19.2">
      <c r="A26089" s="2"/>
      <c r="B26089" s="2"/>
      <c r="C26089" s="2"/>
    </row>
    <row r="26090" spans="1:3" ht="19.2">
      <c r="A26090" s="2"/>
      <c r="B26090" s="2"/>
      <c r="C26090" s="2"/>
    </row>
    <row r="26091" spans="1:3" ht="19.2">
      <c r="A26091" s="2"/>
      <c r="B26091" s="2"/>
      <c r="C26091" s="2"/>
    </row>
    <row r="26092" spans="1:3" ht="19.2">
      <c r="A26092" s="2"/>
      <c r="B26092" s="2"/>
      <c r="C26092" s="2"/>
    </row>
    <row r="26093" spans="1:3" ht="19.2">
      <c r="A26093" s="2"/>
      <c r="B26093" s="2"/>
      <c r="C26093" s="2"/>
    </row>
    <row r="26094" spans="1:3" ht="19.2">
      <c r="A26094" s="2"/>
      <c r="B26094" s="2"/>
      <c r="C26094" s="2"/>
    </row>
    <row r="26095" spans="1:3" ht="19.2">
      <c r="A26095" s="2"/>
      <c r="B26095" s="2"/>
      <c r="C26095" s="2"/>
    </row>
    <row r="26096" spans="1:3" ht="19.2">
      <c r="A26096" s="2"/>
      <c r="B26096" s="2"/>
      <c r="C26096" s="2"/>
    </row>
    <row r="26097" spans="1:3" ht="19.2">
      <c r="A26097" s="2"/>
      <c r="B26097" s="2"/>
      <c r="C26097" s="2"/>
    </row>
    <row r="26098" spans="1:3" ht="19.2">
      <c r="A26098" s="2"/>
      <c r="B26098" s="2"/>
      <c r="C26098" s="2"/>
    </row>
    <row r="26099" spans="1:3" ht="19.2">
      <c r="A26099" s="2"/>
      <c r="B26099" s="2"/>
      <c r="C26099" s="2"/>
    </row>
    <row r="26100" spans="1:3" ht="19.2">
      <c r="A26100" s="2"/>
      <c r="B26100" s="2"/>
      <c r="C26100" s="2"/>
    </row>
    <row r="26101" spans="1:3" ht="19.2">
      <c r="A26101" s="2"/>
      <c r="B26101" s="2"/>
      <c r="C26101" s="2"/>
    </row>
    <row r="26102" spans="1:3" ht="19.2">
      <c r="A26102" s="2"/>
      <c r="B26102" s="2"/>
      <c r="C26102" s="2"/>
    </row>
    <row r="26103" spans="1:3" ht="19.2">
      <c r="A26103" s="2"/>
      <c r="B26103" s="2"/>
      <c r="C26103" s="2"/>
    </row>
    <row r="26104" spans="1:3" ht="19.2">
      <c r="A26104" s="2"/>
      <c r="B26104" s="2"/>
      <c r="C26104" s="2"/>
    </row>
    <row r="26105" spans="1:3" ht="19.2">
      <c r="A26105" s="2"/>
      <c r="B26105" s="2"/>
      <c r="C26105" s="2"/>
    </row>
    <row r="26106" spans="1:3" ht="19.2">
      <c r="A26106" s="2"/>
      <c r="B26106" s="2"/>
      <c r="C26106" s="2"/>
    </row>
    <row r="26107" spans="1:3" ht="19.2">
      <c r="A26107" s="2"/>
      <c r="B26107" s="2"/>
      <c r="C26107" s="2"/>
    </row>
    <row r="26108" spans="1:3" ht="19.2">
      <c r="A26108" s="2"/>
      <c r="B26108" s="2"/>
      <c r="C26108" s="2"/>
    </row>
    <row r="26109" spans="1:3" ht="19.2">
      <c r="A26109" s="2"/>
      <c r="B26109" s="2"/>
      <c r="C26109" s="2"/>
    </row>
    <row r="26110" spans="1:3" ht="19.2">
      <c r="A26110" s="2"/>
      <c r="B26110" s="2"/>
      <c r="C26110" s="2"/>
    </row>
    <row r="26111" spans="1:3" ht="19.2">
      <c r="A26111" s="2"/>
      <c r="B26111" s="2"/>
      <c r="C26111" s="2"/>
    </row>
    <row r="26112" spans="1:3" ht="19.2">
      <c r="A26112" s="2"/>
      <c r="B26112" s="2"/>
      <c r="C26112" s="2"/>
    </row>
    <row r="26113" spans="1:3" ht="19.2">
      <c r="A26113" s="2"/>
      <c r="B26113" s="2"/>
      <c r="C26113" s="2"/>
    </row>
    <row r="26114" spans="1:3" ht="19.2">
      <c r="A26114" s="2"/>
      <c r="B26114" s="2"/>
      <c r="C26114" s="2"/>
    </row>
    <row r="26115" spans="1:3" ht="19.2">
      <c r="A26115" s="2"/>
      <c r="B26115" s="2"/>
      <c r="C26115" s="2"/>
    </row>
    <row r="26116" spans="1:3" ht="19.2">
      <c r="A26116" s="2"/>
      <c r="B26116" s="2"/>
      <c r="C26116" s="2"/>
    </row>
    <row r="26117" spans="1:3" ht="19.2">
      <c r="A26117" s="2"/>
      <c r="B26117" s="2"/>
      <c r="C26117" s="2"/>
    </row>
    <row r="26118" spans="1:3" ht="19.2">
      <c r="A26118" s="2"/>
      <c r="B26118" s="2"/>
      <c r="C26118" s="2"/>
    </row>
    <row r="26119" spans="1:3" ht="19.2">
      <c r="A26119" s="2"/>
      <c r="B26119" s="2"/>
      <c r="C26119" s="2"/>
    </row>
    <row r="26120" spans="1:3" ht="19.2">
      <c r="A26120" s="2"/>
      <c r="B26120" s="2"/>
      <c r="C26120" s="2"/>
    </row>
    <row r="26121" spans="1:3" ht="19.2">
      <c r="A26121" s="2"/>
      <c r="B26121" s="2"/>
      <c r="C26121" s="2"/>
    </row>
    <row r="26122" spans="1:3" ht="19.2">
      <c r="A26122" s="2"/>
      <c r="B26122" s="2"/>
      <c r="C26122" s="2"/>
    </row>
    <row r="26123" spans="1:3" ht="19.2">
      <c r="A26123" s="2"/>
      <c r="B26123" s="2"/>
      <c r="C26123" s="2"/>
    </row>
    <row r="26124" spans="1:3" ht="19.2">
      <c r="A26124" s="2"/>
      <c r="B26124" s="2"/>
      <c r="C26124" s="2"/>
    </row>
    <row r="26125" spans="1:3" ht="19.2">
      <c r="A26125" s="2"/>
      <c r="B26125" s="2"/>
      <c r="C26125" s="2"/>
    </row>
    <row r="26126" spans="1:3" ht="19.2">
      <c r="A26126" s="2"/>
      <c r="B26126" s="2"/>
      <c r="C26126" s="2"/>
    </row>
    <row r="26127" spans="1:3" ht="19.2">
      <c r="A26127" s="2"/>
      <c r="B26127" s="2"/>
      <c r="C26127" s="2"/>
    </row>
    <row r="26128" spans="1:3" ht="19.2">
      <c r="A26128" s="2"/>
      <c r="B26128" s="2"/>
      <c r="C26128" s="2"/>
    </row>
    <row r="26129" spans="1:3" ht="19.2">
      <c r="A26129" s="2"/>
      <c r="B26129" s="2"/>
      <c r="C26129" s="2"/>
    </row>
    <row r="26130" spans="1:3" ht="19.2">
      <c r="A26130" s="2"/>
      <c r="B26130" s="2"/>
      <c r="C26130" s="2"/>
    </row>
    <row r="26131" spans="1:3" ht="19.2">
      <c r="A26131" s="2"/>
      <c r="B26131" s="2"/>
      <c r="C26131" s="2"/>
    </row>
    <row r="26132" spans="1:3" ht="19.2">
      <c r="A26132" s="2"/>
      <c r="B26132" s="2"/>
      <c r="C26132" s="2"/>
    </row>
    <row r="26133" spans="1:3" ht="19.2">
      <c r="A26133" s="2"/>
      <c r="B26133" s="2"/>
      <c r="C26133" s="2"/>
    </row>
    <row r="26134" spans="1:3" ht="19.2">
      <c r="A26134" s="2"/>
      <c r="B26134" s="2"/>
      <c r="C26134" s="2"/>
    </row>
    <row r="26135" spans="1:3" ht="19.2">
      <c r="A26135" s="2"/>
      <c r="B26135" s="2"/>
      <c r="C26135" s="2"/>
    </row>
    <row r="26136" spans="1:3" ht="19.2">
      <c r="A26136" s="2"/>
      <c r="B26136" s="2"/>
      <c r="C26136" s="2"/>
    </row>
    <row r="26137" spans="1:3" ht="19.2">
      <c r="A26137" s="2"/>
      <c r="B26137" s="2"/>
      <c r="C26137" s="2"/>
    </row>
    <row r="26138" spans="1:3" ht="19.2">
      <c r="A26138" s="2"/>
      <c r="B26138" s="2"/>
      <c r="C26138" s="2"/>
    </row>
    <row r="26139" spans="1:3" ht="19.2">
      <c r="A26139" s="2"/>
      <c r="B26139" s="2"/>
      <c r="C26139" s="2"/>
    </row>
    <row r="26140" spans="1:3" ht="19.2">
      <c r="A26140" s="2"/>
      <c r="B26140" s="2"/>
      <c r="C26140" s="2"/>
    </row>
    <row r="26141" spans="1:3" ht="19.2">
      <c r="A26141" s="2"/>
      <c r="B26141" s="2"/>
      <c r="C26141" s="2"/>
    </row>
    <row r="26142" spans="1:3" ht="19.2">
      <c r="A26142" s="2"/>
      <c r="B26142" s="2"/>
      <c r="C26142" s="2"/>
    </row>
    <row r="26143" spans="1:3" ht="19.2">
      <c r="A26143" s="2"/>
      <c r="B26143" s="2"/>
      <c r="C26143" s="2"/>
    </row>
    <row r="26144" spans="1:3" ht="19.2">
      <c r="A26144" s="2"/>
      <c r="B26144" s="2"/>
      <c r="C26144" s="2"/>
    </row>
    <row r="26145" spans="1:3" ht="19.2">
      <c r="A26145" s="2"/>
      <c r="B26145" s="2"/>
      <c r="C26145" s="2"/>
    </row>
    <row r="26146" spans="1:3" ht="19.2">
      <c r="A26146" s="2"/>
      <c r="B26146" s="2"/>
      <c r="C26146" s="2"/>
    </row>
    <row r="26147" spans="1:3" ht="19.2">
      <c r="A26147" s="2"/>
      <c r="B26147" s="2"/>
      <c r="C26147" s="2"/>
    </row>
    <row r="26148" spans="1:3" ht="19.2">
      <c r="A26148" s="2"/>
      <c r="B26148" s="2"/>
      <c r="C26148" s="2"/>
    </row>
    <row r="26149" spans="1:3" ht="19.2">
      <c r="A26149" s="2"/>
      <c r="B26149" s="2"/>
      <c r="C26149" s="2"/>
    </row>
    <row r="26150" spans="1:3" ht="19.2">
      <c r="A26150" s="2"/>
      <c r="B26150" s="2"/>
      <c r="C26150" s="2"/>
    </row>
    <row r="26151" spans="1:3" ht="19.2">
      <c r="A26151" s="2"/>
      <c r="B26151" s="2"/>
      <c r="C26151" s="2"/>
    </row>
    <row r="26152" spans="1:3" ht="19.2">
      <c r="A26152" s="2"/>
      <c r="B26152" s="2"/>
      <c r="C26152" s="2"/>
    </row>
    <row r="26153" spans="1:3" ht="19.2">
      <c r="A26153" s="2"/>
      <c r="B26153" s="2"/>
      <c r="C26153" s="2"/>
    </row>
    <row r="26154" spans="1:3" ht="19.2">
      <c r="A26154" s="2"/>
      <c r="B26154" s="2"/>
      <c r="C26154" s="2"/>
    </row>
    <row r="26155" spans="1:3" ht="19.2">
      <c r="A26155" s="2"/>
      <c r="B26155" s="2"/>
      <c r="C26155" s="2"/>
    </row>
    <row r="26156" spans="1:3" ht="19.2">
      <c r="A26156" s="2"/>
      <c r="B26156" s="2"/>
      <c r="C26156" s="2"/>
    </row>
    <row r="26157" spans="1:3" ht="19.2">
      <c r="A26157" s="2"/>
      <c r="B26157" s="2"/>
      <c r="C26157" s="2"/>
    </row>
    <row r="26158" spans="1:3" ht="19.2">
      <c r="A26158" s="2"/>
      <c r="B26158" s="2"/>
      <c r="C26158" s="2"/>
    </row>
    <row r="26159" spans="1:3" ht="19.2">
      <c r="A26159" s="2"/>
      <c r="B26159" s="2"/>
      <c r="C26159" s="2"/>
    </row>
    <row r="26160" spans="1:3" ht="19.2">
      <c r="A26160" s="2"/>
      <c r="B26160" s="2"/>
      <c r="C26160" s="2"/>
    </row>
    <row r="26161" spans="1:3" ht="19.2">
      <c r="A26161" s="2"/>
      <c r="B26161" s="2"/>
      <c r="C26161" s="2"/>
    </row>
    <row r="26162" spans="1:3" ht="19.2">
      <c r="A26162" s="2"/>
      <c r="B26162" s="2"/>
      <c r="C26162" s="2"/>
    </row>
    <row r="26163" spans="1:3" ht="19.2">
      <c r="A26163" s="2"/>
      <c r="B26163" s="2"/>
      <c r="C26163" s="2"/>
    </row>
    <row r="26164" spans="1:3" ht="19.2">
      <c r="A26164" s="2"/>
      <c r="B26164" s="2"/>
      <c r="C26164" s="2"/>
    </row>
    <row r="26165" spans="1:3" ht="19.2">
      <c r="A26165" s="2"/>
      <c r="B26165" s="2"/>
      <c r="C26165" s="2"/>
    </row>
    <row r="26166" spans="1:3" ht="19.2">
      <c r="A26166" s="2"/>
      <c r="B26166" s="2"/>
      <c r="C26166" s="2"/>
    </row>
    <row r="26167" spans="1:3" ht="19.2">
      <c r="A26167" s="2"/>
      <c r="B26167" s="2"/>
      <c r="C26167" s="2"/>
    </row>
    <row r="26168" spans="1:3" ht="19.2">
      <c r="A26168" s="2"/>
      <c r="B26168" s="2"/>
      <c r="C26168" s="2"/>
    </row>
    <row r="26169" spans="1:3" ht="19.2">
      <c r="A26169" s="2"/>
      <c r="B26169" s="2"/>
      <c r="C26169" s="2"/>
    </row>
    <row r="26170" spans="1:3" ht="19.2">
      <c r="A26170" s="2"/>
      <c r="B26170" s="2"/>
      <c r="C26170" s="2"/>
    </row>
    <row r="26171" spans="1:3" ht="19.2">
      <c r="A26171" s="2"/>
      <c r="B26171" s="2"/>
      <c r="C26171" s="2"/>
    </row>
    <row r="26172" spans="1:3" ht="19.2">
      <c r="A26172" s="2"/>
      <c r="B26172" s="2"/>
      <c r="C26172" s="2"/>
    </row>
    <row r="26173" spans="1:3" ht="19.2">
      <c r="A26173" s="2"/>
      <c r="B26173" s="2"/>
      <c r="C26173" s="2"/>
    </row>
    <row r="26174" spans="1:3" ht="19.2">
      <c r="A26174" s="2"/>
      <c r="B26174" s="2"/>
      <c r="C26174" s="2"/>
    </row>
    <row r="26175" spans="1:3" ht="19.2">
      <c r="A26175" s="2"/>
      <c r="B26175" s="2"/>
      <c r="C26175" s="2"/>
    </row>
    <row r="26176" spans="1:3" ht="19.2">
      <c r="A26176" s="2"/>
      <c r="B26176" s="2"/>
      <c r="C26176" s="2"/>
    </row>
    <row r="26177" spans="1:3" ht="19.2">
      <c r="A26177" s="2"/>
      <c r="B26177" s="2"/>
      <c r="C26177" s="2"/>
    </row>
    <row r="26178" spans="1:3" ht="19.2">
      <c r="A26178" s="2"/>
      <c r="B26178" s="2"/>
      <c r="C26178" s="2"/>
    </row>
    <row r="26179" spans="1:3" ht="19.2">
      <c r="A26179" s="2"/>
      <c r="B26179" s="2"/>
      <c r="C26179" s="2"/>
    </row>
    <row r="26180" spans="1:3" ht="19.2">
      <c r="A26180" s="2"/>
      <c r="B26180" s="2"/>
      <c r="C26180" s="2"/>
    </row>
    <row r="26181" spans="1:3" ht="19.2">
      <c r="A26181" s="2"/>
      <c r="B26181" s="2"/>
      <c r="C26181" s="2"/>
    </row>
    <row r="26182" spans="1:3" ht="19.2">
      <c r="A26182" s="2"/>
      <c r="B26182" s="2"/>
      <c r="C26182" s="2"/>
    </row>
    <row r="26183" spans="1:3" ht="19.2">
      <c r="A26183" s="2"/>
      <c r="B26183" s="2"/>
      <c r="C26183" s="2"/>
    </row>
    <row r="26184" spans="1:3" ht="19.2">
      <c r="A26184" s="2"/>
      <c r="B26184" s="2"/>
      <c r="C26184" s="2"/>
    </row>
    <row r="26185" spans="1:3" ht="19.2">
      <c r="A26185" s="2"/>
      <c r="B26185" s="2"/>
      <c r="C26185" s="2"/>
    </row>
    <row r="26186" spans="1:3" ht="19.2">
      <c r="A26186" s="2"/>
      <c r="B26186" s="2"/>
      <c r="C26186" s="2"/>
    </row>
    <row r="26187" spans="1:3" ht="19.2">
      <c r="A26187" s="2"/>
      <c r="B26187" s="2"/>
      <c r="C26187" s="2"/>
    </row>
    <row r="26188" spans="1:3" ht="19.2">
      <c r="A26188" s="2"/>
      <c r="B26188" s="2"/>
      <c r="C26188" s="2"/>
    </row>
    <row r="26189" spans="1:3" ht="19.2">
      <c r="A26189" s="2"/>
      <c r="B26189" s="2"/>
      <c r="C26189" s="2"/>
    </row>
    <row r="26190" spans="1:3" ht="19.2">
      <c r="A26190" s="2"/>
      <c r="B26190" s="2"/>
      <c r="C26190" s="2"/>
    </row>
    <row r="26191" spans="1:3" ht="19.2">
      <c r="A26191" s="2"/>
      <c r="B26191" s="2"/>
      <c r="C26191" s="2"/>
    </row>
    <row r="26192" spans="1:3" ht="19.2">
      <c r="A26192" s="2"/>
      <c r="B26192" s="2"/>
      <c r="C26192" s="2"/>
    </row>
    <row r="26193" spans="1:3" ht="19.2">
      <c r="A26193" s="2"/>
      <c r="B26193" s="2"/>
      <c r="C26193" s="2"/>
    </row>
    <row r="26194" spans="1:3" ht="19.2">
      <c r="A26194" s="2"/>
      <c r="B26194" s="2"/>
      <c r="C26194" s="2"/>
    </row>
    <row r="26195" spans="1:3" ht="19.2">
      <c r="A26195" s="2"/>
      <c r="B26195" s="2"/>
      <c r="C26195" s="2"/>
    </row>
    <row r="26196" spans="1:3" ht="19.2">
      <c r="A26196" s="2"/>
      <c r="B26196" s="2"/>
      <c r="C26196" s="2"/>
    </row>
    <row r="26197" spans="1:3" ht="19.2">
      <c r="A26197" s="2"/>
      <c r="B26197" s="2"/>
      <c r="C26197" s="2"/>
    </row>
    <row r="26198" spans="1:3" ht="19.2">
      <c r="A26198" s="2"/>
      <c r="B26198" s="2"/>
      <c r="C26198" s="2"/>
    </row>
    <row r="26199" spans="1:3" ht="19.2">
      <c r="A26199" s="2"/>
      <c r="B26199" s="2"/>
      <c r="C26199" s="2"/>
    </row>
    <row r="26200" spans="1:3" ht="19.2">
      <c r="A26200" s="2"/>
      <c r="B26200" s="2"/>
      <c r="C26200" s="2"/>
    </row>
    <row r="26201" spans="1:3" ht="19.2">
      <c r="A26201" s="2"/>
      <c r="B26201" s="2"/>
      <c r="C26201" s="2"/>
    </row>
    <row r="26202" spans="1:3" ht="19.2">
      <c r="A26202" s="2"/>
      <c r="B26202" s="2"/>
      <c r="C26202" s="2"/>
    </row>
    <row r="26203" spans="1:3" ht="19.2">
      <c r="A26203" s="2"/>
      <c r="B26203" s="2"/>
      <c r="C26203" s="2"/>
    </row>
    <row r="26204" spans="1:3" ht="19.2">
      <c r="A26204" s="2"/>
      <c r="B26204" s="2"/>
      <c r="C26204" s="2"/>
    </row>
    <row r="26205" spans="1:3" ht="19.2">
      <c r="A26205" s="2"/>
      <c r="B26205" s="2"/>
      <c r="C26205" s="2"/>
    </row>
    <row r="26206" spans="1:3" ht="19.2">
      <c r="A26206" s="2"/>
      <c r="B26206" s="2"/>
      <c r="C26206" s="2"/>
    </row>
    <row r="26207" spans="1:3" ht="19.2">
      <c r="A26207" s="2"/>
      <c r="B26207" s="2"/>
      <c r="C26207" s="2"/>
    </row>
    <row r="26208" spans="1:3" ht="19.2">
      <c r="A26208" s="2"/>
      <c r="B26208" s="2"/>
      <c r="C26208" s="2"/>
    </row>
    <row r="26209" spans="1:3" ht="19.2">
      <c r="A26209" s="2"/>
      <c r="B26209" s="2"/>
      <c r="C26209" s="2"/>
    </row>
    <row r="26210" spans="1:3" ht="19.2">
      <c r="A26210" s="2"/>
      <c r="B26210" s="2"/>
      <c r="C26210" s="2"/>
    </row>
    <row r="26211" spans="1:3" ht="19.2">
      <c r="A26211" s="2"/>
      <c r="B26211" s="2"/>
      <c r="C26211" s="2"/>
    </row>
    <row r="26212" spans="1:3" ht="19.2">
      <c r="A26212" s="2"/>
      <c r="B26212" s="2"/>
      <c r="C26212" s="2"/>
    </row>
    <row r="26213" spans="1:3" ht="19.2">
      <c r="A26213" s="2"/>
      <c r="B26213" s="2"/>
      <c r="C26213" s="2"/>
    </row>
    <row r="26214" spans="1:3" ht="19.2">
      <c r="A26214" s="2"/>
      <c r="B26214" s="2"/>
      <c r="C26214" s="2"/>
    </row>
    <row r="26215" spans="1:3" ht="19.2">
      <c r="A26215" s="2"/>
      <c r="B26215" s="2"/>
      <c r="C26215" s="2"/>
    </row>
    <row r="26216" spans="1:3" ht="19.2">
      <c r="A26216" s="2"/>
      <c r="B26216" s="2"/>
      <c r="C26216" s="2"/>
    </row>
    <row r="26217" spans="1:3" ht="19.2">
      <c r="A26217" s="2"/>
      <c r="B26217" s="2"/>
      <c r="C26217" s="2"/>
    </row>
    <row r="26218" spans="1:3" ht="19.2">
      <c r="A26218" s="2"/>
      <c r="B26218" s="2"/>
      <c r="C26218" s="2"/>
    </row>
    <row r="26219" spans="1:3" ht="19.2">
      <c r="A26219" s="2"/>
      <c r="B26219" s="2"/>
      <c r="C26219" s="2"/>
    </row>
    <row r="26220" spans="1:3" ht="19.2">
      <c r="A26220" s="2"/>
      <c r="B26220" s="2"/>
      <c r="C26220" s="2"/>
    </row>
    <row r="26221" spans="1:3" ht="19.2">
      <c r="A26221" s="2"/>
      <c r="B26221" s="2"/>
      <c r="C26221" s="2"/>
    </row>
    <row r="26222" spans="1:3" ht="19.2">
      <c r="A26222" s="2"/>
      <c r="B26222" s="2"/>
      <c r="C26222" s="2"/>
    </row>
    <row r="26223" spans="1:3" ht="19.2">
      <c r="A26223" s="2"/>
      <c r="B26223" s="2"/>
      <c r="C26223" s="2"/>
    </row>
    <row r="26224" spans="1:3" ht="19.2">
      <c r="A26224" s="2"/>
      <c r="B26224" s="2"/>
      <c r="C26224" s="2"/>
    </row>
    <row r="26225" spans="1:3" ht="19.2">
      <c r="A26225" s="2"/>
      <c r="B26225" s="2"/>
      <c r="C26225" s="2"/>
    </row>
    <row r="26226" spans="1:3" ht="19.2">
      <c r="A26226" s="2"/>
      <c r="B26226" s="2"/>
      <c r="C26226" s="2"/>
    </row>
    <row r="26227" spans="1:3" ht="19.2">
      <c r="A26227" s="2"/>
      <c r="B26227" s="2"/>
      <c r="C26227" s="2"/>
    </row>
    <row r="26228" spans="1:3" ht="19.2">
      <c r="A26228" s="2"/>
      <c r="B26228" s="2"/>
      <c r="C26228" s="2"/>
    </row>
    <row r="26229" spans="1:3" ht="19.2">
      <c r="A26229" s="2"/>
      <c r="B26229" s="2"/>
      <c r="C26229" s="2"/>
    </row>
    <row r="26230" spans="1:3" ht="19.2">
      <c r="A26230" s="2"/>
      <c r="B26230" s="2"/>
      <c r="C26230" s="2"/>
    </row>
    <row r="26231" spans="1:3" ht="19.2">
      <c r="A26231" s="2"/>
      <c r="B26231" s="2"/>
      <c r="C26231" s="2"/>
    </row>
    <row r="26232" spans="1:3" ht="19.2">
      <c r="A26232" s="2"/>
      <c r="B26232" s="2"/>
      <c r="C26232" s="2"/>
    </row>
    <row r="26233" spans="1:3" ht="19.2">
      <c r="A26233" s="2"/>
      <c r="B26233" s="2"/>
      <c r="C26233" s="2"/>
    </row>
    <row r="26234" spans="1:3" ht="19.2">
      <c r="A26234" s="2"/>
      <c r="B26234" s="2"/>
      <c r="C26234" s="2"/>
    </row>
    <row r="26235" spans="1:3" ht="19.2">
      <c r="A26235" s="2"/>
      <c r="B26235" s="2"/>
      <c r="C26235" s="2"/>
    </row>
    <row r="26236" spans="1:3" ht="19.2">
      <c r="A26236" s="2"/>
      <c r="B26236" s="2"/>
      <c r="C26236" s="2"/>
    </row>
    <row r="26237" spans="1:3" ht="19.2">
      <c r="A26237" s="2"/>
      <c r="B26237" s="2"/>
      <c r="C26237" s="2"/>
    </row>
    <row r="26238" spans="1:3" ht="19.2">
      <c r="A26238" s="2"/>
      <c r="B26238" s="2"/>
      <c r="C26238" s="2"/>
    </row>
    <row r="26239" spans="1:3" ht="19.2">
      <c r="A26239" s="2"/>
      <c r="B26239" s="2"/>
      <c r="C26239" s="2"/>
    </row>
    <row r="26240" spans="1:3" ht="19.2">
      <c r="A26240" s="2"/>
      <c r="B26240" s="2"/>
      <c r="C26240" s="2"/>
    </row>
    <row r="26241" spans="1:3" ht="19.2">
      <c r="A26241" s="2"/>
      <c r="B26241" s="2"/>
      <c r="C26241" s="2"/>
    </row>
    <row r="26242" spans="1:3" ht="19.2">
      <c r="A26242" s="2"/>
      <c r="B26242" s="2"/>
      <c r="C26242" s="2"/>
    </row>
    <row r="26243" spans="1:3" ht="19.2">
      <c r="A26243" s="2"/>
      <c r="B26243" s="2"/>
      <c r="C26243" s="2"/>
    </row>
    <row r="26244" spans="1:3" ht="19.2">
      <c r="A26244" s="2"/>
      <c r="B26244" s="2"/>
      <c r="C26244" s="2"/>
    </row>
    <row r="26245" spans="1:3" ht="19.2">
      <c r="A26245" s="2"/>
      <c r="B26245" s="2"/>
      <c r="C26245" s="2"/>
    </row>
    <row r="26246" spans="1:3" ht="19.2">
      <c r="A26246" s="2"/>
      <c r="B26246" s="2"/>
      <c r="C26246" s="2"/>
    </row>
    <row r="26247" spans="1:3" ht="19.2">
      <c r="A26247" s="2"/>
      <c r="B26247" s="2"/>
      <c r="C26247" s="2"/>
    </row>
    <row r="26248" spans="1:3" ht="19.2">
      <c r="A26248" s="2"/>
      <c r="B26248" s="2"/>
      <c r="C26248" s="2"/>
    </row>
    <row r="26249" spans="1:3" ht="19.2">
      <c r="A26249" s="2"/>
      <c r="B26249" s="2"/>
      <c r="C26249" s="2"/>
    </row>
    <row r="26250" spans="1:3" ht="19.2">
      <c r="A26250" s="2"/>
      <c r="B26250" s="2"/>
      <c r="C26250" s="2"/>
    </row>
    <row r="26251" spans="1:3" ht="19.2">
      <c r="A26251" s="2"/>
      <c r="B26251" s="2"/>
      <c r="C26251" s="2"/>
    </row>
    <row r="26252" spans="1:3" ht="19.2">
      <c r="A26252" s="2"/>
      <c r="B26252" s="2"/>
      <c r="C26252" s="2"/>
    </row>
    <row r="26253" spans="1:3" ht="19.2">
      <c r="A26253" s="2"/>
      <c r="B26253" s="2"/>
      <c r="C26253" s="2"/>
    </row>
    <row r="26254" spans="1:3" ht="19.2">
      <c r="A26254" s="2"/>
      <c r="B26254" s="2"/>
      <c r="C26254" s="2"/>
    </row>
    <row r="26255" spans="1:3" ht="19.2">
      <c r="A26255" s="2"/>
      <c r="B26255" s="2"/>
      <c r="C26255" s="2"/>
    </row>
    <row r="26256" spans="1:3" ht="19.2">
      <c r="A26256" s="2"/>
      <c r="B26256" s="2"/>
      <c r="C26256" s="2"/>
    </row>
    <row r="26257" spans="1:3" ht="19.2">
      <c r="A26257" s="2"/>
      <c r="B26257" s="2"/>
      <c r="C26257" s="2"/>
    </row>
    <row r="26258" spans="1:3" ht="19.2">
      <c r="A26258" s="2"/>
      <c r="B26258" s="2"/>
      <c r="C26258" s="2"/>
    </row>
    <row r="26259" spans="1:3" ht="19.2">
      <c r="A26259" s="2"/>
      <c r="B26259" s="2"/>
      <c r="C26259" s="2"/>
    </row>
    <row r="26260" spans="1:3" ht="19.2">
      <c r="A26260" s="2"/>
      <c r="B26260" s="2"/>
      <c r="C26260" s="2"/>
    </row>
    <row r="26261" spans="1:3" ht="19.2">
      <c r="A26261" s="2"/>
      <c r="B26261" s="2"/>
      <c r="C26261" s="2"/>
    </row>
    <row r="26262" spans="1:3" ht="19.2">
      <c r="A26262" s="2"/>
      <c r="B26262" s="2"/>
      <c r="C26262" s="2"/>
    </row>
    <row r="26263" spans="1:3" ht="19.2">
      <c r="A26263" s="2"/>
      <c r="B26263" s="2"/>
      <c r="C26263" s="2"/>
    </row>
    <row r="26264" spans="1:3" ht="19.2">
      <c r="A26264" s="2"/>
      <c r="B26264" s="2"/>
      <c r="C26264" s="2"/>
    </row>
    <row r="26265" spans="1:3" ht="19.2">
      <c r="A26265" s="2"/>
      <c r="B26265" s="2"/>
      <c r="C26265" s="2"/>
    </row>
    <row r="26266" spans="1:3" ht="19.2">
      <c r="A26266" s="2"/>
      <c r="B26266" s="2"/>
      <c r="C26266" s="2"/>
    </row>
    <row r="26267" spans="1:3" ht="19.2">
      <c r="A26267" s="2"/>
      <c r="B26267" s="2"/>
      <c r="C26267" s="2"/>
    </row>
    <row r="26268" spans="1:3" ht="19.2">
      <c r="A26268" s="2"/>
      <c r="B26268" s="2"/>
      <c r="C26268" s="2"/>
    </row>
    <row r="26269" spans="1:3" ht="19.2">
      <c r="A26269" s="2"/>
      <c r="B26269" s="2"/>
      <c r="C26269" s="2"/>
    </row>
    <row r="26270" spans="1:3" ht="19.2">
      <c r="A26270" s="2"/>
      <c r="B26270" s="2"/>
      <c r="C26270" s="2"/>
    </row>
    <row r="26271" spans="1:3" ht="19.2">
      <c r="A26271" s="2"/>
      <c r="B26271" s="2"/>
      <c r="C26271" s="2"/>
    </row>
    <row r="26272" spans="1:3" ht="19.2">
      <c r="A26272" s="2"/>
      <c r="B26272" s="2"/>
      <c r="C26272" s="2"/>
    </row>
    <row r="26273" spans="1:3" ht="19.2">
      <c r="A26273" s="2"/>
      <c r="B26273" s="2"/>
      <c r="C26273" s="2"/>
    </row>
    <row r="26274" spans="1:3" ht="19.2">
      <c r="A26274" s="2"/>
      <c r="B26274" s="2"/>
      <c r="C26274" s="2"/>
    </row>
    <row r="26275" spans="1:3" ht="19.2">
      <c r="A26275" s="2"/>
      <c r="B26275" s="2"/>
      <c r="C26275" s="2"/>
    </row>
    <row r="26276" spans="1:3" ht="19.2">
      <c r="A26276" s="2"/>
      <c r="B26276" s="2"/>
      <c r="C26276" s="2"/>
    </row>
    <row r="26277" spans="1:3" ht="19.2">
      <c r="A26277" s="2"/>
      <c r="B26277" s="2"/>
      <c r="C26277" s="2"/>
    </row>
    <row r="26278" spans="1:3" ht="19.2">
      <c r="A26278" s="2"/>
      <c r="B26278" s="2"/>
      <c r="C26278" s="2"/>
    </row>
    <row r="26279" spans="1:3" ht="19.2">
      <c r="A26279" s="2"/>
      <c r="B26279" s="2"/>
      <c r="C26279" s="2"/>
    </row>
    <row r="26280" spans="1:3" ht="19.2">
      <c r="A26280" s="2"/>
      <c r="B26280" s="2"/>
      <c r="C26280" s="2"/>
    </row>
    <row r="26281" spans="1:3" ht="19.2">
      <c r="A26281" s="2"/>
      <c r="B26281" s="2"/>
      <c r="C26281" s="2"/>
    </row>
    <row r="26282" spans="1:3" ht="19.2">
      <c r="A26282" s="2"/>
      <c r="B26282" s="2"/>
      <c r="C26282" s="2"/>
    </row>
    <row r="26283" spans="1:3" ht="19.2">
      <c r="A26283" s="2"/>
      <c r="B26283" s="2"/>
      <c r="C26283" s="2"/>
    </row>
    <row r="26284" spans="1:3" ht="19.2">
      <c r="A26284" s="2"/>
      <c r="B26284" s="2"/>
      <c r="C26284" s="2"/>
    </row>
    <row r="26285" spans="1:3" ht="19.2">
      <c r="A26285" s="2"/>
      <c r="B26285" s="2"/>
      <c r="C26285" s="2"/>
    </row>
    <row r="26286" spans="1:3" ht="19.2">
      <c r="A26286" s="2"/>
      <c r="B26286" s="2"/>
      <c r="C26286" s="2"/>
    </row>
    <row r="26287" spans="1:3" ht="19.2">
      <c r="A26287" s="2"/>
      <c r="B26287" s="2"/>
      <c r="C26287" s="2"/>
    </row>
    <row r="26288" spans="1:3" ht="19.2">
      <c r="A26288" s="2"/>
      <c r="B26288" s="2"/>
      <c r="C26288" s="2"/>
    </row>
    <row r="26289" spans="1:3" ht="19.2">
      <c r="A26289" s="2"/>
      <c r="B26289" s="2"/>
      <c r="C26289" s="2"/>
    </row>
    <row r="26290" spans="1:3" ht="19.2">
      <c r="A26290" s="2"/>
      <c r="B26290" s="2"/>
      <c r="C26290" s="2"/>
    </row>
    <row r="26291" spans="1:3" ht="19.2">
      <c r="A26291" s="2"/>
      <c r="B26291" s="2"/>
      <c r="C26291" s="2"/>
    </row>
    <row r="26292" spans="1:3" ht="19.2">
      <c r="A26292" s="2"/>
      <c r="B26292" s="2"/>
      <c r="C26292" s="2"/>
    </row>
    <row r="26293" spans="1:3" ht="19.2">
      <c r="A26293" s="2"/>
      <c r="B26293" s="2"/>
      <c r="C26293" s="2"/>
    </row>
    <row r="26294" spans="1:3" ht="19.2">
      <c r="A26294" s="2"/>
      <c r="B26294" s="2"/>
      <c r="C26294" s="2"/>
    </row>
    <row r="26295" spans="1:3" ht="19.2">
      <c r="A26295" s="2"/>
      <c r="B26295" s="2"/>
      <c r="C26295" s="2"/>
    </row>
    <row r="26296" spans="1:3" ht="19.2">
      <c r="A26296" s="2"/>
      <c r="B26296" s="2"/>
      <c r="C26296" s="2"/>
    </row>
    <row r="26297" spans="1:3" ht="19.2">
      <c r="A26297" s="2"/>
      <c r="B26297" s="2"/>
      <c r="C26297" s="2"/>
    </row>
    <row r="26298" spans="1:3" ht="19.2">
      <c r="A26298" s="2"/>
      <c r="B26298" s="2"/>
      <c r="C26298" s="2"/>
    </row>
    <row r="26299" spans="1:3" ht="19.2">
      <c r="A26299" s="2"/>
      <c r="B26299" s="2"/>
      <c r="C26299" s="2"/>
    </row>
    <row r="26300" spans="1:3" ht="19.2">
      <c r="A26300" s="2"/>
      <c r="B26300" s="2"/>
      <c r="C26300" s="2"/>
    </row>
    <row r="26301" spans="1:3" ht="19.2">
      <c r="A26301" s="2"/>
      <c r="B26301" s="2"/>
      <c r="C26301" s="2"/>
    </row>
    <row r="26302" spans="1:3" ht="19.2">
      <c r="A26302" s="2"/>
      <c r="B26302" s="2"/>
      <c r="C26302" s="2"/>
    </row>
    <row r="26303" spans="1:3" ht="19.2">
      <c r="A26303" s="2"/>
      <c r="B26303" s="2"/>
      <c r="C26303" s="2"/>
    </row>
    <row r="26304" spans="1:3" ht="19.2">
      <c r="A26304" s="2"/>
      <c r="B26304" s="2"/>
      <c r="C26304" s="2"/>
    </row>
    <row r="26305" spans="1:3" ht="19.2">
      <c r="A26305" s="2"/>
      <c r="B26305" s="2"/>
      <c r="C26305" s="2"/>
    </row>
    <row r="26306" spans="1:3" ht="19.2">
      <c r="A26306" s="2"/>
      <c r="B26306" s="2"/>
      <c r="C26306" s="2"/>
    </row>
    <row r="26307" spans="1:3" ht="19.2">
      <c r="A26307" s="2"/>
      <c r="B26307" s="2"/>
      <c r="C26307" s="2"/>
    </row>
    <row r="26308" spans="1:3" ht="19.2">
      <c r="A26308" s="2"/>
      <c r="B26308" s="2"/>
      <c r="C26308" s="2"/>
    </row>
    <row r="26309" spans="1:3" ht="19.2">
      <c r="A26309" s="2"/>
      <c r="B26309" s="2"/>
      <c r="C26309" s="2"/>
    </row>
    <row r="26310" spans="1:3" ht="19.2">
      <c r="A26310" s="2"/>
      <c r="B26310" s="2"/>
      <c r="C26310" s="2"/>
    </row>
    <row r="26311" spans="1:3" ht="19.2">
      <c r="A26311" s="2"/>
      <c r="B26311" s="2"/>
      <c r="C26311" s="2"/>
    </row>
    <row r="26312" spans="1:3" ht="19.2">
      <c r="A26312" s="2"/>
      <c r="B26312" s="2"/>
      <c r="C26312" s="2"/>
    </row>
    <row r="26313" spans="1:3" ht="19.2">
      <c r="A26313" s="2"/>
      <c r="B26313" s="2"/>
      <c r="C26313" s="2"/>
    </row>
    <row r="26314" spans="1:3" ht="19.2">
      <c r="A26314" s="2"/>
      <c r="B26314" s="2"/>
      <c r="C26314" s="2"/>
    </row>
    <row r="26315" spans="1:3" ht="19.2">
      <c r="A26315" s="2"/>
      <c r="B26315" s="2"/>
      <c r="C26315" s="2"/>
    </row>
    <row r="26316" spans="1:3" ht="19.2">
      <c r="A26316" s="2"/>
      <c r="B26316" s="2"/>
      <c r="C26316" s="2"/>
    </row>
    <row r="26317" spans="1:3" ht="19.2">
      <c r="A26317" s="2"/>
      <c r="B26317" s="2"/>
      <c r="C26317" s="2"/>
    </row>
    <row r="26318" spans="1:3" ht="19.2">
      <c r="A26318" s="2"/>
      <c r="B26318" s="2"/>
      <c r="C26318" s="2"/>
    </row>
    <row r="26319" spans="1:3" ht="19.2">
      <c r="A26319" s="2"/>
      <c r="B26319" s="2"/>
      <c r="C26319" s="2"/>
    </row>
    <row r="26320" spans="1:3" ht="19.2">
      <c r="A26320" s="2"/>
      <c r="B26320" s="2"/>
      <c r="C26320" s="2"/>
    </row>
    <row r="26321" spans="1:3" ht="19.2">
      <c r="A26321" s="2"/>
      <c r="B26321" s="2"/>
      <c r="C26321" s="2"/>
    </row>
    <row r="26322" spans="1:3" ht="19.2">
      <c r="A26322" s="2"/>
      <c r="B26322" s="2"/>
      <c r="C26322" s="2"/>
    </row>
    <row r="26323" spans="1:3" ht="19.2">
      <c r="A26323" s="2"/>
      <c r="B26323" s="2"/>
      <c r="C26323" s="2"/>
    </row>
    <row r="26324" spans="1:3" ht="19.2">
      <c r="A26324" s="2"/>
      <c r="B26324" s="2"/>
      <c r="C26324" s="2"/>
    </row>
    <row r="26325" spans="1:3" ht="19.2">
      <c r="A26325" s="2"/>
      <c r="B26325" s="2"/>
      <c r="C26325" s="2"/>
    </row>
    <row r="26326" spans="1:3" ht="19.2">
      <c r="A26326" s="2"/>
      <c r="B26326" s="2"/>
      <c r="C26326" s="2"/>
    </row>
    <row r="26327" spans="1:3" ht="19.2">
      <c r="A26327" s="2"/>
      <c r="B26327" s="2"/>
      <c r="C26327" s="2"/>
    </row>
    <row r="26328" spans="1:3" ht="19.2">
      <c r="A26328" s="2"/>
      <c r="B26328" s="2"/>
      <c r="C26328" s="2"/>
    </row>
    <row r="26329" spans="1:3" ht="19.2">
      <c r="A26329" s="2"/>
      <c r="B26329" s="2"/>
      <c r="C26329" s="2"/>
    </row>
    <row r="26330" spans="1:3" ht="19.2">
      <c r="A26330" s="2"/>
      <c r="B26330" s="2"/>
      <c r="C26330" s="2"/>
    </row>
    <row r="26331" spans="1:3" ht="19.2">
      <c r="A26331" s="2"/>
      <c r="B26331" s="2"/>
      <c r="C26331" s="2"/>
    </row>
    <row r="26332" spans="1:3" ht="19.2">
      <c r="A26332" s="2"/>
      <c r="B26332" s="2"/>
      <c r="C26332" s="2"/>
    </row>
    <row r="26333" spans="1:3" ht="19.2">
      <c r="A26333" s="2"/>
      <c r="B26333" s="2"/>
      <c r="C26333" s="2"/>
    </row>
    <row r="26334" spans="1:3" ht="19.2">
      <c r="A26334" s="2"/>
      <c r="B26334" s="2"/>
      <c r="C26334" s="2"/>
    </row>
    <row r="26335" spans="1:3" ht="19.2">
      <c r="A26335" s="2"/>
      <c r="B26335" s="2"/>
      <c r="C26335" s="2"/>
    </row>
    <row r="26336" spans="1:3" ht="19.2">
      <c r="A26336" s="2"/>
      <c r="B26336" s="2"/>
      <c r="C26336" s="2"/>
    </row>
    <row r="26337" spans="1:3" ht="19.2">
      <c r="A26337" s="2"/>
      <c r="B26337" s="2"/>
      <c r="C26337" s="2"/>
    </row>
    <row r="26338" spans="1:3" ht="19.2">
      <c r="A26338" s="2"/>
      <c r="B26338" s="2"/>
      <c r="C26338" s="2"/>
    </row>
    <row r="26339" spans="1:3" ht="19.2">
      <c r="A26339" s="2"/>
      <c r="B26339" s="2"/>
      <c r="C26339" s="2"/>
    </row>
    <row r="26340" spans="1:3" ht="19.2">
      <c r="A26340" s="2"/>
      <c r="B26340" s="2"/>
      <c r="C26340" s="2"/>
    </row>
    <row r="26341" spans="1:3" ht="19.2">
      <c r="A26341" s="2"/>
      <c r="B26341" s="2"/>
      <c r="C26341" s="2"/>
    </row>
    <row r="26342" spans="1:3" ht="19.2">
      <c r="A26342" s="2"/>
      <c r="B26342" s="2"/>
      <c r="C26342" s="2"/>
    </row>
    <row r="26343" spans="1:3" ht="19.2">
      <c r="A26343" s="2"/>
      <c r="B26343" s="2"/>
      <c r="C26343" s="2"/>
    </row>
    <row r="26344" spans="1:3" ht="19.2">
      <c r="A26344" s="2"/>
      <c r="B26344" s="2"/>
      <c r="C26344" s="2"/>
    </row>
    <row r="26345" spans="1:3" ht="19.2">
      <c r="A26345" s="2"/>
      <c r="B26345" s="2"/>
      <c r="C26345" s="2"/>
    </row>
    <row r="26346" spans="1:3" ht="19.2">
      <c r="A26346" s="2"/>
      <c r="B26346" s="2"/>
      <c r="C26346" s="2"/>
    </row>
    <row r="26347" spans="1:3" ht="19.2">
      <c r="A26347" s="2"/>
      <c r="B26347" s="2"/>
      <c r="C26347" s="2"/>
    </row>
    <row r="26348" spans="1:3" ht="19.2">
      <c r="A26348" s="2"/>
      <c r="B26348" s="2"/>
      <c r="C26348" s="2"/>
    </row>
    <row r="26349" spans="1:3" ht="19.2">
      <c r="A26349" s="2"/>
      <c r="B26349" s="2"/>
      <c r="C26349" s="2"/>
    </row>
    <row r="26350" spans="1:3" ht="19.2">
      <c r="A26350" s="2"/>
      <c r="B26350" s="2"/>
      <c r="C26350" s="2"/>
    </row>
    <row r="26351" spans="1:3" ht="19.2">
      <c r="A26351" s="2"/>
      <c r="B26351" s="2"/>
      <c r="C26351" s="2"/>
    </row>
    <row r="26352" spans="1:3" ht="19.2">
      <c r="A26352" s="2"/>
      <c r="B26352" s="2"/>
      <c r="C26352" s="2"/>
    </row>
    <row r="26353" spans="1:3" ht="19.2">
      <c r="A26353" s="2"/>
      <c r="B26353" s="2"/>
      <c r="C26353" s="2"/>
    </row>
    <row r="26354" spans="1:3" ht="19.2">
      <c r="A26354" s="2"/>
      <c r="B26354" s="2"/>
      <c r="C26354" s="2"/>
    </row>
    <row r="26355" spans="1:3" ht="19.2">
      <c r="A26355" s="2"/>
      <c r="B26355" s="2"/>
      <c r="C26355" s="2"/>
    </row>
    <row r="26356" spans="1:3" ht="19.2">
      <c r="A26356" s="2"/>
      <c r="B26356" s="2"/>
      <c r="C26356" s="2"/>
    </row>
    <row r="26357" spans="1:3" ht="19.2">
      <c r="A26357" s="2"/>
      <c r="B26357" s="2"/>
      <c r="C26357" s="2"/>
    </row>
    <row r="26358" spans="1:3" ht="19.2">
      <c r="A26358" s="2"/>
      <c r="B26358" s="2"/>
      <c r="C26358" s="2"/>
    </row>
    <row r="26359" spans="1:3" ht="19.2">
      <c r="A26359" s="2"/>
      <c r="B26359" s="2"/>
      <c r="C26359" s="2"/>
    </row>
    <row r="26360" spans="1:3" ht="19.2">
      <c r="A26360" s="2"/>
      <c r="B26360" s="2"/>
      <c r="C26360" s="2"/>
    </row>
    <row r="26361" spans="1:3" ht="19.2">
      <c r="A26361" s="2"/>
      <c r="B26361" s="2"/>
      <c r="C26361" s="2"/>
    </row>
    <row r="26362" spans="1:3" ht="19.2">
      <c r="A26362" s="2"/>
      <c r="B26362" s="2"/>
      <c r="C26362" s="2"/>
    </row>
    <row r="26363" spans="1:3" ht="19.2">
      <c r="A26363" s="2"/>
      <c r="B26363" s="2"/>
      <c r="C26363" s="2"/>
    </row>
    <row r="26364" spans="1:3" ht="19.2">
      <c r="A26364" s="2"/>
      <c r="B26364" s="2"/>
      <c r="C26364" s="2"/>
    </row>
    <row r="26365" spans="1:3" ht="19.2">
      <c r="A26365" s="2"/>
      <c r="B26365" s="2"/>
      <c r="C26365" s="2"/>
    </row>
    <row r="26366" spans="1:3" ht="19.2">
      <c r="A26366" s="2"/>
      <c r="B26366" s="2"/>
      <c r="C26366" s="2"/>
    </row>
    <row r="26367" spans="1:3" ht="19.2">
      <c r="A26367" s="2"/>
      <c r="B26367" s="2"/>
      <c r="C26367" s="2"/>
    </row>
    <row r="26368" spans="1:3" ht="19.2">
      <c r="A26368" s="2"/>
      <c r="B26368" s="2"/>
      <c r="C26368" s="2"/>
    </row>
    <row r="26369" spans="1:3" ht="19.2">
      <c r="A26369" s="2"/>
      <c r="B26369" s="2"/>
      <c r="C26369" s="2"/>
    </row>
    <row r="26370" spans="1:3" ht="19.2">
      <c r="A26370" s="2"/>
      <c r="B26370" s="2"/>
      <c r="C26370" s="2"/>
    </row>
    <row r="26371" spans="1:3" ht="19.2">
      <c r="A26371" s="2"/>
      <c r="B26371" s="2"/>
      <c r="C26371" s="2"/>
    </row>
    <row r="26372" spans="1:3" ht="19.2">
      <c r="A26372" s="2"/>
      <c r="B26372" s="2"/>
      <c r="C26372" s="2"/>
    </row>
    <row r="26373" spans="1:3" ht="19.2">
      <c r="A26373" s="2"/>
      <c r="B26373" s="2"/>
      <c r="C26373" s="2"/>
    </row>
    <row r="26374" spans="1:3" ht="19.2">
      <c r="A26374" s="2"/>
      <c r="B26374" s="2"/>
      <c r="C26374" s="2"/>
    </row>
    <row r="26375" spans="1:3" ht="19.2">
      <c r="A26375" s="2"/>
      <c r="B26375" s="2"/>
      <c r="C26375" s="2"/>
    </row>
    <row r="26376" spans="1:3" ht="19.2">
      <c r="A26376" s="2"/>
      <c r="B26376" s="2"/>
      <c r="C26376" s="2"/>
    </row>
    <row r="26377" spans="1:3" ht="19.2">
      <c r="A26377" s="2"/>
      <c r="B26377" s="2"/>
      <c r="C26377" s="2"/>
    </row>
    <row r="26378" spans="1:3" ht="19.2">
      <c r="A26378" s="2"/>
      <c r="B26378" s="2"/>
      <c r="C26378" s="2"/>
    </row>
    <row r="26379" spans="1:3" ht="19.2">
      <c r="A26379" s="2"/>
      <c r="B26379" s="2"/>
      <c r="C26379" s="2"/>
    </row>
    <row r="26380" spans="1:3" ht="19.2">
      <c r="A26380" s="2"/>
      <c r="B26380" s="2"/>
      <c r="C26380" s="2"/>
    </row>
    <row r="26381" spans="1:3" ht="19.2">
      <c r="A26381" s="2"/>
      <c r="B26381" s="2"/>
      <c r="C26381" s="2"/>
    </row>
    <row r="26382" spans="1:3" ht="19.2">
      <c r="A26382" s="2"/>
      <c r="B26382" s="2"/>
      <c r="C26382" s="2"/>
    </row>
    <row r="26383" spans="1:3" ht="19.2">
      <c r="A26383" s="2"/>
      <c r="B26383" s="2"/>
      <c r="C26383" s="2"/>
    </row>
    <row r="26384" spans="1:3" ht="19.2">
      <c r="A26384" s="2"/>
      <c r="B26384" s="2"/>
      <c r="C26384" s="2"/>
    </row>
    <row r="26385" spans="1:3" ht="19.2">
      <c r="A26385" s="2"/>
      <c r="B26385" s="2"/>
      <c r="C26385" s="2"/>
    </row>
    <row r="26386" spans="1:3" ht="19.2">
      <c r="A26386" s="2"/>
      <c r="B26386" s="2"/>
      <c r="C26386" s="2"/>
    </row>
    <row r="26387" spans="1:3" ht="19.2">
      <c r="A26387" s="2"/>
      <c r="B26387" s="2"/>
      <c r="C26387" s="2"/>
    </row>
    <row r="26388" spans="1:3" ht="19.2">
      <c r="A26388" s="2"/>
      <c r="B26388" s="2"/>
      <c r="C26388" s="2"/>
    </row>
    <row r="26389" spans="1:3" ht="19.2">
      <c r="A26389" s="2"/>
      <c r="B26389" s="2"/>
      <c r="C26389" s="2"/>
    </row>
    <row r="26390" spans="1:3" ht="19.2">
      <c r="A26390" s="2"/>
      <c r="B26390" s="2"/>
      <c r="C26390" s="2"/>
    </row>
    <row r="26391" spans="1:3" ht="19.2">
      <c r="A26391" s="2"/>
      <c r="B26391" s="2"/>
      <c r="C26391" s="2"/>
    </row>
    <row r="26392" spans="1:3" ht="19.2">
      <c r="A26392" s="2"/>
      <c r="B26392" s="2"/>
      <c r="C26392" s="2"/>
    </row>
    <row r="26393" spans="1:3" ht="19.2">
      <c r="A26393" s="2"/>
      <c r="B26393" s="2"/>
      <c r="C26393" s="2"/>
    </row>
    <row r="26394" spans="1:3" ht="19.2">
      <c r="A26394" s="2"/>
      <c r="B26394" s="2"/>
      <c r="C26394" s="2"/>
    </row>
    <row r="26395" spans="1:3" ht="19.2">
      <c r="A26395" s="2"/>
      <c r="B26395" s="2"/>
      <c r="C26395" s="2"/>
    </row>
    <row r="26396" spans="1:3" ht="19.2">
      <c r="A26396" s="2"/>
      <c r="B26396" s="2"/>
      <c r="C26396" s="2"/>
    </row>
    <row r="26397" spans="1:3" ht="19.2">
      <c r="A26397" s="2"/>
      <c r="B26397" s="2"/>
      <c r="C26397" s="2"/>
    </row>
    <row r="26398" spans="1:3" ht="19.2">
      <c r="A26398" s="2"/>
      <c r="B26398" s="2"/>
      <c r="C26398" s="2"/>
    </row>
    <row r="26399" spans="1:3" ht="19.2">
      <c r="A26399" s="2"/>
      <c r="B26399" s="2"/>
      <c r="C26399" s="2"/>
    </row>
    <row r="26400" spans="1:3" ht="19.2">
      <c r="A26400" s="2"/>
      <c r="B26400" s="2"/>
      <c r="C26400" s="2"/>
    </row>
    <row r="26401" spans="1:3" ht="19.2">
      <c r="A26401" s="2"/>
      <c r="B26401" s="2"/>
      <c r="C26401" s="2"/>
    </row>
    <row r="26402" spans="1:3" ht="19.2">
      <c r="A26402" s="2"/>
      <c r="B26402" s="2"/>
      <c r="C26402" s="2"/>
    </row>
    <row r="26403" spans="1:3" ht="19.2">
      <c r="A26403" s="2"/>
      <c r="B26403" s="2"/>
      <c r="C26403" s="2"/>
    </row>
    <row r="26404" spans="1:3" ht="19.2">
      <c r="A26404" s="2"/>
      <c r="B26404" s="2"/>
      <c r="C26404" s="2"/>
    </row>
    <row r="26405" spans="1:3" ht="19.2">
      <c r="A26405" s="2"/>
      <c r="B26405" s="2"/>
      <c r="C26405" s="2"/>
    </row>
    <row r="26406" spans="1:3" ht="19.2">
      <c r="A26406" s="2"/>
      <c r="B26406" s="2"/>
      <c r="C26406" s="2"/>
    </row>
    <row r="26407" spans="1:3" ht="19.2">
      <c r="A26407" s="2"/>
      <c r="B26407" s="2"/>
      <c r="C26407" s="2"/>
    </row>
    <row r="26408" spans="1:3" ht="19.2">
      <c r="A26408" s="2"/>
      <c r="B26408" s="2"/>
      <c r="C26408" s="2"/>
    </row>
    <row r="26409" spans="1:3" ht="19.2">
      <c r="A26409" s="2"/>
      <c r="B26409" s="2"/>
      <c r="C26409" s="2"/>
    </row>
    <row r="26410" spans="1:3" ht="19.2">
      <c r="A26410" s="2"/>
      <c r="B26410" s="2"/>
      <c r="C26410" s="2"/>
    </row>
    <row r="26411" spans="1:3" ht="19.2">
      <c r="A26411" s="2"/>
      <c r="B26411" s="2"/>
      <c r="C26411" s="2"/>
    </row>
    <row r="26412" spans="1:3" ht="19.2">
      <c r="A26412" s="2"/>
      <c r="B26412" s="2"/>
      <c r="C26412" s="2"/>
    </row>
    <row r="26413" spans="1:3" ht="19.2">
      <c r="A26413" s="2"/>
      <c r="B26413" s="2"/>
      <c r="C26413" s="2"/>
    </row>
    <row r="26414" spans="1:3" ht="19.2">
      <c r="A26414" s="2"/>
      <c r="B26414" s="2"/>
      <c r="C26414" s="2"/>
    </row>
    <row r="26415" spans="1:3" ht="19.2">
      <c r="A26415" s="2"/>
      <c r="B26415" s="2"/>
      <c r="C26415" s="2"/>
    </row>
    <row r="26416" spans="1:3" ht="19.2">
      <c r="A26416" s="2"/>
      <c r="B26416" s="2"/>
      <c r="C26416" s="2"/>
    </row>
    <row r="26417" spans="1:3" ht="19.2">
      <c r="A26417" s="2"/>
      <c r="B26417" s="2"/>
      <c r="C26417" s="2"/>
    </row>
    <row r="26418" spans="1:3" ht="19.2">
      <c r="A26418" s="2"/>
      <c r="B26418" s="2"/>
      <c r="C26418" s="2"/>
    </row>
    <row r="26419" spans="1:3" ht="19.2">
      <c r="A26419" s="2"/>
      <c r="B26419" s="2"/>
      <c r="C26419" s="2"/>
    </row>
    <row r="26420" spans="1:3" ht="19.2">
      <c r="A26420" s="2"/>
      <c r="B26420" s="2"/>
      <c r="C26420" s="2"/>
    </row>
    <row r="26421" spans="1:3" ht="19.2">
      <c r="A26421" s="2"/>
      <c r="B26421" s="2"/>
      <c r="C26421" s="2"/>
    </row>
    <row r="26422" spans="1:3" ht="19.2">
      <c r="A26422" s="2"/>
      <c r="B26422" s="2"/>
      <c r="C26422" s="2"/>
    </row>
    <row r="26423" spans="1:3" ht="19.2">
      <c r="A26423" s="2"/>
      <c r="B26423" s="2"/>
      <c r="C26423" s="2"/>
    </row>
    <row r="26424" spans="1:3" ht="19.2">
      <c r="A26424" s="2"/>
      <c r="B26424" s="2"/>
      <c r="C26424" s="2"/>
    </row>
    <row r="26425" spans="1:3" ht="19.2">
      <c r="A26425" s="2"/>
      <c r="B26425" s="2"/>
      <c r="C26425" s="2"/>
    </row>
    <row r="26426" spans="1:3" ht="19.2">
      <c r="A26426" s="2"/>
      <c r="B26426" s="2"/>
      <c r="C26426" s="2"/>
    </row>
    <row r="26427" spans="1:3" ht="19.2">
      <c r="A26427" s="2"/>
      <c r="B26427" s="2"/>
      <c r="C26427" s="2"/>
    </row>
    <row r="26428" spans="1:3" ht="19.2">
      <c r="A26428" s="2"/>
      <c r="B26428" s="2"/>
      <c r="C26428" s="2"/>
    </row>
    <row r="26429" spans="1:3" ht="19.2">
      <c r="A26429" s="2"/>
      <c r="B26429" s="2"/>
      <c r="C26429" s="2"/>
    </row>
    <row r="26430" spans="1:3" ht="19.2">
      <c r="A26430" s="2"/>
      <c r="B26430" s="2"/>
      <c r="C26430" s="2"/>
    </row>
    <row r="26431" spans="1:3" ht="19.2">
      <c r="A26431" s="2"/>
      <c r="B26431" s="2"/>
      <c r="C26431" s="2"/>
    </row>
    <row r="26432" spans="1:3" ht="19.2">
      <c r="A26432" s="2"/>
      <c r="B26432" s="2"/>
      <c r="C26432" s="2"/>
    </row>
    <row r="26433" spans="1:3" ht="19.2">
      <c r="A26433" s="2"/>
      <c r="B26433" s="2"/>
      <c r="C26433" s="2"/>
    </row>
    <row r="26434" spans="1:3" ht="19.2">
      <c r="A26434" s="2"/>
      <c r="B26434" s="2"/>
      <c r="C26434" s="2"/>
    </row>
    <row r="26435" spans="1:3" ht="19.2">
      <c r="A26435" s="2"/>
      <c r="B26435" s="2"/>
      <c r="C26435" s="2"/>
    </row>
    <row r="26436" spans="1:3" ht="19.2">
      <c r="A26436" s="2"/>
      <c r="B26436" s="2"/>
      <c r="C26436" s="2"/>
    </row>
    <row r="26437" spans="1:3" ht="19.2">
      <c r="A26437" s="2"/>
      <c r="B26437" s="2"/>
      <c r="C26437" s="2"/>
    </row>
    <row r="26438" spans="1:3" ht="19.2">
      <c r="A26438" s="2"/>
      <c r="B26438" s="2"/>
      <c r="C26438" s="2"/>
    </row>
    <row r="26439" spans="1:3" ht="19.2">
      <c r="A26439" s="2"/>
      <c r="B26439" s="2"/>
      <c r="C26439" s="2"/>
    </row>
    <row r="26440" spans="1:3" ht="19.2">
      <c r="A26440" s="2"/>
      <c r="B26440" s="2"/>
      <c r="C26440" s="2"/>
    </row>
    <row r="26441" spans="1:3" ht="19.2">
      <c r="A26441" s="2"/>
      <c r="B26441" s="2"/>
      <c r="C26441" s="2"/>
    </row>
    <row r="26442" spans="1:3" ht="19.2">
      <c r="A26442" s="2"/>
      <c r="B26442" s="2"/>
      <c r="C26442" s="2"/>
    </row>
    <row r="26443" spans="1:3" ht="19.2">
      <c r="A26443" s="2"/>
      <c r="B26443" s="2"/>
      <c r="C26443" s="2"/>
    </row>
    <row r="26444" spans="1:3" ht="19.2">
      <c r="A26444" s="2"/>
      <c r="B26444" s="2"/>
      <c r="C26444" s="2"/>
    </row>
    <row r="26445" spans="1:3" ht="19.2">
      <c r="A26445" s="2"/>
      <c r="B26445" s="2"/>
      <c r="C26445" s="2"/>
    </row>
    <row r="26446" spans="1:3" ht="19.2">
      <c r="A26446" s="2"/>
      <c r="B26446" s="2"/>
      <c r="C26446" s="2"/>
    </row>
    <row r="26447" spans="1:3" ht="19.2">
      <c r="A26447" s="2"/>
      <c r="B26447" s="2"/>
      <c r="C26447" s="2"/>
    </row>
    <row r="26448" spans="1:3" ht="19.2">
      <c r="A26448" s="2"/>
      <c r="B26448" s="2"/>
      <c r="C26448" s="2"/>
    </row>
    <row r="26449" spans="1:3" ht="19.2">
      <c r="A26449" s="2"/>
      <c r="B26449" s="2"/>
      <c r="C26449" s="2"/>
    </row>
    <row r="26450" spans="1:3" ht="19.2">
      <c r="A26450" s="2"/>
      <c r="B26450" s="2"/>
      <c r="C26450" s="2"/>
    </row>
    <row r="26451" spans="1:3" ht="19.2">
      <c r="A26451" s="2"/>
      <c r="B26451" s="2"/>
      <c r="C26451" s="2"/>
    </row>
    <row r="26452" spans="1:3" ht="19.2">
      <c r="A26452" s="2"/>
      <c r="B26452" s="2"/>
      <c r="C26452" s="2"/>
    </row>
    <row r="26453" spans="1:3" ht="19.2">
      <c r="A26453" s="2"/>
      <c r="B26453" s="2"/>
      <c r="C26453" s="2"/>
    </row>
    <row r="26454" spans="1:3" ht="19.2">
      <c r="A26454" s="2"/>
      <c r="B26454" s="2"/>
      <c r="C26454" s="2"/>
    </row>
    <row r="26455" spans="1:3" ht="19.2">
      <c r="A26455" s="2"/>
      <c r="B26455" s="2"/>
      <c r="C26455" s="2"/>
    </row>
    <row r="26456" spans="1:3" ht="19.2">
      <c r="A26456" s="2"/>
      <c r="B26456" s="2"/>
      <c r="C26456" s="2"/>
    </row>
    <row r="26457" spans="1:3" ht="19.2">
      <c r="A26457" s="2"/>
      <c r="B26457" s="2"/>
      <c r="C26457" s="2"/>
    </row>
    <row r="26458" spans="1:3" ht="19.2">
      <c r="A26458" s="2"/>
      <c r="B26458" s="2"/>
      <c r="C26458" s="2"/>
    </row>
    <row r="26459" spans="1:3" ht="19.2">
      <c r="A26459" s="2"/>
      <c r="B26459" s="2"/>
      <c r="C26459" s="2"/>
    </row>
    <row r="26460" spans="1:3" ht="19.2">
      <c r="A26460" s="2"/>
      <c r="B26460" s="2"/>
      <c r="C26460" s="2"/>
    </row>
    <row r="26461" spans="1:3" ht="19.2">
      <c r="A26461" s="2"/>
      <c r="B26461" s="2"/>
      <c r="C26461" s="2"/>
    </row>
    <row r="26462" spans="1:3" ht="19.2">
      <c r="A26462" s="2"/>
      <c r="B26462" s="2"/>
      <c r="C26462" s="2"/>
    </row>
    <row r="26463" spans="1:3" ht="19.2">
      <c r="A26463" s="2"/>
      <c r="B26463" s="2"/>
      <c r="C26463" s="2"/>
    </row>
    <row r="26464" spans="1:3" ht="19.2">
      <c r="A26464" s="2"/>
      <c r="B26464" s="2"/>
      <c r="C26464" s="2"/>
    </row>
    <row r="26465" spans="1:3" ht="19.2">
      <c r="A26465" s="2"/>
      <c r="B26465" s="2"/>
      <c r="C26465" s="2"/>
    </row>
    <row r="26466" spans="1:3" ht="19.2">
      <c r="A26466" s="2"/>
      <c r="B26466" s="2"/>
      <c r="C26466" s="2"/>
    </row>
    <row r="26467" spans="1:3" ht="19.2">
      <c r="A26467" s="2"/>
      <c r="B26467" s="2"/>
      <c r="C26467" s="2"/>
    </row>
    <row r="26468" spans="1:3" ht="19.2">
      <c r="A26468" s="2"/>
      <c r="B26468" s="2"/>
      <c r="C26468" s="2"/>
    </row>
    <row r="26469" spans="1:3" ht="19.2">
      <c r="A26469" s="2"/>
      <c r="B26469" s="2"/>
      <c r="C26469" s="2"/>
    </row>
    <row r="26470" spans="1:3" ht="19.2">
      <c r="A26470" s="2"/>
      <c r="B26470" s="2"/>
      <c r="C26470" s="2"/>
    </row>
    <row r="26471" spans="1:3" ht="19.2">
      <c r="A26471" s="2"/>
      <c r="B26471" s="2"/>
      <c r="C26471" s="2"/>
    </row>
    <row r="26472" spans="1:3" ht="19.2">
      <c r="A26472" s="2"/>
      <c r="B26472" s="2"/>
      <c r="C26472" s="2"/>
    </row>
    <row r="26473" spans="1:3" ht="19.2">
      <c r="A26473" s="2"/>
      <c r="B26473" s="2"/>
      <c r="C26473" s="2"/>
    </row>
    <row r="26474" spans="1:3" ht="19.2">
      <c r="A26474" s="2"/>
      <c r="B26474" s="2"/>
      <c r="C26474" s="2"/>
    </row>
    <row r="26475" spans="1:3" ht="19.2">
      <c r="A26475" s="2"/>
      <c r="B26475" s="2"/>
      <c r="C26475" s="2"/>
    </row>
    <row r="26476" spans="1:3" ht="19.2">
      <c r="A26476" s="2"/>
      <c r="B26476" s="2"/>
      <c r="C26476" s="2"/>
    </row>
    <row r="26477" spans="1:3" ht="19.2">
      <c r="A26477" s="2"/>
      <c r="B26477" s="2"/>
      <c r="C26477" s="2"/>
    </row>
    <row r="26478" spans="1:3" ht="19.2">
      <c r="A26478" s="2"/>
      <c r="B26478" s="2"/>
      <c r="C26478" s="2"/>
    </row>
    <row r="26479" spans="1:3" ht="19.2">
      <c r="A26479" s="2"/>
      <c r="B26479" s="2"/>
      <c r="C26479" s="2"/>
    </row>
    <row r="26480" spans="1:3" ht="19.2">
      <c r="A26480" s="2"/>
      <c r="B26480" s="2"/>
      <c r="C26480" s="2"/>
    </row>
    <row r="26481" spans="1:3" ht="19.2">
      <c r="A26481" s="2"/>
      <c r="B26481" s="2"/>
      <c r="C26481" s="2"/>
    </row>
    <row r="26482" spans="1:3" ht="19.2">
      <c r="A26482" s="2"/>
      <c r="B26482" s="2"/>
      <c r="C26482" s="2"/>
    </row>
    <row r="26483" spans="1:3" ht="19.2">
      <c r="A26483" s="2"/>
      <c r="B26483" s="2"/>
      <c r="C26483" s="2"/>
    </row>
    <row r="26484" spans="1:3" ht="19.2">
      <c r="A26484" s="2"/>
      <c r="B26484" s="2"/>
      <c r="C26484" s="2"/>
    </row>
    <row r="26485" spans="1:3" ht="19.2">
      <c r="A26485" s="2"/>
      <c r="B26485" s="2"/>
      <c r="C26485" s="2"/>
    </row>
    <row r="26486" spans="1:3" ht="19.2">
      <c r="A26486" s="2"/>
      <c r="B26486" s="2"/>
      <c r="C26486" s="2"/>
    </row>
    <row r="26487" spans="1:3" ht="19.2">
      <c r="A26487" s="2"/>
      <c r="B26487" s="2"/>
      <c r="C26487" s="2"/>
    </row>
    <row r="26488" spans="1:3" ht="19.2">
      <c r="A26488" s="2"/>
      <c r="B26488" s="2"/>
      <c r="C26488" s="2"/>
    </row>
    <row r="26489" spans="1:3" ht="19.2">
      <c r="A26489" s="2"/>
      <c r="B26489" s="2"/>
      <c r="C26489" s="2"/>
    </row>
    <row r="26490" spans="1:3" ht="19.2">
      <c r="A26490" s="2"/>
      <c r="B26490" s="2"/>
      <c r="C26490" s="2"/>
    </row>
    <row r="26491" spans="1:3" ht="19.2">
      <c r="A26491" s="2"/>
      <c r="B26491" s="2"/>
      <c r="C26491" s="2"/>
    </row>
    <row r="26492" spans="1:3" ht="19.2">
      <c r="A26492" s="2"/>
      <c r="B26492" s="2"/>
      <c r="C26492" s="2"/>
    </row>
    <row r="26493" spans="1:3" ht="19.2">
      <c r="A26493" s="2"/>
      <c r="B26493" s="2"/>
      <c r="C26493" s="2"/>
    </row>
    <row r="26494" spans="1:3" ht="19.2">
      <c r="A26494" s="2"/>
      <c r="B26494" s="2"/>
      <c r="C26494" s="2"/>
    </row>
    <row r="26495" spans="1:3" ht="19.2">
      <c r="A26495" s="2"/>
      <c r="B26495" s="2"/>
      <c r="C26495" s="2"/>
    </row>
    <row r="26496" spans="1:3" ht="19.2">
      <c r="A26496" s="2"/>
      <c r="B26496" s="2"/>
      <c r="C26496" s="2"/>
    </row>
    <row r="26497" spans="1:3" ht="19.2">
      <c r="A26497" s="2"/>
      <c r="B26497" s="2"/>
      <c r="C26497" s="2"/>
    </row>
    <row r="26498" spans="1:3" ht="19.2">
      <c r="A26498" s="2"/>
      <c r="B26498" s="2"/>
      <c r="C26498" s="2"/>
    </row>
    <row r="26499" spans="1:3" ht="19.2">
      <c r="A26499" s="2"/>
      <c r="B26499" s="2"/>
      <c r="C26499" s="2"/>
    </row>
    <row r="26500" spans="1:3" ht="19.2">
      <c r="A26500" s="2"/>
      <c r="B26500" s="2"/>
      <c r="C26500" s="2"/>
    </row>
    <row r="26501" spans="1:3" ht="19.2">
      <c r="A26501" s="2"/>
      <c r="B26501" s="2"/>
      <c r="C26501" s="2"/>
    </row>
    <row r="26502" spans="1:3" ht="19.2">
      <c r="A26502" s="2"/>
      <c r="B26502" s="2"/>
      <c r="C26502" s="2"/>
    </row>
    <row r="26503" spans="1:3" ht="19.2">
      <c r="A26503" s="2"/>
      <c r="B26503" s="2"/>
      <c r="C26503" s="2"/>
    </row>
    <row r="26504" spans="1:3" ht="19.2">
      <c r="A26504" s="2"/>
      <c r="B26504" s="2"/>
      <c r="C26504" s="2"/>
    </row>
    <row r="26505" spans="1:3" ht="19.2">
      <c r="A26505" s="2"/>
      <c r="B26505" s="2"/>
      <c r="C26505" s="2"/>
    </row>
    <row r="26506" spans="1:3" ht="19.2">
      <c r="A26506" s="2"/>
      <c r="B26506" s="2"/>
      <c r="C26506" s="2"/>
    </row>
    <row r="26507" spans="1:3" ht="19.2">
      <c r="A26507" s="2"/>
      <c r="B26507" s="2"/>
      <c r="C26507" s="2"/>
    </row>
    <row r="26508" spans="1:3" ht="19.2">
      <c r="A26508" s="2"/>
      <c r="B26508" s="2"/>
      <c r="C26508" s="2"/>
    </row>
    <row r="26509" spans="1:3" ht="19.2">
      <c r="A26509" s="2"/>
      <c r="B26509" s="2"/>
      <c r="C26509" s="2"/>
    </row>
    <row r="26510" spans="1:3" ht="19.2">
      <c r="A26510" s="2"/>
      <c r="B26510" s="2"/>
      <c r="C26510" s="2"/>
    </row>
    <row r="26511" spans="1:3" ht="19.2">
      <c r="A26511" s="2"/>
      <c r="B26511" s="2"/>
      <c r="C26511" s="2"/>
    </row>
    <row r="26512" spans="1:3" ht="19.2">
      <c r="A26512" s="2"/>
      <c r="B26512" s="2"/>
      <c r="C26512" s="2"/>
    </row>
    <row r="26513" spans="1:3" ht="19.2">
      <c r="A26513" s="2"/>
      <c r="B26513" s="2"/>
      <c r="C26513" s="2"/>
    </row>
    <row r="26514" spans="1:3" ht="19.2">
      <c r="A26514" s="2"/>
      <c r="B26514" s="2"/>
      <c r="C26514" s="2"/>
    </row>
    <row r="26515" spans="1:3" ht="19.2">
      <c r="A26515" s="2"/>
      <c r="B26515" s="2"/>
      <c r="C26515" s="2"/>
    </row>
    <row r="26516" spans="1:3" ht="19.2">
      <c r="A26516" s="2"/>
      <c r="B26516" s="2"/>
      <c r="C26516" s="2"/>
    </row>
    <row r="26517" spans="1:3" ht="19.2">
      <c r="A26517" s="2"/>
      <c r="B26517" s="2"/>
      <c r="C26517" s="2"/>
    </row>
    <row r="26518" spans="1:3" ht="19.2">
      <c r="A26518" s="2"/>
      <c r="B26518" s="2"/>
      <c r="C26518" s="2"/>
    </row>
    <row r="26519" spans="1:3" ht="19.2">
      <c r="A26519" s="2"/>
      <c r="B26519" s="2"/>
      <c r="C26519" s="2"/>
    </row>
    <row r="26520" spans="1:3" ht="19.2">
      <c r="A26520" s="2"/>
      <c r="B26520" s="2"/>
      <c r="C26520" s="2"/>
    </row>
    <row r="26521" spans="1:3" ht="19.2">
      <c r="A26521" s="2"/>
      <c r="B26521" s="2"/>
      <c r="C26521" s="2"/>
    </row>
    <row r="26522" spans="1:3" ht="19.2">
      <c r="A26522" s="2"/>
      <c r="B26522" s="2"/>
      <c r="C26522" s="2"/>
    </row>
    <row r="26523" spans="1:3" ht="19.2">
      <c r="A26523" s="2"/>
      <c r="B26523" s="2"/>
      <c r="C26523" s="2"/>
    </row>
    <row r="26524" spans="1:3" ht="19.2">
      <c r="A26524" s="2"/>
      <c r="B26524" s="2"/>
      <c r="C26524" s="2"/>
    </row>
    <row r="26525" spans="1:3" ht="19.2">
      <c r="A26525" s="2"/>
      <c r="B26525" s="2"/>
      <c r="C26525" s="2"/>
    </row>
    <row r="26526" spans="1:3" ht="19.2">
      <c r="A26526" s="2"/>
      <c r="B26526" s="2"/>
      <c r="C26526" s="2"/>
    </row>
    <row r="26527" spans="1:3" ht="19.2">
      <c r="A26527" s="2"/>
      <c r="B26527" s="2"/>
      <c r="C26527" s="2"/>
    </row>
    <row r="26528" spans="1:3" ht="19.2">
      <c r="A26528" s="2"/>
      <c r="B26528" s="2"/>
      <c r="C26528" s="2"/>
    </row>
    <row r="26529" spans="1:3" ht="19.2">
      <c r="A26529" s="2"/>
      <c r="B26529" s="2"/>
      <c r="C26529" s="2"/>
    </row>
    <row r="26530" spans="1:3" ht="19.2">
      <c r="A26530" s="2"/>
      <c r="B26530" s="2"/>
      <c r="C26530" s="2"/>
    </row>
    <row r="26531" spans="1:3" ht="19.2">
      <c r="A26531" s="2"/>
      <c r="B26531" s="2"/>
      <c r="C26531" s="2"/>
    </row>
    <row r="26532" spans="1:3" ht="19.2">
      <c r="A26532" s="2"/>
      <c r="B26532" s="2"/>
      <c r="C26532" s="2"/>
    </row>
    <row r="26533" spans="1:3" ht="19.2">
      <c r="A26533" s="2"/>
      <c r="B26533" s="2"/>
      <c r="C26533" s="2"/>
    </row>
    <row r="26534" spans="1:3" ht="19.2">
      <c r="A26534" s="2"/>
      <c r="B26534" s="2"/>
      <c r="C26534" s="2"/>
    </row>
    <row r="26535" spans="1:3" ht="19.2">
      <c r="A26535" s="2"/>
      <c r="B26535" s="2"/>
      <c r="C26535" s="2"/>
    </row>
    <row r="26536" spans="1:3" ht="19.2">
      <c r="A26536" s="2"/>
      <c r="B26536" s="2"/>
      <c r="C26536" s="2"/>
    </row>
    <row r="26537" spans="1:3" ht="19.2">
      <c r="A26537" s="2"/>
      <c r="B26537" s="2"/>
      <c r="C26537" s="2"/>
    </row>
    <row r="26538" spans="1:3" ht="19.2">
      <c r="A26538" s="2"/>
      <c r="B26538" s="2"/>
      <c r="C26538" s="2"/>
    </row>
    <row r="26539" spans="1:3" ht="19.2">
      <c r="A26539" s="2"/>
      <c r="B26539" s="2"/>
      <c r="C26539" s="2"/>
    </row>
    <row r="26540" spans="1:3" ht="19.2">
      <c r="A26540" s="2"/>
      <c r="B26540" s="2"/>
      <c r="C26540" s="2"/>
    </row>
    <row r="26541" spans="1:3" ht="19.2">
      <c r="A26541" s="2"/>
      <c r="B26541" s="2"/>
      <c r="C26541" s="2"/>
    </row>
    <row r="26542" spans="1:3" ht="19.2">
      <c r="A26542" s="2"/>
      <c r="B26542" s="2"/>
      <c r="C26542" s="2"/>
    </row>
    <row r="26543" spans="1:3" ht="19.2">
      <c r="A26543" s="2"/>
      <c r="B26543" s="2"/>
      <c r="C26543" s="2"/>
    </row>
    <row r="26544" spans="1:3" ht="19.2">
      <c r="A26544" s="2"/>
      <c r="B26544" s="2"/>
      <c r="C26544" s="2"/>
    </row>
    <row r="26545" spans="1:3" ht="19.2">
      <c r="A26545" s="2"/>
      <c r="B26545" s="2"/>
      <c r="C26545" s="2"/>
    </row>
    <row r="26546" spans="1:3" ht="19.2">
      <c r="A26546" s="2"/>
      <c r="B26546" s="2"/>
      <c r="C26546" s="2"/>
    </row>
    <row r="26547" spans="1:3" ht="19.2">
      <c r="A26547" s="2"/>
      <c r="B26547" s="2"/>
      <c r="C26547" s="2"/>
    </row>
    <row r="26548" spans="1:3" ht="19.2">
      <c r="A26548" s="2"/>
      <c r="B26548" s="2"/>
      <c r="C26548" s="2"/>
    </row>
    <row r="26549" spans="1:3" ht="19.2">
      <c r="A26549" s="2"/>
      <c r="B26549" s="2"/>
      <c r="C26549" s="2"/>
    </row>
    <row r="26550" spans="1:3" ht="19.2">
      <c r="A26550" s="2"/>
      <c r="B26550" s="2"/>
      <c r="C26550" s="2"/>
    </row>
    <row r="26551" spans="1:3" ht="19.2">
      <c r="A26551" s="2"/>
      <c r="B26551" s="2"/>
      <c r="C26551" s="2"/>
    </row>
    <row r="26552" spans="1:3" ht="19.2">
      <c r="A26552" s="2"/>
      <c r="B26552" s="2"/>
      <c r="C26552" s="2"/>
    </row>
    <row r="26553" spans="1:3" ht="19.2">
      <c r="A26553" s="2"/>
      <c r="B26553" s="2"/>
      <c r="C26553" s="2"/>
    </row>
    <row r="26554" spans="1:3" ht="19.2">
      <c r="A26554" s="2"/>
      <c r="B26554" s="2"/>
      <c r="C26554" s="2"/>
    </row>
    <row r="26555" spans="1:3" ht="19.2">
      <c r="A26555" s="2"/>
      <c r="B26555" s="2"/>
      <c r="C26555" s="2"/>
    </row>
    <row r="26556" spans="1:3" ht="19.2">
      <c r="A26556" s="2"/>
      <c r="B26556" s="2"/>
      <c r="C26556" s="2"/>
    </row>
    <row r="26557" spans="1:3" ht="19.2">
      <c r="A26557" s="2"/>
      <c r="B26557" s="2"/>
      <c r="C26557" s="2"/>
    </row>
    <row r="26558" spans="1:3" ht="19.2">
      <c r="A26558" s="2"/>
      <c r="B26558" s="2"/>
      <c r="C26558" s="2"/>
    </row>
    <row r="26559" spans="1:3" ht="19.2">
      <c r="A26559" s="2"/>
      <c r="B26559" s="2"/>
      <c r="C26559" s="2"/>
    </row>
    <row r="26560" spans="1:3" ht="19.2">
      <c r="A26560" s="2"/>
      <c r="B26560" s="2"/>
      <c r="C26560" s="2"/>
    </row>
    <row r="26561" spans="1:3" ht="19.2">
      <c r="A26561" s="2"/>
      <c r="B26561" s="2"/>
      <c r="C26561" s="2"/>
    </row>
    <row r="26562" spans="1:3" ht="19.2">
      <c r="A26562" s="2"/>
      <c r="B26562" s="2"/>
      <c r="C26562" s="2"/>
    </row>
    <row r="26563" spans="1:3" ht="19.2">
      <c r="A26563" s="2"/>
      <c r="B26563" s="2"/>
      <c r="C26563" s="2"/>
    </row>
    <row r="26564" spans="1:3" ht="19.2">
      <c r="A26564" s="2"/>
      <c r="B26564" s="2"/>
      <c r="C26564" s="2"/>
    </row>
    <row r="26565" spans="1:3" ht="19.2">
      <c r="A26565" s="2"/>
      <c r="B26565" s="2"/>
      <c r="C26565" s="2"/>
    </row>
    <row r="26566" spans="1:3" ht="19.2">
      <c r="A26566" s="2"/>
      <c r="B26566" s="2"/>
      <c r="C26566" s="2"/>
    </row>
    <row r="26567" spans="1:3" ht="19.2">
      <c r="A26567" s="2"/>
      <c r="B26567" s="2"/>
      <c r="C26567" s="2"/>
    </row>
    <row r="26568" spans="1:3" ht="19.2">
      <c r="A26568" s="2"/>
      <c r="B26568" s="2"/>
      <c r="C26568" s="2"/>
    </row>
    <row r="26569" spans="1:3" ht="19.2">
      <c r="A26569" s="2"/>
      <c r="B26569" s="2"/>
      <c r="C26569" s="2"/>
    </row>
    <row r="26570" spans="1:3" ht="19.2">
      <c r="A26570" s="2"/>
      <c r="B26570" s="2"/>
      <c r="C26570" s="2"/>
    </row>
    <row r="26571" spans="1:3" ht="19.2">
      <c r="A26571" s="2"/>
      <c r="B26571" s="2"/>
      <c r="C26571" s="2"/>
    </row>
    <row r="26572" spans="1:3" ht="19.2">
      <c r="A26572" s="2"/>
      <c r="B26572" s="2"/>
      <c r="C26572" s="2"/>
    </row>
    <row r="26573" spans="1:3" ht="19.2">
      <c r="A26573" s="2"/>
      <c r="B26573" s="2"/>
      <c r="C26573" s="2"/>
    </row>
    <row r="26574" spans="1:3" ht="19.2">
      <c r="A26574" s="2"/>
      <c r="B26574" s="2"/>
      <c r="C26574" s="2"/>
    </row>
    <row r="26575" spans="1:3" ht="19.2">
      <c r="A26575" s="2"/>
      <c r="B26575" s="2"/>
      <c r="C26575" s="2"/>
    </row>
    <row r="26576" spans="1:3" ht="19.2">
      <c r="A26576" s="2"/>
      <c r="B26576" s="2"/>
      <c r="C26576" s="2"/>
    </row>
    <row r="26577" spans="1:3" ht="19.2">
      <c r="A26577" s="2"/>
      <c r="B26577" s="2"/>
      <c r="C26577" s="2"/>
    </row>
    <row r="26578" spans="1:3" ht="19.2">
      <c r="A26578" s="2"/>
      <c r="B26578" s="2"/>
      <c r="C26578" s="2"/>
    </row>
    <row r="26579" spans="1:3" ht="19.2">
      <c r="A26579" s="2"/>
      <c r="B26579" s="2"/>
      <c r="C26579" s="2"/>
    </row>
    <row r="26580" spans="1:3" ht="19.2">
      <c r="A26580" s="2"/>
      <c r="B26580" s="2"/>
      <c r="C26580" s="2"/>
    </row>
    <row r="26581" spans="1:3" ht="19.2">
      <c r="A26581" s="2"/>
      <c r="B26581" s="2"/>
      <c r="C26581" s="2"/>
    </row>
    <row r="26582" spans="1:3" ht="19.2">
      <c r="A26582" s="2"/>
      <c r="B26582" s="2"/>
      <c r="C26582" s="2"/>
    </row>
    <row r="26583" spans="1:3" ht="19.2">
      <c r="A26583" s="2"/>
      <c r="B26583" s="2"/>
      <c r="C26583" s="2"/>
    </row>
    <row r="26584" spans="1:3" ht="19.2">
      <c r="A26584" s="2"/>
      <c r="B26584" s="2"/>
      <c r="C26584" s="2"/>
    </row>
    <row r="26585" spans="1:3" ht="19.2">
      <c r="A26585" s="2"/>
      <c r="B26585" s="2"/>
      <c r="C26585" s="2"/>
    </row>
    <row r="26586" spans="1:3" ht="19.2">
      <c r="A26586" s="2"/>
      <c r="B26586" s="2"/>
      <c r="C26586" s="2"/>
    </row>
    <row r="26587" spans="1:3" ht="19.2">
      <c r="A26587" s="2"/>
      <c r="B26587" s="2"/>
      <c r="C26587" s="2"/>
    </row>
    <row r="26588" spans="1:3" ht="19.2">
      <c r="A26588" s="2"/>
      <c r="B26588" s="2"/>
      <c r="C26588" s="2"/>
    </row>
    <row r="26589" spans="1:3" ht="19.2">
      <c r="A26589" s="2"/>
      <c r="B26589" s="2"/>
      <c r="C26589" s="2"/>
    </row>
    <row r="26590" spans="1:3" ht="19.2">
      <c r="A26590" s="2"/>
      <c r="B26590" s="2"/>
      <c r="C26590" s="2"/>
    </row>
    <row r="26591" spans="1:3" ht="19.2">
      <c r="A26591" s="2"/>
      <c r="B26591" s="2"/>
      <c r="C26591" s="2"/>
    </row>
    <row r="26592" spans="1:3" ht="19.2">
      <c r="A26592" s="2"/>
      <c r="B26592" s="2"/>
      <c r="C26592" s="2"/>
    </row>
    <row r="26593" spans="1:3" ht="19.2">
      <c r="A26593" s="2"/>
      <c r="B26593" s="2"/>
      <c r="C26593" s="2"/>
    </row>
    <row r="26594" spans="1:3" ht="19.2">
      <c r="A26594" s="2"/>
      <c r="B26594" s="2"/>
      <c r="C26594" s="2"/>
    </row>
    <row r="26595" spans="1:3" ht="19.2">
      <c r="A26595" s="2"/>
      <c r="B26595" s="2"/>
      <c r="C26595" s="2"/>
    </row>
    <row r="26596" spans="1:3" ht="19.2">
      <c r="A26596" s="2"/>
      <c r="B26596" s="2"/>
      <c r="C26596" s="2"/>
    </row>
    <row r="26597" spans="1:3" ht="19.2">
      <c r="A26597" s="2"/>
      <c r="B26597" s="2"/>
      <c r="C26597" s="2"/>
    </row>
    <row r="26598" spans="1:3" ht="19.2">
      <c r="A26598" s="2"/>
      <c r="B26598" s="2"/>
      <c r="C26598" s="2"/>
    </row>
    <row r="26599" spans="1:3" ht="19.2">
      <c r="A26599" s="2"/>
      <c r="B26599" s="2"/>
      <c r="C26599" s="2"/>
    </row>
    <row r="26600" spans="1:3" ht="19.2">
      <c r="A26600" s="2"/>
      <c r="B26600" s="2"/>
      <c r="C26600" s="2"/>
    </row>
    <row r="26601" spans="1:3" ht="19.2">
      <c r="A26601" s="2"/>
      <c r="B26601" s="2"/>
      <c r="C26601" s="2"/>
    </row>
    <row r="26602" spans="1:3" ht="19.2">
      <c r="A26602" s="2"/>
      <c r="B26602" s="2"/>
      <c r="C26602" s="2"/>
    </row>
    <row r="26603" spans="1:3" ht="19.2">
      <c r="A26603" s="2"/>
      <c r="B26603" s="2"/>
      <c r="C26603" s="2"/>
    </row>
    <row r="26604" spans="1:3" ht="19.2">
      <c r="A26604" s="2"/>
      <c r="B26604" s="2"/>
      <c r="C26604" s="2"/>
    </row>
    <row r="26605" spans="1:3" ht="19.2">
      <c r="A26605" s="2"/>
      <c r="B26605" s="2"/>
      <c r="C26605" s="2"/>
    </row>
    <row r="26606" spans="1:3" ht="19.2">
      <c r="A26606" s="2"/>
      <c r="B26606" s="2"/>
      <c r="C26606" s="2"/>
    </row>
    <row r="26607" spans="1:3" ht="19.2">
      <c r="A26607" s="2"/>
      <c r="B26607" s="2"/>
      <c r="C26607" s="2"/>
    </row>
    <row r="26608" spans="1:3" ht="19.2">
      <c r="A26608" s="2"/>
      <c r="B26608" s="2"/>
      <c r="C26608" s="2"/>
    </row>
    <row r="26609" spans="1:3" ht="19.2">
      <c r="A26609" s="2"/>
      <c r="B26609" s="2"/>
      <c r="C26609" s="2"/>
    </row>
    <row r="26610" spans="1:3" ht="19.2">
      <c r="A26610" s="2"/>
      <c r="B26610" s="2"/>
      <c r="C26610" s="2"/>
    </row>
    <row r="26611" spans="1:3" ht="19.2">
      <c r="A26611" s="2"/>
      <c r="B26611" s="2"/>
      <c r="C26611" s="2"/>
    </row>
    <row r="26612" spans="1:3" ht="19.2">
      <c r="A26612" s="2"/>
      <c r="B26612" s="2"/>
      <c r="C26612" s="2"/>
    </row>
    <row r="26613" spans="1:3" ht="19.2">
      <c r="A26613" s="2"/>
      <c r="B26613" s="2"/>
      <c r="C26613" s="2"/>
    </row>
    <row r="26614" spans="1:3" ht="19.2">
      <c r="A26614" s="2"/>
      <c r="B26614" s="2"/>
      <c r="C26614" s="2"/>
    </row>
    <row r="26615" spans="1:3" ht="19.2">
      <c r="A26615" s="2"/>
      <c r="B26615" s="2"/>
      <c r="C26615" s="2"/>
    </row>
    <row r="26616" spans="1:3" ht="19.2">
      <c r="A26616" s="2"/>
      <c r="B26616" s="2"/>
      <c r="C26616" s="2"/>
    </row>
    <row r="26617" spans="1:3" ht="19.2">
      <c r="A26617" s="2"/>
      <c r="B26617" s="2"/>
      <c r="C26617" s="2"/>
    </row>
    <row r="26618" spans="1:3" ht="19.2">
      <c r="A26618" s="2"/>
      <c r="B26618" s="2"/>
      <c r="C26618" s="2"/>
    </row>
    <row r="26619" spans="1:3" ht="19.2">
      <c r="A26619" s="2"/>
      <c r="B26619" s="2"/>
      <c r="C26619" s="2"/>
    </row>
    <row r="26620" spans="1:3" ht="19.2">
      <c r="A26620" s="2"/>
      <c r="B26620" s="2"/>
      <c r="C26620" s="2"/>
    </row>
    <row r="26621" spans="1:3" ht="19.2">
      <c r="A26621" s="2"/>
      <c r="B26621" s="2"/>
      <c r="C26621" s="2"/>
    </row>
    <row r="26622" spans="1:3" ht="19.2">
      <c r="A26622" s="2"/>
      <c r="B26622" s="2"/>
      <c r="C26622" s="2"/>
    </row>
    <row r="26623" spans="1:3" ht="19.2">
      <c r="A26623" s="2"/>
      <c r="B26623" s="2"/>
      <c r="C26623" s="2"/>
    </row>
    <row r="26624" spans="1:3" ht="19.2">
      <c r="A26624" s="2"/>
      <c r="B26624" s="2"/>
      <c r="C26624" s="2"/>
    </row>
    <row r="26625" spans="1:3" ht="19.2">
      <c r="A26625" s="2"/>
      <c r="B26625" s="2"/>
      <c r="C26625" s="2"/>
    </row>
    <row r="26626" spans="1:3" ht="19.2">
      <c r="A26626" s="2"/>
      <c r="B26626" s="2"/>
      <c r="C26626" s="2"/>
    </row>
    <row r="26627" spans="1:3" ht="19.2">
      <c r="A26627" s="2"/>
      <c r="B26627" s="2"/>
      <c r="C26627" s="2"/>
    </row>
    <row r="26628" spans="1:3" ht="19.2">
      <c r="A26628" s="2"/>
      <c r="B26628" s="2"/>
      <c r="C26628" s="2"/>
    </row>
    <row r="26629" spans="1:3" ht="19.2">
      <c r="A26629" s="2"/>
      <c r="B26629" s="2"/>
      <c r="C26629" s="2"/>
    </row>
    <row r="26630" spans="1:3" ht="19.2">
      <c r="A26630" s="2"/>
      <c r="B26630" s="2"/>
      <c r="C26630" s="2"/>
    </row>
    <row r="26631" spans="1:3" ht="19.2">
      <c r="A26631" s="2"/>
      <c r="B26631" s="2"/>
      <c r="C26631" s="2"/>
    </row>
    <row r="26632" spans="1:3" ht="19.2">
      <c r="A26632" s="2"/>
      <c r="B26632" s="2"/>
      <c r="C26632" s="2"/>
    </row>
    <row r="26633" spans="1:3" ht="19.2">
      <c r="A26633" s="2"/>
      <c r="B26633" s="2"/>
      <c r="C26633" s="2"/>
    </row>
    <row r="26634" spans="1:3" ht="19.2">
      <c r="A26634" s="2"/>
      <c r="B26634" s="2"/>
      <c r="C26634" s="2"/>
    </row>
    <row r="26635" spans="1:3" ht="19.2">
      <c r="A26635" s="2"/>
      <c r="B26635" s="2"/>
      <c r="C26635" s="2"/>
    </row>
    <row r="26636" spans="1:3" ht="19.2">
      <c r="A26636" s="2"/>
      <c r="B26636" s="2"/>
      <c r="C26636" s="2"/>
    </row>
    <row r="26637" spans="1:3" ht="19.2">
      <c r="A26637" s="2"/>
      <c r="B26637" s="2"/>
      <c r="C26637" s="2"/>
    </row>
    <row r="26638" spans="1:3" ht="19.2">
      <c r="A26638" s="2"/>
      <c r="B26638" s="2"/>
      <c r="C26638" s="2"/>
    </row>
    <row r="26639" spans="1:3" ht="19.2">
      <c r="A26639" s="2"/>
      <c r="B26639" s="2"/>
      <c r="C26639" s="2"/>
    </row>
    <row r="26640" spans="1:3" ht="19.2">
      <c r="A26640" s="2"/>
      <c r="B26640" s="2"/>
      <c r="C26640" s="2"/>
    </row>
    <row r="26641" spans="1:3" ht="19.2">
      <c r="A26641" s="2"/>
      <c r="B26641" s="2"/>
      <c r="C26641" s="2"/>
    </row>
    <row r="26642" spans="1:3" ht="19.2">
      <c r="A26642" s="2"/>
      <c r="B26642" s="2"/>
      <c r="C26642" s="2"/>
    </row>
    <row r="26643" spans="1:3" ht="19.2">
      <c r="A26643" s="2"/>
      <c r="B26643" s="2"/>
      <c r="C26643" s="2"/>
    </row>
    <row r="26644" spans="1:3" ht="19.2">
      <c r="A26644" s="2"/>
      <c r="B26644" s="2"/>
      <c r="C26644" s="2"/>
    </row>
    <row r="26645" spans="1:3" ht="19.2">
      <c r="A26645" s="2"/>
      <c r="B26645" s="2"/>
      <c r="C26645" s="2"/>
    </row>
    <row r="26646" spans="1:3" ht="19.2">
      <c r="A26646" s="2"/>
      <c r="B26646" s="2"/>
      <c r="C26646" s="2"/>
    </row>
    <row r="26647" spans="1:3" ht="19.2">
      <c r="A26647" s="2"/>
      <c r="B26647" s="2"/>
      <c r="C26647" s="2"/>
    </row>
    <row r="26648" spans="1:3" ht="19.2">
      <c r="A26648" s="2"/>
      <c r="B26648" s="2"/>
      <c r="C26648" s="2"/>
    </row>
    <row r="26649" spans="1:3" ht="19.2">
      <c r="A26649" s="2"/>
      <c r="B26649" s="2"/>
      <c r="C26649" s="2"/>
    </row>
    <row r="26650" spans="1:3" ht="19.2">
      <c r="A26650" s="2"/>
      <c r="B26650" s="2"/>
      <c r="C26650" s="2"/>
    </row>
    <row r="26651" spans="1:3" ht="19.2">
      <c r="A26651" s="2"/>
      <c r="B26651" s="2"/>
      <c r="C26651" s="2"/>
    </row>
    <row r="26652" spans="1:3" ht="19.2">
      <c r="A26652" s="2"/>
      <c r="B26652" s="2"/>
      <c r="C26652" s="2"/>
    </row>
    <row r="26653" spans="1:3" ht="19.2">
      <c r="A26653" s="2"/>
      <c r="B26653" s="2"/>
      <c r="C26653" s="2"/>
    </row>
    <row r="26654" spans="1:3" ht="19.2">
      <c r="A26654" s="2"/>
      <c r="B26654" s="2"/>
      <c r="C26654" s="2"/>
    </row>
    <row r="26655" spans="1:3" ht="19.2">
      <c r="A26655" s="2"/>
      <c r="B26655" s="2"/>
      <c r="C26655" s="2"/>
    </row>
    <row r="26656" spans="1:3" ht="19.2">
      <c r="A26656" s="2"/>
      <c r="B26656" s="2"/>
      <c r="C26656" s="2"/>
    </row>
    <row r="26657" spans="1:3" ht="19.2">
      <c r="A26657" s="2"/>
      <c r="B26657" s="2"/>
      <c r="C26657" s="2"/>
    </row>
    <row r="26658" spans="1:3" ht="19.2">
      <c r="A26658" s="2"/>
      <c r="B26658" s="2"/>
      <c r="C26658" s="2"/>
    </row>
    <row r="26659" spans="1:3" ht="19.2">
      <c r="A26659" s="2"/>
      <c r="B26659" s="2"/>
      <c r="C26659" s="2"/>
    </row>
    <row r="26660" spans="1:3" ht="19.2">
      <c r="A26660" s="2"/>
      <c r="B26660" s="2"/>
      <c r="C26660" s="2"/>
    </row>
    <row r="26661" spans="1:3" ht="19.2">
      <c r="A26661" s="2"/>
      <c r="B26661" s="2"/>
      <c r="C26661" s="2"/>
    </row>
    <row r="26662" spans="1:3" ht="19.2">
      <c r="A26662" s="2"/>
      <c r="B26662" s="2"/>
      <c r="C26662" s="2"/>
    </row>
    <row r="26663" spans="1:3" ht="19.2">
      <c r="A26663" s="2"/>
      <c r="B26663" s="2"/>
      <c r="C26663" s="2"/>
    </row>
    <row r="26664" spans="1:3" ht="19.2">
      <c r="A26664" s="2"/>
      <c r="B26664" s="2"/>
      <c r="C26664" s="2"/>
    </row>
    <row r="26665" spans="1:3" ht="19.2">
      <c r="A26665" s="2"/>
      <c r="B26665" s="2"/>
      <c r="C26665" s="2"/>
    </row>
    <row r="26666" spans="1:3" ht="19.2">
      <c r="A26666" s="2"/>
      <c r="B26666" s="2"/>
      <c r="C26666" s="2"/>
    </row>
    <row r="26667" spans="1:3" ht="19.2">
      <c r="A26667" s="2"/>
      <c r="B26667" s="2"/>
      <c r="C26667" s="2"/>
    </row>
    <row r="26668" spans="1:3" ht="19.2">
      <c r="A26668" s="2"/>
      <c r="B26668" s="2"/>
      <c r="C26668" s="2"/>
    </row>
    <row r="26669" spans="1:3" ht="19.2">
      <c r="A26669" s="2"/>
      <c r="B26669" s="2"/>
      <c r="C26669" s="2"/>
    </row>
    <row r="26670" spans="1:3" ht="19.2">
      <c r="A26670" s="2"/>
      <c r="B26670" s="2"/>
      <c r="C26670" s="2"/>
    </row>
    <row r="26671" spans="1:3" ht="19.2">
      <c r="A26671" s="2"/>
      <c r="B26671" s="2"/>
      <c r="C26671" s="2"/>
    </row>
    <row r="26672" spans="1:3" ht="19.2">
      <c r="A26672" s="2"/>
      <c r="B26672" s="2"/>
      <c r="C26672" s="2"/>
    </row>
    <row r="26673" spans="1:3" ht="19.2">
      <c r="A26673" s="2"/>
      <c r="B26673" s="2"/>
      <c r="C26673" s="2"/>
    </row>
    <row r="26674" spans="1:3" ht="19.2">
      <c r="A26674" s="2"/>
      <c r="B26674" s="2"/>
      <c r="C26674" s="2"/>
    </row>
    <row r="26675" spans="1:3" ht="19.2">
      <c r="A26675" s="2"/>
      <c r="B26675" s="2"/>
      <c r="C26675" s="2"/>
    </row>
    <row r="26676" spans="1:3" ht="19.2">
      <c r="A26676" s="2"/>
      <c r="B26676" s="2"/>
      <c r="C26676" s="2"/>
    </row>
    <row r="26677" spans="1:3" ht="19.2">
      <c r="A26677" s="2"/>
      <c r="B26677" s="2"/>
      <c r="C26677" s="2"/>
    </row>
    <row r="26678" spans="1:3" ht="19.2">
      <c r="A26678" s="2"/>
      <c r="B26678" s="2"/>
      <c r="C26678" s="2"/>
    </row>
    <row r="26679" spans="1:3" ht="19.2">
      <c r="A26679" s="2"/>
      <c r="B26679" s="2"/>
      <c r="C26679" s="2"/>
    </row>
    <row r="26680" spans="1:3" ht="19.2">
      <c r="A26680" s="2"/>
      <c r="B26680" s="2"/>
      <c r="C26680" s="2"/>
    </row>
    <row r="26681" spans="1:3" ht="19.2">
      <c r="A26681" s="2"/>
      <c r="B26681" s="2"/>
      <c r="C26681" s="2"/>
    </row>
    <row r="26682" spans="1:3" ht="19.2">
      <c r="A26682" s="2"/>
      <c r="B26682" s="2"/>
      <c r="C26682" s="2"/>
    </row>
    <row r="26683" spans="1:3" ht="19.2">
      <c r="A26683" s="2"/>
      <c r="B26683" s="2"/>
      <c r="C26683" s="2"/>
    </row>
    <row r="26684" spans="1:3" ht="19.2">
      <c r="A26684" s="2"/>
      <c r="B26684" s="2"/>
      <c r="C26684" s="2"/>
    </row>
    <row r="26685" spans="1:3" ht="19.2">
      <c r="A26685" s="2"/>
      <c r="B26685" s="2"/>
      <c r="C26685" s="2"/>
    </row>
    <row r="26686" spans="1:3" ht="19.2">
      <c r="A26686" s="2"/>
      <c r="B26686" s="2"/>
      <c r="C26686" s="2"/>
    </row>
    <row r="26687" spans="1:3" ht="19.2">
      <c r="A26687" s="2"/>
      <c r="B26687" s="2"/>
      <c r="C26687" s="2"/>
    </row>
    <row r="26688" spans="1:3" ht="19.2">
      <c r="A26688" s="2"/>
      <c r="B26688" s="2"/>
      <c r="C26688" s="2"/>
    </row>
    <row r="26689" spans="1:3" ht="19.2">
      <c r="A26689" s="2"/>
      <c r="B26689" s="2"/>
      <c r="C26689" s="2"/>
    </row>
    <row r="26690" spans="1:3" ht="19.2">
      <c r="A26690" s="2"/>
      <c r="B26690" s="2"/>
      <c r="C26690" s="2"/>
    </row>
    <row r="26691" spans="1:3" ht="19.2">
      <c r="A26691" s="2"/>
      <c r="B26691" s="2"/>
      <c r="C26691" s="2"/>
    </row>
    <row r="26692" spans="1:3" ht="19.2">
      <c r="A26692" s="2"/>
      <c r="B26692" s="2"/>
      <c r="C26692" s="2"/>
    </row>
    <row r="26693" spans="1:3" ht="19.2">
      <c r="A26693" s="2"/>
      <c r="B26693" s="2"/>
      <c r="C26693" s="2"/>
    </row>
    <row r="26694" spans="1:3" ht="19.2">
      <c r="A26694" s="2"/>
      <c r="B26694" s="2"/>
      <c r="C26694" s="2"/>
    </row>
    <row r="26695" spans="1:3" ht="19.2">
      <c r="A26695" s="2"/>
      <c r="B26695" s="2"/>
      <c r="C26695" s="2"/>
    </row>
    <row r="26696" spans="1:3" ht="19.2">
      <c r="A26696" s="2"/>
      <c r="B26696" s="2"/>
      <c r="C26696" s="2"/>
    </row>
    <row r="26697" spans="1:3" ht="19.2">
      <c r="A26697" s="2"/>
      <c r="B26697" s="2"/>
      <c r="C26697" s="2"/>
    </row>
    <row r="26698" spans="1:3" ht="19.2">
      <c r="A26698" s="2"/>
      <c r="B26698" s="2"/>
      <c r="C26698" s="2"/>
    </row>
    <row r="26699" spans="1:3" ht="19.2">
      <c r="A26699" s="2"/>
      <c r="B26699" s="2"/>
      <c r="C26699" s="2"/>
    </row>
    <row r="26700" spans="1:3" ht="19.2">
      <c r="A26700" s="2"/>
      <c r="B26700" s="2"/>
      <c r="C26700" s="2"/>
    </row>
    <row r="26701" spans="1:3" ht="19.2">
      <c r="A26701" s="2"/>
      <c r="B26701" s="2"/>
      <c r="C26701" s="2"/>
    </row>
    <row r="26702" spans="1:3" ht="19.2">
      <c r="A26702" s="2"/>
      <c r="B26702" s="2"/>
      <c r="C26702" s="2"/>
    </row>
    <row r="26703" spans="1:3" ht="19.2">
      <c r="A26703" s="2"/>
      <c r="B26703" s="2"/>
      <c r="C26703" s="2"/>
    </row>
    <row r="26704" spans="1:3" ht="19.2">
      <c r="A26704" s="2"/>
      <c r="B26704" s="2"/>
      <c r="C26704" s="2"/>
    </row>
    <row r="26705" spans="1:3" ht="19.2">
      <c r="A26705" s="2"/>
      <c r="B26705" s="2"/>
      <c r="C26705" s="2"/>
    </row>
    <row r="26706" spans="1:3" ht="19.2">
      <c r="A26706" s="2"/>
      <c r="B26706" s="2"/>
      <c r="C26706" s="2"/>
    </row>
    <row r="26707" spans="1:3" ht="19.2">
      <c r="A26707" s="2"/>
      <c r="B26707" s="2"/>
      <c r="C26707" s="2"/>
    </row>
    <row r="26708" spans="1:3" ht="19.2">
      <c r="A26708" s="2"/>
      <c r="B26708" s="2"/>
      <c r="C26708" s="2"/>
    </row>
    <row r="26709" spans="1:3" ht="19.2">
      <c r="A26709" s="2"/>
      <c r="B26709" s="2"/>
      <c r="C26709" s="2"/>
    </row>
    <row r="26710" spans="1:3" ht="19.2">
      <c r="A26710" s="2"/>
      <c r="B26710" s="2"/>
      <c r="C26710" s="2"/>
    </row>
    <row r="26711" spans="1:3" ht="19.2">
      <c r="A26711" s="2"/>
      <c r="B26711" s="2"/>
      <c r="C26711" s="2"/>
    </row>
    <row r="26712" spans="1:3" ht="19.2">
      <c r="A26712" s="2"/>
      <c r="B26712" s="2"/>
      <c r="C26712" s="2"/>
    </row>
    <row r="26713" spans="1:3" ht="19.2">
      <c r="A26713" s="2"/>
      <c r="B26713" s="2"/>
      <c r="C26713" s="2"/>
    </row>
    <row r="26714" spans="1:3" ht="19.2">
      <c r="A26714" s="2"/>
      <c r="B26714" s="2"/>
      <c r="C26714" s="2"/>
    </row>
    <row r="26715" spans="1:3" ht="19.2">
      <c r="A26715" s="2"/>
      <c r="B26715" s="2"/>
      <c r="C26715" s="2"/>
    </row>
    <row r="26716" spans="1:3" ht="19.2">
      <c r="A26716" s="2"/>
      <c r="B26716" s="2"/>
      <c r="C26716" s="2"/>
    </row>
    <row r="26717" spans="1:3" ht="19.2">
      <c r="A26717" s="2"/>
      <c r="B26717" s="2"/>
      <c r="C26717" s="2"/>
    </row>
    <row r="26718" spans="1:3" ht="19.2">
      <c r="A26718" s="2"/>
      <c r="B26718" s="2"/>
      <c r="C26718" s="2"/>
    </row>
    <row r="26719" spans="1:3" ht="19.2">
      <c r="A26719" s="2"/>
      <c r="B26719" s="2"/>
      <c r="C26719" s="2"/>
    </row>
    <row r="26720" spans="1:3" ht="19.2">
      <c r="A26720" s="2"/>
      <c r="B26720" s="2"/>
      <c r="C26720" s="2"/>
    </row>
    <row r="26721" spans="1:3" ht="19.2">
      <c r="A26721" s="2"/>
      <c r="B26721" s="2"/>
      <c r="C26721" s="2"/>
    </row>
    <row r="26722" spans="1:3" ht="19.2">
      <c r="A26722" s="2"/>
      <c r="B26722" s="2"/>
      <c r="C26722" s="2"/>
    </row>
    <row r="26723" spans="1:3" ht="19.2">
      <c r="A26723" s="2"/>
      <c r="B26723" s="2"/>
      <c r="C26723" s="2"/>
    </row>
    <row r="26724" spans="1:3" ht="19.2">
      <c r="A26724" s="2"/>
      <c r="B26724" s="2"/>
      <c r="C26724" s="2"/>
    </row>
    <row r="26725" spans="1:3" ht="19.2">
      <c r="A26725" s="2"/>
      <c r="B26725" s="2"/>
      <c r="C26725" s="2"/>
    </row>
    <row r="26726" spans="1:3" ht="19.2">
      <c r="A26726" s="2"/>
      <c r="B26726" s="2"/>
      <c r="C26726" s="2"/>
    </row>
    <row r="26727" spans="1:3" ht="19.2">
      <c r="A26727" s="2"/>
      <c r="B26727" s="2"/>
      <c r="C26727" s="2"/>
    </row>
    <row r="26728" spans="1:3" ht="19.2">
      <c r="A26728" s="2"/>
      <c r="B26728" s="2"/>
      <c r="C26728" s="2"/>
    </row>
    <row r="26729" spans="1:3" ht="19.2">
      <c r="A26729" s="2"/>
      <c r="B26729" s="2"/>
      <c r="C26729" s="2"/>
    </row>
    <row r="26730" spans="1:3" ht="19.2">
      <c r="A26730" s="2"/>
      <c r="B26730" s="2"/>
      <c r="C26730" s="2"/>
    </row>
    <row r="26731" spans="1:3" ht="19.2">
      <c r="A26731" s="2"/>
      <c r="B26731" s="2"/>
      <c r="C26731" s="2"/>
    </row>
    <row r="26732" spans="1:3" ht="19.2">
      <c r="A26732" s="2"/>
      <c r="B26732" s="2"/>
      <c r="C26732" s="2"/>
    </row>
    <row r="26733" spans="1:3" ht="19.2">
      <c r="A26733" s="2"/>
      <c r="B26733" s="2"/>
      <c r="C26733" s="2"/>
    </row>
    <row r="26734" spans="1:3" ht="19.2">
      <c r="A26734" s="2"/>
      <c r="B26734" s="2"/>
      <c r="C26734" s="2"/>
    </row>
    <row r="26735" spans="1:3" ht="19.2">
      <c r="A26735" s="2"/>
      <c r="B26735" s="2"/>
      <c r="C26735" s="2"/>
    </row>
    <row r="26736" spans="1:3" ht="19.2">
      <c r="A26736" s="2"/>
      <c r="B26736" s="2"/>
      <c r="C26736" s="2"/>
    </row>
    <row r="26737" spans="1:3" ht="19.2">
      <c r="A26737" s="2"/>
      <c r="B26737" s="2"/>
      <c r="C26737" s="2"/>
    </row>
    <row r="26738" spans="1:3" ht="19.2">
      <c r="A26738" s="2"/>
      <c r="B26738" s="2"/>
      <c r="C26738" s="2"/>
    </row>
    <row r="26739" spans="1:3" ht="19.2">
      <c r="A26739" s="2"/>
      <c r="B26739" s="2"/>
      <c r="C26739" s="2"/>
    </row>
    <row r="26740" spans="1:3" ht="19.2">
      <c r="A26740" s="2"/>
      <c r="B26740" s="2"/>
      <c r="C26740" s="2"/>
    </row>
    <row r="26741" spans="1:3" ht="19.2">
      <c r="A26741" s="2"/>
      <c r="B26741" s="2"/>
      <c r="C26741" s="2"/>
    </row>
    <row r="26742" spans="1:3" ht="19.2">
      <c r="A26742" s="2"/>
      <c r="B26742" s="2"/>
      <c r="C26742" s="2"/>
    </row>
    <row r="26743" spans="1:3" ht="19.2">
      <c r="A26743" s="2"/>
      <c r="B26743" s="2"/>
      <c r="C26743" s="2"/>
    </row>
    <row r="26744" spans="1:3" ht="19.2">
      <c r="A26744" s="2"/>
      <c r="B26744" s="2"/>
      <c r="C26744" s="2"/>
    </row>
    <row r="26745" spans="1:3" ht="19.2">
      <c r="A26745" s="2"/>
      <c r="B26745" s="2"/>
      <c r="C26745" s="2"/>
    </row>
    <row r="26746" spans="1:3" ht="19.2">
      <c r="A26746" s="2"/>
      <c r="B26746" s="2"/>
      <c r="C26746" s="2"/>
    </row>
    <row r="26747" spans="1:3" ht="19.2">
      <c r="A26747" s="2"/>
      <c r="B26747" s="2"/>
      <c r="C26747" s="2"/>
    </row>
    <row r="26748" spans="1:3" ht="19.2">
      <c r="A26748" s="2"/>
      <c r="B26748" s="2"/>
      <c r="C26748" s="2"/>
    </row>
    <row r="26749" spans="1:3" ht="19.2">
      <c r="A26749" s="2"/>
      <c r="B26749" s="2"/>
      <c r="C26749" s="2"/>
    </row>
    <row r="26750" spans="1:3" ht="19.2">
      <c r="A26750" s="2"/>
      <c r="B26750" s="2"/>
      <c r="C26750" s="2"/>
    </row>
    <row r="26751" spans="1:3" ht="19.2">
      <c r="A26751" s="2"/>
      <c r="B26751" s="2"/>
      <c r="C26751" s="2"/>
    </row>
    <row r="26752" spans="1:3" ht="19.2">
      <c r="A26752" s="2"/>
      <c r="B26752" s="2"/>
      <c r="C26752" s="2"/>
    </row>
    <row r="26753" spans="1:3" ht="19.2">
      <c r="A26753" s="2"/>
      <c r="B26753" s="2"/>
      <c r="C26753" s="2"/>
    </row>
    <row r="26754" spans="1:3" ht="19.2">
      <c r="A26754" s="2"/>
      <c r="B26754" s="2"/>
      <c r="C26754" s="2"/>
    </row>
    <row r="26755" spans="1:3" ht="19.2">
      <c r="A26755" s="2"/>
      <c r="B26755" s="2"/>
      <c r="C26755" s="2"/>
    </row>
    <row r="26756" spans="1:3" ht="19.2">
      <c r="A26756" s="2"/>
      <c r="B26756" s="2"/>
      <c r="C26756" s="2"/>
    </row>
    <row r="26757" spans="1:3" ht="19.2">
      <c r="A26757" s="2"/>
      <c r="B26757" s="2"/>
      <c r="C26757" s="2"/>
    </row>
    <row r="26758" spans="1:3" ht="19.2">
      <c r="A26758" s="2"/>
      <c r="B26758" s="2"/>
      <c r="C26758" s="2"/>
    </row>
    <row r="26759" spans="1:3" ht="19.2">
      <c r="A26759" s="2"/>
      <c r="B26759" s="2"/>
      <c r="C26759" s="2"/>
    </row>
    <row r="26760" spans="1:3" ht="19.2">
      <c r="A26760" s="2"/>
      <c r="B26760" s="2"/>
      <c r="C26760" s="2"/>
    </row>
    <row r="26761" spans="1:3" ht="19.2">
      <c r="A26761" s="2"/>
      <c r="B26761" s="2"/>
      <c r="C26761" s="2"/>
    </row>
    <row r="26762" spans="1:3" ht="19.2">
      <c r="A26762" s="2"/>
      <c r="B26762" s="2"/>
      <c r="C26762" s="2"/>
    </row>
    <row r="26763" spans="1:3" ht="19.2">
      <c r="A26763" s="2"/>
      <c r="B26763" s="2"/>
      <c r="C26763" s="2"/>
    </row>
    <row r="26764" spans="1:3" ht="19.2">
      <c r="A26764" s="2"/>
      <c r="B26764" s="2"/>
      <c r="C26764" s="2"/>
    </row>
    <row r="26765" spans="1:3" ht="19.2">
      <c r="A26765" s="2"/>
      <c r="B26765" s="2"/>
      <c r="C26765" s="2"/>
    </row>
    <row r="26766" spans="1:3" ht="19.2">
      <c r="A26766" s="2"/>
      <c r="B26766" s="2"/>
      <c r="C26766" s="2"/>
    </row>
    <row r="26767" spans="1:3" ht="19.2">
      <c r="A26767" s="2"/>
      <c r="B26767" s="2"/>
      <c r="C26767" s="2"/>
    </row>
    <row r="26768" spans="1:3" ht="19.2">
      <c r="A26768" s="2"/>
      <c r="B26768" s="2"/>
      <c r="C26768" s="2"/>
    </row>
    <row r="26769" spans="1:3" ht="19.2">
      <c r="A26769" s="2"/>
      <c r="B26769" s="2"/>
      <c r="C26769" s="2"/>
    </row>
    <row r="26770" spans="1:3" ht="19.2">
      <c r="A26770" s="2"/>
      <c r="B26770" s="2"/>
      <c r="C26770" s="2"/>
    </row>
    <row r="26771" spans="1:3" ht="19.2">
      <c r="A26771" s="2"/>
      <c r="B26771" s="2"/>
      <c r="C26771" s="2"/>
    </row>
    <row r="26772" spans="1:3" ht="19.2">
      <c r="A26772" s="2"/>
      <c r="B26772" s="2"/>
      <c r="C26772" s="2"/>
    </row>
    <row r="26773" spans="1:3" ht="19.2">
      <c r="A26773" s="2"/>
      <c r="B26773" s="2"/>
      <c r="C26773" s="2"/>
    </row>
    <row r="26774" spans="1:3" ht="19.2">
      <c r="A26774" s="2"/>
      <c r="B26774" s="2"/>
      <c r="C26774" s="2"/>
    </row>
    <row r="26775" spans="1:3" ht="19.2">
      <c r="A26775" s="2"/>
      <c r="B26775" s="2"/>
      <c r="C26775" s="2"/>
    </row>
    <row r="26776" spans="1:3" ht="19.2">
      <c r="A26776" s="2"/>
      <c r="B26776" s="2"/>
      <c r="C26776" s="2"/>
    </row>
    <row r="26777" spans="1:3" ht="19.2">
      <c r="A26777" s="2"/>
      <c r="B26777" s="2"/>
      <c r="C26777" s="2"/>
    </row>
    <row r="26778" spans="1:3" ht="19.2">
      <c r="A26778" s="2"/>
      <c r="B26778" s="2"/>
      <c r="C26778" s="2"/>
    </row>
    <row r="26779" spans="1:3" ht="19.2">
      <c r="A26779" s="2"/>
      <c r="B26779" s="2"/>
      <c r="C26779" s="2"/>
    </row>
    <row r="26780" spans="1:3" ht="19.2">
      <c r="A26780" s="2"/>
      <c r="B26780" s="2"/>
      <c r="C26780" s="2"/>
    </row>
    <row r="26781" spans="1:3" ht="19.2">
      <c r="A26781" s="2"/>
      <c r="B26781" s="2"/>
      <c r="C26781" s="2"/>
    </row>
    <row r="26782" spans="1:3" ht="19.2">
      <c r="A26782" s="2"/>
      <c r="B26782" s="2"/>
      <c r="C26782" s="2"/>
    </row>
    <row r="26783" spans="1:3" ht="19.2">
      <c r="A26783" s="2"/>
      <c r="B26783" s="2"/>
      <c r="C26783" s="2"/>
    </row>
    <row r="26784" spans="1:3" ht="19.2">
      <c r="A26784" s="2"/>
      <c r="B26784" s="2"/>
      <c r="C26784" s="2"/>
    </row>
    <row r="26785" spans="1:3" ht="19.2">
      <c r="A26785" s="2"/>
      <c r="B26785" s="2"/>
      <c r="C26785" s="2"/>
    </row>
    <row r="26786" spans="1:3" ht="19.2">
      <c r="A26786" s="2"/>
      <c r="B26786" s="2"/>
      <c r="C26786" s="2"/>
    </row>
    <row r="26787" spans="1:3" ht="19.2">
      <c r="A26787" s="2"/>
      <c r="B26787" s="2"/>
      <c r="C26787" s="2"/>
    </row>
    <row r="26788" spans="1:3" ht="19.2">
      <c r="A26788" s="2"/>
      <c r="B26788" s="2"/>
      <c r="C26788" s="2"/>
    </row>
    <row r="26789" spans="1:3" ht="19.2">
      <c r="A26789" s="2"/>
      <c r="B26789" s="2"/>
      <c r="C26789" s="2"/>
    </row>
    <row r="26790" spans="1:3" ht="19.2">
      <c r="A26790" s="2"/>
      <c r="B26790" s="2"/>
      <c r="C26790" s="2"/>
    </row>
    <row r="26791" spans="1:3" ht="19.2">
      <c r="A26791" s="2"/>
      <c r="B26791" s="2"/>
      <c r="C26791" s="2"/>
    </row>
    <row r="26792" spans="1:3" ht="19.2">
      <c r="A26792" s="2"/>
      <c r="B26792" s="2"/>
      <c r="C26792" s="2"/>
    </row>
    <row r="26793" spans="1:3" ht="19.2">
      <c r="A26793" s="2"/>
      <c r="B26793" s="2"/>
      <c r="C26793" s="2"/>
    </row>
    <row r="26794" spans="1:3" ht="19.2">
      <c r="A26794" s="2"/>
      <c r="B26794" s="2"/>
      <c r="C26794" s="2"/>
    </row>
    <row r="26795" spans="1:3" ht="19.2">
      <c r="A26795" s="2"/>
      <c r="B26795" s="2"/>
      <c r="C26795" s="2"/>
    </row>
    <row r="26796" spans="1:3" ht="19.2">
      <c r="A26796" s="2"/>
      <c r="B26796" s="2"/>
      <c r="C26796" s="2"/>
    </row>
    <row r="26797" spans="1:3" ht="19.2">
      <c r="A26797" s="2"/>
      <c r="B26797" s="2"/>
      <c r="C26797" s="2"/>
    </row>
    <row r="26798" spans="1:3" ht="19.2">
      <c r="A26798" s="2"/>
      <c r="B26798" s="2"/>
      <c r="C26798" s="2"/>
    </row>
    <row r="26799" spans="1:3" ht="19.2">
      <c r="A26799" s="2"/>
      <c r="B26799" s="2"/>
      <c r="C26799" s="2"/>
    </row>
    <row r="26800" spans="1:3" ht="19.2">
      <c r="A26800" s="2"/>
      <c r="B26800" s="2"/>
      <c r="C26800" s="2"/>
    </row>
    <row r="26801" spans="1:3" ht="19.2">
      <c r="A26801" s="2"/>
      <c r="B26801" s="2"/>
      <c r="C26801" s="2"/>
    </row>
    <row r="26802" spans="1:3" ht="19.2">
      <c r="A26802" s="2"/>
      <c r="B26802" s="2"/>
      <c r="C26802" s="2"/>
    </row>
    <row r="26803" spans="1:3" ht="19.2">
      <c r="A26803" s="2"/>
      <c r="B26803" s="2"/>
      <c r="C26803" s="2"/>
    </row>
    <row r="26804" spans="1:3" ht="19.2">
      <c r="A26804" s="2"/>
      <c r="B26804" s="2"/>
      <c r="C26804" s="2"/>
    </row>
    <row r="26805" spans="1:3" ht="19.2">
      <c r="A26805" s="2"/>
      <c r="B26805" s="2"/>
      <c r="C26805" s="2"/>
    </row>
    <row r="26806" spans="1:3" ht="19.2">
      <c r="A26806" s="2"/>
      <c r="B26806" s="2"/>
      <c r="C26806" s="2"/>
    </row>
    <row r="26807" spans="1:3" ht="19.2">
      <c r="A26807" s="2"/>
      <c r="B26807" s="2"/>
      <c r="C26807" s="2"/>
    </row>
    <row r="26808" spans="1:3" ht="19.2">
      <c r="A26808" s="2"/>
      <c r="B26808" s="2"/>
      <c r="C26808" s="2"/>
    </row>
    <row r="26809" spans="1:3" ht="19.2">
      <c r="A26809" s="2"/>
      <c r="B26809" s="2"/>
      <c r="C26809" s="2"/>
    </row>
    <row r="26810" spans="1:3" ht="19.2">
      <c r="A26810" s="2"/>
      <c r="B26810" s="2"/>
      <c r="C26810" s="2"/>
    </row>
    <row r="26811" spans="1:3" ht="19.2">
      <c r="A26811" s="2"/>
      <c r="B26811" s="2"/>
      <c r="C26811" s="2"/>
    </row>
    <row r="26812" spans="1:3" ht="19.2">
      <c r="A26812" s="2"/>
      <c r="B26812" s="2"/>
      <c r="C26812" s="2"/>
    </row>
    <row r="26813" spans="1:3" ht="19.2">
      <c r="A26813" s="2"/>
      <c r="B26813" s="2"/>
      <c r="C26813" s="2"/>
    </row>
    <row r="26814" spans="1:3" ht="19.2">
      <c r="A26814" s="2"/>
      <c r="B26814" s="2"/>
      <c r="C26814" s="2"/>
    </row>
    <row r="26815" spans="1:3" ht="19.2">
      <c r="A26815" s="2"/>
      <c r="B26815" s="2"/>
      <c r="C26815" s="2"/>
    </row>
    <row r="26816" spans="1:3" ht="19.2">
      <c r="A26816" s="2"/>
      <c r="B26816" s="2"/>
      <c r="C26816" s="2"/>
    </row>
    <row r="26817" spans="1:3" ht="19.2">
      <c r="A26817" s="2"/>
      <c r="B26817" s="2"/>
      <c r="C26817" s="2"/>
    </row>
    <row r="26818" spans="1:3" ht="19.2">
      <c r="A26818" s="2"/>
      <c r="B26818" s="2"/>
      <c r="C26818" s="2"/>
    </row>
    <row r="26819" spans="1:3" ht="19.2">
      <c r="A26819" s="2"/>
      <c r="B26819" s="2"/>
      <c r="C26819" s="2"/>
    </row>
    <row r="26820" spans="1:3" ht="19.2">
      <c r="A26820" s="2"/>
      <c r="B26820" s="2"/>
      <c r="C26820" s="2"/>
    </row>
    <row r="26821" spans="1:3" ht="19.2">
      <c r="A26821" s="2"/>
      <c r="B26821" s="2"/>
      <c r="C26821" s="2"/>
    </row>
    <row r="26822" spans="1:3" ht="19.2">
      <c r="A26822" s="2"/>
      <c r="B26822" s="2"/>
      <c r="C26822" s="2"/>
    </row>
    <row r="26823" spans="1:3" ht="19.2">
      <c r="A26823" s="2"/>
      <c r="B26823" s="2"/>
      <c r="C26823" s="2"/>
    </row>
    <row r="26824" spans="1:3" ht="19.2">
      <c r="A26824" s="2"/>
      <c r="B26824" s="2"/>
      <c r="C26824" s="2"/>
    </row>
    <row r="26825" spans="1:3" ht="19.2">
      <c r="A26825" s="2"/>
      <c r="B26825" s="2"/>
      <c r="C26825" s="2"/>
    </row>
    <row r="26826" spans="1:3" ht="19.2">
      <c r="A26826" s="2"/>
      <c r="B26826" s="2"/>
      <c r="C26826" s="2"/>
    </row>
    <row r="26827" spans="1:3" ht="19.2">
      <c r="A26827" s="2"/>
      <c r="B26827" s="2"/>
      <c r="C26827" s="2"/>
    </row>
    <row r="26828" spans="1:3" ht="19.2">
      <c r="A26828" s="2"/>
      <c r="B26828" s="2"/>
      <c r="C26828" s="2"/>
    </row>
    <row r="26829" spans="1:3" ht="19.2">
      <c r="A26829" s="2"/>
      <c r="B26829" s="2"/>
      <c r="C26829" s="2"/>
    </row>
    <row r="26830" spans="1:3" ht="19.2">
      <c r="A26830" s="2"/>
      <c r="B26830" s="2"/>
      <c r="C26830" s="2"/>
    </row>
    <row r="26831" spans="1:3" ht="19.2">
      <c r="A26831" s="2"/>
      <c r="B26831" s="2"/>
      <c r="C26831" s="2"/>
    </row>
    <row r="26832" spans="1:3" ht="19.2">
      <c r="A26832" s="2"/>
      <c r="B26832" s="2"/>
      <c r="C26832" s="2"/>
    </row>
    <row r="26833" spans="1:3" ht="19.2">
      <c r="A26833" s="2"/>
      <c r="B26833" s="2"/>
      <c r="C26833" s="2"/>
    </row>
    <row r="26834" spans="1:3" ht="19.2">
      <c r="A26834" s="2"/>
      <c r="B26834" s="2"/>
      <c r="C26834" s="2"/>
    </row>
    <row r="26835" spans="1:3" ht="19.2">
      <c r="A26835" s="2"/>
      <c r="B26835" s="2"/>
      <c r="C26835" s="2"/>
    </row>
    <row r="26836" spans="1:3" ht="19.2">
      <c r="A26836" s="2"/>
      <c r="B26836" s="2"/>
      <c r="C26836" s="2"/>
    </row>
    <row r="26837" spans="1:3" ht="19.2">
      <c r="A26837" s="2"/>
      <c r="B26837" s="2"/>
      <c r="C26837" s="2"/>
    </row>
    <row r="26838" spans="1:3" ht="19.2">
      <c r="A26838" s="2"/>
      <c r="B26838" s="2"/>
      <c r="C26838" s="2"/>
    </row>
    <row r="26839" spans="1:3" ht="19.2">
      <c r="A26839" s="2"/>
      <c r="B26839" s="2"/>
      <c r="C26839" s="2"/>
    </row>
    <row r="26840" spans="1:3" ht="19.2">
      <c r="A26840" s="2"/>
      <c r="B26840" s="2"/>
      <c r="C26840" s="2"/>
    </row>
    <row r="26841" spans="1:3" ht="19.2">
      <c r="A26841" s="2"/>
      <c r="B26841" s="2"/>
      <c r="C26841" s="2"/>
    </row>
    <row r="26842" spans="1:3" ht="19.2">
      <c r="A26842" s="2"/>
      <c r="B26842" s="2"/>
      <c r="C26842" s="2"/>
    </row>
    <row r="26843" spans="1:3" ht="19.2">
      <c r="A26843" s="2"/>
      <c r="B26843" s="2"/>
      <c r="C26843" s="2"/>
    </row>
    <row r="26844" spans="1:3" ht="19.2">
      <c r="A26844" s="2"/>
      <c r="B26844" s="2"/>
      <c r="C26844" s="2"/>
    </row>
    <row r="26845" spans="1:3" ht="19.2">
      <c r="A26845" s="2"/>
      <c r="B26845" s="2"/>
      <c r="C26845" s="2"/>
    </row>
    <row r="26846" spans="1:3" ht="19.2">
      <c r="A26846" s="2"/>
      <c r="B26846" s="2"/>
      <c r="C26846" s="2"/>
    </row>
    <row r="26847" spans="1:3" ht="19.2">
      <c r="A26847" s="2"/>
      <c r="B26847" s="2"/>
      <c r="C26847" s="2"/>
    </row>
    <row r="26848" spans="1:3" ht="19.2">
      <c r="A26848" s="2"/>
      <c r="B26848" s="2"/>
      <c r="C26848" s="2"/>
    </row>
    <row r="26849" spans="1:3" ht="19.2">
      <c r="A26849" s="2"/>
      <c r="B26849" s="2"/>
      <c r="C26849" s="2"/>
    </row>
    <row r="26850" spans="1:3" ht="19.2">
      <c r="A26850" s="2"/>
      <c r="B26850" s="2"/>
      <c r="C26850" s="2"/>
    </row>
    <row r="26851" spans="1:3" ht="19.2">
      <c r="A26851" s="2"/>
      <c r="B26851" s="2"/>
      <c r="C26851" s="2"/>
    </row>
    <row r="26852" spans="1:3" ht="19.2">
      <c r="A26852" s="2"/>
      <c r="B26852" s="2"/>
      <c r="C26852" s="2"/>
    </row>
    <row r="26853" spans="1:3" ht="19.2">
      <c r="A26853" s="2"/>
      <c r="B26853" s="2"/>
      <c r="C26853" s="2"/>
    </row>
    <row r="26854" spans="1:3" ht="19.2">
      <c r="A26854" s="2"/>
      <c r="B26854" s="2"/>
      <c r="C26854" s="2"/>
    </row>
    <row r="26855" spans="1:3" ht="19.2">
      <c r="A26855" s="2"/>
      <c r="B26855" s="2"/>
      <c r="C26855" s="2"/>
    </row>
    <row r="26856" spans="1:3" ht="19.2">
      <c r="A26856" s="2"/>
      <c r="B26856" s="2"/>
      <c r="C26856" s="2"/>
    </row>
    <row r="26857" spans="1:3" ht="19.2">
      <c r="A26857" s="2"/>
      <c r="B26857" s="2"/>
      <c r="C26857" s="2"/>
    </row>
    <row r="26858" spans="1:3" ht="19.2">
      <c r="A26858" s="2"/>
      <c r="B26858" s="2"/>
      <c r="C26858" s="2"/>
    </row>
    <row r="26859" spans="1:3" ht="19.2">
      <c r="A26859" s="2"/>
      <c r="B26859" s="2"/>
      <c r="C26859" s="2"/>
    </row>
    <row r="26860" spans="1:3" ht="19.2">
      <c r="A26860" s="2"/>
      <c r="B26860" s="2"/>
      <c r="C26860" s="2"/>
    </row>
    <row r="26861" spans="1:3" ht="19.2">
      <c r="A26861" s="2"/>
      <c r="B26861" s="2"/>
      <c r="C26861" s="2"/>
    </row>
    <row r="26862" spans="1:3" ht="19.2">
      <c r="A26862" s="2"/>
      <c r="B26862" s="2"/>
      <c r="C26862" s="2"/>
    </row>
    <row r="26863" spans="1:3" ht="19.2">
      <c r="A26863" s="2"/>
      <c r="B26863" s="2"/>
      <c r="C26863" s="2"/>
    </row>
    <row r="26864" spans="1:3" ht="19.2">
      <c r="A26864" s="2"/>
      <c r="B26864" s="2"/>
      <c r="C26864" s="2"/>
    </row>
    <row r="26865" spans="1:3" ht="19.2">
      <c r="A26865" s="2"/>
      <c r="B26865" s="2"/>
      <c r="C26865" s="2"/>
    </row>
    <row r="26866" spans="1:3" ht="19.2">
      <c r="A26866" s="2"/>
      <c r="B26866" s="2"/>
      <c r="C26866" s="2"/>
    </row>
    <row r="26867" spans="1:3" ht="19.2">
      <c r="A26867" s="2"/>
      <c r="B26867" s="2"/>
      <c r="C26867" s="2"/>
    </row>
    <row r="26868" spans="1:3" ht="19.2">
      <c r="A26868" s="2"/>
      <c r="B26868" s="2"/>
      <c r="C26868" s="2"/>
    </row>
    <row r="26869" spans="1:3" ht="19.2">
      <c r="A26869" s="2"/>
      <c r="B26869" s="2"/>
      <c r="C26869" s="2"/>
    </row>
    <row r="26870" spans="1:3" ht="19.2">
      <c r="A26870" s="2"/>
      <c r="B26870" s="2"/>
      <c r="C26870" s="2"/>
    </row>
    <row r="26871" spans="1:3" ht="19.2">
      <c r="A26871" s="2"/>
      <c r="B26871" s="2"/>
      <c r="C26871" s="2"/>
    </row>
    <row r="26872" spans="1:3" ht="19.2">
      <c r="A26872" s="2"/>
      <c r="B26872" s="2"/>
      <c r="C26872" s="2"/>
    </row>
    <row r="26873" spans="1:3" ht="19.2">
      <c r="A26873" s="2"/>
      <c r="B26873" s="2"/>
      <c r="C26873" s="2"/>
    </row>
    <row r="26874" spans="1:3" ht="19.2">
      <c r="A26874" s="2"/>
      <c r="B26874" s="2"/>
      <c r="C26874" s="2"/>
    </row>
    <row r="26875" spans="1:3" ht="19.2">
      <c r="A26875" s="2"/>
      <c r="B26875" s="2"/>
      <c r="C26875" s="2"/>
    </row>
    <row r="26876" spans="1:3" ht="19.2">
      <c r="A26876" s="2"/>
      <c r="B26876" s="2"/>
      <c r="C26876" s="2"/>
    </row>
    <row r="26877" spans="1:3" ht="19.2">
      <c r="A26877" s="2"/>
      <c r="B26877" s="2"/>
      <c r="C26877" s="2"/>
    </row>
    <row r="26878" spans="1:3" ht="19.2">
      <c r="A26878" s="2"/>
      <c r="B26878" s="2"/>
      <c r="C26878" s="2"/>
    </row>
    <row r="26879" spans="1:3" ht="19.2">
      <c r="A26879" s="2"/>
      <c r="B26879" s="2"/>
      <c r="C26879" s="2"/>
    </row>
    <row r="26880" spans="1:3" ht="19.2">
      <c r="A26880" s="2"/>
      <c r="B26880" s="2"/>
      <c r="C26880" s="2"/>
    </row>
    <row r="26881" spans="1:3" ht="19.2">
      <c r="A26881" s="2"/>
      <c r="B26881" s="2"/>
      <c r="C26881" s="2"/>
    </row>
    <row r="26882" spans="1:3" ht="19.2">
      <c r="A26882" s="2"/>
      <c r="B26882" s="2"/>
      <c r="C26882" s="2"/>
    </row>
    <row r="26883" spans="1:3" ht="19.2">
      <c r="A26883" s="2"/>
      <c r="B26883" s="2"/>
      <c r="C26883" s="2"/>
    </row>
    <row r="26884" spans="1:3" ht="19.2">
      <c r="A26884" s="2"/>
      <c r="B26884" s="2"/>
      <c r="C26884" s="2"/>
    </row>
    <row r="26885" spans="1:3" ht="19.2">
      <c r="A26885" s="2"/>
      <c r="B26885" s="2"/>
      <c r="C26885" s="2"/>
    </row>
    <row r="26886" spans="1:3" ht="19.2">
      <c r="A26886" s="2"/>
      <c r="B26886" s="2"/>
      <c r="C26886" s="2"/>
    </row>
    <row r="26887" spans="1:3" ht="19.2">
      <c r="A26887" s="2"/>
      <c r="B26887" s="2"/>
      <c r="C26887" s="2"/>
    </row>
    <row r="26888" spans="1:3" ht="19.2">
      <c r="A26888" s="2"/>
      <c r="B26888" s="2"/>
      <c r="C26888" s="2"/>
    </row>
    <row r="26889" spans="1:3" ht="19.2">
      <c r="A26889" s="2"/>
      <c r="B26889" s="2"/>
      <c r="C26889" s="2"/>
    </row>
    <row r="26890" spans="1:3" ht="19.2">
      <c r="A26890" s="2"/>
      <c r="B26890" s="2"/>
      <c r="C26890" s="2"/>
    </row>
    <row r="26891" spans="1:3" ht="19.2">
      <c r="A26891" s="2"/>
      <c r="B26891" s="2"/>
      <c r="C26891" s="2"/>
    </row>
    <row r="26892" spans="1:3" ht="19.2">
      <c r="A26892" s="2"/>
      <c r="B26892" s="2"/>
      <c r="C26892" s="2"/>
    </row>
    <row r="26893" spans="1:3" ht="19.2">
      <c r="A26893" s="2"/>
      <c r="B26893" s="2"/>
      <c r="C26893" s="2"/>
    </row>
    <row r="26894" spans="1:3" ht="19.2">
      <c r="A26894" s="2"/>
      <c r="B26894" s="2"/>
      <c r="C26894" s="2"/>
    </row>
    <row r="26895" spans="1:3" ht="19.2">
      <c r="A26895" s="2"/>
      <c r="B26895" s="2"/>
      <c r="C26895" s="2"/>
    </row>
    <row r="26896" spans="1:3" ht="19.2">
      <c r="A26896" s="2"/>
      <c r="B26896" s="2"/>
      <c r="C26896" s="2"/>
    </row>
    <row r="26897" spans="1:3" ht="19.2">
      <c r="A26897" s="2"/>
      <c r="B26897" s="2"/>
      <c r="C26897" s="2"/>
    </row>
    <row r="26898" spans="1:3" ht="19.2">
      <c r="A26898" s="2"/>
      <c r="B26898" s="2"/>
      <c r="C26898" s="2"/>
    </row>
    <row r="26899" spans="1:3" ht="19.2">
      <c r="A26899" s="2"/>
      <c r="B26899" s="2"/>
      <c r="C26899" s="2"/>
    </row>
    <row r="26900" spans="1:3" ht="19.2">
      <c r="A26900" s="2"/>
      <c r="B26900" s="2"/>
      <c r="C26900" s="2"/>
    </row>
    <row r="26901" spans="1:3" ht="19.2">
      <c r="A26901" s="2"/>
      <c r="B26901" s="2"/>
      <c r="C26901" s="2"/>
    </row>
    <row r="26902" spans="1:3" ht="19.2">
      <c r="A26902" s="2"/>
      <c r="B26902" s="2"/>
      <c r="C26902" s="2"/>
    </row>
    <row r="26903" spans="1:3" ht="19.2">
      <c r="A26903" s="2"/>
      <c r="B26903" s="2"/>
      <c r="C26903" s="2"/>
    </row>
    <row r="26904" spans="1:3" ht="19.2">
      <c r="A26904" s="2"/>
      <c r="B26904" s="2"/>
      <c r="C26904" s="2"/>
    </row>
    <row r="26905" spans="1:3" ht="19.2">
      <c r="A26905" s="2"/>
      <c r="B26905" s="2"/>
      <c r="C26905" s="2"/>
    </row>
    <row r="26906" spans="1:3" ht="19.2">
      <c r="A26906" s="2"/>
      <c r="B26906" s="2"/>
      <c r="C26906" s="2"/>
    </row>
    <row r="26907" spans="1:3" ht="19.2">
      <c r="A26907" s="2"/>
      <c r="B26907" s="2"/>
      <c r="C26907" s="2"/>
    </row>
    <row r="26908" spans="1:3" ht="19.2">
      <c r="A26908" s="2"/>
      <c r="B26908" s="2"/>
      <c r="C26908" s="2"/>
    </row>
    <row r="26909" spans="1:3" ht="19.2">
      <c r="A26909" s="2"/>
      <c r="B26909" s="2"/>
      <c r="C26909" s="2"/>
    </row>
    <row r="26910" spans="1:3" ht="19.2">
      <c r="A26910" s="2"/>
      <c r="B26910" s="2"/>
      <c r="C26910" s="2"/>
    </row>
    <row r="26911" spans="1:3" ht="19.2">
      <c r="A26911" s="2"/>
      <c r="B26911" s="2"/>
      <c r="C26911" s="2"/>
    </row>
    <row r="26912" spans="1:3" ht="19.2">
      <c r="A26912" s="2"/>
      <c r="B26912" s="2"/>
      <c r="C26912" s="2"/>
    </row>
    <row r="26913" spans="1:3" ht="19.2">
      <c r="A26913" s="2"/>
      <c r="B26913" s="2"/>
      <c r="C26913" s="2"/>
    </row>
    <row r="26914" spans="1:3" ht="19.2">
      <c r="A26914" s="2"/>
      <c r="B26914" s="2"/>
      <c r="C26914" s="2"/>
    </row>
    <row r="26915" spans="1:3" ht="19.2">
      <c r="A26915" s="2"/>
      <c r="B26915" s="2"/>
      <c r="C26915" s="2"/>
    </row>
    <row r="26916" spans="1:3" ht="19.2">
      <c r="A26916" s="2"/>
      <c r="B26916" s="2"/>
      <c r="C26916" s="2"/>
    </row>
    <row r="26917" spans="1:3" ht="19.2">
      <c r="A26917" s="2"/>
      <c r="B26917" s="2"/>
      <c r="C26917" s="2"/>
    </row>
    <row r="26918" spans="1:3" ht="19.2">
      <c r="A26918" s="2"/>
      <c r="B26918" s="2"/>
      <c r="C26918" s="2"/>
    </row>
    <row r="26919" spans="1:3" ht="19.2">
      <c r="A26919" s="2"/>
      <c r="B26919" s="2"/>
      <c r="C26919" s="2"/>
    </row>
    <row r="26920" spans="1:3" ht="19.2">
      <c r="A26920" s="2"/>
      <c r="B26920" s="2"/>
      <c r="C26920" s="2"/>
    </row>
    <row r="26921" spans="1:3" ht="19.2">
      <c r="A26921" s="2"/>
      <c r="B26921" s="2"/>
      <c r="C26921" s="2"/>
    </row>
    <row r="26922" spans="1:3" ht="19.2">
      <c r="A26922" s="2"/>
      <c r="B26922" s="2"/>
      <c r="C26922" s="2"/>
    </row>
    <row r="26923" spans="1:3" ht="19.2">
      <c r="A26923" s="2"/>
      <c r="B26923" s="2"/>
      <c r="C26923" s="2"/>
    </row>
    <row r="26924" spans="1:3" ht="19.2">
      <c r="A26924" s="2"/>
      <c r="B26924" s="2"/>
      <c r="C26924" s="2"/>
    </row>
    <row r="26925" spans="1:3" ht="19.2">
      <c r="A26925" s="2"/>
      <c r="B26925" s="2"/>
      <c r="C26925" s="2"/>
    </row>
    <row r="26926" spans="1:3" ht="19.2">
      <c r="A26926" s="2"/>
      <c r="B26926" s="2"/>
      <c r="C26926" s="2"/>
    </row>
    <row r="26927" spans="1:3" ht="19.2">
      <c r="A26927" s="2"/>
      <c r="B26927" s="2"/>
      <c r="C26927" s="2"/>
    </row>
    <row r="26928" spans="1:3" ht="19.2">
      <c r="A26928" s="2"/>
      <c r="B26928" s="2"/>
      <c r="C26928" s="2"/>
    </row>
    <row r="26929" spans="1:3" ht="19.2">
      <c r="A26929" s="2"/>
      <c r="B26929" s="2"/>
      <c r="C26929" s="2"/>
    </row>
    <row r="26930" spans="1:3" ht="19.2">
      <c r="A26930" s="2"/>
      <c r="B26930" s="2"/>
      <c r="C26930" s="2"/>
    </row>
    <row r="26931" spans="1:3" ht="19.2">
      <c r="A26931" s="2"/>
      <c r="B26931" s="2"/>
      <c r="C26931" s="2"/>
    </row>
    <row r="26932" spans="1:3" ht="19.2">
      <c r="A26932" s="2"/>
      <c r="B26932" s="2"/>
      <c r="C26932" s="2"/>
    </row>
    <row r="26933" spans="1:3" ht="19.2">
      <c r="A26933" s="2"/>
      <c r="B26933" s="2"/>
      <c r="C26933" s="2"/>
    </row>
    <row r="26934" spans="1:3" ht="19.2">
      <c r="A26934" s="2"/>
      <c r="B26934" s="2"/>
      <c r="C26934" s="2"/>
    </row>
    <row r="26935" spans="1:3" ht="19.2">
      <c r="A26935" s="2"/>
      <c r="B26935" s="2"/>
      <c r="C26935" s="2"/>
    </row>
    <row r="26936" spans="1:3" ht="19.2">
      <c r="A26936" s="2"/>
      <c r="B26936" s="2"/>
      <c r="C26936" s="2"/>
    </row>
    <row r="26937" spans="1:3" ht="19.2">
      <c r="A26937" s="2"/>
      <c r="B26937" s="2"/>
      <c r="C26937" s="2"/>
    </row>
    <row r="26938" spans="1:3" ht="19.2">
      <c r="A26938" s="2"/>
      <c r="B26938" s="2"/>
      <c r="C26938" s="2"/>
    </row>
    <row r="26939" spans="1:3" ht="19.2">
      <c r="A26939" s="2"/>
      <c r="B26939" s="2"/>
      <c r="C26939" s="2"/>
    </row>
    <row r="26940" spans="1:3" ht="19.2">
      <c r="A26940" s="2"/>
      <c r="B26940" s="2"/>
      <c r="C26940" s="2"/>
    </row>
    <row r="26941" spans="1:3" ht="19.2">
      <c r="A26941" s="2"/>
      <c r="B26941" s="2"/>
      <c r="C26941" s="2"/>
    </row>
    <row r="26942" spans="1:3" ht="19.2">
      <c r="A26942" s="2"/>
      <c r="B26942" s="2"/>
      <c r="C26942" s="2"/>
    </row>
    <row r="26943" spans="1:3" ht="19.2">
      <c r="A26943" s="2"/>
      <c r="B26943" s="2"/>
      <c r="C26943" s="2"/>
    </row>
    <row r="26944" spans="1:3" ht="19.2">
      <c r="A26944" s="2"/>
      <c r="B26944" s="2"/>
      <c r="C26944" s="2"/>
    </row>
    <row r="26945" spans="1:3" ht="19.2">
      <c r="A26945" s="2"/>
      <c r="B26945" s="2"/>
      <c r="C26945" s="2"/>
    </row>
    <row r="26946" spans="1:3" ht="19.2">
      <c r="A26946" s="2"/>
      <c r="B26946" s="2"/>
      <c r="C26946" s="2"/>
    </row>
    <row r="26947" spans="1:3" ht="19.2">
      <c r="A26947" s="2"/>
      <c r="B26947" s="2"/>
      <c r="C26947" s="2"/>
    </row>
    <row r="26948" spans="1:3" ht="19.2">
      <c r="A26948" s="2"/>
      <c r="B26948" s="2"/>
      <c r="C26948" s="2"/>
    </row>
    <row r="26949" spans="1:3" ht="19.2">
      <c r="A26949" s="2"/>
      <c r="B26949" s="2"/>
      <c r="C26949" s="2"/>
    </row>
    <row r="26950" spans="1:3" ht="19.2">
      <c r="A26950" s="2"/>
      <c r="B26950" s="2"/>
      <c r="C26950" s="2"/>
    </row>
    <row r="26951" spans="1:3" ht="19.2">
      <c r="A26951" s="2"/>
      <c r="B26951" s="2"/>
      <c r="C26951" s="2"/>
    </row>
    <row r="26952" spans="1:3" ht="19.2">
      <c r="A26952" s="2"/>
      <c r="B26952" s="2"/>
      <c r="C26952" s="2"/>
    </row>
    <row r="26953" spans="1:3" ht="19.2">
      <c r="A26953" s="2"/>
      <c r="B26953" s="2"/>
      <c r="C26953" s="2"/>
    </row>
    <row r="26954" spans="1:3" ht="19.2">
      <c r="A26954" s="2"/>
      <c r="B26954" s="2"/>
      <c r="C26954" s="2"/>
    </row>
    <row r="26955" spans="1:3" ht="19.2">
      <c r="A26955" s="2"/>
      <c r="B26955" s="2"/>
      <c r="C26955" s="2"/>
    </row>
    <row r="26956" spans="1:3" ht="19.2">
      <c r="A26956" s="2"/>
      <c r="B26956" s="2"/>
      <c r="C26956" s="2"/>
    </row>
    <row r="26957" spans="1:3" ht="19.2">
      <c r="A26957" s="2"/>
      <c r="B26957" s="2"/>
      <c r="C26957" s="2"/>
    </row>
    <row r="26958" spans="1:3" ht="19.2">
      <c r="A26958" s="2"/>
      <c r="B26958" s="2"/>
      <c r="C26958" s="2"/>
    </row>
    <row r="26959" spans="1:3" ht="19.2">
      <c r="A26959" s="2"/>
      <c r="B26959" s="2"/>
      <c r="C26959" s="2"/>
    </row>
    <row r="26960" spans="1:3" ht="19.2">
      <c r="A26960" s="2"/>
      <c r="B26960" s="2"/>
      <c r="C26960" s="2"/>
    </row>
    <row r="26961" spans="1:3" ht="19.2">
      <c r="A26961" s="2"/>
      <c r="B26961" s="2"/>
      <c r="C26961" s="2"/>
    </row>
    <row r="26962" spans="1:3" ht="19.2">
      <c r="A26962" s="2"/>
      <c r="B26962" s="2"/>
      <c r="C26962" s="2"/>
    </row>
    <row r="26963" spans="1:3" ht="19.2">
      <c r="A26963" s="2"/>
      <c r="B26963" s="2"/>
      <c r="C26963" s="2"/>
    </row>
    <row r="26964" spans="1:3" ht="19.2">
      <c r="A26964" s="2"/>
      <c r="B26964" s="2"/>
      <c r="C26964" s="2"/>
    </row>
    <row r="26965" spans="1:3" ht="19.2">
      <c r="A26965" s="2"/>
      <c r="B26965" s="2"/>
      <c r="C26965" s="2"/>
    </row>
    <row r="26966" spans="1:3" ht="19.2">
      <c r="A26966" s="2"/>
      <c r="B26966" s="2"/>
      <c r="C26966" s="2"/>
    </row>
    <row r="26967" spans="1:3" ht="19.2">
      <c r="A26967" s="2"/>
      <c r="B26967" s="2"/>
      <c r="C26967" s="2"/>
    </row>
    <row r="26968" spans="1:3" ht="19.2">
      <c r="A26968" s="2"/>
      <c r="B26968" s="2"/>
      <c r="C26968" s="2"/>
    </row>
    <row r="26969" spans="1:3" ht="19.2">
      <c r="A26969" s="2"/>
      <c r="B26969" s="2"/>
      <c r="C26969" s="2"/>
    </row>
    <row r="26970" spans="1:3" ht="19.2">
      <c r="A26970" s="2"/>
      <c r="B26970" s="2"/>
      <c r="C26970" s="2"/>
    </row>
    <row r="26971" spans="1:3" ht="19.2">
      <c r="A26971" s="2"/>
      <c r="B26971" s="2"/>
      <c r="C26971" s="2"/>
    </row>
    <row r="26972" spans="1:3" ht="19.2">
      <c r="A26972" s="2"/>
      <c r="B26972" s="2"/>
      <c r="C26972" s="2"/>
    </row>
    <row r="26973" spans="1:3" ht="19.2">
      <c r="A26973" s="2"/>
      <c r="B26973" s="2"/>
      <c r="C26973" s="2"/>
    </row>
    <row r="26974" spans="1:3" ht="19.2">
      <c r="A26974" s="2"/>
      <c r="B26974" s="2"/>
      <c r="C26974" s="2"/>
    </row>
    <row r="26975" spans="1:3" ht="19.2">
      <c r="A26975" s="2"/>
      <c r="B26975" s="2"/>
      <c r="C26975" s="2"/>
    </row>
    <row r="26976" spans="1:3" ht="19.2">
      <c r="A26976" s="2"/>
      <c r="B26976" s="2"/>
      <c r="C26976" s="2"/>
    </row>
    <row r="26977" spans="1:3" ht="19.2">
      <c r="A26977" s="2"/>
      <c r="B26977" s="2"/>
      <c r="C26977" s="2"/>
    </row>
    <row r="26978" spans="1:3" ht="19.2">
      <c r="A26978" s="2"/>
      <c r="B26978" s="2"/>
      <c r="C26978" s="2"/>
    </row>
    <row r="26979" spans="1:3" ht="19.2">
      <c r="A26979" s="2"/>
      <c r="B26979" s="2"/>
      <c r="C26979" s="2"/>
    </row>
    <row r="26980" spans="1:3" ht="19.2">
      <c r="A26980" s="2"/>
      <c r="B26980" s="2"/>
      <c r="C26980" s="2"/>
    </row>
    <row r="26981" spans="1:3" ht="19.2">
      <c r="A26981" s="2"/>
      <c r="B26981" s="2"/>
      <c r="C26981" s="2"/>
    </row>
    <row r="26982" spans="1:3" ht="19.2">
      <c r="A26982" s="2"/>
      <c r="B26982" s="2"/>
      <c r="C26982" s="2"/>
    </row>
    <row r="26983" spans="1:3" ht="19.2">
      <c r="A26983" s="2"/>
      <c r="B26983" s="2"/>
      <c r="C26983" s="2"/>
    </row>
    <row r="26984" spans="1:3" ht="19.2">
      <c r="A26984" s="2"/>
      <c r="B26984" s="2"/>
      <c r="C26984" s="2"/>
    </row>
    <row r="26985" spans="1:3" ht="19.2">
      <c r="A26985" s="2"/>
      <c r="B26985" s="2"/>
      <c r="C26985" s="2"/>
    </row>
    <row r="26986" spans="1:3" ht="19.2">
      <c r="A26986" s="2"/>
      <c r="B26986" s="2"/>
      <c r="C26986" s="2"/>
    </row>
    <row r="26987" spans="1:3" ht="19.2">
      <c r="A26987" s="2"/>
      <c r="B26987" s="2"/>
      <c r="C26987" s="2"/>
    </row>
    <row r="26988" spans="1:3" ht="19.2">
      <c r="A26988" s="2"/>
      <c r="B26988" s="2"/>
      <c r="C26988" s="2"/>
    </row>
    <row r="26989" spans="1:3" ht="19.2">
      <c r="A26989" s="2"/>
      <c r="B26989" s="2"/>
      <c r="C26989" s="2"/>
    </row>
    <row r="26990" spans="1:3" ht="19.2">
      <c r="A26990" s="2"/>
      <c r="B26990" s="2"/>
      <c r="C26990" s="2"/>
    </row>
    <row r="26991" spans="1:3" ht="19.2">
      <c r="A26991" s="2"/>
      <c r="B26991" s="2"/>
      <c r="C26991" s="2"/>
    </row>
    <row r="26992" spans="1:3" ht="19.2">
      <c r="A26992" s="2"/>
      <c r="B26992" s="2"/>
      <c r="C26992" s="2"/>
    </row>
    <row r="26993" spans="1:3" ht="19.2">
      <c r="A26993" s="2"/>
      <c r="B26993" s="2"/>
      <c r="C26993" s="2"/>
    </row>
    <row r="26994" spans="1:3" ht="19.2">
      <c r="A26994" s="2"/>
      <c r="B26994" s="2"/>
      <c r="C26994" s="2"/>
    </row>
    <row r="26995" spans="1:3" ht="19.2">
      <c r="A26995" s="2"/>
      <c r="B26995" s="2"/>
      <c r="C26995" s="2"/>
    </row>
    <row r="26996" spans="1:3" ht="19.2">
      <c r="A26996" s="2"/>
      <c r="B26996" s="2"/>
      <c r="C26996" s="2"/>
    </row>
    <row r="26997" spans="1:3" ht="19.2">
      <c r="A26997" s="2"/>
      <c r="B26997" s="2"/>
      <c r="C26997" s="2"/>
    </row>
    <row r="26998" spans="1:3" ht="19.2">
      <c r="A26998" s="2"/>
      <c r="B26998" s="2"/>
      <c r="C26998" s="2"/>
    </row>
    <row r="26999" spans="1:3" ht="19.2">
      <c r="A26999" s="2"/>
      <c r="B26999" s="2"/>
      <c r="C26999" s="2"/>
    </row>
    <row r="27000" spans="1:3" ht="19.2">
      <c r="A27000" s="2"/>
      <c r="B27000" s="2"/>
      <c r="C27000" s="2"/>
    </row>
    <row r="27001" spans="1:3" ht="19.2">
      <c r="A27001" s="2"/>
      <c r="B27001" s="2"/>
      <c r="C27001" s="2"/>
    </row>
    <row r="27002" spans="1:3" ht="19.2">
      <c r="A27002" s="2"/>
      <c r="B27002" s="2"/>
      <c r="C27002" s="2"/>
    </row>
    <row r="27003" spans="1:3" ht="19.2">
      <c r="A27003" s="2"/>
      <c r="B27003" s="2"/>
      <c r="C27003" s="2"/>
    </row>
    <row r="27004" spans="1:3" ht="19.2">
      <c r="A27004" s="2"/>
      <c r="B27004" s="2"/>
      <c r="C27004" s="2"/>
    </row>
    <row r="27005" spans="1:3" ht="19.2">
      <c r="A27005" s="2"/>
      <c r="B27005" s="2"/>
      <c r="C27005" s="2"/>
    </row>
    <row r="27006" spans="1:3" ht="19.2">
      <c r="A27006" s="2"/>
      <c r="B27006" s="2"/>
      <c r="C27006" s="2"/>
    </row>
    <row r="27007" spans="1:3" ht="19.2">
      <c r="A27007" s="2"/>
      <c r="B27007" s="2"/>
      <c r="C27007" s="2"/>
    </row>
    <row r="27008" spans="1:3" ht="19.2">
      <c r="A27008" s="2"/>
      <c r="B27008" s="2"/>
      <c r="C27008" s="2"/>
    </row>
    <row r="27009" spans="1:3" ht="19.2">
      <c r="A27009" s="2"/>
      <c r="B27009" s="2"/>
      <c r="C27009" s="2"/>
    </row>
    <row r="27010" spans="1:3" ht="19.2">
      <c r="A27010" s="2"/>
      <c r="B27010" s="2"/>
      <c r="C27010" s="2"/>
    </row>
    <row r="27011" spans="1:3" ht="19.2">
      <c r="A27011" s="2"/>
      <c r="B27011" s="2"/>
      <c r="C27011" s="2"/>
    </row>
    <row r="27012" spans="1:3" ht="19.2">
      <c r="A27012" s="2"/>
      <c r="B27012" s="2"/>
      <c r="C27012" s="2"/>
    </row>
    <row r="27013" spans="1:3" ht="19.2">
      <c r="A27013" s="2"/>
      <c r="B27013" s="2"/>
      <c r="C27013" s="2"/>
    </row>
    <row r="27014" spans="1:3" ht="19.2">
      <c r="A27014" s="2"/>
      <c r="B27014" s="2"/>
      <c r="C27014" s="2"/>
    </row>
    <row r="27015" spans="1:3" ht="19.2">
      <c r="A27015" s="2"/>
      <c r="B27015" s="2"/>
      <c r="C27015" s="2"/>
    </row>
    <row r="27016" spans="1:3" ht="19.2">
      <c r="A27016" s="2"/>
      <c r="B27016" s="2"/>
      <c r="C27016" s="2"/>
    </row>
    <row r="27017" spans="1:3" ht="19.2">
      <c r="A27017" s="2"/>
      <c r="B27017" s="2"/>
      <c r="C27017" s="2"/>
    </row>
    <row r="27018" spans="1:3" ht="19.2">
      <c r="A27018" s="2"/>
      <c r="B27018" s="2"/>
      <c r="C27018" s="2"/>
    </row>
    <row r="27019" spans="1:3" ht="19.2">
      <c r="A27019" s="2"/>
      <c r="B27019" s="2"/>
      <c r="C27019" s="2"/>
    </row>
    <row r="27020" spans="1:3" ht="19.2">
      <c r="A27020" s="2"/>
      <c r="B27020" s="2"/>
      <c r="C27020" s="2"/>
    </row>
    <row r="27021" spans="1:3" ht="19.2">
      <c r="A27021" s="2"/>
      <c r="B27021" s="2"/>
      <c r="C27021" s="2"/>
    </row>
    <row r="27022" spans="1:3" ht="19.2">
      <c r="A27022" s="2"/>
      <c r="B27022" s="2"/>
      <c r="C27022" s="2"/>
    </row>
    <row r="27023" spans="1:3" ht="19.2">
      <c r="A27023" s="2"/>
      <c r="B27023" s="2"/>
      <c r="C27023" s="2"/>
    </row>
    <row r="27024" spans="1:3" ht="19.2">
      <c r="A27024" s="2"/>
      <c r="B27024" s="2"/>
      <c r="C27024" s="2"/>
    </row>
    <row r="27025" spans="1:3" ht="19.2">
      <c r="A27025" s="2"/>
      <c r="B27025" s="2"/>
      <c r="C27025" s="2"/>
    </row>
    <row r="27026" spans="1:3" ht="19.2">
      <c r="A27026" s="2"/>
      <c r="B27026" s="2"/>
      <c r="C27026" s="2"/>
    </row>
    <row r="27027" spans="1:3" ht="19.2">
      <c r="A27027" s="2"/>
      <c r="B27027" s="2"/>
      <c r="C27027" s="2"/>
    </row>
    <row r="27028" spans="1:3" ht="19.2">
      <c r="A27028" s="2"/>
      <c r="B27028" s="2"/>
      <c r="C27028" s="2"/>
    </row>
    <row r="27029" spans="1:3" ht="19.2">
      <c r="A27029" s="2"/>
      <c r="B27029" s="2"/>
      <c r="C27029" s="2"/>
    </row>
    <row r="27030" spans="1:3" ht="19.2">
      <c r="A27030" s="2"/>
      <c r="B27030" s="2"/>
      <c r="C27030" s="2"/>
    </row>
    <row r="27031" spans="1:3" ht="19.2">
      <c r="A27031" s="2"/>
      <c r="B27031" s="2"/>
      <c r="C27031" s="2"/>
    </row>
    <row r="27032" spans="1:3" ht="19.2">
      <c r="A27032" s="2"/>
      <c r="B27032" s="2"/>
      <c r="C27032" s="2"/>
    </row>
    <row r="27033" spans="1:3" ht="19.2">
      <c r="A27033" s="2"/>
      <c r="B27033" s="2"/>
      <c r="C27033" s="2"/>
    </row>
    <row r="27034" spans="1:3" ht="19.2">
      <c r="A27034" s="2"/>
      <c r="B27034" s="2"/>
      <c r="C27034" s="2"/>
    </row>
    <row r="27035" spans="1:3" ht="19.2">
      <c r="A27035" s="2"/>
      <c r="B27035" s="2"/>
      <c r="C27035" s="2"/>
    </row>
    <row r="27036" spans="1:3" ht="19.2">
      <c r="A27036" s="2"/>
      <c r="B27036" s="2"/>
      <c r="C27036" s="2"/>
    </row>
    <row r="27037" spans="1:3" ht="19.2">
      <c r="A27037" s="2"/>
      <c r="B27037" s="2"/>
      <c r="C27037" s="2"/>
    </row>
    <row r="27038" spans="1:3" ht="19.2">
      <c r="A27038" s="2"/>
      <c r="B27038" s="2"/>
      <c r="C27038" s="2"/>
    </row>
    <row r="27039" spans="1:3" ht="19.2">
      <c r="A27039" s="2"/>
      <c r="B27039" s="2"/>
      <c r="C27039" s="2"/>
    </row>
    <row r="27040" spans="1:3" ht="19.2">
      <c r="A27040" s="2"/>
      <c r="B27040" s="2"/>
      <c r="C27040" s="2"/>
    </row>
    <row r="27041" spans="1:3" ht="19.2">
      <c r="A27041" s="2"/>
      <c r="B27041" s="2"/>
      <c r="C27041" s="2"/>
    </row>
    <row r="27042" spans="1:3" ht="19.2">
      <c r="A27042" s="2"/>
      <c r="B27042" s="2"/>
      <c r="C27042" s="2"/>
    </row>
    <row r="27043" spans="1:3" ht="19.2">
      <c r="A27043" s="2"/>
      <c r="B27043" s="2"/>
      <c r="C27043" s="2"/>
    </row>
    <row r="27044" spans="1:3" ht="19.2">
      <c r="A27044" s="2"/>
      <c r="B27044" s="2"/>
      <c r="C27044" s="2"/>
    </row>
    <row r="27045" spans="1:3" ht="19.2">
      <c r="A27045" s="2"/>
      <c r="B27045" s="2"/>
      <c r="C27045" s="2"/>
    </row>
    <row r="27046" spans="1:3" ht="19.2">
      <c r="A27046" s="2"/>
      <c r="B27046" s="2"/>
      <c r="C27046" s="2"/>
    </row>
    <row r="27047" spans="1:3" ht="19.2">
      <c r="A27047" s="2"/>
      <c r="B27047" s="2"/>
      <c r="C27047" s="2"/>
    </row>
    <row r="27048" spans="1:3" ht="19.2">
      <c r="A27048" s="2"/>
      <c r="B27048" s="2"/>
      <c r="C27048" s="2"/>
    </row>
    <row r="27049" spans="1:3" ht="19.2">
      <c r="A27049" s="2"/>
      <c r="B27049" s="2"/>
      <c r="C27049" s="2"/>
    </row>
    <row r="27050" spans="1:3" ht="19.2">
      <c r="A27050" s="2"/>
      <c r="B27050" s="2"/>
      <c r="C27050" s="2"/>
    </row>
    <row r="27051" spans="1:3" ht="19.2">
      <c r="A27051" s="2"/>
      <c r="B27051" s="2"/>
      <c r="C27051" s="2"/>
    </row>
    <row r="27052" spans="1:3" ht="19.2">
      <c r="A27052" s="2"/>
      <c r="B27052" s="2"/>
      <c r="C27052" s="2"/>
    </row>
    <row r="27053" spans="1:3" ht="19.2">
      <c r="A27053" s="2"/>
      <c r="B27053" s="2"/>
      <c r="C27053" s="2"/>
    </row>
    <row r="27054" spans="1:3" ht="19.2">
      <c r="A27054" s="2"/>
      <c r="B27054" s="2"/>
      <c r="C27054" s="2"/>
    </row>
    <row r="27055" spans="1:3" ht="19.2">
      <c r="A27055" s="2"/>
      <c r="B27055" s="2"/>
      <c r="C27055" s="2"/>
    </row>
    <row r="27056" spans="1:3" ht="19.2">
      <c r="A27056" s="2"/>
      <c r="B27056" s="2"/>
      <c r="C27056" s="2"/>
    </row>
    <row r="27057" spans="1:3" ht="19.2">
      <c r="A27057" s="2"/>
      <c r="B27057" s="2"/>
      <c r="C27057" s="2"/>
    </row>
    <row r="27058" spans="1:3" ht="19.2">
      <c r="A27058" s="2"/>
      <c r="B27058" s="2"/>
      <c r="C27058" s="2"/>
    </row>
    <row r="27059" spans="1:3" ht="19.2">
      <c r="A27059" s="2"/>
      <c r="B27059" s="2"/>
      <c r="C27059" s="2"/>
    </row>
    <row r="27060" spans="1:3" ht="19.2">
      <c r="A27060" s="2"/>
      <c r="B27060" s="2"/>
      <c r="C27060" s="2"/>
    </row>
    <row r="27061" spans="1:3" ht="19.2">
      <c r="A27061" s="2"/>
      <c r="B27061" s="2"/>
      <c r="C27061" s="2"/>
    </row>
    <row r="27062" spans="1:3" ht="19.2">
      <c r="A27062" s="2"/>
      <c r="B27062" s="2"/>
      <c r="C27062" s="2"/>
    </row>
    <row r="27063" spans="1:3" ht="19.2">
      <c r="A27063" s="2"/>
      <c r="B27063" s="2"/>
      <c r="C27063" s="2"/>
    </row>
    <row r="27064" spans="1:3" ht="19.2">
      <c r="A27064" s="2"/>
      <c r="B27064" s="2"/>
      <c r="C27064" s="2"/>
    </row>
    <row r="27065" spans="1:3" ht="19.2">
      <c r="A27065" s="2"/>
      <c r="B27065" s="2"/>
      <c r="C27065" s="2"/>
    </row>
    <row r="27066" spans="1:3" ht="19.2">
      <c r="A27066" s="2"/>
      <c r="B27066" s="2"/>
      <c r="C27066" s="2"/>
    </row>
    <row r="27067" spans="1:3" ht="19.2">
      <c r="A27067" s="2"/>
      <c r="B27067" s="2"/>
      <c r="C27067" s="2"/>
    </row>
    <row r="27068" spans="1:3" ht="19.2">
      <c r="A27068" s="2"/>
      <c r="B27068" s="2"/>
      <c r="C27068" s="2"/>
    </row>
    <row r="27069" spans="1:3" ht="19.2">
      <c r="A27069" s="2"/>
      <c r="B27069" s="2"/>
      <c r="C27069" s="2"/>
    </row>
    <row r="27070" spans="1:3" ht="19.2">
      <c r="A27070" s="2"/>
      <c r="B27070" s="2"/>
      <c r="C27070" s="2"/>
    </row>
    <row r="27071" spans="1:3" ht="19.2">
      <c r="A27071" s="2"/>
      <c r="B27071" s="2"/>
      <c r="C27071" s="2"/>
    </row>
    <row r="27072" spans="1:3" ht="19.2">
      <c r="A27072" s="2"/>
      <c r="B27072" s="2"/>
      <c r="C27072" s="2"/>
    </row>
    <row r="27073" spans="1:3" ht="19.2">
      <c r="A27073" s="2"/>
      <c r="B27073" s="2"/>
      <c r="C27073" s="2"/>
    </row>
    <row r="27074" spans="1:3" ht="19.2">
      <c r="A27074" s="2"/>
      <c r="B27074" s="2"/>
      <c r="C27074" s="2"/>
    </row>
    <row r="27075" spans="1:3" ht="19.2">
      <c r="A27075" s="2"/>
      <c r="B27075" s="2"/>
      <c r="C27075" s="2"/>
    </row>
    <row r="27076" spans="1:3" ht="19.2">
      <c r="A27076" s="2"/>
      <c r="B27076" s="2"/>
      <c r="C27076" s="2"/>
    </row>
    <row r="27077" spans="1:3" ht="19.2">
      <c r="A27077" s="2"/>
      <c r="B27077" s="2"/>
      <c r="C27077" s="2"/>
    </row>
    <row r="27078" spans="1:3" ht="19.2">
      <c r="A27078" s="2"/>
      <c r="B27078" s="2"/>
      <c r="C27078" s="2"/>
    </row>
    <row r="27079" spans="1:3" ht="19.2">
      <c r="A27079" s="2"/>
      <c r="B27079" s="2"/>
      <c r="C27079" s="2"/>
    </row>
    <row r="27080" spans="1:3" ht="19.2">
      <c r="A27080" s="2"/>
      <c r="B27080" s="2"/>
      <c r="C27080" s="2"/>
    </row>
    <row r="27081" spans="1:3" ht="19.2">
      <c r="A27081" s="2"/>
      <c r="B27081" s="2"/>
      <c r="C27081" s="2"/>
    </row>
    <row r="27082" spans="1:3" ht="19.2">
      <c r="A27082" s="2"/>
      <c r="B27082" s="2"/>
      <c r="C27082" s="2"/>
    </row>
    <row r="27083" spans="1:3" ht="19.2">
      <c r="A27083" s="2"/>
      <c r="B27083" s="2"/>
      <c r="C27083" s="2"/>
    </row>
    <row r="27084" spans="1:3" ht="19.2">
      <c r="A27084" s="2"/>
      <c r="B27084" s="2"/>
      <c r="C27084" s="2"/>
    </row>
    <row r="27085" spans="1:3" ht="19.2">
      <c r="A27085" s="2"/>
      <c r="B27085" s="2"/>
      <c r="C27085" s="2"/>
    </row>
    <row r="27086" spans="1:3" ht="19.2">
      <c r="A27086" s="2"/>
      <c r="B27086" s="2"/>
      <c r="C27086" s="2"/>
    </row>
    <row r="27087" spans="1:3" ht="19.2">
      <c r="A27087" s="2"/>
      <c r="B27087" s="2"/>
      <c r="C27087" s="2"/>
    </row>
    <row r="27088" spans="1:3" ht="19.2">
      <c r="A27088" s="2"/>
      <c r="B27088" s="2"/>
      <c r="C27088" s="2"/>
    </row>
    <row r="27089" spans="1:3" ht="19.2">
      <c r="A27089" s="2"/>
      <c r="B27089" s="2"/>
      <c r="C27089" s="2"/>
    </row>
    <row r="27090" spans="1:3" ht="19.2">
      <c r="A27090" s="2"/>
      <c r="B27090" s="2"/>
      <c r="C27090" s="2"/>
    </row>
    <row r="27091" spans="1:3" ht="19.2">
      <c r="A27091" s="2"/>
      <c r="B27091" s="2"/>
      <c r="C27091" s="2"/>
    </row>
    <row r="27092" spans="1:3" ht="19.2">
      <c r="A27092" s="2"/>
      <c r="B27092" s="2"/>
      <c r="C27092" s="2"/>
    </row>
    <row r="27093" spans="1:3" ht="19.2">
      <c r="A27093" s="2"/>
      <c r="B27093" s="2"/>
      <c r="C27093" s="2"/>
    </row>
    <row r="27094" spans="1:3" ht="19.2">
      <c r="A27094" s="2"/>
      <c r="B27094" s="2"/>
      <c r="C27094" s="2"/>
    </row>
    <row r="27095" spans="1:3" ht="19.2">
      <c r="A27095" s="2"/>
      <c r="B27095" s="2"/>
      <c r="C27095" s="2"/>
    </row>
    <row r="27096" spans="1:3" ht="19.2">
      <c r="A27096" s="2"/>
      <c r="B27096" s="2"/>
      <c r="C27096" s="2"/>
    </row>
    <row r="27097" spans="1:3" ht="19.2">
      <c r="A27097" s="2"/>
      <c r="B27097" s="2"/>
      <c r="C27097" s="2"/>
    </row>
    <row r="27098" spans="1:3" ht="19.2">
      <c r="A27098" s="2"/>
      <c r="B27098" s="2"/>
      <c r="C27098" s="2"/>
    </row>
    <row r="27099" spans="1:3" ht="19.2">
      <c r="A27099" s="2"/>
      <c r="B27099" s="2"/>
      <c r="C27099" s="2"/>
    </row>
    <row r="27100" spans="1:3" ht="19.2">
      <c r="A27100" s="2"/>
      <c r="B27100" s="2"/>
      <c r="C27100" s="2"/>
    </row>
    <row r="27101" spans="1:3" ht="19.2">
      <c r="A27101" s="2"/>
      <c r="B27101" s="2"/>
      <c r="C27101" s="2"/>
    </row>
    <row r="27102" spans="1:3" ht="19.2">
      <c r="A27102" s="2"/>
      <c r="B27102" s="2"/>
      <c r="C27102" s="2"/>
    </row>
    <row r="27103" spans="1:3" ht="19.2">
      <c r="A27103" s="2"/>
      <c r="B27103" s="2"/>
      <c r="C27103" s="2"/>
    </row>
    <row r="27104" spans="1:3" ht="19.2">
      <c r="A27104" s="2"/>
      <c r="B27104" s="2"/>
      <c r="C27104" s="2"/>
    </row>
    <row r="27105" spans="1:3" ht="19.2">
      <c r="A27105" s="2"/>
      <c r="B27105" s="2"/>
      <c r="C27105" s="2"/>
    </row>
    <row r="27106" spans="1:3" ht="19.2">
      <c r="A27106" s="2"/>
      <c r="B27106" s="2"/>
      <c r="C27106" s="2"/>
    </row>
    <row r="27107" spans="1:3" ht="19.2">
      <c r="A27107" s="2"/>
      <c r="B27107" s="2"/>
      <c r="C27107" s="2"/>
    </row>
    <row r="27108" spans="1:3" ht="19.2">
      <c r="A27108" s="2"/>
      <c r="B27108" s="2"/>
      <c r="C27108" s="2"/>
    </row>
    <row r="27109" spans="1:3" ht="19.2">
      <c r="A27109" s="2"/>
      <c r="B27109" s="2"/>
      <c r="C27109" s="2"/>
    </row>
    <row r="27110" spans="1:3" ht="19.2">
      <c r="A27110" s="2"/>
      <c r="B27110" s="2"/>
      <c r="C27110" s="2"/>
    </row>
    <row r="27111" spans="1:3" ht="19.2">
      <c r="A27111" s="2"/>
      <c r="B27111" s="2"/>
      <c r="C27111" s="2"/>
    </row>
    <row r="27112" spans="1:3" ht="19.2">
      <c r="A27112" s="2"/>
      <c r="B27112" s="2"/>
      <c r="C27112" s="2"/>
    </row>
    <row r="27113" spans="1:3" ht="19.2">
      <c r="A27113" s="2"/>
      <c r="B27113" s="2"/>
      <c r="C27113" s="2"/>
    </row>
    <row r="27114" spans="1:3" ht="19.2">
      <c r="A27114" s="2"/>
      <c r="B27114" s="2"/>
      <c r="C27114" s="2"/>
    </row>
    <row r="27115" spans="1:3" ht="19.2">
      <c r="A27115" s="2"/>
      <c r="B27115" s="2"/>
      <c r="C27115" s="2"/>
    </row>
    <row r="27116" spans="1:3" ht="19.2">
      <c r="A27116" s="2"/>
      <c r="B27116" s="2"/>
      <c r="C27116" s="2"/>
    </row>
    <row r="27117" spans="1:3" ht="19.2">
      <c r="A27117" s="2"/>
      <c r="B27117" s="2"/>
      <c r="C27117" s="2"/>
    </row>
    <row r="27118" spans="1:3" ht="19.2">
      <c r="A27118" s="2"/>
      <c r="B27118" s="2"/>
      <c r="C27118" s="2"/>
    </row>
    <row r="27119" spans="1:3" ht="19.2">
      <c r="A27119" s="2"/>
      <c r="B27119" s="2"/>
      <c r="C27119" s="2"/>
    </row>
    <row r="27120" spans="1:3" ht="19.2">
      <c r="A27120" s="2"/>
      <c r="B27120" s="2"/>
      <c r="C27120" s="2"/>
    </row>
    <row r="27121" spans="1:3" ht="19.2">
      <c r="A27121" s="2"/>
      <c r="B27121" s="2"/>
      <c r="C27121" s="2"/>
    </row>
    <row r="27122" spans="1:3" ht="19.2">
      <c r="A27122" s="2"/>
      <c r="B27122" s="2"/>
      <c r="C27122" s="2"/>
    </row>
    <row r="27123" spans="1:3" ht="19.2">
      <c r="A27123" s="2"/>
      <c r="B27123" s="2"/>
      <c r="C27123" s="2"/>
    </row>
    <row r="27124" spans="1:3" ht="19.2">
      <c r="A27124" s="2"/>
      <c r="B27124" s="2"/>
      <c r="C27124" s="2"/>
    </row>
    <row r="27125" spans="1:3" ht="19.2">
      <c r="A27125" s="2"/>
      <c r="B27125" s="2"/>
      <c r="C27125" s="2"/>
    </row>
    <row r="27126" spans="1:3" ht="19.2">
      <c r="A27126" s="2"/>
      <c r="B27126" s="2"/>
      <c r="C27126" s="2"/>
    </row>
    <row r="27127" spans="1:3" ht="19.2">
      <c r="A27127" s="2"/>
      <c r="B27127" s="2"/>
      <c r="C27127" s="2"/>
    </row>
    <row r="27128" spans="1:3" ht="19.2">
      <c r="A27128" s="2"/>
      <c r="B27128" s="2"/>
      <c r="C27128" s="2"/>
    </row>
    <row r="27129" spans="1:3" ht="19.2">
      <c r="A27129" s="2"/>
      <c r="B27129" s="2"/>
      <c r="C27129" s="2"/>
    </row>
    <row r="27130" spans="1:3" ht="19.2">
      <c r="A27130" s="2"/>
      <c r="B27130" s="2"/>
      <c r="C27130" s="2"/>
    </row>
    <row r="27131" spans="1:3" ht="19.2">
      <c r="A27131" s="2"/>
      <c r="B27131" s="2"/>
      <c r="C27131" s="2"/>
    </row>
    <row r="27132" spans="1:3" ht="19.2">
      <c r="A27132" s="2"/>
      <c r="B27132" s="2"/>
      <c r="C27132" s="2"/>
    </row>
    <row r="27133" spans="1:3" ht="19.2">
      <c r="A27133" s="2"/>
      <c r="B27133" s="2"/>
      <c r="C27133" s="2"/>
    </row>
    <row r="27134" spans="1:3" ht="19.2">
      <c r="A27134" s="2"/>
      <c r="B27134" s="2"/>
      <c r="C27134" s="2"/>
    </row>
    <row r="27135" spans="1:3" ht="19.2">
      <c r="A27135" s="2"/>
      <c r="B27135" s="2"/>
      <c r="C27135" s="2"/>
    </row>
    <row r="27136" spans="1:3" ht="19.2">
      <c r="A27136" s="2"/>
      <c r="B27136" s="2"/>
      <c r="C27136" s="2"/>
    </row>
    <row r="27137" spans="1:3" ht="19.2">
      <c r="A27137" s="2"/>
      <c r="B27137" s="2"/>
      <c r="C27137" s="2"/>
    </row>
    <row r="27138" spans="1:3" ht="19.2">
      <c r="A27138" s="2"/>
      <c r="B27138" s="2"/>
      <c r="C27138" s="2"/>
    </row>
    <row r="27139" spans="1:3" ht="19.2">
      <c r="A27139" s="2"/>
      <c r="B27139" s="2"/>
      <c r="C27139" s="2"/>
    </row>
    <row r="27140" spans="1:3" ht="19.2">
      <c r="A27140" s="2"/>
      <c r="B27140" s="2"/>
      <c r="C27140" s="2"/>
    </row>
    <row r="27141" spans="1:3" ht="19.2">
      <c r="A27141" s="2"/>
      <c r="B27141" s="2"/>
      <c r="C27141" s="2"/>
    </row>
    <row r="27142" spans="1:3" ht="19.2">
      <c r="A27142" s="2"/>
      <c r="B27142" s="2"/>
      <c r="C27142" s="2"/>
    </row>
    <row r="27143" spans="1:3" ht="19.2">
      <c r="A27143" s="2"/>
      <c r="B27143" s="2"/>
      <c r="C27143" s="2"/>
    </row>
    <row r="27144" spans="1:3" ht="19.2">
      <c r="A27144" s="2"/>
      <c r="B27144" s="2"/>
      <c r="C27144" s="2"/>
    </row>
    <row r="27145" spans="1:3" ht="19.2">
      <c r="A27145" s="2"/>
      <c r="B27145" s="2"/>
      <c r="C27145" s="2"/>
    </row>
    <row r="27146" spans="1:3" ht="19.2">
      <c r="A27146" s="2"/>
      <c r="B27146" s="2"/>
      <c r="C27146" s="2"/>
    </row>
    <row r="27147" spans="1:3" ht="19.2">
      <c r="A27147" s="2"/>
      <c r="B27147" s="2"/>
      <c r="C27147" s="2"/>
    </row>
    <row r="27148" spans="1:3" ht="19.2">
      <c r="A27148" s="2"/>
      <c r="B27148" s="2"/>
      <c r="C27148" s="2"/>
    </row>
    <row r="27149" spans="1:3" ht="19.2">
      <c r="A27149" s="2"/>
      <c r="B27149" s="2"/>
      <c r="C27149" s="2"/>
    </row>
    <row r="27150" spans="1:3" ht="19.2">
      <c r="A27150" s="2"/>
      <c r="B27150" s="2"/>
      <c r="C27150" s="2"/>
    </row>
    <row r="27151" spans="1:3" ht="19.2">
      <c r="A27151" s="2"/>
      <c r="B27151" s="2"/>
      <c r="C27151" s="2"/>
    </row>
    <row r="27152" spans="1:3" ht="19.2">
      <c r="A27152" s="2"/>
      <c r="B27152" s="2"/>
      <c r="C27152" s="2"/>
    </row>
    <row r="27153" spans="1:3" ht="19.2">
      <c r="A27153" s="2"/>
      <c r="B27153" s="2"/>
      <c r="C27153" s="2"/>
    </row>
    <row r="27154" spans="1:3" ht="19.2">
      <c r="A27154" s="2"/>
      <c r="B27154" s="2"/>
      <c r="C27154" s="2"/>
    </row>
    <row r="27155" spans="1:3" ht="19.2">
      <c r="A27155" s="2"/>
      <c r="B27155" s="2"/>
      <c r="C27155" s="2"/>
    </row>
    <row r="27156" spans="1:3" ht="19.2">
      <c r="A27156" s="2"/>
      <c r="B27156" s="2"/>
      <c r="C27156" s="2"/>
    </row>
    <row r="27157" spans="1:3" ht="19.2">
      <c r="A27157" s="2"/>
      <c r="B27157" s="2"/>
      <c r="C27157" s="2"/>
    </row>
    <row r="27158" spans="1:3" ht="19.2">
      <c r="A27158" s="2"/>
      <c r="B27158" s="2"/>
      <c r="C27158" s="2"/>
    </row>
    <row r="27159" spans="1:3" ht="19.2">
      <c r="A27159" s="2"/>
      <c r="B27159" s="2"/>
      <c r="C27159" s="2"/>
    </row>
    <row r="27160" spans="1:3" ht="19.2">
      <c r="A27160" s="2"/>
      <c r="B27160" s="2"/>
      <c r="C27160" s="2"/>
    </row>
    <row r="27161" spans="1:3" ht="19.2">
      <c r="A27161" s="2"/>
      <c r="B27161" s="2"/>
      <c r="C27161" s="2"/>
    </row>
    <row r="27162" spans="1:3" ht="19.2">
      <c r="A27162" s="2"/>
      <c r="B27162" s="2"/>
      <c r="C27162" s="2"/>
    </row>
    <row r="27163" spans="1:3" ht="19.2">
      <c r="A27163" s="2"/>
      <c r="B27163" s="2"/>
      <c r="C27163" s="2"/>
    </row>
    <row r="27164" spans="1:3" ht="19.2">
      <c r="A27164" s="2"/>
      <c r="B27164" s="2"/>
      <c r="C27164" s="2"/>
    </row>
    <row r="27165" spans="1:3" ht="19.2">
      <c r="A27165" s="2"/>
      <c r="B27165" s="2"/>
      <c r="C27165" s="2"/>
    </row>
    <row r="27166" spans="1:3" ht="19.2">
      <c r="A27166" s="2"/>
      <c r="B27166" s="2"/>
      <c r="C27166" s="2"/>
    </row>
    <row r="27167" spans="1:3" ht="19.2">
      <c r="A27167" s="2"/>
      <c r="B27167" s="2"/>
      <c r="C27167" s="2"/>
    </row>
    <row r="27168" spans="1:3" ht="19.2">
      <c r="A27168" s="2"/>
      <c r="B27168" s="2"/>
      <c r="C27168" s="2"/>
    </row>
    <row r="27169" spans="1:3" ht="19.2">
      <c r="A27169" s="2"/>
      <c r="B27169" s="2"/>
      <c r="C27169" s="2"/>
    </row>
    <row r="27170" spans="1:3" ht="19.2">
      <c r="A27170" s="2"/>
      <c r="B27170" s="2"/>
      <c r="C27170" s="2"/>
    </row>
    <row r="27171" spans="1:3" ht="19.2">
      <c r="A27171" s="2"/>
      <c r="B27171" s="2"/>
      <c r="C27171" s="2"/>
    </row>
    <row r="27172" spans="1:3" ht="19.2">
      <c r="A27172" s="2"/>
      <c r="B27172" s="2"/>
      <c r="C27172" s="2"/>
    </row>
    <row r="27173" spans="1:3" ht="19.2">
      <c r="A27173" s="2"/>
      <c r="B27173" s="2"/>
      <c r="C27173" s="2"/>
    </row>
    <row r="27174" spans="1:3" ht="19.2">
      <c r="A27174" s="2"/>
      <c r="B27174" s="2"/>
      <c r="C27174" s="2"/>
    </row>
    <row r="27175" spans="1:3" ht="19.2">
      <c r="A27175" s="2"/>
      <c r="B27175" s="2"/>
      <c r="C27175" s="2"/>
    </row>
    <row r="27176" spans="1:3" ht="19.2">
      <c r="A27176" s="2"/>
      <c r="B27176" s="2"/>
      <c r="C27176" s="2"/>
    </row>
    <row r="27177" spans="1:3" ht="19.2">
      <c r="A27177" s="2"/>
      <c r="B27177" s="2"/>
      <c r="C27177" s="2"/>
    </row>
    <row r="27178" spans="1:3" ht="19.2">
      <c r="A27178" s="2"/>
      <c r="B27178" s="2"/>
      <c r="C27178" s="2"/>
    </row>
    <row r="27179" spans="1:3" ht="19.2">
      <c r="A27179" s="2"/>
      <c r="B27179" s="2"/>
      <c r="C27179" s="2"/>
    </row>
    <row r="27180" spans="1:3" ht="19.2">
      <c r="A27180" s="2"/>
      <c r="B27180" s="2"/>
      <c r="C27180" s="2"/>
    </row>
    <row r="27181" spans="1:3" ht="19.2">
      <c r="A27181" s="2"/>
      <c r="B27181" s="2"/>
      <c r="C27181" s="2"/>
    </row>
    <row r="27182" spans="1:3" ht="19.2">
      <c r="A27182" s="2"/>
      <c r="B27182" s="2"/>
      <c r="C27182" s="2"/>
    </row>
    <row r="27183" spans="1:3" ht="19.2">
      <c r="A27183" s="2"/>
      <c r="B27183" s="2"/>
      <c r="C27183" s="2"/>
    </row>
    <row r="27184" spans="1:3" ht="19.2">
      <c r="A27184" s="2"/>
      <c r="B27184" s="2"/>
      <c r="C27184" s="2"/>
    </row>
    <row r="27185" spans="1:3" ht="19.2">
      <c r="A27185" s="2"/>
      <c r="B27185" s="2"/>
      <c r="C27185" s="2"/>
    </row>
    <row r="27186" spans="1:3" ht="19.2">
      <c r="A27186" s="2"/>
      <c r="B27186" s="2"/>
      <c r="C27186" s="2"/>
    </row>
    <row r="27187" spans="1:3" ht="19.2">
      <c r="A27187" s="2"/>
      <c r="B27187" s="2"/>
      <c r="C27187" s="2"/>
    </row>
    <row r="27188" spans="1:3" ht="19.2">
      <c r="A27188" s="2"/>
      <c r="B27188" s="2"/>
      <c r="C27188" s="2"/>
    </row>
    <row r="27189" spans="1:3" ht="19.2">
      <c r="A27189" s="2"/>
      <c r="B27189" s="2"/>
      <c r="C27189" s="2"/>
    </row>
    <row r="27190" spans="1:3" ht="19.2">
      <c r="A27190" s="2"/>
      <c r="B27190" s="2"/>
      <c r="C27190" s="2"/>
    </row>
    <row r="27191" spans="1:3" ht="19.2">
      <c r="A27191" s="2"/>
      <c r="B27191" s="2"/>
      <c r="C27191" s="2"/>
    </row>
    <row r="27192" spans="1:3" ht="19.2">
      <c r="A27192" s="2"/>
      <c r="B27192" s="2"/>
      <c r="C27192" s="2"/>
    </row>
    <row r="27193" spans="1:3" ht="19.2">
      <c r="A27193" s="2"/>
      <c r="B27193" s="2"/>
      <c r="C27193" s="2"/>
    </row>
    <row r="27194" spans="1:3" ht="19.2">
      <c r="A27194" s="2"/>
      <c r="B27194" s="2"/>
      <c r="C27194" s="2"/>
    </row>
    <row r="27195" spans="1:3" ht="19.2">
      <c r="A27195" s="2"/>
      <c r="B27195" s="2"/>
      <c r="C27195" s="2"/>
    </row>
    <row r="27196" spans="1:3" ht="19.2">
      <c r="A27196" s="2"/>
      <c r="B27196" s="2"/>
      <c r="C27196" s="2"/>
    </row>
    <row r="27197" spans="1:3" ht="19.2">
      <c r="A27197" s="2"/>
      <c r="B27197" s="2"/>
      <c r="C27197" s="2"/>
    </row>
    <row r="27198" spans="1:3" ht="19.2">
      <c r="A27198" s="2"/>
      <c r="B27198" s="2"/>
      <c r="C27198" s="2"/>
    </row>
    <row r="27199" spans="1:3" ht="19.2">
      <c r="A27199" s="2"/>
      <c r="B27199" s="2"/>
      <c r="C27199" s="2"/>
    </row>
    <row r="27200" spans="1:3" ht="19.2">
      <c r="A27200" s="2"/>
      <c r="B27200" s="2"/>
      <c r="C27200" s="2"/>
    </row>
    <row r="27201" spans="1:3" ht="19.2">
      <c r="A27201" s="2"/>
      <c r="B27201" s="2"/>
      <c r="C27201" s="2"/>
    </row>
    <row r="27202" spans="1:3" ht="19.2">
      <c r="A27202" s="2"/>
      <c r="B27202" s="2"/>
      <c r="C27202" s="2"/>
    </row>
    <row r="27203" spans="1:3" ht="19.2">
      <c r="A27203" s="2"/>
      <c r="B27203" s="2"/>
      <c r="C27203" s="2"/>
    </row>
    <row r="27204" spans="1:3" ht="19.2">
      <c r="A27204" s="2"/>
      <c r="B27204" s="2"/>
      <c r="C27204" s="2"/>
    </row>
    <row r="27205" spans="1:3" ht="19.2">
      <c r="A27205" s="2"/>
      <c r="B27205" s="2"/>
      <c r="C27205" s="2"/>
    </row>
    <row r="27206" spans="1:3" ht="19.2">
      <c r="A27206" s="2"/>
      <c r="B27206" s="2"/>
      <c r="C27206" s="2"/>
    </row>
    <row r="27207" spans="1:3" ht="19.2">
      <c r="A27207" s="2"/>
      <c r="B27207" s="2"/>
      <c r="C27207" s="2"/>
    </row>
    <row r="27208" spans="1:3" ht="19.2">
      <c r="A27208" s="2"/>
      <c r="B27208" s="2"/>
      <c r="C27208" s="2"/>
    </row>
    <row r="27209" spans="1:3" ht="19.2">
      <c r="A27209" s="2"/>
      <c r="B27209" s="2"/>
      <c r="C27209" s="2"/>
    </row>
    <row r="27210" spans="1:3" ht="19.2">
      <c r="A27210" s="2"/>
      <c r="B27210" s="2"/>
      <c r="C27210" s="2"/>
    </row>
    <row r="27211" spans="1:3" ht="19.2">
      <c r="A27211" s="2"/>
      <c r="B27211" s="2"/>
      <c r="C27211" s="2"/>
    </row>
    <row r="27212" spans="1:3" ht="19.2">
      <c r="A27212" s="2"/>
      <c r="B27212" s="2"/>
      <c r="C27212" s="2"/>
    </row>
    <row r="27213" spans="1:3" ht="19.2">
      <c r="A27213" s="2"/>
      <c r="B27213" s="2"/>
      <c r="C27213" s="2"/>
    </row>
    <row r="27214" spans="1:3" ht="19.2">
      <c r="A27214" s="2"/>
      <c r="B27214" s="2"/>
      <c r="C27214" s="2"/>
    </row>
    <row r="27215" spans="1:3" ht="19.2">
      <c r="A27215" s="2"/>
      <c r="B27215" s="2"/>
      <c r="C27215" s="2"/>
    </row>
    <row r="27216" spans="1:3" ht="19.2">
      <c r="A27216" s="2"/>
      <c r="B27216" s="2"/>
      <c r="C27216" s="2"/>
    </row>
    <row r="27217" spans="1:3" ht="19.2">
      <c r="A27217" s="2"/>
      <c r="B27217" s="2"/>
      <c r="C27217" s="2"/>
    </row>
    <row r="27218" spans="1:3" ht="19.2">
      <c r="A27218" s="2"/>
      <c r="B27218" s="2"/>
      <c r="C27218" s="2"/>
    </row>
    <row r="27219" spans="1:3" ht="19.2">
      <c r="A27219" s="2"/>
      <c r="B27219" s="2"/>
      <c r="C27219" s="2"/>
    </row>
    <row r="27220" spans="1:3" ht="19.2">
      <c r="A27220" s="2"/>
      <c r="B27220" s="2"/>
      <c r="C27220" s="2"/>
    </row>
    <row r="27221" spans="1:3" ht="19.2">
      <c r="A27221" s="2"/>
      <c r="B27221" s="2"/>
      <c r="C27221" s="2"/>
    </row>
    <row r="27222" spans="1:3" ht="19.2">
      <c r="A27222" s="2"/>
      <c r="B27222" s="2"/>
      <c r="C27222" s="2"/>
    </row>
    <row r="27223" spans="1:3" ht="19.2">
      <c r="A27223" s="2"/>
      <c r="B27223" s="2"/>
      <c r="C27223" s="2"/>
    </row>
    <row r="27224" spans="1:3" ht="19.2">
      <c r="A27224" s="2"/>
      <c r="B27224" s="2"/>
      <c r="C27224" s="2"/>
    </row>
    <row r="27225" spans="1:3" ht="19.2">
      <c r="A27225" s="2"/>
      <c r="B27225" s="2"/>
      <c r="C27225" s="2"/>
    </row>
    <row r="27226" spans="1:3" ht="19.2">
      <c r="A27226" s="2"/>
      <c r="B27226" s="2"/>
      <c r="C27226" s="2"/>
    </row>
    <row r="27227" spans="1:3" ht="19.2">
      <c r="A27227" s="2"/>
      <c r="B27227" s="2"/>
      <c r="C27227" s="2"/>
    </row>
    <row r="27228" spans="1:3" ht="19.2">
      <c r="A27228" s="2"/>
      <c r="B27228" s="2"/>
      <c r="C27228" s="2"/>
    </row>
    <row r="27229" spans="1:3" ht="19.2">
      <c r="A27229" s="2"/>
      <c r="B27229" s="2"/>
      <c r="C27229" s="2"/>
    </row>
    <row r="27230" spans="1:3" ht="19.2">
      <c r="A27230" s="2"/>
      <c r="B27230" s="2"/>
      <c r="C27230" s="2"/>
    </row>
    <row r="27231" spans="1:3" ht="19.2">
      <c r="A27231" s="2"/>
      <c r="B27231" s="2"/>
      <c r="C27231" s="2"/>
    </row>
    <row r="27232" spans="1:3" ht="19.2">
      <c r="A27232" s="2"/>
      <c r="B27232" s="2"/>
      <c r="C27232" s="2"/>
    </row>
    <row r="27233" spans="1:3" ht="19.2">
      <c r="A27233" s="2"/>
      <c r="B27233" s="2"/>
      <c r="C27233" s="2"/>
    </row>
    <row r="27234" spans="1:3" ht="19.2">
      <c r="A27234" s="2"/>
      <c r="B27234" s="2"/>
      <c r="C27234" s="2"/>
    </row>
    <row r="27235" spans="1:3" ht="19.2">
      <c r="A27235" s="2"/>
      <c r="B27235" s="2"/>
      <c r="C27235" s="2"/>
    </row>
    <row r="27236" spans="1:3" ht="19.2">
      <c r="A27236" s="2"/>
      <c r="B27236" s="2"/>
      <c r="C27236" s="2"/>
    </row>
    <row r="27237" spans="1:3" ht="19.2">
      <c r="A27237" s="2"/>
      <c r="B27237" s="2"/>
      <c r="C27237" s="2"/>
    </row>
    <row r="27238" spans="1:3" ht="19.2">
      <c r="A27238" s="2"/>
      <c r="B27238" s="2"/>
      <c r="C27238" s="2"/>
    </row>
    <row r="27239" spans="1:3" ht="19.2">
      <c r="A27239" s="2"/>
      <c r="B27239" s="2"/>
      <c r="C27239" s="2"/>
    </row>
    <row r="27240" spans="1:3" ht="19.2">
      <c r="A27240" s="2"/>
      <c r="B27240" s="2"/>
      <c r="C27240" s="2"/>
    </row>
    <row r="27241" spans="1:3" ht="19.2">
      <c r="A27241" s="2"/>
      <c r="B27241" s="2"/>
      <c r="C27241" s="2"/>
    </row>
    <row r="27242" spans="1:3" ht="19.2">
      <c r="A27242" s="2"/>
      <c r="B27242" s="2"/>
      <c r="C27242" s="2"/>
    </row>
    <row r="27243" spans="1:3" ht="19.2">
      <c r="A27243" s="2"/>
      <c r="B27243" s="2"/>
      <c r="C27243" s="2"/>
    </row>
    <row r="27244" spans="1:3" ht="19.2">
      <c r="A27244" s="2"/>
      <c r="B27244" s="2"/>
      <c r="C27244" s="2"/>
    </row>
    <row r="27245" spans="1:3" ht="19.2">
      <c r="A27245" s="2"/>
      <c r="B27245" s="2"/>
      <c r="C27245" s="2"/>
    </row>
    <row r="27246" spans="1:3" ht="19.2">
      <c r="A27246" s="2"/>
      <c r="B27246" s="2"/>
      <c r="C27246" s="2"/>
    </row>
    <row r="27247" spans="1:3" ht="19.2">
      <c r="A27247" s="2"/>
      <c r="B27247" s="2"/>
      <c r="C27247" s="2"/>
    </row>
    <row r="27248" spans="1:3" ht="19.2">
      <c r="A27248" s="2"/>
      <c r="B27248" s="2"/>
      <c r="C27248" s="2"/>
    </row>
    <row r="27249" spans="1:3" ht="19.2">
      <c r="A27249" s="2"/>
      <c r="B27249" s="2"/>
      <c r="C27249" s="2"/>
    </row>
    <row r="27250" spans="1:3" ht="19.2">
      <c r="A27250" s="2"/>
      <c r="B27250" s="2"/>
      <c r="C27250" s="2"/>
    </row>
    <row r="27251" spans="1:3" ht="19.2">
      <c r="A27251" s="2"/>
      <c r="B27251" s="2"/>
      <c r="C27251" s="2"/>
    </row>
    <row r="27252" spans="1:3" ht="19.2">
      <c r="A27252" s="2"/>
      <c r="B27252" s="2"/>
      <c r="C27252" s="2"/>
    </row>
    <row r="27253" spans="1:3" ht="19.2">
      <c r="A27253" s="2"/>
      <c r="B27253" s="2"/>
      <c r="C27253" s="2"/>
    </row>
    <row r="27254" spans="1:3" ht="19.2">
      <c r="A27254" s="2"/>
      <c r="B27254" s="2"/>
      <c r="C27254" s="2"/>
    </row>
    <row r="27255" spans="1:3" ht="19.2">
      <c r="A27255" s="2"/>
      <c r="B27255" s="2"/>
      <c r="C27255" s="2"/>
    </row>
    <row r="27256" spans="1:3" ht="19.2">
      <c r="A27256" s="2"/>
      <c r="B27256" s="2"/>
      <c r="C27256" s="2"/>
    </row>
    <row r="27257" spans="1:3" ht="19.2">
      <c r="A27257" s="2"/>
      <c r="B27257" s="2"/>
      <c r="C27257" s="2"/>
    </row>
    <row r="27258" spans="1:3" ht="19.2">
      <c r="A27258" s="2"/>
      <c r="B27258" s="2"/>
      <c r="C27258" s="2"/>
    </row>
    <row r="27259" spans="1:3" ht="19.2">
      <c r="A27259" s="2"/>
      <c r="B27259" s="2"/>
      <c r="C27259" s="2"/>
    </row>
    <row r="27260" spans="1:3" ht="19.2">
      <c r="A27260" s="2"/>
      <c r="B27260" s="2"/>
      <c r="C27260" s="2"/>
    </row>
    <row r="27261" spans="1:3" ht="19.2">
      <c r="A27261" s="2"/>
      <c r="B27261" s="2"/>
      <c r="C27261" s="2"/>
    </row>
    <row r="27262" spans="1:3" ht="19.2">
      <c r="A27262" s="2"/>
      <c r="B27262" s="2"/>
      <c r="C27262" s="2"/>
    </row>
    <row r="27263" spans="1:3" ht="19.2">
      <c r="A27263" s="2"/>
      <c r="B27263" s="2"/>
      <c r="C27263" s="2"/>
    </row>
    <row r="27264" spans="1:3" ht="19.2">
      <c r="A27264" s="2"/>
      <c r="B27264" s="2"/>
      <c r="C27264" s="2"/>
    </row>
    <row r="27265" spans="1:3" ht="19.2">
      <c r="A27265" s="2"/>
      <c r="B27265" s="2"/>
      <c r="C27265" s="2"/>
    </row>
    <row r="27266" spans="1:3" ht="19.2">
      <c r="A27266" s="2"/>
      <c r="B27266" s="2"/>
      <c r="C27266" s="2"/>
    </row>
    <row r="27267" spans="1:3" ht="19.2">
      <c r="A27267" s="2"/>
      <c r="B27267" s="2"/>
      <c r="C27267" s="2"/>
    </row>
    <row r="27268" spans="1:3" ht="19.2">
      <c r="A27268" s="2"/>
      <c r="B27268" s="2"/>
      <c r="C27268" s="2"/>
    </row>
    <row r="27269" spans="1:3" ht="19.2">
      <c r="A27269" s="2"/>
      <c r="B27269" s="2"/>
      <c r="C27269" s="2"/>
    </row>
    <row r="27270" spans="1:3" ht="19.2">
      <c r="A27270" s="2"/>
      <c r="B27270" s="2"/>
      <c r="C27270" s="2"/>
    </row>
    <row r="27271" spans="1:3" ht="19.2">
      <c r="A27271" s="2"/>
      <c r="B27271" s="2"/>
      <c r="C27271" s="2"/>
    </row>
    <row r="27272" spans="1:3" ht="19.2">
      <c r="A27272" s="2"/>
      <c r="B27272" s="2"/>
      <c r="C27272" s="2"/>
    </row>
    <row r="27273" spans="1:3" ht="19.2">
      <c r="A27273" s="2"/>
      <c r="B27273" s="2"/>
      <c r="C27273" s="2"/>
    </row>
    <row r="27274" spans="1:3" ht="19.2">
      <c r="A27274" s="2"/>
      <c r="B27274" s="2"/>
      <c r="C27274" s="2"/>
    </row>
    <row r="27275" spans="1:3" ht="19.2">
      <c r="A27275" s="2"/>
      <c r="B27275" s="2"/>
      <c r="C27275" s="2"/>
    </row>
    <row r="27276" spans="1:3" ht="19.2">
      <c r="A27276" s="2"/>
      <c r="B27276" s="2"/>
      <c r="C27276" s="2"/>
    </row>
    <row r="27277" spans="1:3" ht="19.2">
      <c r="A27277" s="2"/>
      <c r="B27277" s="2"/>
      <c r="C27277" s="2"/>
    </row>
    <row r="27278" spans="1:3" ht="19.2">
      <c r="A27278" s="2"/>
      <c r="B27278" s="2"/>
      <c r="C27278" s="2"/>
    </row>
    <row r="27279" spans="1:3" ht="19.2">
      <c r="A27279" s="2"/>
      <c r="B27279" s="2"/>
      <c r="C27279" s="2"/>
    </row>
    <row r="27280" spans="1:3" ht="19.2">
      <c r="A27280" s="2"/>
      <c r="B27280" s="2"/>
      <c r="C27280" s="2"/>
    </row>
    <row r="27281" spans="1:3" ht="19.2">
      <c r="A27281" s="2"/>
      <c r="B27281" s="2"/>
      <c r="C27281" s="2"/>
    </row>
    <row r="27282" spans="1:3" ht="19.2">
      <c r="A27282" s="2"/>
      <c r="B27282" s="2"/>
      <c r="C27282" s="2"/>
    </row>
    <row r="27283" spans="1:3" ht="19.2">
      <c r="A27283" s="2"/>
      <c r="B27283" s="2"/>
      <c r="C27283" s="2"/>
    </row>
    <row r="27284" spans="1:3" ht="19.2">
      <c r="A27284" s="2"/>
      <c r="B27284" s="2"/>
      <c r="C27284" s="2"/>
    </row>
    <row r="27285" spans="1:3" ht="19.2">
      <c r="A27285" s="2"/>
      <c r="B27285" s="2"/>
      <c r="C27285" s="2"/>
    </row>
    <row r="27286" spans="1:3" ht="19.2">
      <c r="A27286" s="2"/>
      <c r="B27286" s="2"/>
      <c r="C27286" s="2"/>
    </row>
    <row r="27287" spans="1:3" ht="19.2">
      <c r="A27287" s="2"/>
      <c r="B27287" s="2"/>
      <c r="C27287" s="2"/>
    </row>
    <row r="27288" spans="1:3" ht="19.2">
      <c r="A27288" s="2"/>
      <c r="B27288" s="2"/>
      <c r="C27288" s="2"/>
    </row>
    <row r="27289" spans="1:3" ht="19.2">
      <c r="A27289" s="2"/>
      <c r="B27289" s="2"/>
      <c r="C27289" s="2"/>
    </row>
    <row r="27290" spans="1:3" ht="19.2">
      <c r="A27290" s="2"/>
      <c r="B27290" s="2"/>
      <c r="C27290" s="2"/>
    </row>
    <row r="27291" spans="1:3" ht="19.2">
      <c r="A27291" s="2"/>
      <c r="B27291" s="2"/>
      <c r="C27291" s="2"/>
    </row>
    <row r="27292" spans="1:3" ht="19.2">
      <c r="A27292" s="2"/>
      <c r="B27292" s="2"/>
      <c r="C27292" s="2"/>
    </row>
    <row r="27293" spans="1:3" ht="19.2">
      <c r="A27293" s="2"/>
      <c r="B27293" s="2"/>
      <c r="C27293" s="2"/>
    </row>
    <row r="27294" spans="1:3" ht="19.2">
      <c r="A27294" s="2"/>
      <c r="B27294" s="2"/>
      <c r="C27294" s="2"/>
    </row>
    <row r="27295" spans="1:3" ht="19.2">
      <c r="A27295" s="2"/>
      <c r="B27295" s="2"/>
      <c r="C27295" s="2"/>
    </row>
    <row r="27296" spans="1:3" ht="19.2">
      <c r="A27296" s="2"/>
      <c r="B27296" s="2"/>
      <c r="C27296" s="2"/>
    </row>
    <row r="27297" spans="1:3" ht="19.2">
      <c r="A27297" s="2"/>
      <c r="B27297" s="2"/>
      <c r="C27297" s="2"/>
    </row>
    <row r="27298" spans="1:3" ht="19.2">
      <c r="A27298" s="2"/>
      <c r="B27298" s="2"/>
      <c r="C27298" s="2"/>
    </row>
    <row r="27299" spans="1:3" ht="19.2">
      <c r="A27299" s="2"/>
      <c r="B27299" s="2"/>
      <c r="C27299" s="2"/>
    </row>
    <row r="27300" spans="1:3" ht="19.2">
      <c r="A27300" s="2"/>
      <c r="B27300" s="2"/>
      <c r="C27300" s="2"/>
    </row>
    <row r="27301" spans="1:3" ht="19.2">
      <c r="A27301" s="2"/>
      <c r="B27301" s="2"/>
      <c r="C27301" s="2"/>
    </row>
    <row r="27302" spans="1:3" ht="19.2">
      <c r="A27302" s="2"/>
      <c r="B27302" s="2"/>
      <c r="C27302" s="2"/>
    </row>
    <row r="27303" spans="1:3" ht="19.2">
      <c r="A27303" s="2"/>
      <c r="B27303" s="2"/>
      <c r="C27303" s="2"/>
    </row>
    <row r="27304" spans="1:3" ht="19.2">
      <c r="A27304" s="2"/>
      <c r="B27304" s="2"/>
      <c r="C27304" s="2"/>
    </row>
    <row r="27305" spans="1:3" ht="19.2">
      <c r="A27305" s="2"/>
      <c r="B27305" s="2"/>
      <c r="C27305" s="2"/>
    </row>
    <row r="27306" spans="1:3" ht="19.2">
      <c r="A27306" s="2"/>
      <c r="B27306" s="2"/>
      <c r="C27306" s="2"/>
    </row>
    <row r="27307" spans="1:3" ht="19.2">
      <c r="A27307" s="2"/>
      <c r="B27307" s="2"/>
      <c r="C27307" s="2"/>
    </row>
    <row r="27308" spans="1:3" ht="19.2">
      <c r="A27308" s="2"/>
      <c r="B27308" s="2"/>
      <c r="C27308" s="2"/>
    </row>
    <row r="27309" spans="1:3" ht="19.2">
      <c r="A27309" s="2"/>
      <c r="B27309" s="2"/>
      <c r="C27309" s="2"/>
    </row>
    <row r="27310" spans="1:3" ht="19.2">
      <c r="A27310" s="2"/>
      <c r="B27310" s="2"/>
      <c r="C27310" s="2"/>
    </row>
    <row r="27311" spans="1:3" ht="19.2">
      <c r="A27311" s="2"/>
      <c r="B27311" s="2"/>
      <c r="C27311" s="2"/>
    </row>
    <row r="27312" spans="1:3" ht="19.2">
      <c r="A27312" s="2"/>
      <c r="B27312" s="2"/>
      <c r="C27312" s="2"/>
    </row>
    <row r="27313" spans="1:3" ht="19.2">
      <c r="A27313" s="2"/>
      <c r="B27313" s="2"/>
      <c r="C27313" s="2"/>
    </row>
    <row r="27314" spans="1:3" ht="19.2">
      <c r="A27314" s="2"/>
      <c r="B27314" s="2"/>
      <c r="C27314" s="2"/>
    </row>
    <row r="27315" spans="1:3" ht="19.2">
      <c r="A27315" s="2"/>
      <c r="B27315" s="2"/>
      <c r="C27315" s="2"/>
    </row>
    <row r="27316" spans="1:3" ht="19.2">
      <c r="A27316" s="2"/>
      <c r="B27316" s="2"/>
      <c r="C27316" s="2"/>
    </row>
    <row r="27317" spans="1:3" ht="19.2">
      <c r="A27317" s="2"/>
      <c r="B27317" s="2"/>
      <c r="C27317" s="2"/>
    </row>
    <row r="27318" spans="1:3" ht="19.2">
      <c r="A27318" s="2"/>
      <c r="B27318" s="2"/>
      <c r="C27318" s="2"/>
    </row>
    <row r="27319" spans="1:3" ht="19.2">
      <c r="A27319" s="2"/>
      <c r="B27319" s="2"/>
      <c r="C27319" s="2"/>
    </row>
    <row r="27320" spans="1:3" ht="19.2">
      <c r="A27320" s="2"/>
      <c r="B27320" s="2"/>
      <c r="C27320" s="2"/>
    </row>
    <row r="27321" spans="1:3" ht="19.2">
      <c r="A27321" s="2"/>
      <c r="B27321" s="2"/>
      <c r="C27321" s="2"/>
    </row>
    <row r="27322" spans="1:3" ht="19.2">
      <c r="A27322" s="2"/>
      <c r="B27322" s="2"/>
      <c r="C27322" s="2"/>
    </row>
    <row r="27323" spans="1:3" ht="19.2">
      <c r="A27323" s="2"/>
      <c r="B27323" s="2"/>
      <c r="C27323" s="2"/>
    </row>
    <row r="27324" spans="1:3" ht="19.2">
      <c r="A27324" s="2"/>
      <c r="B27324" s="2"/>
      <c r="C27324" s="2"/>
    </row>
    <row r="27325" spans="1:3" ht="19.2">
      <c r="A27325" s="2"/>
      <c r="B27325" s="2"/>
      <c r="C27325" s="2"/>
    </row>
    <row r="27326" spans="1:3" ht="19.2">
      <c r="A27326" s="2"/>
      <c r="B27326" s="2"/>
      <c r="C27326" s="2"/>
    </row>
    <row r="27327" spans="1:3" ht="19.2">
      <c r="A27327" s="2"/>
      <c r="B27327" s="2"/>
      <c r="C27327" s="2"/>
    </row>
    <row r="27328" spans="1:3" ht="19.2">
      <c r="A27328" s="2"/>
      <c r="B27328" s="2"/>
      <c r="C27328" s="2"/>
    </row>
    <row r="27329" spans="1:3" ht="19.2">
      <c r="A27329" s="2"/>
      <c r="B27329" s="2"/>
      <c r="C27329" s="2"/>
    </row>
    <row r="27330" spans="1:3" ht="19.2">
      <c r="A27330" s="2"/>
      <c r="B27330" s="2"/>
      <c r="C27330" s="2"/>
    </row>
    <row r="27331" spans="1:3" ht="19.2">
      <c r="A27331" s="2"/>
      <c r="B27331" s="2"/>
      <c r="C27331" s="2"/>
    </row>
    <row r="27332" spans="1:3" ht="19.2">
      <c r="A27332" s="2"/>
      <c r="B27332" s="2"/>
      <c r="C27332" s="2"/>
    </row>
    <row r="27333" spans="1:3" ht="19.2">
      <c r="A27333" s="2"/>
      <c r="B27333" s="2"/>
      <c r="C27333" s="2"/>
    </row>
    <row r="27334" spans="1:3" ht="19.2">
      <c r="A27334" s="2"/>
      <c r="B27334" s="2"/>
      <c r="C27334" s="2"/>
    </row>
    <row r="27335" spans="1:3" ht="19.2">
      <c r="A27335" s="2"/>
      <c r="B27335" s="2"/>
      <c r="C27335" s="2"/>
    </row>
    <row r="27336" spans="1:3" ht="19.2">
      <c r="A27336" s="2"/>
      <c r="B27336" s="2"/>
      <c r="C27336" s="2"/>
    </row>
    <row r="27337" spans="1:3" ht="19.2">
      <c r="A27337" s="2"/>
      <c r="B27337" s="2"/>
      <c r="C27337" s="2"/>
    </row>
    <row r="27338" spans="1:3" ht="19.2">
      <c r="A27338" s="2"/>
      <c r="B27338" s="2"/>
      <c r="C27338" s="2"/>
    </row>
    <row r="27339" spans="1:3" ht="19.2">
      <c r="A27339" s="2"/>
      <c r="B27339" s="2"/>
      <c r="C27339" s="2"/>
    </row>
    <row r="27340" spans="1:3" ht="19.2">
      <c r="A27340" s="2"/>
      <c r="B27340" s="2"/>
      <c r="C27340" s="2"/>
    </row>
    <row r="27341" spans="1:3" ht="19.2">
      <c r="A27341" s="2"/>
      <c r="B27341" s="2"/>
      <c r="C27341" s="2"/>
    </row>
    <row r="27342" spans="1:3" ht="19.2">
      <c r="A27342" s="2"/>
      <c r="B27342" s="2"/>
      <c r="C27342" s="2"/>
    </row>
    <row r="27343" spans="1:3" ht="19.2">
      <c r="A27343" s="2"/>
      <c r="B27343" s="2"/>
      <c r="C27343" s="2"/>
    </row>
    <row r="27344" spans="1:3" ht="19.2">
      <c r="A27344" s="2"/>
      <c r="B27344" s="2"/>
      <c r="C27344" s="2"/>
    </row>
    <row r="27345" spans="1:3" ht="19.2">
      <c r="A27345" s="2"/>
      <c r="B27345" s="2"/>
      <c r="C27345" s="2"/>
    </row>
    <row r="27346" spans="1:3" ht="19.2">
      <c r="A27346" s="2"/>
      <c r="B27346" s="2"/>
      <c r="C27346" s="2"/>
    </row>
    <row r="27347" spans="1:3" ht="19.2">
      <c r="A27347" s="2"/>
      <c r="B27347" s="2"/>
      <c r="C27347" s="2"/>
    </row>
    <row r="27348" spans="1:3" ht="19.2">
      <c r="A27348" s="2"/>
      <c r="B27348" s="2"/>
      <c r="C27348" s="2"/>
    </row>
    <row r="27349" spans="1:3" ht="19.2">
      <c r="A27349" s="2"/>
      <c r="B27349" s="2"/>
      <c r="C27349" s="2"/>
    </row>
    <row r="27350" spans="1:3" ht="19.2">
      <c r="A27350" s="2"/>
      <c r="B27350" s="2"/>
      <c r="C27350" s="2"/>
    </row>
    <row r="27351" spans="1:3" ht="19.2">
      <c r="A27351" s="2"/>
      <c r="B27351" s="2"/>
      <c r="C27351" s="2"/>
    </row>
    <row r="27352" spans="1:3" ht="19.2">
      <c r="A27352" s="2"/>
      <c r="B27352" s="2"/>
      <c r="C27352" s="2"/>
    </row>
    <row r="27353" spans="1:3" ht="19.2">
      <c r="A27353" s="2"/>
      <c r="B27353" s="2"/>
      <c r="C27353" s="2"/>
    </row>
    <row r="27354" spans="1:3" ht="19.2">
      <c r="A27354" s="2"/>
      <c r="B27354" s="2"/>
      <c r="C27354" s="2"/>
    </row>
    <row r="27355" spans="1:3" ht="19.2">
      <c r="A27355" s="2"/>
      <c r="B27355" s="2"/>
      <c r="C27355" s="2"/>
    </row>
    <row r="27356" spans="1:3" ht="19.2">
      <c r="A27356" s="2"/>
      <c r="B27356" s="2"/>
      <c r="C27356" s="2"/>
    </row>
    <row r="27357" spans="1:3" ht="19.2">
      <c r="A27357" s="2"/>
      <c r="B27357" s="2"/>
      <c r="C27357" s="2"/>
    </row>
    <row r="27358" spans="1:3" ht="19.2">
      <c r="A27358" s="2"/>
      <c r="B27358" s="2"/>
      <c r="C27358" s="2"/>
    </row>
    <row r="27359" spans="1:3" ht="19.2">
      <c r="A27359" s="2"/>
      <c r="B27359" s="2"/>
      <c r="C27359" s="2"/>
    </row>
    <row r="27360" spans="1:3" ht="19.2">
      <c r="A27360" s="2"/>
      <c r="B27360" s="2"/>
      <c r="C27360" s="2"/>
    </row>
    <row r="27361" spans="1:3" ht="19.2">
      <c r="A27361" s="2"/>
      <c r="B27361" s="2"/>
      <c r="C27361" s="2"/>
    </row>
    <row r="27362" spans="1:3" ht="19.2">
      <c r="A27362" s="2"/>
      <c r="B27362" s="2"/>
      <c r="C27362" s="2"/>
    </row>
    <row r="27363" spans="1:3" ht="19.2">
      <c r="A27363" s="2"/>
      <c r="B27363" s="2"/>
      <c r="C27363" s="2"/>
    </row>
    <row r="27364" spans="1:3" ht="19.2">
      <c r="A27364" s="2"/>
      <c r="B27364" s="2"/>
      <c r="C27364" s="2"/>
    </row>
    <row r="27365" spans="1:3" ht="19.2">
      <c r="A27365" s="2"/>
      <c r="B27365" s="2"/>
      <c r="C27365" s="2"/>
    </row>
    <row r="27366" spans="1:3" ht="19.2">
      <c r="A27366" s="2"/>
      <c r="B27366" s="2"/>
      <c r="C27366" s="2"/>
    </row>
    <row r="27367" spans="1:3" ht="19.2">
      <c r="A27367" s="2"/>
      <c r="B27367" s="2"/>
      <c r="C27367" s="2"/>
    </row>
    <row r="27368" spans="1:3" ht="19.2">
      <c r="A27368" s="2"/>
      <c r="B27368" s="2"/>
      <c r="C27368" s="2"/>
    </row>
    <row r="27369" spans="1:3" ht="19.2">
      <c r="A27369" s="2"/>
      <c r="B27369" s="2"/>
      <c r="C27369" s="2"/>
    </row>
    <row r="27370" spans="1:3" ht="19.2">
      <c r="A27370" s="2"/>
      <c r="B27370" s="2"/>
      <c r="C27370" s="2"/>
    </row>
    <row r="27371" spans="1:3" ht="19.2">
      <c r="A27371" s="2"/>
      <c r="B27371" s="2"/>
      <c r="C27371" s="2"/>
    </row>
    <row r="27372" spans="1:3" ht="19.2">
      <c r="A27372" s="2"/>
      <c r="B27372" s="2"/>
      <c r="C27372" s="2"/>
    </row>
    <row r="27373" spans="1:3" ht="19.2">
      <c r="A27373" s="2"/>
      <c r="B27373" s="2"/>
      <c r="C27373" s="2"/>
    </row>
    <row r="27374" spans="1:3" ht="19.2">
      <c r="A27374" s="2"/>
      <c r="B27374" s="2"/>
      <c r="C27374" s="2"/>
    </row>
    <row r="27375" spans="1:3" ht="19.2">
      <c r="A27375" s="2"/>
      <c r="B27375" s="2"/>
      <c r="C27375" s="2"/>
    </row>
    <row r="27376" spans="1:3" ht="19.2">
      <c r="A27376" s="2"/>
      <c r="B27376" s="2"/>
      <c r="C27376" s="2"/>
    </row>
    <row r="27377" spans="1:3" ht="19.2">
      <c r="A27377" s="2"/>
      <c r="B27377" s="2"/>
      <c r="C27377" s="2"/>
    </row>
    <row r="27378" spans="1:3" ht="19.2">
      <c r="A27378" s="2"/>
      <c r="B27378" s="2"/>
      <c r="C27378" s="2"/>
    </row>
    <row r="27379" spans="1:3" ht="19.2">
      <c r="A27379" s="2"/>
      <c r="B27379" s="2"/>
      <c r="C27379" s="2"/>
    </row>
    <row r="27380" spans="1:3" ht="19.2">
      <c r="A27380" s="2"/>
      <c r="B27380" s="2"/>
      <c r="C27380" s="2"/>
    </row>
    <row r="27381" spans="1:3" ht="19.2">
      <c r="A27381" s="2"/>
      <c r="B27381" s="2"/>
      <c r="C27381" s="2"/>
    </row>
    <row r="27382" spans="1:3" ht="19.2">
      <c r="A27382" s="2"/>
      <c r="B27382" s="2"/>
      <c r="C27382" s="2"/>
    </row>
    <row r="27383" spans="1:3" ht="19.2">
      <c r="A27383" s="2"/>
      <c r="B27383" s="2"/>
      <c r="C27383" s="2"/>
    </row>
    <row r="27384" spans="1:3" ht="19.2">
      <c r="A27384" s="2"/>
      <c r="B27384" s="2"/>
      <c r="C27384" s="2"/>
    </row>
    <row r="27385" spans="1:3" ht="19.2">
      <c r="A27385" s="2"/>
      <c r="B27385" s="2"/>
      <c r="C27385" s="2"/>
    </row>
    <row r="27386" spans="1:3" ht="19.2">
      <c r="A27386" s="2"/>
      <c r="B27386" s="2"/>
      <c r="C27386" s="2"/>
    </row>
    <row r="27387" spans="1:3" ht="19.2">
      <c r="A27387" s="2"/>
      <c r="B27387" s="2"/>
      <c r="C27387" s="2"/>
    </row>
    <row r="27388" spans="1:3" ht="19.2">
      <c r="A27388" s="2"/>
      <c r="B27388" s="2"/>
      <c r="C27388" s="2"/>
    </row>
    <row r="27389" spans="1:3" ht="19.2">
      <c r="A27389" s="2"/>
      <c r="B27389" s="2"/>
      <c r="C27389" s="2"/>
    </row>
    <row r="27390" spans="1:3" ht="19.2">
      <c r="A27390" s="2"/>
      <c r="B27390" s="2"/>
      <c r="C27390" s="2"/>
    </row>
    <row r="27391" spans="1:3" ht="19.2">
      <c r="A27391" s="2"/>
      <c r="B27391" s="2"/>
      <c r="C27391" s="2"/>
    </row>
    <row r="27392" spans="1:3" ht="19.2">
      <c r="A27392" s="2"/>
      <c r="B27392" s="2"/>
      <c r="C27392" s="2"/>
    </row>
    <row r="27393" spans="1:3" ht="19.2">
      <c r="A27393" s="2"/>
      <c r="B27393" s="2"/>
      <c r="C27393" s="2"/>
    </row>
    <row r="27394" spans="1:3" ht="19.2">
      <c r="A27394" s="2"/>
      <c r="B27394" s="2"/>
      <c r="C27394" s="2"/>
    </row>
    <row r="27395" spans="1:3" ht="19.2">
      <c r="A27395" s="2"/>
      <c r="B27395" s="2"/>
      <c r="C27395" s="2"/>
    </row>
    <row r="27396" spans="1:3" ht="19.2">
      <c r="A27396" s="2"/>
      <c r="B27396" s="2"/>
      <c r="C27396" s="2"/>
    </row>
    <row r="27397" spans="1:3" ht="19.2">
      <c r="A27397" s="2"/>
      <c r="B27397" s="2"/>
      <c r="C27397" s="2"/>
    </row>
    <row r="27398" spans="1:3" ht="19.2">
      <c r="A27398" s="2"/>
      <c r="B27398" s="2"/>
      <c r="C27398" s="2"/>
    </row>
    <row r="27399" spans="1:3" ht="19.2">
      <c r="A27399" s="2"/>
      <c r="B27399" s="2"/>
      <c r="C27399" s="2"/>
    </row>
    <row r="27400" spans="1:3" ht="19.2">
      <c r="A27400" s="2"/>
      <c r="B27400" s="2"/>
      <c r="C27400" s="2"/>
    </row>
    <row r="27401" spans="1:3" ht="19.2">
      <c r="A27401" s="2"/>
      <c r="B27401" s="2"/>
      <c r="C27401" s="2"/>
    </row>
    <row r="27402" spans="1:3" ht="19.2">
      <c r="A27402" s="2"/>
      <c r="B27402" s="2"/>
      <c r="C27402" s="2"/>
    </row>
    <row r="27403" spans="1:3" ht="19.2">
      <c r="A27403" s="2"/>
      <c r="B27403" s="2"/>
      <c r="C27403" s="2"/>
    </row>
    <row r="27404" spans="1:3" ht="19.2">
      <c r="A27404" s="2"/>
      <c r="B27404" s="2"/>
      <c r="C27404" s="2"/>
    </row>
    <row r="27405" spans="1:3" ht="19.2">
      <c r="A27405" s="2"/>
      <c r="B27405" s="2"/>
      <c r="C27405" s="2"/>
    </row>
    <row r="27406" spans="1:3" ht="19.2">
      <c r="A27406" s="2"/>
      <c r="B27406" s="2"/>
      <c r="C27406" s="2"/>
    </row>
    <row r="27407" spans="1:3" ht="19.2">
      <c r="A27407" s="2"/>
      <c r="B27407" s="2"/>
      <c r="C27407" s="2"/>
    </row>
    <row r="27408" spans="1:3" ht="19.2">
      <c r="A27408" s="2"/>
      <c r="B27408" s="2"/>
      <c r="C27408" s="2"/>
    </row>
    <row r="27409" spans="1:3" ht="19.2">
      <c r="A27409" s="2"/>
      <c r="B27409" s="2"/>
      <c r="C27409" s="2"/>
    </row>
    <row r="27410" spans="1:3" ht="19.2">
      <c r="A27410" s="2"/>
      <c r="B27410" s="2"/>
      <c r="C27410" s="2"/>
    </row>
    <row r="27411" spans="1:3" ht="19.2">
      <c r="A27411" s="2"/>
      <c r="B27411" s="2"/>
      <c r="C27411" s="2"/>
    </row>
    <row r="27412" spans="1:3" ht="19.2">
      <c r="A27412" s="2"/>
      <c r="B27412" s="2"/>
      <c r="C27412" s="2"/>
    </row>
    <row r="27413" spans="1:3" ht="19.2">
      <c r="A27413" s="2"/>
      <c r="B27413" s="2"/>
      <c r="C27413" s="2"/>
    </row>
    <row r="27414" spans="1:3" ht="19.2">
      <c r="A27414" s="2"/>
      <c r="B27414" s="2"/>
      <c r="C27414" s="2"/>
    </row>
    <row r="27415" spans="1:3" ht="19.2">
      <c r="A27415" s="2"/>
      <c r="B27415" s="2"/>
      <c r="C27415" s="2"/>
    </row>
    <row r="27416" spans="1:3" ht="19.2">
      <c r="A27416" s="2"/>
      <c r="B27416" s="2"/>
      <c r="C27416" s="2"/>
    </row>
    <row r="27417" spans="1:3" ht="19.2">
      <c r="A27417" s="2"/>
      <c r="B27417" s="2"/>
      <c r="C27417" s="2"/>
    </row>
    <row r="27418" spans="1:3" ht="19.2">
      <c r="A27418" s="2"/>
      <c r="B27418" s="2"/>
      <c r="C27418" s="2"/>
    </row>
    <row r="27419" spans="1:3" ht="19.2">
      <c r="A27419" s="2"/>
      <c r="B27419" s="2"/>
      <c r="C27419" s="2"/>
    </row>
    <row r="27420" spans="1:3" ht="19.2">
      <c r="A27420" s="2"/>
      <c r="B27420" s="2"/>
      <c r="C27420" s="2"/>
    </row>
    <row r="27421" spans="1:3" ht="19.2">
      <c r="A27421" s="2"/>
      <c r="B27421" s="2"/>
      <c r="C27421" s="2"/>
    </row>
    <row r="27422" spans="1:3" ht="19.2">
      <c r="A27422" s="2"/>
      <c r="B27422" s="2"/>
      <c r="C27422" s="2"/>
    </row>
    <row r="27423" spans="1:3" ht="19.2">
      <c r="A27423" s="2"/>
      <c r="B27423" s="2"/>
      <c r="C27423" s="2"/>
    </row>
    <row r="27424" spans="1:3" ht="19.2">
      <c r="A27424" s="2"/>
      <c r="B27424" s="2"/>
      <c r="C27424" s="2"/>
    </row>
    <row r="27425" spans="1:3" ht="19.2">
      <c r="A27425" s="2"/>
      <c r="B27425" s="2"/>
      <c r="C27425" s="2"/>
    </row>
    <row r="27426" spans="1:3" ht="19.2">
      <c r="A27426" s="2"/>
      <c r="B27426" s="2"/>
      <c r="C27426" s="2"/>
    </row>
    <row r="27427" spans="1:3" ht="19.2">
      <c r="A27427" s="2"/>
      <c r="B27427" s="2"/>
      <c r="C27427" s="2"/>
    </row>
    <row r="27428" spans="1:3" ht="19.2">
      <c r="A27428" s="2"/>
      <c r="B27428" s="2"/>
      <c r="C27428" s="2"/>
    </row>
    <row r="27429" spans="1:3" ht="19.2">
      <c r="A27429" s="2"/>
      <c r="B27429" s="2"/>
      <c r="C27429" s="2"/>
    </row>
    <row r="27430" spans="1:3" ht="19.2">
      <c r="A27430" s="2"/>
      <c r="B27430" s="2"/>
      <c r="C27430" s="2"/>
    </row>
    <row r="27431" spans="1:3" ht="19.2">
      <c r="A27431" s="2"/>
      <c r="B27431" s="2"/>
      <c r="C27431" s="2"/>
    </row>
    <row r="27432" spans="1:3" ht="19.2">
      <c r="A27432" s="2"/>
      <c r="B27432" s="2"/>
      <c r="C27432" s="2"/>
    </row>
    <row r="27433" spans="1:3" ht="19.2">
      <c r="A27433" s="2"/>
      <c r="B27433" s="2"/>
      <c r="C27433" s="2"/>
    </row>
    <row r="27434" spans="1:3" ht="19.2">
      <c r="A27434" s="2"/>
      <c r="B27434" s="2"/>
      <c r="C27434" s="2"/>
    </row>
    <row r="27435" spans="1:3" ht="19.2">
      <c r="A27435" s="2"/>
      <c r="B27435" s="2"/>
      <c r="C27435" s="2"/>
    </row>
    <row r="27436" spans="1:3" ht="19.2">
      <c r="A27436" s="2"/>
      <c r="B27436" s="2"/>
      <c r="C27436" s="2"/>
    </row>
    <row r="27437" spans="1:3" ht="19.2">
      <c r="A27437" s="2"/>
      <c r="B27437" s="2"/>
      <c r="C27437" s="2"/>
    </row>
    <row r="27438" spans="1:3" ht="19.2">
      <c r="A27438" s="2"/>
      <c r="B27438" s="2"/>
      <c r="C27438" s="2"/>
    </row>
    <row r="27439" spans="1:3" ht="19.2">
      <c r="A27439" s="2"/>
      <c r="B27439" s="2"/>
      <c r="C27439" s="2"/>
    </row>
    <row r="27440" spans="1:3" ht="19.2">
      <c r="A27440" s="2"/>
      <c r="B27440" s="2"/>
      <c r="C27440" s="2"/>
    </row>
    <row r="27441" spans="1:3" ht="19.2">
      <c r="A27441" s="2"/>
      <c r="B27441" s="2"/>
      <c r="C27441" s="2"/>
    </row>
    <row r="27442" spans="1:3" ht="19.2">
      <c r="A27442" s="2"/>
      <c r="B27442" s="2"/>
      <c r="C27442" s="2"/>
    </row>
    <row r="27443" spans="1:3" ht="19.2">
      <c r="A27443" s="2"/>
      <c r="B27443" s="2"/>
      <c r="C27443" s="2"/>
    </row>
    <row r="27444" spans="1:3" ht="19.2">
      <c r="A27444" s="2"/>
      <c r="B27444" s="2"/>
      <c r="C27444" s="2"/>
    </row>
    <row r="27445" spans="1:3" ht="19.2">
      <c r="A27445" s="2"/>
      <c r="B27445" s="2"/>
      <c r="C27445" s="2"/>
    </row>
    <row r="27446" spans="1:3" ht="19.2">
      <c r="A27446" s="2"/>
      <c r="B27446" s="2"/>
      <c r="C27446" s="2"/>
    </row>
    <row r="27447" spans="1:3" ht="19.2">
      <c r="A27447" s="2"/>
      <c r="B27447" s="2"/>
      <c r="C27447" s="2"/>
    </row>
    <row r="27448" spans="1:3" ht="19.2">
      <c r="A27448" s="2"/>
      <c r="B27448" s="2"/>
      <c r="C27448" s="2"/>
    </row>
    <row r="27449" spans="1:3" ht="19.2">
      <c r="A27449" s="2"/>
      <c r="B27449" s="2"/>
      <c r="C27449" s="2"/>
    </row>
    <row r="27450" spans="1:3" ht="19.2">
      <c r="A27450" s="2"/>
      <c r="B27450" s="2"/>
      <c r="C27450" s="2"/>
    </row>
    <row r="27451" spans="1:3" ht="19.2">
      <c r="A27451" s="2"/>
      <c r="B27451" s="2"/>
      <c r="C27451" s="2"/>
    </row>
    <row r="27452" spans="1:3" ht="19.2">
      <c r="A27452" s="2"/>
      <c r="B27452" s="2"/>
      <c r="C27452" s="2"/>
    </row>
    <row r="27453" spans="1:3" ht="19.2">
      <c r="A27453" s="2"/>
      <c r="B27453" s="2"/>
      <c r="C27453" s="2"/>
    </row>
    <row r="27454" spans="1:3" ht="19.2">
      <c r="A27454" s="2"/>
      <c r="B27454" s="2"/>
      <c r="C27454" s="2"/>
    </row>
    <row r="27455" spans="1:3" ht="19.2">
      <c r="A27455" s="2"/>
      <c r="B27455" s="2"/>
      <c r="C27455" s="2"/>
    </row>
    <row r="27456" spans="1:3" ht="19.2">
      <c r="A27456" s="2"/>
      <c r="B27456" s="2"/>
      <c r="C27456" s="2"/>
    </row>
    <row r="27457" spans="1:3" ht="19.2">
      <c r="A27457" s="2"/>
      <c r="B27457" s="2"/>
      <c r="C27457" s="2"/>
    </row>
    <row r="27458" spans="1:3" ht="19.2">
      <c r="A27458" s="2"/>
      <c r="B27458" s="2"/>
      <c r="C27458" s="2"/>
    </row>
    <row r="27459" spans="1:3" ht="19.2">
      <c r="A27459" s="2"/>
      <c r="B27459" s="2"/>
      <c r="C27459" s="2"/>
    </row>
    <row r="27460" spans="1:3" ht="19.2">
      <c r="A27460" s="2"/>
      <c r="B27460" s="2"/>
      <c r="C27460" s="2"/>
    </row>
    <row r="27461" spans="1:3" ht="19.2">
      <c r="A27461" s="2"/>
      <c r="B27461" s="2"/>
      <c r="C27461" s="2"/>
    </row>
    <row r="27462" spans="1:3" ht="19.2">
      <c r="A27462" s="2"/>
      <c r="B27462" s="2"/>
      <c r="C27462" s="2"/>
    </row>
    <row r="27463" spans="1:3" ht="19.2">
      <c r="A27463" s="2"/>
      <c r="B27463" s="2"/>
      <c r="C27463" s="2"/>
    </row>
    <row r="27464" spans="1:3" ht="19.2">
      <c r="A27464" s="2"/>
      <c r="B27464" s="2"/>
      <c r="C27464" s="2"/>
    </row>
    <row r="27465" spans="1:3" ht="19.2">
      <c r="A27465" s="2"/>
      <c r="B27465" s="2"/>
      <c r="C27465" s="2"/>
    </row>
    <row r="27466" spans="1:3" ht="19.2">
      <c r="A27466" s="2"/>
      <c r="B27466" s="2"/>
      <c r="C27466" s="2"/>
    </row>
    <row r="27467" spans="1:3" ht="19.2">
      <c r="A27467" s="2"/>
      <c r="B27467" s="2"/>
      <c r="C27467" s="2"/>
    </row>
    <row r="27468" spans="1:3" ht="19.2">
      <c r="A27468" s="2"/>
      <c r="B27468" s="2"/>
      <c r="C27468" s="2"/>
    </row>
    <row r="27469" spans="1:3" ht="19.2">
      <c r="A27469" s="2"/>
      <c r="B27469" s="2"/>
      <c r="C27469" s="2"/>
    </row>
    <row r="27470" spans="1:3" ht="19.2">
      <c r="A27470" s="2"/>
      <c r="B27470" s="2"/>
      <c r="C27470" s="2"/>
    </row>
    <row r="27471" spans="1:3" ht="19.2">
      <c r="A27471" s="2"/>
      <c r="B27471" s="2"/>
      <c r="C27471" s="2"/>
    </row>
    <row r="27472" spans="1:3" ht="19.2">
      <c r="A27472" s="2"/>
      <c r="B27472" s="2"/>
      <c r="C27472" s="2"/>
    </row>
    <row r="27473" spans="1:3" ht="19.2">
      <c r="A27473" s="2"/>
      <c r="B27473" s="2"/>
      <c r="C27473" s="2"/>
    </row>
    <row r="27474" spans="1:3" ht="19.2">
      <c r="A27474" s="2"/>
      <c r="B27474" s="2"/>
      <c r="C27474" s="2"/>
    </row>
    <row r="27475" spans="1:3" ht="19.2">
      <c r="A27475" s="2"/>
      <c r="B27475" s="2"/>
      <c r="C27475" s="2"/>
    </row>
    <row r="27476" spans="1:3" ht="19.2">
      <c r="A27476" s="2"/>
      <c r="B27476" s="2"/>
      <c r="C27476" s="2"/>
    </row>
    <row r="27477" spans="1:3" ht="19.2">
      <c r="A27477" s="2"/>
      <c r="B27477" s="2"/>
      <c r="C27477" s="2"/>
    </row>
    <row r="27478" spans="1:3" ht="19.2">
      <c r="A27478" s="2"/>
      <c r="B27478" s="2"/>
      <c r="C27478" s="2"/>
    </row>
    <row r="27479" spans="1:3" ht="19.2">
      <c r="A27479" s="2"/>
      <c r="B27479" s="2"/>
      <c r="C27479" s="2"/>
    </row>
    <row r="27480" spans="1:3" ht="19.2">
      <c r="A27480" s="2"/>
      <c r="B27480" s="2"/>
      <c r="C27480" s="2"/>
    </row>
    <row r="27481" spans="1:3" ht="19.2">
      <c r="A27481" s="2"/>
      <c r="B27481" s="2"/>
      <c r="C27481" s="2"/>
    </row>
    <row r="27482" spans="1:3" ht="19.2">
      <c r="A27482" s="2"/>
      <c r="B27482" s="2"/>
      <c r="C27482" s="2"/>
    </row>
    <row r="27483" spans="1:3" ht="19.2">
      <c r="A27483" s="2"/>
      <c r="B27483" s="2"/>
      <c r="C27483" s="2"/>
    </row>
    <row r="27484" spans="1:3" ht="19.2">
      <c r="A27484" s="2"/>
      <c r="B27484" s="2"/>
      <c r="C27484" s="2"/>
    </row>
    <row r="27485" spans="1:3" ht="19.2">
      <c r="A27485" s="2"/>
      <c r="B27485" s="2"/>
      <c r="C27485" s="2"/>
    </row>
    <row r="27486" spans="1:3" ht="19.2">
      <c r="A27486" s="2"/>
      <c r="B27486" s="2"/>
      <c r="C27486" s="2"/>
    </row>
    <row r="27487" spans="1:3" ht="19.2">
      <c r="A27487" s="2"/>
      <c r="B27487" s="2"/>
      <c r="C27487" s="2"/>
    </row>
    <row r="27488" spans="1:3" ht="19.2">
      <c r="A27488" s="2"/>
      <c r="B27488" s="2"/>
      <c r="C27488" s="2"/>
    </row>
    <row r="27489" spans="1:3" ht="19.2">
      <c r="A27489" s="2"/>
      <c r="B27489" s="2"/>
      <c r="C27489" s="2"/>
    </row>
    <row r="27490" spans="1:3" ht="19.2">
      <c r="A27490" s="2"/>
      <c r="B27490" s="2"/>
      <c r="C27490" s="2"/>
    </row>
    <row r="27491" spans="1:3" ht="19.2">
      <c r="A27491" s="2"/>
      <c r="B27491" s="2"/>
      <c r="C27491" s="2"/>
    </row>
    <row r="27492" spans="1:3" ht="19.2">
      <c r="A27492" s="2"/>
      <c r="B27492" s="2"/>
      <c r="C27492" s="2"/>
    </row>
    <row r="27493" spans="1:3" ht="19.2">
      <c r="A27493" s="2"/>
      <c r="B27493" s="2"/>
      <c r="C27493" s="2"/>
    </row>
    <row r="27494" spans="1:3" ht="19.2">
      <c r="A27494" s="2"/>
      <c r="B27494" s="2"/>
      <c r="C27494" s="2"/>
    </row>
    <row r="27495" spans="1:3" ht="19.2">
      <c r="A27495" s="2"/>
      <c r="B27495" s="2"/>
      <c r="C27495" s="2"/>
    </row>
    <row r="27496" spans="1:3" ht="19.2">
      <c r="A27496" s="2"/>
      <c r="B27496" s="2"/>
      <c r="C27496" s="2"/>
    </row>
    <row r="27497" spans="1:3" ht="19.2">
      <c r="A27497" s="2"/>
      <c r="B27497" s="2"/>
      <c r="C27497" s="2"/>
    </row>
    <row r="27498" spans="1:3" ht="19.2">
      <c r="A27498" s="2"/>
      <c r="B27498" s="2"/>
      <c r="C27498" s="2"/>
    </row>
    <row r="27499" spans="1:3" ht="19.2">
      <c r="A27499" s="2"/>
      <c r="B27499" s="2"/>
      <c r="C27499" s="2"/>
    </row>
    <row r="27500" spans="1:3" ht="19.2">
      <c r="A27500" s="2"/>
      <c r="B27500" s="2"/>
      <c r="C27500" s="2"/>
    </row>
    <row r="27501" spans="1:3" ht="19.2">
      <c r="A27501" s="2"/>
      <c r="B27501" s="2"/>
      <c r="C27501" s="2"/>
    </row>
    <row r="27502" spans="1:3" ht="19.2">
      <c r="A27502" s="2"/>
      <c r="B27502" s="2"/>
      <c r="C27502" s="2"/>
    </row>
    <row r="27503" spans="1:3" ht="19.2">
      <c r="A27503" s="2"/>
      <c r="B27503" s="2"/>
      <c r="C27503" s="2"/>
    </row>
    <row r="27504" spans="1:3" ht="19.2">
      <c r="A27504" s="2"/>
      <c r="B27504" s="2"/>
      <c r="C27504" s="2"/>
    </row>
    <row r="27505" spans="1:3" ht="19.2">
      <c r="A27505" s="2"/>
      <c r="B27505" s="2"/>
      <c r="C27505" s="2"/>
    </row>
    <row r="27506" spans="1:3" ht="19.2">
      <c r="A27506" s="2"/>
      <c r="B27506" s="2"/>
      <c r="C27506" s="2"/>
    </row>
    <row r="27507" spans="1:3" ht="19.2">
      <c r="A27507" s="2"/>
      <c r="B27507" s="2"/>
      <c r="C27507" s="2"/>
    </row>
    <row r="27508" spans="1:3" ht="19.2">
      <c r="A27508" s="2"/>
      <c r="B27508" s="2"/>
      <c r="C27508" s="2"/>
    </row>
    <row r="27509" spans="1:3" ht="19.2">
      <c r="A27509" s="2"/>
      <c r="B27509" s="2"/>
      <c r="C27509" s="2"/>
    </row>
    <row r="27510" spans="1:3" ht="19.2">
      <c r="A27510" s="2"/>
      <c r="B27510" s="2"/>
      <c r="C27510" s="2"/>
    </row>
    <row r="27511" spans="1:3" ht="19.2">
      <c r="A27511" s="2"/>
      <c r="B27511" s="2"/>
      <c r="C27511" s="2"/>
    </row>
    <row r="27512" spans="1:3" ht="19.2">
      <c r="A27512" s="2"/>
      <c r="B27512" s="2"/>
      <c r="C27512" s="2"/>
    </row>
    <row r="27513" spans="1:3" ht="19.2">
      <c r="A27513" s="2"/>
      <c r="B27513" s="2"/>
      <c r="C27513" s="2"/>
    </row>
    <row r="27514" spans="1:3" ht="19.2">
      <c r="A27514" s="2"/>
      <c r="B27514" s="2"/>
      <c r="C27514" s="2"/>
    </row>
    <row r="27515" spans="1:3" ht="19.2">
      <c r="A27515" s="2"/>
      <c r="B27515" s="2"/>
      <c r="C27515" s="2"/>
    </row>
    <row r="27516" spans="1:3" ht="19.2">
      <c r="A27516" s="2"/>
      <c r="B27516" s="2"/>
      <c r="C27516" s="2"/>
    </row>
    <row r="27517" spans="1:3" ht="19.2">
      <c r="A27517" s="2"/>
      <c r="B27517" s="2"/>
      <c r="C27517" s="2"/>
    </row>
    <row r="27518" spans="1:3" ht="19.2">
      <c r="A27518" s="2"/>
      <c r="B27518" s="2"/>
      <c r="C27518" s="2"/>
    </row>
    <row r="27519" spans="1:3" ht="19.2">
      <c r="A27519" s="2"/>
      <c r="B27519" s="2"/>
      <c r="C27519" s="2"/>
    </row>
    <row r="27520" spans="1:3" ht="19.2">
      <c r="A27520" s="2"/>
      <c r="B27520" s="2"/>
      <c r="C27520" s="2"/>
    </row>
    <row r="27521" spans="1:3" ht="19.2">
      <c r="A27521" s="2"/>
      <c r="B27521" s="2"/>
      <c r="C27521" s="2"/>
    </row>
    <row r="27522" spans="1:3" ht="19.2">
      <c r="A27522" s="2"/>
      <c r="B27522" s="2"/>
      <c r="C27522" s="2"/>
    </row>
    <row r="27523" spans="1:3" ht="19.2">
      <c r="A27523" s="2"/>
      <c r="B27523" s="2"/>
      <c r="C27523" s="2"/>
    </row>
    <row r="27524" spans="1:3" ht="19.2">
      <c r="A27524" s="2"/>
      <c r="B27524" s="2"/>
      <c r="C27524" s="2"/>
    </row>
    <row r="27525" spans="1:3" ht="19.2">
      <c r="A27525" s="2"/>
      <c r="B27525" s="2"/>
      <c r="C27525" s="2"/>
    </row>
    <row r="27526" spans="1:3" ht="19.2">
      <c r="A27526" s="2"/>
      <c r="B27526" s="2"/>
      <c r="C27526" s="2"/>
    </row>
    <row r="27527" spans="1:3" ht="19.2">
      <c r="A27527" s="2"/>
      <c r="B27527" s="2"/>
      <c r="C27527" s="2"/>
    </row>
    <row r="27528" spans="1:3" ht="19.2">
      <c r="A27528" s="2"/>
      <c r="B27528" s="2"/>
      <c r="C27528" s="2"/>
    </row>
    <row r="27529" spans="1:3" ht="19.2">
      <c r="A27529" s="2"/>
      <c r="B27529" s="2"/>
      <c r="C27529" s="2"/>
    </row>
    <row r="27530" spans="1:3" ht="19.2">
      <c r="A27530" s="2"/>
      <c r="B27530" s="2"/>
      <c r="C27530" s="2"/>
    </row>
    <row r="27531" spans="1:3" ht="19.2">
      <c r="A27531" s="2"/>
      <c r="B27531" s="2"/>
      <c r="C27531" s="2"/>
    </row>
    <row r="27532" spans="1:3" ht="19.2">
      <c r="A27532" s="2"/>
      <c r="B27532" s="2"/>
      <c r="C27532" s="2"/>
    </row>
    <row r="27533" spans="1:3" ht="19.2">
      <c r="A27533" s="2"/>
      <c r="B27533" s="2"/>
      <c r="C27533" s="2"/>
    </row>
    <row r="27534" spans="1:3" ht="19.2">
      <c r="A27534" s="2"/>
      <c r="B27534" s="2"/>
      <c r="C27534" s="2"/>
    </row>
    <row r="27535" spans="1:3" ht="19.2">
      <c r="A27535" s="2"/>
      <c r="B27535" s="2"/>
      <c r="C27535" s="2"/>
    </row>
    <row r="27536" spans="1:3" ht="19.2">
      <c r="A27536" s="2"/>
      <c r="B27536" s="2"/>
      <c r="C27536" s="2"/>
    </row>
    <row r="27537" spans="1:3" ht="19.2">
      <c r="A27537" s="2"/>
      <c r="B27537" s="2"/>
      <c r="C27537" s="2"/>
    </row>
    <row r="27538" spans="1:3" ht="19.2">
      <c r="A27538" s="2"/>
      <c r="B27538" s="2"/>
      <c r="C27538" s="2"/>
    </row>
    <row r="27539" spans="1:3" ht="19.2">
      <c r="A27539" s="2"/>
      <c r="B27539" s="2"/>
      <c r="C27539" s="2"/>
    </row>
    <row r="27540" spans="1:3" ht="19.2">
      <c r="A27540" s="2"/>
      <c r="B27540" s="2"/>
      <c r="C27540" s="2"/>
    </row>
    <row r="27541" spans="1:3" ht="19.2">
      <c r="A27541" s="2"/>
      <c r="B27541" s="2"/>
      <c r="C27541" s="2"/>
    </row>
    <row r="27542" spans="1:3" ht="19.2">
      <c r="A27542" s="2"/>
      <c r="B27542" s="2"/>
      <c r="C27542" s="2"/>
    </row>
    <row r="27543" spans="1:3" ht="19.2">
      <c r="A27543" s="2"/>
      <c r="B27543" s="2"/>
      <c r="C27543" s="2"/>
    </row>
    <row r="27544" spans="1:3" ht="19.2">
      <c r="A27544" s="2"/>
      <c r="B27544" s="2"/>
      <c r="C27544" s="2"/>
    </row>
    <row r="27545" spans="1:3" ht="19.2">
      <c r="A27545" s="2"/>
      <c r="B27545" s="2"/>
      <c r="C27545" s="2"/>
    </row>
    <row r="27546" spans="1:3" ht="19.2">
      <c r="A27546" s="2"/>
      <c r="B27546" s="2"/>
      <c r="C27546" s="2"/>
    </row>
    <row r="27547" spans="1:3" ht="19.2">
      <c r="A27547" s="2"/>
      <c r="B27547" s="2"/>
      <c r="C27547" s="2"/>
    </row>
    <row r="27548" spans="1:3" ht="19.2">
      <c r="A27548" s="2"/>
      <c r="B27548" s="2"/>
      <c r="C27548" s="2"/>
    </row>
    <row r="27549" spans="1:3" ht="19.2">
      <c r="A27549" s="2"/>
      <c r="B27549" s="2"/>
      <c r="C27549" s="2"/>
    </row>
    <row r="27550" spans="1:3" ht="19.2">
      <c r="A27550" s="2"/>
      <c r="B27550" s="2"/>
      <c r="C27550" s="2"/>
    </row>
    <row r="27551" spans="1:3" ht="19.2">
      <c r="A27551" s="2"/>
      <c r="B27551" s="2"/>
      <c r="C27551" s="2"/>
    </row>
    <row r="27552" spans="1:3" ht="19.2">
      <c r="A27552" s="2"/>
      <c r="B27552" s="2"/>
      <c r="C27552" s="2"/>
    </row>
    <row r="27553" spans="1:3" ht="19.2">
      <c r="A27553" s="2"/>
      <c r="B27553" s="2"/>
      <c r="C27553" s="2"/>
    </row>
    <row r="27554" spans="1:3" ht="19.2">
      <c r="A27554" s="2"/>
      <c r="B27554" s="2"/>
      <c r="C27554" s="2"/>
    </row>
    <row r="27555" spans="1:3" ht="19.2">
      <c r="A27555" s="2"/>
      <c r="B27555" s="2"/>
      <c r="C27555" s="2"/>
    </row>
    <row r="27556" spans="1:3" ht="19.2">
      <c r="A27556" s="2"/>
      <c r="B27556" s="2"/>
      <c r="C27556" s="2"/>
    </row>
    <row r="27557" spans="1:3" ht="19.2">
      <c r="A27557" s="2"/>
      <c r="B27557" s="2"/>
      <c r="C27557" s="2"/>
    </row>
    <row r="27558" spans="1:3" ht="19.2">
      <c r="A27558" s="2"/>
      <c r="B27558" s="2"/>
      <c r="C27558" s="2"/>
    </row>
    <row r="27559" spans="1:3" ht="19.2">
      <c r="A27559" s="2"/>
      <c r="B27559" s="2"/>
      <c r="C27559" s="2"/>
    </row>
    <row r="27560" spans="1:3" ht="19.2">
      <c r="A27560" s="2"/>
      <c r="B27560" s="2"/>
      <c r="C27560" s="2"/>
    </row>
    <row r="27561" spans="1:3" ht="19.2">
      <c r="A27561" s="2"/>
      <c r="B27561" s="2"/>
      <c r="C27561" s="2"/>
    </row>
    <row r="27562" spans="1:3" ht="19.2">
      <c r="A27562" s="2"/>
      <c r="B27562" s="2"/>
      <c r="C27562" s="2"/>
    </row>
    <row r="27563" spans="1:3" ht="19.2">
      <c r="A27563" s="2"/>
      <c r="B27563" s="2"/>
      <c r="C27563" s="2"/>
    </row>
    <row r="27564" spans="1:3" ht="19.2">
      <c r="A27564" s="2"/>
      <c r="B27564" s="2"/>
      <c r="C27564" s="2"/>
    </row>
    <row r="27565" spans="1:3" ht="19.2">
      <c r="A27565" s="2"/>
      <c r="B27565" s="2"/>
      <c r="C27565" s="2"/>
    </row>
    <row r="27566" spans="1:3" ht="19.2">
      <c r="A27566" s="2"/>
      <c r="B27566" s="2"/>
      <c r="C27566" s="2"/>
    </row>
    <row r="27567" spans="1:3" ht="19.2">
      <c r="A27567" s="2"/>
      <c r="B27567" s="2"/>
      <c r="C27567" s="2"/>
    </row>
    <row r="27568" spans="1:3" ht="19.2">
      <c r="A27568" s="2"/>
      <c r="B27568" s="2"/>
      <c r="C27568" s="2"/>
    </row>
    <row r="27569" spans="1:3" ht="19.2">
      <c r="A27569" s="2"/>
      <c r="B27569" s="2"/>
      <c r="C27569" s="2"/>
    </row>
    <row r="27570" spans="1:3" ht="19.2">
      <c r="A27570" s="2"/>
      <c r="B27570" s="2"/>
      <c r="C27570" s="2"/>
    </row>
    <row r="27571" spans="1:3" ht="19.2">
      <c r="A27571" s="2"/>
      <c r="B27571" s="2"/>
      <c r="C27571" s="2"/>
    </row>
    <row r="27572" spans="1:3" ht="19.2">
      <c r="A27572" s="2"/>
      <c r="B27572" s="2"/>
      <c r="C27572" s="2"/>
    </row>
    <row r="27573" spans="1:3" ht="19.2">
      <c r="A27573" s="2"/>
      <c r="B27573" s="2"/>
      <c r="C27573" s="2"/>
    </row>
    <row r="27574" spans="1:3" ht="19.2">
      <c r="A27574" s="2"/>
      <c r="B27574" s="2"/>
      <c r="C27574" s="2"/>
    </row>
    <row r="27575" spans="1:3" ht="19.2">
      <c r="A27575" s="2"/>
      <c r="B27575" s="2"/>
      <c r="C27575" s="2"/>
    </row>
    <row r="27576" spans="1:3" ht="19.2">
      <c r="A27576" s="2"/>
      <c r="B27576" s="2"/>
      <c r="C27576" s="2"/>
    </row>
    <row r="27577" spans="1:3" ht="19.2">
      <c r="A27577" s="2"/>
      <c r="B27577" s="2"/>
      <c r="C27577" s="2"/>
    </row>
    <row r="27578" spans="1:3" ht="19.2">
      <c r="A27578" s="2"/>
      <c r="B27578" s="2"/>
      <c r="C27578" s="2"/>
    </row>
    <row r="27579" spans="1:3" ht="19.2">
      <c r="A27579" s="2"/>
      <c r="B27579" s="2"/>
      <c r="C27579" s="2"/>
    </row>
    <row r="27580" spans="1:3" ht="19.2">
      <c r="A27580" s="2"/>
      <c r="B27580" s="2"/>
      <c r="C27580" s="2"/>
    </row>
    <row r="27581" spans="1:3" ht="19.2">
      <c r="A27581" s="2"/>
      <c r="B27581" s="2"/>
      <c r="C27581" s="2"/>
    </row>
    <row r="27582" spans="1:3" ht="19.2">
      <c r="A27582" s="2"/>
      <c r="B27582" s="2"/>
      <c r="C27582" s="2"/>
    </row>
    <row r="27583" spans="1:3" ht="19.2">
      <c r="A27583" s="2"/>
      <c r="B27583" s="2"/>
      <c r="C27583" s="2"/>
    </row>
    <row r="27584" spans="1:3" ht="19.2">
      <c r="A27584" s="2"/>
      <c r="B27584" s="2"/>
      <c r="C27584" s="2"/>
    </row>
    <row r="27585" spans="1:3" ht="19.2">
      <c r="A27585" s="2"/>
      <c r="B27585" s="2"/>
      <c r="C27585" s="2"/>
    </row>
    <row r="27586" spans="1:3" ht="19.2">
      <c r="A27586" s="2"/>
      <c r="B27586" s="2"/>
      <c r="C27586" s="2"/>
    </row>
    <row r="27587" spans="1:3" ht="19.2">
      <c r="A27587" s="2"/>
      <c r="B27587" s="2"/>
      <c r="C27587" s="2"/>
    </row>
    <row r="27588" spans="1:3" ht="19.2">
      <c r="A27588" s="2"/>
      <c r="B27588" s="2"/>
      <c r="C27588" s="2"/>
    </row>
    <row r="27589" spans="1:3" ht="19.2">
      <c r="A27589" s="2"/>
      <c r="B27589" s="2"/>
      <c r="C27589" s="2"/>
    </row>
    <row r="27590" spans="1:3" ht="19.2">
      <c r="A27590" s="2"/>
      <c r="B27590" s="2"/>
      <c r="C27590" s="2"/>
    </row>
    <row r="27591" spans="1:3" ht="19.2">
      <c r="A27591" s="2"/>
      <c r="B27591" s="2"/>
      <c r="C27591" s="2"/>
    </row>
    <row r="27592" spans="1:3" ht="19.2">
      <c r="A27592" s="2"/>
      <c r="B27592" s="2"/>
      <c r="C27592" s="2"/>
    </row>
    <row r="27593" spans="1:3" ht="19.2">
      <c r="A27593" s="2"/>
      <c r="B27593" s="2"/>
      <c r="C27593" s="2"/>
    </row>
    <row r="27594" spans="1:3" ht="19.2">
      <c r="A27594" s="2"/>
      <c r="B27594" s="2"/>
      <c r="C27594" s="2"/>
    </row>
    <row r="27595" spans="1:3" ht="19.2">
      <c r="A27595" s="2"/>
      <c r="B27595" s="2"/>
      <c r="C27595" s="2"/>
    </row>
    <row r="27596" spans="1:3" ht="19.2">
      <c r="A27596" s="2"/>
      <c r="B27596" s="2"/>
      <c r="C27596" s="2"/>
    </row>
    <row r="27597" spans="1:3" ht="19.2">
      <c r="A27597" s="2"/>
      <c r="B27597" s="2"/>
      <c r="C27597" s="2"/>
    </row>
    <row r="27598" spans="1:3" ht="19.2">
      <c r="A27598" s="2"/>
      <c r="B27598" s="2"/>
      <c r="C27598" s="2"/>
    </row>
    <row r="27599" spans="1:3" ht="19.2">
      <c r="A27599" s="2"/>
      <c r="B27599" s="2"/>
      <c r="C27599" s="2"/>
    </row>
    <row r="27600" spans="1:3" ht="19.2">
      <c r="A27600" s="2"/>
      <c r="B27600" s="2"/>
      <c r="C27600" s="2"/>
    </row>
    <row r="27601" spans="1:3" ht="19.2">
      <c r="A27601" s="2"/>
      <c r="B27601" s="2"/>
      <c r="C27601" s="2"/>
    </row>
    <row r="27602" spans="1:3" ht="19.2">
      <c r="A27602" s="2"/>
      <c r="B27602" s="2"/>
      <c r="C27602" s="2"/>
    </row>
    <row r="27603" spans="1:3" ht="19.2">
      <c r="A27603" s="2"/>
      <c r="B27603" s="2"/>
      <c r="C27603" s="2"/>
    </row>
    <row r="27604" spans="1:3" ht="19.2">
      <c r="A27604" s="2"/>
      <c r="B27604" s="2"/>
      <c r="C27604" s="2"/>
    </row>
    <row r="27605" spans="1:3" ht="19.2">
      <c r="A27605" s="2"/>
      <c r="B27605" s="2"/>
      <c r="C27605" s="2"/>
    </row>
    <row r="27606" spans="1:3" ht="19.2">
      <c r="A27606" s="2"/>
      <c r="B27606" s="2"/>
      <c r="C27606" s="2"/>
    </row>
    <row r="27607" spans="1:3" ht="19.2">
      <c r="A27607" s="2"/>
      <c r="B27607" s="2"/>
      <c r="C27607" s="2"/>
    </row>
    <row r="27608" spans="1:3" ht="19.2">
      <c r="A27608" s="2"/>
      <c r="B27608" s="2"/>
      <c r="C27608" s="2"/>
    </row>
    <row r="27609" spans="1:3" ht="19.2">
      <c r="A27609" s="2"/>
      <c r="B27609" s="2"/>
      <c r="C27609" s="2"/>
    </row>
    <row r="27610" spans="1:3" ht="19.2">
      <c r="A27610" s="2"/>
      <c r="B27610" s="2"/>
      <c r="C27610" s="2"/>
    </row>
    <row r="27611" spans="1:3" ht="19.2">
      <c r="A27611" s="2"/>
      <c r="B27611" s="2"/>
      <c r="C27611" s="2"/>
    </row>
    <row r="27612" spans="1:3" ht="19.2">
      <c r="A27612" s="2"/>
      <c r="B27612" s="2"/>
      <c r="C27612" s="2"/>
    </row>
    <row r="27613" spans="1:3" ht="19.2">
      <c r="A27613" s="2"/>
      <c r="B27613" s="2"/>
      <c r="C27613" s="2"/>
    </row>
    <row r="27614" spans="1:3" ht="19.2">
      <c r="A27614" s="2"/>
      <c r="B27614" s="2"/>
      <c r="C27614" s="2"/>
    </row>
    <row r="27615" spans="1:3" ht="19.2">
      <c r="A27615" s="2"/>
      <c r="B27615" s="2"/>
      <c r="C27615" s="2"/>
    </row>
    <row r="27616" spans="1:3" ht="19.2">
      <c r="A27616" s="2"/>
      <c r="B27616" s="2"/>
      <c r="C27616" s="2"/>
    </row>
    <row r="27617" spans="1:3" ht="19.2">
      <c r="A27617" s="2"/>
      <c r="B27617" s="2"/>
      <c r="C27617" s="2"/>
    </row>
    <row r="27618" spans="1:3" ht="19.2">
      <c r="A27618" s="2"/>
      <c r="B27618" s="2"/>
      <c r="C27618" s="2"/>
    </row>
    <row r="27619" spans="1:3" ht="19.2">
      <c r="A27619" s="2"/>
      <c r="B27619" s="2"/>
      <c r="C27619" s="2"/>
    </row>
    <row r="27620" spans="1:3" ht="19.2">
      <c r="A27620" s="2"/>
      <c r="B27620" s="2"/>
      <c r="C27620" s="2"/>
    </row>
    <row r="27621" spans="1:3" ht="19.2">
      <c r="A27621" s="2"/>
      <c r="B27621" s="2"/>
      <c r="C27621" s="2"/>
    </row>
    <row r="27622" spans="1:3" ht="19.2">
      <c r="A27622" s="2"/>
      <c r="B27622" s="2"/>
      <c r="C27622" s="2"/>
    </row>
    <row r="27623" spans="1:3" ht="19.2">
      <c r="A27623" s="2"/>
      <c r="B27623" s="2"/>
      <c r="C27623" s="2"/>
    </row>
    <row r="27624" spans="1:3" ht="19.2">
      <c r="A27624" s="2"/>
      <c r="B27624" s="2"/>
      <c r="C27624" s="2"/>
    </row>
    <row r="27625" spans="1:3" ht="19.2">
      <c r="A27625" s="2"/>
      <c r="B27625" s="2"/>
      <c r="C27625" s="2"/>
    </row>
    <row r="27626" spans="1:3" ht="19.2">
      <c r="A27626" s="2"/>
      <c r="B27626" s="2"/>
      <c r="C27626" s="2"/>
    </row>
    <row r="27627" spans="1:3" ht="19.2">
      <c r="A27627" s="2"/>
      <c r="B27627" s="2"/>
      <c r="C27627" s="2"/>
    </row>
    <row r="27628" spans="1:3" ht="19.2">
      <c r="A27628" s="2"/>
      <c r="B27628" s="2"/>
      <c r="C27628" s="2"/>
    </row>
    <row r="27629" spans="1:3" ht="19.2">
      <c r="A27629" s="2"/>
      <c r="B27629" s="2"/>
      <c r="C27629" s="2"/>
    </row>
    <row r="27630" spans="1:3" ht="19.2">
      <c r="A27630" s="2"/>
      <c r="B27630" s="2"/>
      <c r="C27630" s="2"/>
    </row>
    <row r="27631" spans="1:3" ht="19.2">
      <c r="A27631" s="2"/>
      <c r="B27631" s="2"/>
      <c r="C27631" s="2"/>
    </row>
    <row r="27632" spans="1:3" ht="19.2">
      <c r="A27632" s="2"/>
      <c r="B27632" s="2"/>
      <c r="C27632" s="2"/>
    </row>
    <row r="27633" spans="1:3" ht="19.2">
      <c r="A27633" s="2"/>
      <c r="B27633" s="2"/>
      <c r="C27633" s="2"/>
    </row>
    <row r="27634" spans="1:3" ht="19.2">
      <c r="A27634" s="2"/>
      <c r="B27634" s="2"/>
      <c r="C27634" s="2"/>
    </row>
    <row r="27635" spans="1:3" ht="19.2">
      <c r="A27635" s="2"/>
      <c r="B27635" s="2"/>
      <c r="C27635" s="2"/>
    </row>
    <row r="27636" spans="1:3" ht="19.2">
      <c r="A27636" s="2"/>
      <c r="B27636" s="2"/>
      <c r="C27636" s="2"/>
    </row>
    <row r="27637" spans="1:3" ht="19.2">
      <c r="A27637" s="2"/>
      <c r="B27637" s="2"/>
      <c r="C27637" s="2"/>
    </row>
    <row r="27638" spans="1:3" ht="19.2">
      <c r="A27638" s="2"/>
      <c r="B27638" s="2"/>
      <c r="C27638" s="2"/>
    </row>
    <row r="27639" spans="1:3" ht="19.2">
      <c r="A27639" s="2"/>
      <c r="B27639" s="2"/>
      <c r="C27639" s="2"/>
    </row>
    <row r="27640" spans="1:3" ht="19.2">
      <c r="A27640" s="2"/>
      <c r="B27640" s="2"/>
      <c r="C27640" s="2"/>
    </row>
    <row r="27641" spans="1:3" ht="19.2">
      <c r="A27641" s="2"/>
      <c r="B27641" s="2"/>
      <c r="C27641" s="2"/>
    </row>
    <row r="27642" spans="1:3" ht="19.2">
      <c r="A27642" s="2"/>
      <c r="B27642" s="2"/>
      <c r="C27642" s="2"/>
    </row>
    <row r="27643" spans="1:3" ht="19.2">
      <c r="A27643" s="2"/>
      <c r="B27643" s="2"/>
      <c r="C27643" s="2"/>
    </row>
    <row r="27644" spans="1:3" ht="19.2">
      <c r="A27644" s="2"/>
      <c r="B27644" s="2"/>
      <c r="C27644" s="2"/>
    </row>
    <row r="27645" spans="1:3" ht="19.2">
      <c r="A27645" s="2"/>
      <c r="B27645" s="2"/>
      <c r="C27645" s="2"/>
    </row>
    <row r="27646" spans="1:3" ht="19.2">
      <c r="A27646" s="2"/>
      <c r="B27646" s="2"/>
      <c r="C27646" s="2"/>
    </row>
    <row r="27647" spans="1:3" ht="19.2">
      <c r="A27647" s="2"/>
      <c r="B27647" s="2"/>
      <c r="C27647" s="2"/>
    </row>
    <row r="27648" spans="1:3" ht="19.2">
      <c r="A27648" s="2"/>
      <c r="B27648" s="2"/>
      <c r="C27648" s="2"/>
    </row>
    <row r="27649" spans="1:3" ht="19.2">
      <c r="A27649" s="2"/>
      <c r="B27649" s="2"/>
      <c r="C27649" s="2"/>
    </row>
    <row r="27650" spans="1:3" ht="19.2">
      <c r="A27650" s="2"/>
      <c r="B27650" s="2"/>
      <c r="C27650" s="2"/>
    </row>
    <row r="27651" spans="1:3" ht="19.2">
      <c r="A27651" s="2"/>
      <c r="B27651" s="2"/>
      <c r="C27651" s="2"/>
    </row>
    <row r="27652" spans="1:3" ht="19.2">
      <c r="A27652" s="2"/>
      <c r="B27652" s="2"/>
      <c r="C27652" s="2"/>
    </row>
    <row r="27653" spans="1:3" ht="19.2">
      <c r="A27653" s="2"/>
      <c r="B27653" s="2"/>
      <c r="C27653" s="2"/>
    </row>
    <row r="27654" spans="1:3" ht="19.2">
      <c r="A27654" s="2"/>
      <c r="B27654" s="2"/>
      <c r="C27654" s="2"/>
    </row>
    <row r="27655" spans="1:3" ht="19.2">
      <c r="A27655" s="2"/>
      <c r="B27655" s="2"/>
      <c r="C27655" s="2"/>
    </row>
    <row r="27656" spans="1:3" ht="19.2">
      <c r="A27656" s="2"/>
      <c r="B27656" s="2"/>
      <c r="C27656" s="2"/>
    </row>
    <row r="27657" spans="1:3" ht="19.2">
      <c r="A27657" s="2"/>
      <c r="B27657" s="2"/>
      <c r="C27657" s="2"/>
    </row>
    <row r="27658" spans="1:3" ht="19.2">
      <c r="A27658" s="2"/>
      <c r="B27658" s="2"/>
      <c r="C27658" s="2"/>
    </row>
    <row r="27659" spans="1:3" ht="19.2">
      <c r="A27659" s="2"/>
      <c r="B27659" s="2"/>
      <c r="C27659" s="2"/>
    </row>
    <row r="27660" spans="1:3" ht="19.2">
      <c r="A27660" s="2"/>
      <c r="B27660" s="2"/>
      <c r="C27660" s="2"/>
    </row>
    <row r="27661" spans="1:3" ht="19.2">
      <c r="A27661" s="2"/>
      <c r="B27661" s="2"/>
      <c r="C27661" s="2"/>
    </row>
    <row r="27662" spans="1:3" ht="19.2">
      <c r="A27662" s="2"/>
      <c r="B27662" s="2"/>
      <c r="C27662" s="2"/>
    </row>
    <row r="27663" spans="1:3" ht="19.2">
      <c r="A27663" s="2"/>
      <c r="B27663" s="2"/>
      <c r="C27663" s="2"/>
    </row>
    <row r="27664" spans="1:3" ht="19.2">
      <c r="A27664" s="2"/>
      <c r="B27664" s="2"/>
      <c r="C27664" s="2"/>
    </row>
    <row r="27665" spans="1:3" ht="19.2">
      <c r="A27665" s="2"/>
      <c r="B27665" s="2"/>
      <c r="C27665" s="2"/>
    </row>
    <row r="27666" spans="1:3" ht="19.2">
      <c r="A27666" s="2"/>
      <c r="B27666" s="2"/>
      <c r="C27666" s="2"/>
    </row>
    <row r="27667" spans="1:3" ht="19.2">
      <c r="A27667" s="2"/>
      <c r="B27667" s="2"/>
      <c r="C27667" s="2"/>
    </row>
    <row r="27668" spans="1:3" ht="19.2">
      <c r="A27668" s="2"/>
      <c r="B27668" s="2"/>
      <c r="C27668" s="2"/>
    </row>
    <row r="27669" spans="1:3" ht="19.2">
      <c r="A27669" s="2"/>
      <c r="B27669" s="2"/>
      <c r="C27669" s="2"/>
    </row>
    <row r="27670" spans="1:3" ht="19.2">
      <c r="A27670" s="2"/>
      <c r="B27670" s="2"/>
      <c r="C27670" s="2"/>
    </row>
    <row r="27671" spans="1:3" ht="19.2">
      <c r="A27671" s="2"/>
      <c r="B27671" s="2"/>
      <c r="C27671" s="2"/>
    </row>
    <row r="27672" spans="1:3" ht="19.2">
      <c r="A27672" s="2"/>
      <c r="B27672" s="2"/>
      <c r="C27672" s="2"/>
    </row>
    <row r="27673" spans="1:3" ht="19.2">
      <c r="A27673" s="2"/>
      <c r="B27673" s="2"/>
      <c r="C27673" s="2"/>
    </row>
    <row r="27674" spans="1:3" ht="19.2">
      <c r="A27674" s="2"/>
      <c r="B27674" s="2"/>
      <c r="C27674" s="2"/>
    </row>
    <row r="27675" spans="1:3" ht="19.2">
      <c r="A27675" s="2"/>
      <c r="B27675" s="2"/>
      <c r="C27675" s="2"/>
    </row>
    <row r="27676" spans="1:3" ht="19.2">
      <c r="A27676" s="2"/>
      <c r="B27676" s="2"/>
      <c r="C27676" s="2"/>
    </row>
    <row r="27677" spans="1:3" ht="19.2">
      <c r="A27677" s="2"/>
      <c r="B27677" s="2"/>
      <c r="C27677" s="2"/>
    </row>
    <row r="27678" spans="1:3" ht="19.2">
      <c r="A27678" s="2"/>
      <c r="B27678" s="2"/>
      <c r="C27678" s="2"/>
    </row>
    <row r="27679" spans="1:3" ht="19.2">
      <c r="A27679" s="2"/>
      <c r="B27679" s="2"/>
      <c r="C27679" s="2"/>
    </row>
    <row r="27680" spans="1:3" ht="19.2">
      <c r="A27680" s="2"/>
      <c r="B27680" s="2"/>
      <c r="C27680" s="2"/>
    </row>
    <row r="27681" spans="1:3" ht="19.2">
      <c r="A27681" s="2"/>
      <c r="B27681" s="2"/>
      <c r="C27681" s="2"/>
    </row>
    <row r="27682" spans="1:3" ht="19.2">
      <c r="A27682" s="2"/>
      <c r="B27682" s="2"/>
      <c r="C27682" s="2"/>
    </row>
    <row r="27683" spans="1:3" ht="19.2">
      <c r="A27683" s="2"/>
      <c r="B27683" s="2"/>
      <c r="C27683" s="2"/>
    </row>
    <row r="27684" spans="1:3" ht="19.2">
      <c r="A27684" s="2"/>
      <c r="B27684" s="2"/>
      <c r="C27684" s="2"/>
    </row>
    <row r="27685" spans="1:3" ht="19.2">
      <c r="A27685" s="2"/>
      <c r="B27685" s="2"/>
      <c r="C27685" s="2"/>
    </row>
    <row r="27686" spans="1:3" ht="19.2">
      <c r="A27686" s="2"/>
      <c r="B27686" s="2"/>
      <c r="C27686" s="2"/>
    </row>
    <row r="27687" spans="1:3" ht="19.2">
      <c r="A27687" s="2"/>
      <c r="B27687" s="2"/>
      <c r="C27687" s="2"/>
    </row>
    <row r="27688" spans="1:3" ht="19.2">
      <c r="A27688" s="2"/>
      <c r="B27688" s="2"/>
      <c r="C27688" s="2"/>
    </row>
    <row r="27689" spans="1:3" ht="19.2">
      <c r="A27689" s="2"/>
      <c r="B27689" s="2"/>
      <c r="C27689" s="2"/>
    </row>
    <row r="27690" spans="1:3" ht="19.2">
      <c r="A27690" s="2"/>
      <c r="B27690" s="2"/>
      <c r="C27690" s="2"/>
    </row>
    <row r="27691" spans="1:3" ht="19.2">
      <c r="A27691" s="2"/>
      <c r="B27691" s="2"/>
      <c r="C27691" s="2"/>
    </row>
    <row r="27692" spans="1:3" ht="19.2">
      <c r="A27692" s="2"/>
      <c r="B27692" s="2"/>
      <c r="C27692" s="2"/>
    </row>
    <row r="27693" spans="1:3" ht="19.2">
      <c r="A27693" s="2"/>
      <c r="B27693" s="2"/>
      <c r="C27693" s="2"/>
    </row>
    <row r="27694" spans="1:3" ht="19.2">
      <c r="A27694" s="2"/>
      <c r="B27694" s="2"/>
      <c r="C27694" s="2"/>
    </row>
    <row r="27695" spans="1:3" ht="19.2">
      <c r="A27695" s="2"/>
      <c r="B27695" s="2"/>
      <c r="C27695" s="2"/>
    </row>
    <row r="27696" spans="1:3" ht="19.2">
      <c r="A27696" s="2"/>
      <c r="B27696" s="2"/>
      <c r="C27696" s="2"/>
    </row>
    <row r="27697" spans="1:3" ht="19.2">
      <c r="A27697" s="2"/>
      <c r="B27697" s="2"/>
      <c r="C27697" s="2"/>
    </row>
    <row r="27698" spans="1:3" ht="19.2">
      <c r="A27698" s="2"/>
      <c r="B27698" s="2"/>
      <c r="C27698" s="2"/>
    </row>
    <row r="27699" spans="1:3" ht="19.2">
      <c r="A27699" s="2"/>
      <c r="B27699" s="2"/>
      <c r="C27699" s="2"/>
    </row>
    <row r="27700" spans="1:3" ht="19.2">
      <c r="A27700" s="2"/>
      <c r="B27700" s="2"/>
      <c r="C27700" s="2"/>
    </row>
    <row r="27701" spans="1:3" ht="19.2">
      <c r="A27701" s="2"/>
      <c r="B27701" s="2"/>
      <c r="C27701" s="2"/>
    </row>
    <row r="27702" spans="1:3" ht="19.2">
      <c r="A27702" s="2"/>
      <c r="B27702" s="2"/>
      <c r="C27702" s="2"/>
    </row>
    <row r="27703" spans="1:3" ht="19.2">
      <c r="A27703" s="2"/>
      <c r="B27703" s="2"/>
      <c r="C27703" s="2"/>
    </row>
    <row r="27704" spans="1:3" ht="19.2">
      <c r="A27704" s="2"/>
      <c r="B27704" s="2"/>
      <c r="C27704" s="2"/>
    </row>
    <row r="27705" spans="1:3" ht="19.2">
      <c r="A27705" s="2"/>
      <c r="B27705" s="2"/>
      <c r="C27705" s="2"/>
    </row>
    <row r="27706" spans="1:3" ht="19.2">
      <c r="A27706" s="2"/>
      <c r="B27706" s="2"/>
      <c r="C27706" s="2"/>
    </row>
    <row r="27707" spans="1:3" ht="19.2">
      <c r="A27707" s="2"/>
      <c r="B27707" s="2"/>
      <c r="C27707" s="2"/>
    </row>
    <row r="27708" spans="1:3" ht="19.2">
      <c r="A27708" s="2"/>
      <c r="B27708" s="2"/>
      <c r="C27708" s="2"/>
    </row>
    <row r="27709" spans="1:3" ht="19.2">
      <c r="A27709" s="2"/>
      <c r="B27709" s="2"/>
      <c r="C27709" s="2"/>
    </row>
    <row r="27710" spans="1:3" ht="19.2">
      <c r="A27710" s="2"/>
      <c r="B27710" s="2"/>
      <c r="C27710" s="2"/>
    </row>
    <row r="27711" spans="1:3" ht="19.2">
      <c r="A27711" s="2"/>
      <c r="B27711" s="2"/>
      <c r="C27711" s="2"/>
    </row>
    <row r="27712" spans="1:3" ht="19.2">
      <c r="A27712" s="2"/>
      <c r="B27712" s="2"/>
      <c r="C27712" s="2"/>
    </row>
    <row r="27713" spans="1:3" ht="19.2">
      <c r="A27713" s="2"/>
      <c r="B27713" s="2"/>
      <c r="C27713" s="2"/>
    </row>
    <row r="27714" spans="1:3" ht="19.2">
      <c r="A27714" s="2"/>
      <c r="B27714" s="2"/>
      <c r="C27714" s="2"/>
    </row>
    <row r="27715" spans="1:3" ht="19.2">
      <c r="A27715" s="2"/>
      <c r="B27715" s="2"/>
      <c r="C27715" s="2"/>
    </row>
    <row r="27716" spans="1:3" ht="19.2">
      <c r="A27716" s="2"/>
      <c r="B27716" s="2"/>
      <c r="C27716" s="2"/>
    </row>
    <row r="27717" spans="1:3" ht="19.2">
      <c r="A27717" s="2"/>
      <c r="B27717" s="2"/>
      <c r="C27717" s="2"/>
    </row>
    <row r="27718" spans="1:3" ht="19.2">
      <c r="A27718" s="2"/>
      <c r="B27718" s="2"/>
      <c r="C27718" s="2"/>
    </row>
    <row r="27719" spans="1:3" ht="19.2">
      <c r="A27719" s="2"/>
      <c r="B27719" s="2"/>
      <c r="C27719" s="2"/>
    </row>
    <row r="27720" spans="1:3" ht="19.2">
      <c r="A27720" s="2"/>
      <c r="B27720" s="2"/>
      <c r="C27720" s="2"/>
    </row>
    <row r="27721" spans="1:3" ht="19.2">
      <c r="A27721" s="2"/>
      <c r="B27721" s="2"/>
      <c r="C27721" s="2"/>
    </row>
    <row r="27722" spans="1:3" ht="19.2">
      <c r="A27722" s="2"/>
      <c r="B27722" s="2"/>
      <c r="C27722" s="2"/>
    </row>
    <row r="27723" spans="1:3" ht="19.2">
      <c r="A27723" s="2"/>
      <c r="B27723" s="2"/>
      <c r="C27723" s="2"/>
    </row>
    <row r="27724" spans="1:3" ht="19.2">
      <c r="A27724" s="2"/>
      <c r="B27724" s="2"/>
      <c r="C27724" s="2"/>
    </row>
    <row r="27725" spans="1:3" ht="19.2">
      <c r="A27725" s="2"/>
      <c r="B27725" s="2"/>
      <c r="C27725" s="2"/>
    </row>
    <row r="27726" spans="1:3" ht="19.2">
      <c r="A27726" s="2"/>
      <c r="B27726" s="2"/>
      <c r="C27726" s="2"/>
    </row>
    <row r="27727" spans="1:3" ht="19.2">
      <c r="A27727" s="2"/>
      <c r="B27727" s="2"/>
      <c r="C27727" s="2"/>
    </row>
    <row r="27728" spans="1:3" ht="19.2">
      <c r="A27728" s="2"/>
      <c r="B27728" s="2"/>
      <c r="C27728" s="2"/>
    </row>
    <row r="27729" spans="1:3" ht="19.2">
      <c r="A27729" s="2"/>
      <c r="B27729" s="2"/>
      <c r="C27729" s="2"/>
    </row>
    <row r="27730" spans="1:3" ht="19.2">
      <c r="A27730" s="2"/>
      <c r="B27730" s="2"/>
      <c r="C27730" s="2"/>
    </row>
    <row r="27731" spans="1:3" ht="19.2">
      <c r="A27731" s="2"/>
      <c r="B27731" s="2"/>
      <c r="C27731" s="2"/>
    </row>
    <row r="27732" spans="1:3" ht="19.2">
      <c r="A27732" s="2"/>
      <c r="B27732" s="2"/>
      <c r="C27732" s="2"/>
    </row>
    <row r="27733" spans="1:3" ht="19.2">
      <c r="A27733" s="2"/>
      <c r="B27733" s="2"/>
      <c r="C27733" s="2"/>
    </row>
    <row r="27734" spans="1:3" ht="19.2">
      <c r="A27734" s="2"/>
      <c r="B27734" s="2"/>
      <c r="C27734" s="2"/>
    </row>
    <row r="27735" spans="1:3" ht="19.2">
      <c r="A27735" s="2"/>
      <c r="B27735" s="2"/>
      <c r="C27735" s="2"/>
    </row>
    <row r="27736" spans="1:3" ht="19.2">
      <c r="A27736" s="2"/>
      <c r="B27736" s="2"/>
      <c r="C27736" s="2"/>
    </row>
    <row r="27737" spans="1:3" ht="19.2">
      <c r="A27737" s="2"/>
      <c r="B27737" s="2"/>
      <c r="C27737" s="2"/>
    </row>
    <row r="27738" spans="1:3" ht="19.2">
      <c r="A27738" s="2"/>
      <c r="B27738" s="2"/>
      <c r="C27738" s="2"/>
    </row>
    <row r="27739" spans="1:3" ht="19.2">
      <c r="A27739" s="2"/>
      <c r="B27739" s="2"/>
      <c r="C27739" s="2"/>
    </row>
    <row r="27740" spans="1:3" ht="19.2">
      <c r="A27740" s="2"/>
      <c r="B27740" s="2"/>
      <c r="C27740" s="2"/>
    </row>
    <row r="27741" spans="1:3" ht="19.2">
      <c r="A27741" s="2"/>
      <c r="B27741" s="2"/>
      <c r="C27741" s="2"/>
    </row>
    <row r="27742" spans="1:3" ht="19.2">
      <c r="A27742" s="2"/>
      <c r="B27742" s="2"/>
      <c r="C27742" s="2"/>
    </row>
    <row r="27743" spans="1:3" ht="19.2">
      <c r="A27743" s="2"/>
      <c r="B27743" s="2"/>
      <c r="C27743" s="2"/>
    </row>
    <row r="27744" spans="1:3" ht="19.2">
      <c r="A27744" s="2"/>
      <c r="B27744" s="2"/>
      <c r="C27744" s="2"/>
    </row>
    <row r="27745" spans="1:3" ht="19.2">
      <c r="A27745" s="2"/>
      <c r="B27745" s="2"/>
      <c r="C27745" s="2"/>
    </row>
    <row r="27746" spans="1:3" ht="19.2">
      <c r="A27746" s="2"/>
      <c r="B27746" s="2"/>
      <c r="C27746" s="2"/>
    </row>
    <row r="27747" spans="1:3" ht="19.2">
      <c r="A27747" s="2"/>
      <c r="B27747" s="2"/>
      <c r="C27747" s="2"/>
    </row>
    <row r="27748" spans="1:3" ht="19.2">
      <c r="A27748" s="2"/>
      <c r="B27748" s="2"/>
      <c r="C27748" s="2"/>
    </row>
    <row r="27749" spans="1:3" ht="19.2">
      <c r="A27749" s="2"/>
      <c r="B27749" s="2"/>
      <c r="C27749" s="2"/>
    </row>
    <row r="27750" spans="1:3" ht="19.2">
      <c r="A27750" s="2"/>
      <c r="B27750" s="2"/>
      <c r="C27750" s="2"/>
    </row>
    <row r="27751" spans="1:3" ht="19.2">
      <c r="A27751" s="2"/>
      <c r="B27751" s="2"/>
      <c r="C27751" s="2"/>
    </row>
    <row r="27752" spans="1:3" ht="19.2">
      <c r="A27752" s="2"/>
      <c r="B27752" s="2"/>
      <c r="C27752" s="2"/>
    </row>
    <row r="27753" spans="1:3" ht="19.2">
      <c r="A27753" s="2"/>
      <c r="B27753" s="2"/>
      <c r="C27753" s="2"/>
    </row>
    <row r="27754" spans="1:3" ht="19.2">
      <c r="A27754" s="2"/>
      <c r="B27754" s="2"/>
      <c r="C27754" s="2"/>
    </row>
    <row r="27755" spans="1:3" ht="19.2">
      <c r="A27755" s="2"/>
      <c r="B27755" s="2"/>
      <c r="C27755" s="2"/>
    </row>
    <row r="27756" spans="1:3" ht="19.2">
      <c r="A27756" s="2"/>
      <c r="B27756" s="2"/>
      <c r="C27756" s="2"/>
    </row>
    <row r="27757" spans="1:3" ht="19.2">
      <c r="A27757" s="2"/>
      <c r="B27757" s="2"/>
      <c r="C27757" s="2"/>
    </row>
    <row r="27758" spans="1:3" ht="19.2">
      <c r="A27758" s="2"/>
      <c r="B27758" s="2"/>
      <c r="C27758" s="2"/>
    </row>
    <row r="27759" spans="1:3" ht="19.2">
      <c r="A27759" s="2"/>
      <c r="B27759" s="2"/>
      <c r="C27759" s="2"/>
    </row>
    <row r="27760" spans="1:3" ht="19.2">
      <c r="A27760" s="2"/>
      <c r="B27760" s="2"/>
      <c r="C27760" s="2"/>
    </row>
    <row r="27761" spans="1:3" ht="19.2">
      <c r="A27761" s="2"/>
      <c r="B27761" s="2"/>
      <c r="C27761" s="2"/>
    </row>
    <row r="27762" spans="1:3" ht="19.2">
      <c r="A27762" s="2"/>
      <c r="B27762" s="2"/>
      <c r="C27762" s="2"/>
    </row>
    <row r="27763" spans="1:3" ht="19.2">
      <c r="A27763" s="2"/>
      <c r="B27763" s="2"/>
      <c r="C27763" s="2"/>
    </row>
    <row r="27764" spans="1:3" ht="19.2">
      <c r="A27764" s="2"/>
      <c r="B27764" s="2"/>
      <c r="C27764" s="2"/>
    </row>
    <row r="27765" spans="1:3" ht="19.2">
      <c r="A27765" s="2"/>
      <c r="B27765" s="2"/>
      <c r="C27765" s="2"/>
    </row>
    <row r="27766" spans="1:3" ht="19.2">
      <c r="A27766" s="2"/>
      <c r="B27766" s="2"/>
      <c r="C27766" s="2"/>
    </row>
    <row r="27767" spans="1:3" ht="19.2">
      <c r="A27767" s="2"/>
      <c r="B27767" s="2"/>
      <c r="C27767" s="2"/>
    </row>
    <row r="27768" spans="1:3" ht="19.2">
      <c r="A27768" s="2"/>
      <c r="B27768" s="2"/>
      <c r="C27768" s="2"/>
    </row>
    <row r="27769" spans="1:3" ht="19.2">
      <c r="A27769" s="2"/>
      <c r="B27769" s="2"/>
      <c r="C27769" s="2"/>
    </row>
    <row r="27770" spans="1:3" ht="19.2">
      <c r="A27770" s="2"/>
      <c r="B27770" s="2"/>
      <c r="C27770" s="2"/>
    </row>
    <row r="27771" spans="1:3" ht="19.2">
      <c r="A27771" s="2"/>
      <c r="B27771" s="2"/>
      <c r="C27771" s="2"/>
    </row>
    <row r="27772" spans="1:3" ht="19.2">
      <c r="A27772" s="2"/>
      <c r="B27772" s="2"/>
      <c r="C27772" s="2"/>
    </row>
    <row r="27773" spans="1:3" ht="19.2">
      <c r="A27773" s="2"/>
      <c r="B27773" s="2"/>
      <c r="C27773" s="2"/>
    </row>
    <row r="27774" spans="1:3" ht="19.2">
      <c r="A27774" s="2"/>
      <c r="B27774" s="2"/>
      <c r="C27774" s="2"/>
    </row>
    <row r="27775" spans="1:3" ht="19.2">
      <c r="A27775" s="2"/>
      <c r="B27775" s="2"/>
      <c r="C27775" s="2"/>
    </row>
    <row r="27776" spans="1:3" ht="19.2">
      <c r="A27776" s="2"/>
      <c r="B27776" s="2"/>
      <c r="C27776" s="2"/>
    </row>
    <row r="27777" spans="1:3" ht="19.2">
      <c r="A27777" s="2"/>
      <c r="B27777" s="2"/>
      <c r="C27777" s="2"/>
    </row>
    <row r="27778" spans="1:3" ht="19.2">
      <c r="A27778" s="2"/>
      <c r="B27778" s="2"/>
      <c r="C27778" s="2"/>
    </row>
    <row r="27779" spans="1:3" ht="19.2">
      <c r="A27779" s="2"/>
      <c r="B27779" s="2"/>
      <c r="C27779" s="2"/>
    </row>
    <row r="27780" spans="1:3" ht="19.2">
      <c r="A27780" s="2"/>
      <c r="B27780" s="2"/>
      <c r="C27780" s="2"/>
    </row>
    <row r="27781" spans="1:3" ht="19.2">
      <c r="A27781" s="2"/>
      <c r="B27781" s="2"/>
      <c r="C27781" s="2"/>
    </row>
    <row r="27782" spans="1:3" ht="19.2">
      <c r="A27782" s="2"/>
      <c r="B27782" s="2"/>
      <c r="C27782" s="2"/>
    </row>
    <row r="27783" spans="1:3" ht="19.2">
      <c r="A27783" s="2"/>
      <c r="B27783" s="2"/>
      <c r="C27783" s="2"/>
    </row>
    <row r="27784" spans="1:3" ht="19.2">
      <c r="A27784" s="2"/>
      <c r="B27784" s="2"/>
      <c r="C27784" s="2"/>
    </row>
    <row r="27785" spans="1:3" ht="19.2">
      <c r="A27785" s="2"/>
      <c r="B27785" s="2"/>
      <c r="C27785" s="2"/>
    </row>
    <row r="27786" spans="1:3" ht="19.2">
      <c r="A27786" s="2"/>
      <c r="B27786" s="2"/>
      <c r="C27786" s="2"/>
    </row>
    <row r="27787" spans="1:3" ht="19.2">
      <c r="A27787" s="2"/>
      <c r="B27787" s="2"/>
      <c r="C27787" s="2"/>
    </row>
    <row r="27788" spans="1:3" ht="19.2">
      <c r="A27788" s="2"/>
      <c r="B27788" s="2"/>
      <c r="C27788" s="2"/>
    </row>
    <row r="27789" spans="1:3" ht="19.2">
      <c r="A27789" s="2"/>
      <c r="B27789" s="2"/>
      <c r="C27789" s="2"/>
    </row>
    <row r="27790" spans="1:3" ht="19.2">
      <c r="A27790" s="2"/>
      <c r="B27790" s="2"/>
      <c r="C27790" s="2"/>
    </row>
    <row r="27791" spans="1:3" ht="19.2">
      <c r="A27791" s="2"/>
      <c r="B27791" s="2"/>
      <c r="C27791" s="2"/>
    </row>
    <row r="27792" spans="1:3" ht="19.2">
      <c r="A27792" s="2"/>
      <c r="B27792" s="2"/>
      <c r="C27792" s="2"/>
    </row>
    <row r="27793" spans="1:3" ht="19.2">
      <c r="A27793" s="2"/>
      <c r="B27793" s="2"/>
      <c r="C27793" s="2"/>
    </row>
    <row r="27794" spans="1:3" ht="19.2">
      <c r="A27794" s="2"/>
      <c r="B27794" s="2"/>
      <c r="C27794" s="2"/>
    </row>
    <row r="27795" spans="1:3" ht="19.2">
      <c r="A27795" s="2"/>
      <c r="B27795" s="2"/>
      <c r="C27795" s="2"/>
    </row>
    <row r="27796" spans="1:3" ht="19.2">
      <c r="A27796" s="2"/>
      <c r="B27796" s="2"/>
      <c r="C27796" s="2"/>
    </row>
    <row r="27797" spans="1:3" ht="19.2">
      <c r="A27797" s="2"/>
      <c r="B27797" s="2"/>
      <c r="C27797" s="2"/>
    </row>
    <row r="27798" spans="1:3" ht="19.2">
      <c r="A27798" s="2"/>
      <c r="B27798" s="2"/>
      <c r="C27798" s="2"/>
    </row>
    <row r="27799" spans="1:3" ht="19.2">
      <c r="A27799" s="2"/>
      <c r="B27799" s="2"/>
      <c r="C27799" s="2"/>
    </row>
    <row r="27800" spans="1:3" ht="19.2">
      <c r="A27800" s="2"/>
      <c r="B27800" s="2"/>
      <c r="C27800" s="2"/>
    </row>
    <row r="27801" spans="1:3" ht="19.2">
      <c r="A27801" s="2"/>
      <c r="B27801" s="2"/>
      <c r="C27801" s="2"/>
    </row>
    <row r="27802" spans="1:3" ht="19.2">
      <c r="A27802" s="2"/>
      <c r="B27802" s="2"/>
      <c r="C27802" s="2"/>
    </row>
    <row r="27803" spans="1:3" ht="19.2">
      <c r="A27803" s="2"/>
      <c r="B27803" s="2"/>
      <c r="C27803" s="2"/>
    </row>
    <row r="27804" spans="1:3" ht="19.2">
      <c r="A27804" s="2"/>
      <c r="B27804" s="2"/>
      <c r="C27804" s="2"/>
    </row>
    <row r="27805" spans="1:3" ht="19.2">
      <c r="A27805" s="2"/>
      <c r="B27805" s="2"/>
      <c r="C27805" s="2"/>
    </row>
    <row r="27806" spans="1:3" ht="19.2">
      <c r="A27806" s="2"/>
      <c r="B27806" s="2"/>
      <c r="C27806" s="2"/>
    </row>
    <row r="27807" spans="1:3" ht="19.2">
      <c r="A27807" s="2"/>
      <c r="B27807" s="2"/>
      <c r="C27807" s="2"/>
    </row>
    <row r="27808" spans="1:3" ht="19.2">
      <c r="A27808" s="2"/>
      <c r="B27808" s="2"/>
      <c r="C27808" s="2"/>
    </row>
    <row r="27809" spans="1:3" ht="19.2">
      <c r="A27809" s="2"/>
      <c r="B27809" s="2"/>
      <c r="C27809" s="2"/>
    </row>
    <row r="27810" spans="1:3" ht="19.2">
      <c r="A27810" s="2"/>
      <c r="B27810" s="2"/>
      <c r="C27810" s="2"/>
    </row>
    <row r="27811" spans="1:3" ht="19.2">
      <c r="A27811" s="2"/>
      <c r="B27811" s="2"/>
      <c r="C27811" s="2"/>
    </row>
    <row r="27812" spans="1:3" ht="19.2">
      <c r="A27812" s="2"/>
      <c r="B27812" s="2"/>
      <c r="C27812" s="2"/>
    </row>
    <row r="27813" spans="1:3" ht="19.2">
      <c r="A27813" s="2"/>
      <c r="B27813" s="2"/>
      <c r="C27813" s="2"/>
    </row>
    <row r="27814" spans="1:3" ht="19.2">
      <c r="A27814" s="2"/>
      <c r="B27814" s="2"/>
      <c r="C27814" s="2"/>
    </row>
    <row r="27815" spans="1:3" ht="19.2">
      <c r="A27815" s="2"/>
      <c r="B27815" s="2"/>
      <c r="C27815" s="2"/>
    </row>
    <row r="27816" spans="1:3" ht="19.2">
      <c r="A27816" s="2"/>
      <c r="B27816" s="2"/>
      <c r="C27816" s="2"/>
    </row>
    <row r="27817" spans="1:3" ht="19.2">
      <c r="A27817" s="2"/>
      <c r="B27817" s="2"/>
      <c r="C27817" s="2"/>
    </row>
    <row r="27818" spans="1:3" ht="19.2">
      <c r="A27818" s="2"/>
      <c r="B27818" s="2"/>
      <c r="C27818" s="2"/>
    </row>
    <row r="27819" spans="1:3" ht="19.2">
      <c r="A27819" s="2"/>
      <c r="B27819" s="2"/>
      <c r="C27819" s="2"/>
    </row>
    <row r="27820" spans="1:3" ht="19.2">
      <c r="A27820" s="2"/>
      <c r="B27820" s="2"/>
      <c r="C27820" s="2"/>
    </row>
    <row r="27821" spans="1:3" ht="19.2">
      <c r="A27821" s="2"/>
      <c r="B27821" s="2"/>
      <c r="C27821" s="2"/>
    </row>
    <row r="27822" spans="1:3" ht="19.2">
      <c r="A27822" s="2"/>
      <c r="B27822" s="2"/>
      <c r="C27822" s="2"/>
    </row>
    <row r="27823" spans="1:3" ht="19.2">
      <c r="A27823" s="2"/>
      <c r="B27823" s="2"/>
      <c r="C27823" s="2"/>
    </row>
    <row r="27824" spans="1:3" ht="19.2">
      <c r="A27824" s="2"/>
      <c r="B27824" s="2"/>
      <c r="C27824" s="2"/>
    </row>
    <row r="27825" spans="1:3" ht="19.2">
      <c r="A27825" s="2"/>
      <c r="B27825" s="2"/>
      <c r="C27825" s="2"/>
    </row>
    <row r="27826" spans="1:3" ht="19.2">
      <c r="A27826" s="2"/>
      <c r="B27826" s="2"/>
      <c r="C27826" s="2"/>
    </row>
    <row r="27827" spans="1:3" ht="19.2">
      <c r="A27827" s="2"/>
      <c r="B27827" s="2"/>
      <c r="C27827" s="2"/>
    </row>
    <row r="27828" spans="1:3" ht="19.2">
      <c r="A27828" s="2"/>
      <c r="B27828" s="2"/>
      <c r="C27828" s="2"/>
    </row>
    <row r="27829" spans="1:3" ht="19.2">
      <c r="A27829" s="2"/>
      <c r="B27829" s="2"/>
      <c r="C27829" s="2"/>
    </row>
    <row r="27830" spans="1:3" ht="19.2">
      <c r="A27830" s="2"/>
      <c r="B27830" s="2"/>
      <c r="C27830" s="2"/>
    </row>
    <row r="27831" spans="1:3" ht="19.2">
      <c r="A27831" s="2"/>
      <c r="B27831" s="2"/>
      <c r="C27831" s="2"/>
    </row>
    <row r="27832" spans="1:3" ht="19.2">
      <c r="A27832" s="2"/>
      <c r="B27832" s="2"/>
      <c r="C27832" s="2"/>
    </row>
    <row r="27833" spans="1:3" ht="19.2">
      <c r="A27833" s="2"/>
      <c r="B27833" s="2"/>
      <c r="C27833" s="2"/>
    </row>
    <row r="27834" spans="1:3" ht="19.2">
      <c r="A27834" s="2"/>
      <c r="B27834" s="2"/>
      <c r="C27834" s="2"/>
    </row>
    <row r="27835" spans="1:3" ht="19.2">
      <c r="A27835" s="2"/>
      <c r="B27835" s="2"/>
      <c r="C27835" s="2"/>
    </row>
    <row r="27836" spans="1:3" ht="19.2">
      <c r="A27836" s="2"/>
      <c r="B27836" s="2"/>
      <c r="C27836" s="2"/>
    </row>
    <row r="27837" spans="1:3" ht="19.2">
      <c r="A27837" s="2"/>
      <c r="B27837" s="2"/>
      <c r="C27837" s="2"/>
    </row>
    <row r="27838" spans="1:3" ht="19.2">
      <c r="A27838" s="2"/>
      <c r="B27838" s="2"/>
      <c r="C27838" s="2"/>
    </row>
    <row r="27839" spans="1:3" ht="19.2">
      <c r="A27839" s="2"/>
      <c r="B27839" s="2"/>
      <c r="C27839" s="2"/>
    </row>
    <row r="27840" spans="1:3" ht="19.2">
      <c r="A27840" s="2"/>
      <c r="B27840" s="2"/>
      <c r="C27840" s="2"/>
    </row>
    <row r="27841" spans="1:3" ht="19.2">
      <c r="A27841" s="2"/>
      <c r="B27841" s="2"/>
      <c r="C27841" s="2"/>
    </row>
    <row r="27842" spans="1:3" ht="19.2">
      <c r="A27842" s="2"/>
      <c r="B27842" s="2"/>
      <c r="C27842" s="2"/>
    </row>
    <row r="27843" spans="1:3" ht="19.2">
      <c r="A27843" s="2"/>
      <c r="B27843" s="2"/>
      <c r="C27843" s="2"/>
    </row>
    <row r="27844" spans="1:3" ht="19.2">
      <c r="A27844" s="2"/>
      <c r="B27844" s="2"/>
      <c r="C27844" s="2"/>
    </row>
    <row r="27845" spans="1:3" ht="19.2">
      <c r="A27845" s="2"/>
      <c r="B27845" s="2"/>
      <c r="C27845" s="2"/>
    </row>
    <row r="27846" spans="1:3" ht="19.2">
      <c r="A27846" s="2"/>
      <c r="B27846" s="2"/>
      <c r="C27846" s="2"/>
    </row>
    <row r="27847" spans="1:3" ht="19.2">
      <c r="A27847" s="2"/>
      <c r="B27847" s="2"/>
      <c r="C27847" s="2"/>
    </row>
    <row r="27848" spans="1:3" ht="19.2">
      <c r="A27848" s="2"/>
      <c r="B27848" s="2"/>
      <c r="C27848" s="2"/>
    </row>
    <row r="27849" spans="1:3" ht="19.2">
      <c r="A27849" s="2"/>
      <c r="B27849" s="2"/>
      <c r="C27849" s="2"/>
    </row>
    <row r="27850" spans="1:3" ht="19.2">
      <c r="A27850" s="2"/>
      <c r="B27850" s="2"/>
      <c r="C27850" s="2"/>
    </row>
    <row r="27851" spans="1:3" ht="19.2">
      <c r="A27851" s="2"/>
      <c r="B27851" s="2"/>
      <c r="C27851" s="2"/>
    </row>
    <row r="27852" spans="1:3" ht="19.2">
      <c r="A27852" s="2"/>
      <c r="B27852" s="2"/>
      <c r="C27852" s="2"/>
    </row>
    <row r="27853" spans="1:3" ht="19.2">
      <c r="A27853" s="2"/>
      <c r="B27853" s="2"/>
      <c r="C27853" s="2"/>
    </row>
    <row r="27854" spans="1:3" ht="19.2">
      <c r="A27854" s="2"/>
      <c r="B27854" s="2"/>
      <c r="C27854" s="2"/>
    </row>
    <row r="27855" spans="1:3" ht="19.2">
      <c r="A27855" s="2"/>
      <c r="B27855" s="2"/>
      <c r="C27855" s="2"/>
    </row>
    <row r="27856" spans="1:3" ht="19.2">
      <c r="A27856" s="2"/>
      <c r="B27856" s="2"/>
      <c r="C27856" s="2"/>
    </row>
    <row r="27857" spans="1:3" ht="19.2">
      <c r="A27857" s="2"/>
      <c r="B27857" s="2"/>
      <c r="C27857" s="2"/>
    </row>
    <row r="27858" spans="1:3" ht="19.2">
      <c r="A27858" s="2"/>
      <c r="B27858" s="2"/>
      <c r="C27858" s="2"/>
    </row>
    <row r="27859" spans="1:3" ht="19.2">
      <c r="A27859" s="2"/>
      <c r="B27859" s="2"/>
      <c r="C27859" s="2"/>
    </row>
    <row r="27860" spans="1:3" ht="19.2">
      <c r="A27860" s="2"/>
      <c r="B27860" s="2"/>
      <c r="C27860" s="2"/>
    </row>
    <row r="27861" spans="1:3" ht="19.2">
      <c r="A27861" s="2"/>
      <c r="B27861" s="2"/>
      <c r="C27861" s="2"/>
    </row>
    <row r="27862" spans="1:3" ht="19.2">
      <c r="A27862" s="2"/>
      <c r="B27862" s="2"/>
      <c r="C27862" s="2"/>
    </row>
    <row r="27863" spans="1:3" ht="19.2">
      <c r="A27863" s="2"/>
      <c r="B27863" s="2"/>
      <c r="C27863" s="2"/>
    </row>
    <row r="27864" spans="1:3" ht="19.2">
      <c r="A27864" s="2"/>
      <c r="B27864" s="2"/>
      <c r="C27864" s="2"/>
    </row>
    <row r="27865" spans="1:3" ht="19.2">
      <c r="A27865" s="2"/>
      <c r="B27865" s="2"/>
      <c r="C27865" s="2"/>
    </row>
    <row r="27866" spans="1:3" ht="19.2">
      <c r="A27866" s="2"/>
      <c r="B27866" s="2"/>
      <c r="C27866" s="2"/>
    </row>
    <row r="27867" spans="1:3" ht="19.2">
      <c r="A27867" s="2"/>
      <c r="B27867" s="2"/>
      <c r="C27867" s="2"/>
    </row>
    <row r="27868" spans="1:3" ht="19.2">
      <c r="A27868" s="2"/>
      <c r="B27868" s="2"/>
      <c r="C27868" s="2"/>
    </row>
    <row r="27869" spans="1:3" ht="19.2">
      <c r="A27869" s="2"/>
      <c r="B27869" s="2"/>
      <c r="C27869" s="2"/>
    </row>
    <row r="27870" spans="1:3" ht="19.2">
      <c r="A27870" s="2"/>
      <c r="B27870" s="2"/>
      <c r="C27870" s="2"/>
    </row>
    <row r="27871" spans="1:3" ht="19.2">
      <c r="A27871" s="2"/>
      <c r="B27871" s="2"/>
      <c r="C27871" s="2"/>
    </row>
    <row r="27872" spans="1:3" ht="19.2">
      <c r="A27872" s="2"/>
      <c r="B27872" s="2"/>
      <c r="C27872" s="2"/>
    </row>
    <row r="27873" spans="1:3" ht="19.2">
      <c r="A27873" s="2"/>
      <c r="B27873" s="2"/>
      <c r="C27873" s="2"/>
    </row>
    <row r="27874" spans="1:3" ht="19.2">
      <c r="A27874" s="2"/>
      <c r="B27874" s="2"/>
      <c r="C27874" s="2"/>
    </row>
    <row r="27875" spans="1:3" ht="19.2">
      <c r="A27875" s="2"/>
      <c r="B27875" s="2"/>
      <c r="C27875" s="2"/>
    </row>
    <row r="27876" spans="1:3" ht="19.2">
      <c r="A27876" s="2"/>
      <c r="B27876" s="2"/>
      <c r="C27876" s="2"/>
    </row>
    <row r="27877" spans="1:3" ht="19.2">
      <c r="A27877" s="2"/>
      <c r="B27877" s="2"/>
      <c r="C27877" s="2"/>
    </row>
    <row r="27878" spans="1:3" ht="19.2">
      <c r="A27878" s="2"/>
      <c r="B27878" s="2"/>
      <c r="C27878" s="2"/>
    </row>
    <row r="27879" spans="1:3" ht="19.2">
      <c r="A27879" s="2"/>
      <c r="B27879" s="2"/>
      <c r="C27879" s="2"/>
    </row>
    <row r="27880" spans="1:3" ht="19.2">
      <c r="A27880" s="2"/>
      <c r="B27880" s="2"/>
      <c r="C27880" s="2"/>
    </row>
    <row r="27881" spans="1:3" ht="19.2">
      <c r="A27881" s="2"/>
      <c r="B27881" s="2"/>
      <c r="C27881" s="2"/>
    </row>
    <row r="27882" spans="1:3" ht="19.2">
      <c r="A27882" s="2"/>
      <c r="B27882" s="2"/>
      <c r="C27882" s="2"/>
    </row>
    <row r="27883" spans="1:3" ht="19.2">
      <c r="A27883" s="2"/>
      <c r="B27883" s="2"/>
      <c r="C27883" s="2"/>
    </row>
    <row r="27884" spans="1:3" ht="19.2">
      <c r="A27884" s="2"/>
      <c r="B27884" s="2"/>
      <c r="C27884" s="2"/>
    </row>
    <row r="27885" spans="1:3" ht="19.2">
      <c r="A27885" s="2"/>
      <c r="B27885" s="2"/>
      <c r="C27885" s="2"/>
    </row>
    <row r="27886" spans="1:3" ht="19.2">
      <c r="A27886" s="2"/>
      <c r="B27886" s="2"/>
      <c r="C27886" s="2"/>
    </row>
    <row r="27887" spans="1:3" ht="19.2">
      <c r="A27887" s="2"/>
      <c r="B27887" s="2"/>
      <c r="C27887" s="2"/>
    </row>
    <row r="27888" spans="1:3" ht="19.2">
      <c r="A27888" s="2"/>
      <c r="B27888" s="2"/>
      <c r="C27888" s="2"/>
    </row>
    <row r="27889" spans="1:3" ht="19.2">
      <c r="A27889" s="2"/>
      <c r="B27889" s="2"/>
      <c r="C27889" s="2"/>
    </row>
    <row r="27890" spans="1:3" ht="19.2">
      <c r="A27890" s="2"/>
      <c r="B27890" s="2"/>
      <c r="C27890" s="2"/>
    </row>
    <row r="27891" spans="1:3" ht="19.2">
      <c r="A27891" s="2"/>
      <c r="B27891" s="2"/>
      <c r="C27891" s="2"/>
    </row>
    <row r="27892" spans="1:3" ht="19.2">
      <c r="A27892" s="2"/>
      <c r="B27892" s="2"/>
      <c r="C27892" s="2"/>
    </row>
    <row r="27893" spans="1:3" ht="19.2">
      <c r="A27893" s="2"/>
      <c r="B27893" s="2"/>
      <c r="C27893" s="2"/>
    </row>
    <row r="27894" spans="1:3" ht="19.2">
      <c r="A27894" s="2"/>
      <c r="B27894" s="2"/>
      <c r="C27894" s="2"/>
    </row>
    <row r="27895" spans="1:3" ht="19.2">
      <c r="A27895" s="2"/>
      <c r="B27895" s="2"/>
      <c r="C27895" s="2"/>
    </row>
    <row r="27896" spans="1:3" ht="19.2">
      <c r="A27896" s="2"/>
      <c r="B27896" s="2"/>
      <c r="C27896" s="2"/>
    </row>
    <row r="27897" spans="1:3" ht="19.2">
      <c r="A27897" s="2"/>
      <c r="B27897" s="2"/>
      <c r="C27897" s="2"/>
    </row>
    <row r="27898" spans="1:3" ht="19.2">
      <c r="A27898" s="2"/>
      <c r="B27898" s="2"/>
      <c r="C27898" s="2"/>
    </row>
    <row r="27899" spans="1:3" ht="19.2">
      <c r="A27899" s="2"/>
      <c r="B27899" s="2"/>
      <c r="C27899" s="2"/>
    </row>
    <row r="27900" spans="1:3" ht="19.2">
      <c r="A27900" s="2"/>
      <c r="B27900" s="2"/>
      <c r="C27900" s="2"/>
    </row>
    <row r="27901" spans="1:3" ht="19.2">
      <c r="A27901" s="2"/>
      <c r="B27901" s="2"/>
      <c r="C27901" s="2"/>
    </row>
    <row r="27902" spans="1:3" ht="19.2">
      <c r="A27902" s="2"/>
      <c r="B27902" s="2"/>
      <c r="C27902" s="2"/>
    </row>
    <row r="27903" spans="1:3" ht="19.2">
      <c r="A27903" s="2"/>
      <c r="B27903" s="2"/>
      <c r="C27903" s="2"/>
    </row>
    <row r="27904" spans="1:3" ht="19.2">
      <c r="A27904" s="2"/>
      <c r="B27904" s="2"/>
      <c r="C27904" s="2"/>
    </row>
    <row r="27905" spans="1:3" ht="19.2">
      <c r="A27905" s="2"/>
      <c r="B27905" s="2"/>
      <c r="C27905" s="2"/>
    </row>
    <row r="27906" spans="1:3" ht="19.2">
      <c r="A27906" s="2"/>
      <c r="B27906" s="2"/>
      <c r="C27906" s="2"/>
    </row>
    <row r="27907" spans="1:3" ht="19.2">
      <c r="A27907" s="2"/>
      <c r="B27907" s="2"/>
      <c r="C27907" s="2"/>
    </row>
    <row r="27908" spans="1:3" ht="19.2">
      <c r="A27908" s="2"/>
      <c r="B27908" s="2"/>
      <c r="C27908" s="2"/>
    </row>
    <row r="27909" spans="1:3" ht="19.2">
      <c r="A27909" s="2"/>
      <c r="B27909" s="2"/>
      <c r="C27909" s="2"/>
    </row>
    <row r="27910" spans="1:3" ht="19.2">
      <c r="A27910" s="2"/>
      <c r="B27910" s="2"/>
      <c r="C27910" s="2"/>
    </row>
    <row r="27911" spans="1:3" ht="19.2">
      <c r="A27911" s="2"/>
      <c r="B27911" s="2"/>
      <c r="C27911" s="2"/>
    </row>
    <row r="27912" spans="1:3" ht="19.2">
      <c r="A27912" s="2"/>
      <c r="B27912" s="2"/>
      <c r="C27912" s="2"/>
    </row>
    <row r="27913" spans="1:3" ht="19.2">
      <c r="A27913" s="2"/>
      <c r="B27913" s="2"/>
      <c r="C27913" s="2"/>
    </row>
    <row r="27914" spans="1:3" ht="19.2">
      <c r="A27914" s="2"/>
      <c r="B27914" s="2"/>
      <c r="C27914" s="2"/>
    </row>
    <row r="27915" spans="1:3" ht="19.2">
      <c r="A27915" s="2"/>
      <c r="B27915" s="2"/>
      <c r="C27915" s="2"/>
    </row>
    <row r="27916" spans="1:3" ht="19.2">
      <c r="A27916" s="2"/>
      <c r="B27916" s="2"/>
      <c r="C27916" s="2"/>
    </row>
    <row r="27917" spans="1:3" ht="19.2">
      <c r="A27917" s="2"/>
      <c r="B27917" s="2"/>
      <c r="C27917" s="2"/>
    </row>
    <row r="27918" spans="1:3" ht="19.2">
      <c r="A27918" s="2"/>
      <c r="B27918" s="2"/>
      <c r="C27918" s="2"/>
    </row>
    <row r="27919" spans="1:3" ht="19.2">
      <c r="A27919" s="2"/>
      <c r="B27919" s="2"/>
      <c r="C27919" s="2"/>
    </row>
    <row r="27920" spans="1:3" ht="19.2">
      <c r="A27920" s="2"/>
      <c r="B27920" s="2"/>
      <c r="C27920" s="2"/>
    </row>
    <row r="27921" spans="1:3" ht="19.2">
      <c r="A27921" s="2"/>
      <c r="B27921" s="2"/>
      <c r="C27921" s="2"/>
    </row>
    <row r="27922" spans="1:3" ht="19.2">
      <c r="A27922" s="2"/>
      <c r="B27922" s="2"/>
      <c r="C27922" s="2"/>
    </row>
    <row r="27923" spans="1:3" ht="19.2">
      <c r="A27923" s="2"/>
      <c r="B27923" s="2"/>
      <c r="C27923" s="2"/>
    </row>
    <row r="27924" spans="1:3" ht="19.2">
      <c r="A27924" s="2"/>
      <c r="B27924" s="2"/>
      <c r="C27924" s="2"/>
    </row>
    <row r="27925" spans="1:3" ht="19.2">
      <c r="A27925" s="2"/>
      <c r="B27925" s="2"/>
      <c r="C27925" s="2"/>
    </row>
    <row r="27926" spans="1:3" ht="19.2">
      <c r="A27926" s="2"/>
      <c r="B27926" s="2"/>
      <c r="C27926" s="2"/>
    </row>
    <row r="27927" spans="1:3" ht="19.2">
      <c r="A27927" s="2"/>
      <c r="B27927" s="2"/>
      <c r="C27927" s="2"/>
    </row>
    <row r="27928" spans="1:3" ht="19.2">
      <c r="A27928" s="2"/>
      <c r="B27928" s="2"/>
      <c r="C27928" s="2"/>
    </row>
    <row r="27929" spans="1:3" ht="19.2">
      <c r="A27929" s="2"/>
      <c r="B27929" s="2"/>
      <c r="C27929" s="2"/>
    </row>
    <row r="27930" spans="1:3" ht="19.2">
      <c r="A27930" s="2"/>
      <c r="B27930" s="2"/>
      <c r="C27930" s="2"/>
    </row>
    <row r="27931" spans="1:3" ht="19.2">
      <c r="A27931" s="2"/>
      <c r="B27931" s="2"/>
      <c r="C27931" s="2"/>
    </row>
    <row r="27932" spans="1:3" ht="19.2">
      <c r="A27932" s="2"/>
      <c r="B27932" s="2"/>
      <c r="C27932" s="2"/>
    </row>
    <row r="27933" spans="1:3" ht="19.2">
      <c r="A27933" s="2"/>
      <c r="B27933" s="2"/>
      <c r="C27933" s="2"/>
    </row>
    <row r="27934" spans="1:3" ht="19.2">
      <c r="A27934" s="2"/>
      <c r="B27934" s="2"/>
      <c r="C27934" s="2"/>
    </row>
    <row r="27935" spans="1:3" ht="19.2">
      <c r="A27935" s="2"/>
      <c r="B27935" s="2"/>
      <c r="C27935" s="2"/>
    </row>
    <row r="27936" spans="1:3" ht="19.2">
      <c r="A27936" s="2"/>
      <c r="B27936" s="2"/>
      <c r="C27936" s="2"/>
    </row>
    <row r="27937" spans="1:3" ht="19.2">
      <c r="A27937" s="2"/>
      <c r="B27937" s="2"/>
      <c r="C27937" s="2"/>
    </row>
    <row r="27938" spans="1:3" ht="19.2">
      <c r="A27938" s="2"/>
      <c r="B27938" s="2"/>
      <c r="C27938" s="2"/>
    </row>
    <row r="27939" spans="1:3" ht="19.2">
      <c r="A27939" s="2"/>
      <c r="B27939" s="2"/>
      <c r="C27939" s="2"/>
    </row>
    <row r="27940" spans="1:3" ht="19.2">
      <c r="A27940" s="2"/>
      <c r="B27940" s="2"/>
      <c r="C27940" s="2"/>
    </row>
    <row r="27941" spans="1:3" ht="19.2">
      <c r="A27941" s="2"/>
      <c r="B27941" s="2"/>
      <c r="C27941" s="2"/>
    </row>
    <row r="27942" spans="1:3" ht="19.2">
      <c r="A27942" s="2"/>
      <c r="B27942" s="2"/>
      <c r="C27942" s="2"/>
    </row>
    <row r="27943" spans="1:3" ht="19.2">
      <c r="A27943" s="2"/>
      <c r="B27943" s="2"/>
      <c r="C27943" s="2"/>
    </row>
    <row r="27944" spans="1:3" ht="19.2">
      <c r="A27944" s="2"/>
      <c r="B27944" s="2"/>
      <c r="C27944" s="2"/>
    </row>
    <row r="27945" spans="1:3" ht="19.2">
      <c r="A27945" s="2"/>
      <c r="B27945" s="2"/>
      <c r="C27945" s="2"/>
    </row>
    <row r="27946" spans="1:3" ht="19.2">
      <c r="A27946" s="2"/>
      <c r="B27946" s="2"/>
      <c r="C27946" s="2"/>
    </row>
    <row r="27947" spans="1:3" ht="19.2">
      <c r="A27947" s="2"/>
      <c r="B27947" s="2"/>
      <c r="C27947" s="2"/>
    </row>
    <row r="27948" spans="1:3" ht="19.2">
      <c r="A27948" s="2"/>
      <c r="B27948" s="2"/>
      <c r="C27948" s="2"/>
    </row>
    <row r="27949" spans="1:3" ht="19.2">
      <c r="A27949" s="2"/>
      <c r="B27949" s="2"/>
      <c r="C27949" s="2"/>
    </row>
    <row r="27950" spans="1:3" ht="19.2">
      <c r="A27950" s="2"/>
      <c r="B27950" s="2"/>
      <c r="C27950" s="2"/>
    </row>
    <row r="27951" spans="1:3" ht="19.2">
      <c r="A27951" s="2"/>
      <c r="B27951" s="2"/>
      <c r="C27951" s="2"/>
    </row>
    <row r="27952" spans="1:3" ht="19.2">
      <c r="A27952" s="2"/>
      <c r="B27952" s="2"/>
      <c r="C27952" s="2"/>
    </row>
    <row r="27953" spans="1:3" ht="19.2">
      <c r="A27953" s="2"/>
      <c r="B27953" s="2"/>
      <c r="C27953" s="2"/>
    </row>
    <row r="27954" spans="1:3" ht="19.2">
      <c r="A27954" s="2"/>
      <c r="B27954" s="2"/>
      <c r="C27954" s="2"/>
    </row>
    <row r="27955" spans="1:3" ht="19.2">
      <c r="A27955" s="2"/>
      <c r="B27955" s="2"/>
      <c r="C27955" s="2"/>
    </row>
    <row r="27956" spans="1:3" ht="19.2">
      <c r="A27956" s="2"/>
      <c r="B27956" s="2"/>
      <c r="C27956" s="2"/>
    </row>
    <row r="27957" spans="1:3" ht="19.2">
      <c r="A27957" s="2"/>
      <c r="B27957" s="2"/>
      <c r="C27957" s="2"/>
    </row>
    <row r="27958" spans="1:3" ht="19.2">
      <c r="A27958" s="2"/>
      <c r="B27958" s="2"/>
      <c r="C27958" s="2"/>
    </row>
    <row r="27959" spans="1:3" ht="19.2">
      <c r="A27959" s="2"/>
      <c r="B27959" s="2"/>
      <c r="C27959" s="2"/>
    </row>
    <row r="27960" spans="1:3" ht="19.2">
      <c r="A27960" s="2"/>
      <c r="B27960" s="2"/>
      <c r="C27960" s="2"/>
    </row>
    <row r="27961" spans="1:3" ht="19.2">
      <c r="A27961" s="2"/>
      <c r="B27961" s="2"/>
      <c r="C27961" s="2"/>
    </row>
    <row r="27962" spans="1:3" ht="19.2">
      <c r="A27962" s="2"/>
      <c r="B27962" s="2"/>
      <c r="C27962" s="2"/>
    </row>
    <row r="27963" spans="1:3" ht="19.2">
      <c r="A27963" s="2"/>
      <c r="B27963" s="2"/>
      <c r="C27963" s="2"/>
    </row>
    <row r="27964" spans="1:3" ht="19.2">
      <c r="A27964" s="2"/>
      <c r="B27964" s="2"/>
      <c r="C27964" s="2"/>
    </row>
    <row r="27965" spans="1:3" ht="19.2">
      <c r="A27965" s="2"/>
      <c r="B27965" s="2"/>
      <c r="C27965" s="2"/>
    </row>
    <row r="27966" spans="1:3" ht="19.2">
      <c r="A27966" s="2"/>
      <c r="B27966" s="2"/>
      <c r="C27966" s="2"/>
    </row>
    <row r="27967" spans="1:3" ht="19.2">
      <c r="A27967" s="2"/>
      <c r="B27967" s="2"/>
      <c r="C27967" s="2"/>
    </row>
    <row r="27968" spans="1:3" ht="19.2">
      <c r="A27968" s="2"/>
      <c r="B27968" s="2"/>
      <c r="C27968" s="2"/>
    </row>
    <row r="27969" spans="1:3" ht="19.2">
      <c r="A27969" s="2"/>
      <c r="B27969" s="2"/>
      <c r="C27969" s="2"/>
    </row>
    <row r="27970" spans="1:3" ht="19.2">
      <c r="A27970" s="2"/>
      <c r="B27970" s="2"/>
      <c r="C27970" s="2"/>
    </row>
    <row r="27971" spans="1:3" ht="19.2">
      <c r="A27971" s="2"/>
      <c r="B27971" s="2"/>
      <c r="C27971" s="2"/>
    </row>
    <row r="27972" spans="1:3" ht="19.2">
      <c r="A27972" s="2"/>
      <c r="B27972" s="2"/>
      <c r="C27972" s="2"/>
    </row>
    <row r="27973" spans="1:3" ht="19.2">
      <c r="A27973" s="2"/>
      <c r="B27973" s="2"/>
      <c r="C27973" s="2"/>
    </row>
    <row r="27974" spans="1:3" ht="19.2">
      <c r="A27974" s="2"/>
      <c r="B27974" s="2"/>
      <c r="C27974" s="2"/>
    </row>
    <row r="27975" spans="1:3" ht="19.2">
      <c r="A27975" s="2"/>
      <c r="B27975" s="2"/>
      <c r="C27975" s="2"/>
    </row>
    <row r="27976" spans="1:3" ht="19.2">
      <c r="A27976" s="2"/>
      <c r="B27976" s="2"/>
      <c r="C27976" s="2"/>
    </row>
    <row r="27977" spans="1:3" ht="19.2">
      <c r="A27977" s="2"/>
      <c r="B27977" s="2"/>
      <c r="C27977" s="2"/>
    </row>
    <row r="27978" spans="1:3" ht="19.2">
      <c r="A27978" s="2"/>
      <c r="B27978" s="2"/>
      <c r="C27978" s="2"/>
    </row>
    <row r="27979" spans="1:3" ht="19.2">
      <c r="A27979" s="2"/>
      <c r="B27979" s="2"/>
      <c r="C27979" s="2"/>
    </row>
    <row r="27980" spans="1:3" ht="19.2">
      <c r="A27980" s="2"/>
      <c r="B27980" s="2"/>
      <c r="C27980" s="2"/>
    </row>
    <row r="27981" spans="1:3" ht="19.2">
      <c r="A27981" s="2"/>
      <c r="B27981" s="2"/>
      <c r="C27981" s="2"/>
    </row>
    <row r="27982" spans="1:3" ht="19.2">
      <c r="A27982" s="2"/>
      <c r="B27982" s="2"/>
      <c r="C27982" s="2"/>
    </row>
    <row r="27983" spans="1:3" ht="19.2">
      <c r="A27983" s="2"/>
      <c r="B27983" s="2"/>
      <c r="C27983" s="2"/>
    </row>
    <row r="27984" spans="1:3" ht="19.2">
      <c r="A27984" s="2"/>
      <c r="B27984" s="2"/>
      <c r="C27984" s="2"/>
    </row>
    <row r="27985" spans="1:3" ht="19.2">
      <c r="A27985" s="2"/>
      <c r="B27985" s="2"/>
      <c r="C27985" s="2"/>
    </row>
    <row r="27986" spans="1:3" ht="19.2">
      <c r="A27986" s="2"/>
      <c r="B27986" s="2"/>
      <c r="C27986" s="2"/>
    </row>
    <row r="27987" spans="1:3" ht="19.2">
      <c r="A27987" s="2"/>
      <c r="B27987" s="2"/>
      <c r="C27987" s="2"/>
    </row>
    <row r="27988" spans="1:3" ht="19.2">
      <c r="A27988" s="2"/>
      <c r="B27988" s="2"/>
      <c r="C27988" s="2"/>
    </row>
    <row r="27989" spans="1:3" ht="19.2">
      <c r="A27989" s="2"/>
      <c r="B27989" s="2"/>
      <c r="C27989" s="2"/>
    </row>
    <row r="27990" spans="1:3" ht="19.2">
      <c r="A27990" s="2"/>
      <c r="B27990" s="2"/>
      <c r="C27990" s="2"/>
    </row>
    <row r="27991" spans="1:3" ht="19.2">
      <c r="A27991" s="2"/>
      <c r="B27991" s="2"/>
      <c r="C27991" s="2"/>
    </row>
    <row r="27992" spans="1:3" ht="19.2">
      <c r="A27992" s="2"/>
      <c r="B27992" s="2"/>
      <c r="C27992" s="2"/>
    </row>
    <row r="27993" spans="1:3" ht="19.2">
      <c r="A27993" s="2"/>
      <c r="B27993" s="2"/>
      <c r="C27993" s="2"/>
    </row>
    <row r="27994" spans="1:3" ht="19.2">
      <c r="A27994" s="2"/>
      <c r="B27994" s="2"/>
      <c r="C27994" s="2"/>
    </row>
    <row r="27995" spans="1:3" ht="19.2">
      <c r="A27995" s="2"/>
      <c r="B27995" s="2"/>
      <c r="C27995" s="2"/>
    </row>
    <row r="27996" spans="1:3" ht="19.2">
      <c r="A27996" s="2"/>
      <c r="B27996" s="2"/>
      <c r="C27996" s="2"/>
    </row>
    <row r="27997" spans="1:3" ht="19.2">
      <c r="A27997" s="2"/>
      <c r="B27997" s="2"/>
      <c r="C27997" s="2"/>
    </row>
    <row r="27998" spans="1:3" ht="19.2">
      <c r="A27998" s="2"/>
      <c r="B27998" s="2"/>
      <c r="C27998" s="2"/>
    </row>
    <row r="27999" spans="1:3" ht="19.2">
      <c r="A27999" s="2"/>
      <c r="B27999" s="2"/>
      <c r="C27999" s="2"/>
    </row>
    <row r="28000" spans="1:3" ht="19.2">
      <c r="A28000" s="2"/>
      <c r="B28000" s="2"/>
      <c r="C28000" s="2"/>
    </row>
    <row r="28001" spans="1:3" ht="19.2">
      <c r="A28001" s="2"/>
      <c r="B28001" s="2"/>
      <c r="C28001" s="2"/>
    </row>
    <row r="28002" spans="1:3" ht="19.2">
      <c r="A28002" s="2"/>
      <c r="B28002" s="2"/>
      <c r="C28002" s="2"/>
    </row>
    <row r="28003" spans="1:3" ht="19.2">
      <c r="A28003" s="2"/>
      <c r="B28003" s="2"/>
      <c r="C28003" s="2"/>
    </row>
    <row r="28004" spans="1:3" ht="19.2">
      <c r="A28004" s="2"/>
      <c r="B28004" s="2"/>
      <c r="C28004" s="2"/>
    </row>
    <row r="28005" spans="1:3" ht="19.2">
      <c r="A28005" s="2"/>
      <c r="B28005" s="2"/>
      <c r="C28005" s="2"/>
    </row>
    <row r="28006" spans="1:3" ht="19.2">
      <c r="A28006" s="2"/>
      <c r="B28006" s="2"/>
      <c r="C28006" s="2"/>
    </row>
    <row r="28007" spans="1:3" ht="19.2">
      <c r="A28007" s="2"/>
      <c r="B28007" s="2"/>
      <c r="C28007" s="2"/>
    </row>
    <row r="28008" spans="1:3" ht="19.2">
      <c r="A28008" s="2"/>
      <c r="B28008" s="2"/>
      <c r="C28008" s="2"/>
    </row>
    <row r="28009" spans="1:3" ht="19.2">
      <c r="A28009" s="2"/>
      <c r="B28009" s="2"/>
      <c r="C28009" s="2"/>
    </row>
    <row r="28010" spans="1:3" ht="19.2">
      <c r="A28010" s="2"/>
      <c r="B28010" s="2"/>
      <c r="C28010" s="2"/>
    </row>
    <row r="28011" spans="1:3" ht="19.2">
      <c r="A28011" s="2"/>
      <c r="B28011" s="2"/>
      <c r="C28011" s="2"/>
    </row>
    <row r="28012" spans="1:3" ht="19.2">
      <c r="A28012" s="2"/>
      <c r="B28012" s="2"/>
      <c r="C28012" s="2"/>
    </row>
    <row r="28013" spans="1:3" ht="19.2">
      <c r="A28013" s="2"/>
      <c r="B28013" s="2"/>
      <c r="C28013" s="2"/>
    </row>
    <row r="28014" spans="1:3" ht="19.2">
      <c r="A28014" s="2"/>
      <c r="B28014" s="2"/>
      <c r="C28014" s="2"/>
    </row>
    <row r="28015" spans="1:3" ht="19.2">
      <c r="A28015" s="2"/>
      <c r="B28015" s="2"/>
      <c r="C28015" s="2"/>
    </row>
    <row r="28016" spans="1:3" ht="19.2">
      <c r="A28016" s="2"/>
      <c r="B28016" s="2"/>
      <c r="C28016" s="2"/>
    </row>
    <row r="28017" spans="1:3" ht="19.2">
      <c r="A28017" s="2"/>
      <c r="B28017" s="2"/>
      <c r="C28017" s="2"/>
    </row>
    <row r="28018" spans="1:3" ht="19.2">
      <c r="A28018" s="2"/>
      <c r="B28018" s="2"/>
      <c r="C28018" s="2"/>
    </row>
    <row r="28019" spans="1:3" ht="19.2">
      <c r="A28019" s="2"/>
      <c r="B28019" s="2"/>
      <c r="C28019" s="2"/>
    </row>
    <row r="28020" spans="1:3" ht="19.2">
      <c r="A28020" s="2"/>
      <c r="B28020" s="2"/>
      <c r="C28020" s="2"/>
    </row>
    <row r="28021" spans="1:3" ht="19.2">
      <c r="A28021" s="2"/>
      <c r="B28021" s="2"/>
      <c r="C28021" s="2"/>
    </row>
    <row r="28022" spans="1:3" ht="19.2">
      <c r="A28022" s="2"/>
      <c r="B28022" s="2"/>
      <c r="C28022" s="2"/>
    </row>
    <row r="28023" spans="1:3" ht="19.2">
      <c r="A28023" s="2"/>
      <c r="B28023" s="2"/>
      <c r="C28023" s="2"/>
    </row>
    <row r="28024" spans="1:3" ht="19.2">
      <c r="A28024" s="2"/>
      <c r="B28024" s="2"/>
      <c r="C28024" s="2"/>
    </row>
    <row r="28025" spans="1:3" ht="19.2">
      <c r="A28025" s="2"/>
      <c r="B28025" s="2"/>
      <c r="C28025" s="2"/>
    </row>
    <row r="28026" spans="1:3" ht="19.2">
      <c r="A28026" s="2"/>
      <c r="B28026" s="2"/>
      <c r="C28026" s="2"/>
    </row>
    <row r="28027" spans="1:3" ht="19.2">
      <c r="A28027" s="2"/>
      <c r="B28027" s="2"/>
      <c r="C28027" s="2"/>
    </row>
    <row r="28028" spans="1:3" ht="19.2">
      <c r="A28028" s="2"/>
      <c r="B28028" s="2"/>
      <c r="C28028" s="2"/>
    </row>
    <row r="28029" spans="1:3" ht="19.2">
      <c r="A28029" s="2"/>
      <c r="B28029" s="2"/>
      <c r="C28029" s="2"/>
    </row>
    <row r="28030" spans="1:3" ht="19.2">
      <c r="A28030" s="2"/>
      <c r="B28030" s="2"/>
      <c r="C28030" s="2"/>
    </row>
    <row r="28031" spans="1:3" ht="19.2">
      <c r="A28031" s="2"/>
      <c r="B28031" s="2"/>
      <c r="C28031" s="2"/>
    </row>
    <row r="28032" spans="1:3" ht="19.2">
      <c r="A28032" s="2"/>
      <c r="B28032" s="2"/>
      <c r="C28032" s="2"/>
    </row>
    <row r="28033" spans="1:3" ht="19.2">
      <c r="A28033" s="2"/>
      <c r="B28033" s="2"/>
      <c r="C28033" s="2"/>
    </row>
    <row r="28034" spans="1:3" ht="19.2">
      <c r="A28034" s="2"/>
      <c r="B28034" s="2"/>
      <c r="C28034" s="2"/>
    </row>
    <row r="28035" spans="1:3" ht="19.2">
      <c r="A28035" s="2"/>
      <c r="B28035" s="2"/>
      <c r="C28035" s="2"/>
    </row>
    <row r="28036" spans="1:3" ht="19.2">
      <c r="A28036" s="2"/>
      <c r="B28036" s="2"/>
      <c r="C28036" s="2"/>
    </row>
    <row r="28037" spans="1:3" ht="19.2">
      <c r="A28037" s="2"/>
      <c r="B28037" s="2"/>
      <c r="C28037" s="2"/>
    </row>
    <row r="28038" spans="1:3" ht="19.2">
      <c r="A28038" s="2"/>
      <c r="B28038" s="2"/>
      <c r="C28038" s="2"/>
    </row>
    <row r="28039" spans="1:3" ht="19.2">
      <c r="A28039" s="2"/>
      <c r="B28039" s="2"/>
      <c r="C28039" s="2"/>
    </row>
    <row r="28040" spans="1:3" ht="19.2">
      <c r="A28040" s="2"/>
      <c r="B28040" s="2"/>
      <c r="C28040" s="2"/>
    </row>
    <row r="28041" spans="1:3" ht="19.2">
      <c r="A28041" s="2"/>
      <c r="B28041" s="2"/>
      <c r="C28041" s="2"/>
    </row>
    <row r="28042" spans="1:3" ht="19.2">
      <c r="A28042" s="2"/>
      <c r="B28042" s="2"/>
      <c r="C28042" s="2"/>
    </row>
    <row r="28043" spans="1:3" ht="19.2">
      <c r="A28043" s="2"/>
      <c r="B28043" s="2"/>
      <c r="C28043" s="2"/>
    </row>
    <row r="28044" spans="1:3" ht="19.2">
      <c r="A28044" s="2"/>
      <c r="B28044" s="2"/>
      <c r="C28044" s="2"/>
    </row>
    <row r="28045" spans="1:3" ht="19.2">
      <c r="A28045" s="2"/>
      <c r="B28045" s="2"/>
      <c r="C28045" s="2"/>
    </row>
    <row r="28046" spans="1:3" ht="19.2">
      <c r="A28046" s="2"/>
      <c r="B28046" s="2"/>
      <c r="C28046" s="2"/>
    </row>
    <row r="28047" spans="1:3" ht="19.2">
      <c r="A28047" s="2"/>
      <c r="B28047" s="2"/>
      <c r="C28047" s="2"/>
    </row>
    <row r="28048" spans="1:3" ht="19.2">
      <c r="A28048" s="2"/>
      <c r="B28048" s="2"/>
      <c r="C28048" s="2"/>
    </row>
    <row r="28049" spans="1:3" ht="19.2">
      <c r="A28049" s="2"/>
      <c r="B28049" s="2"/>
      <c r="C28049" s="2"/>
    </row>
    <row r="28050" spans="1:3" ht="19.2">
      <c r="A28050" s="2"/>
      <c r="B28050" s="2"/>
      <c r="C28050" s="2"/>
    </row>
    <row r="28051" spans="1:3" ht="19.2">
      <c r="A28051" s="2"/>
      <c r="B28051" s="2"/>
      <c r="C28051" s="2"/>
    </row>
    <row r="28052" spans="1:3" ht="19.2">
      <c r="A28052" s="2"/>
      <c r="B28052" s="2"/>
      <c r="C28052" s="2"/>
    </row>
    <row r="28053" spans="1:3" ht="19.2">
      <c r="A28053" s="2"/>
      <c r="B28053" s="2"/>
      <c r="C28053" s="2"/>
    </row>
    <row r="28054" spans="1:3" ht="19.2">
      <c r="A28054" s="2"/>
      <c r="B28054" s="2"/>
      <c r="C28054" s="2"/>
    </row>
    <row r="28055" spans="1:3" ht="19.2">
      <c r="A28055" s="2"/>
      <c r="B28055" s="2"/>
      <c r="C28055" s="2"/>
    </row>
    <row r="28056" spans="1:3" ht="19.2">
      <c r="A28056" s="2"/>
      <c r="B28056" s="2"/>
      <c r="C28056" s="2"/>
    </row>
    <row r="28057" spans="1:3" ht="19.2">
      <c r="A28057" s="2"/>
      <c r="B28057" s="2"/>
      <c r="C28057" s="2"/>
    </row>
    <row r="28058" spans="1:3" ht="19.2">
      <c r="A28058" s="2"/>
      <c r="B28058" s="2"/>
      <c r="C28058" s="2"/>
    </row>
    <row r="28059" spans="1:3" ht="19.2">
      <c r="A28059" s="2"/>
      <c r="B28059" s="2"/>
      <c r="C28059" s="2"/>
    </row>
    <row r="28060" spans="1:3" ht="19.2">
      <c r="A28060" s="2"/>
      <c r="B28060" s="2"/>
      <c r="C28060" s="2"/>
    </row>
    <row r="28061" spans="1:3" ht="19.2">
      <c r="A28061" s="2"/>
      <c r="B28061" s="2"/>
      <c r="C28061" s="2"/>
    </row>
    <row r="28062" spans="1:3" ht="19.2">
      <c r="A28062" s="2"/>
      <c r="B28062" s="2"/>
      <c r="C28062" s="2"/>
    </row>
    <row r="28063" spans="1:3" ht="19.2">
      <c r="A28063" s="2"/>
      <c r="B28063" s="2"/>
      <c r="C28063" s="2"/>
    </row>
    <row r="28064" spans="1:3" ht="19.2">
      <c r="A28064" s="2"/>
      <c r="B28064" s="2"/>
      <c r="C28064" s="2"/>
    </row>
    <row r="28065" spans="1:3" ht="19.2">
      <c r="A28065" s="2"/>
      <c r="B28065" s="2"/>
      <c r="C28065" s="2"/>
    </row>
    <row r="28066" spans="1:3" ht="19.2">
      <c r="A28066" s="2"/>
      <c r="B28066" s="2"/>
      <c r="C28066" s="2"/>
    </row>
    <row r="28067" spans="1:3" ht="19.2">
      <c r="A28067" s="2"/>
      <c r="B28067" s="2"/>
      <c r="C28067" s="2"/>
    </row>
    <row r="28068" spans="1:3" ht="19.2">
      <c r="A28068" s="2"/>
      <c r="B28068" s="2"/>
      <c r="C28068" s="2"/>
    </row>
    <row r="28069" spans="1:3" ht="19.2">
      <c r="A28069" s="2"/>
      <c r="B28069" s="2"/>
      <c r="C28069" s="2"/>
    </row>
    <row r="28070" spans="1:3" ht="19.2">
      <c r="A28070" s="2"/>
      <c r="B28070" s="2"/>
      <c r="C28070" s="2"/>
    </row>
    <row r="28071" spans="1:3" ht="19.2">
      <c r="A28071" s="2"/>
      <c r="B28071" s="2"/>
      <c r="C28071" s="2"/>
    </row>
    <row r="28072" spans="1:3" ht="19.2">
      <c r="A28072" s="2"/>
      <c r="B28072" s="2"/>
      <c r="C28072" s="2"/>
    </row>
    <row r="28073" spans="1:3" ht="19.2">
      <c r="A28073" s="2"/>
      <c r="B28073" s="2"/>
      <c r="C28073" s="2"/>
    </row>
    <row r="28074" spans="1:3" ht="19.2">
      <c r="A28074" s="2"/>
      <c r="B28074" s="2"/>
      <c r="C28074" s="2"/>
    </row>
    <row r="28075" spans="1:3" ht="19.2">
      <c r="A28075" s="2"/>
      <c r="B28075" s="2"/>
      <c r="C28075" s="2"/>
    </row>
    <row r="28076" spans="1:3" ht="19.2">
      <c r="A28076" s="2"/>
      <c r="B28076" s="2"/>
      <c r="C28076" s="2"/>
    </row>
    <row r="28077" spans="1:3" ht="19.2">
      <c r="A28077" s="2"/>
      <c r="B28077" s="2"/>
      <c r="C28077" s="2"/>
    </row>
    <row r="28078" spans="1:3" ht="19.2">
      <c r="A28078" s="2"/>
      <c r="B28078" s="2"/>
      <c r="C28078" s="2"/>
    </row>
    <row r="28079" spans="1:3" ht="19.2">
      <c r="A28079" s="2"/>
      <c r="B28079" s="2"/>
      <c r="C28079" s="2"/>
    </row>
    <row r="28080" spans="1:3" ht="19.2">
      <c r="A28080" s="2"/>
      <c r="B28080" s="2"/>
      <c r="C28080" s="2"/>
    </row>
    <row r="28081" spans="1:3" ht="19.2">
      <c r="A28081" s="2"/>
      <c r="B28081" s="2"/>
      <c r="C28081" s="2"/>
    </row>
    <row r="28082" spans="1:3" ht="19.2">
      <c r="A28082" s="2"/>
      <c r="B28082" s="2"/>
      <c r="C28082" s="2"/>
    </row>
    <row r="28083" spans="1:3" ht="19.2">
      <c r="A28083" s="2"/>
      <c r="B28083" s="2"/>
      <c r="C28083" s="2"/>
    </row>
    <row r="28084" spans="1:3" ht="19.2">
      <c r="A28084" s="2"/>
      <c r="B28084" s="2"/>
      <c r="C28084" s="2"/>
    </row>
    <row r="28085" spans="1:3" ht="19.2">
      <c r="A28085" s="2"/>
      <c r="B28085" s="2"/>
      <c r="C28085" s="2"/>
    </row>
    <row r="28086" spans="1:3" ht="19.2">
      <c r="A28086" s="2"/>
      <c r="B28086" s="2"/>
      <c r="C28086" s="2"/>
    </row>
    <row r="28087" spans="1:3" ht="19.2">
      <c r="A28087" s="2"/>
      <c r="B28087" s="2"/>
      <c r="C28087" s="2"/>
    </row>
    <row r="28088" spans="1:3" ht="19.2">
      <c r="A28088" s="2"/>
      <c r="B28088" s="2"/>
      <c r="C28088" s="2"/>
    </row>
    <row r="28089" spans="1:3" ht="19.2">
      <c r="A28089" s="2"/>
      <c r="B28089" s="2"/>
      <c r="C28089" s="2"/>
    </row>
    <row r="28090" spans="1:3" ht="19.2">
      <c r="A28090" s="2"/>
      <c r="B28090" s="2"/>
      <c r="C28090" s="2"/>
    </row>
    <row r="28091" spans="1:3" ht="19.2">
      <c r="A28091" s="2"/>
      <c r="B28091" s="2"/>
      <c r="C28091" s="2"/>
    </row>
    <row r="28092" spans="1:3" ht="19.2">
      <c r="A28092" s="2"/>
      <c r="B28092" s="2"/>
      <c r="C28092" s="2"/>
    </row>
    <row r="28093" spans="1:3" ht="19.2">
      <c r="A28093" s="2"/>
      <c r="B28093" s="2"/>
      <c r="C28093" s="2"/>
    </row>
    <row r="28094" spans="1:3" ht="19.2">
      <c r="A28094" s="2"/>
      <c r="B28094" s="2"/>
      <c r="C28094" s="2"/>
    </row>
    <row r="28095" spans="1:3" ht="19.2">
      <c r="A28095" s="2"/>
      <c r="B28095" s="2"/>
      <c r="C28095" s="2"/>
    </row>
    <row r="28096" spans="1:3" ht="19.2">
      <c r="A28096" s="2"/>
      <c r="B28096" s="2"/>
      <c r="C28096" s="2"/>
    </row>
    <row r="28097" spans="1:3" ht="19.2">
      <c r="A28097" s="2"/>
      <c r="B28097" s="2"/>
      <c r="C28097" s="2"/>
    </row>
    <row r="28098" spans="1:3" ht="19.2">
      <c r="A28098" s="2"/>
      <c r="B28098" s="2"/>
      <c r="C28098" s="2"/>
    </row>
    <row r="28099" spans="1:3" ht="19.2">
      <c r="A28099" s="2"/>
      <c r="B28099" s="2"/>
      <c r="C28099" s="2"/>
    </row>
    <row r="28100" spans="1:3" ht="19.2">
      <c r="A28100" s="2"/>
      <c r="B28100" s="2"/>
      <c r="C28100" s="2"/>
    </row>
    <row r="28101" spans="1:3" ht="19.2">
      <c r="A28101" s="2"/>
      <c r="B28101" s="2"/>
      <c r="C28101" s="2"/>
    </row>
    <row r="28102" spans="1:3" ht="19.2">
      <c r="A28102" s="2"/>
      <c r="B28102" s="2"/>
      <c r="C28102" s="2"/>
    </row>
    <row r="28103" spans="1:3" ht="19.2">
      <c r="A28103" s="2"/>
      <c r="B28103" s="2"/>
      <c r="C28103" s="2"/>
    </row>
    <row r="28104" spans="1:3" ht="19.2">
      <c r="A28104" s="2"/>
      <c r="B28104" s="2"/>
      <c r="C28104" s="2"/>
    </row>
    <row r="28105" spans="1:3" ht="19.2">
      <c r="A28105" s="2"/>
      <c r="B28105" s="2"/>
      <c r="C28105" s="2"/>
    </row>
    <row r="28106" spans="1:3" ht="19.2">
      <c r="A28106" s="2"/>
      <c r="B28106" s="2"/>
      <c r="C28106" s="2"/>
    </row>
    <row r="28107" spans="1:3" ht="19.2">
      <c r="A28107" s="2"/>
      <c r="B28107" s="2"/>
      <c r="C28107" s="2"/>
    </row>
    <row r="28108" spans="1:3" ht="19.2">
      <c r="A28108" s="2"/>
      <c r="B28108" s="2"/>
      <c r="C28108" s="2"/>
    </row>
    <row r="28109" spans="1:3" ht="19.2">
      <c r="A28109" s="2"/>
      <c r="B28109" s="2"/>
      <c r="C28109" s="2"/>
    </row>
    <row r="28110" spans="1:3" ht="19.2">
      <c r="A28110" s="2"/>
      <c r="B28110" s="2"/>
      <c r="C28110" s="2"/>
    </row>
    <row r="28111" spans="1:3" ht="19.2">
      <c r="A28111" s="2"/>
      <c r="B28111" s="2"/>
      <c r="C28111" s="2"/>
    </row>
    <row r="28112" spans="1:3" ht="19.2">
      <c r="A28112" s="2"/>
      <c r="B28112" s="2"/>
      <c r="C28112" s="2"/>
    </row>
    <row r="28113" spans="1:3" ht="19.2">
      <c r="A28113" s="2"/>
      <c r="B28113" s="2"/>
      <c r="C28113" s="2"/>
    </row>
    <row r="28114" spans="1:3" ht="19.2">
      <c r="A28114" s="2"/>
      <c r="B28114" s="2"/>
      <c r="C28114" s="2"/>
    </row>
    <row r="28115" spans="1:3" ht="19.2">
      <c r="A28115" s="2"/>
      <c r="B28115" s="2"/>
      <c r="C28115" s="2"/>
    </row>
    <row r="28116" spans="1:3" ht="19.2">
      <c r="A28116" s="2"/>
      <c r="B28116" s="2"/>
      <c r="C28116" s="2"/>
    </row>
    <row r="28117" spans="1:3" ht="19.2">
      <c r="A28117" s="2"/>
      <c r="B28117" s="2"/>
      <c r="C28117" s="2"/>
    </row>
    <row r="28118" spans="1:3" ht="19.2">
      <c r="A28118" s="2"/>
      <c r="B28118" s="2"/>
      <c r="C28118" s="2"/>
    </row>
    <row r="28119" spans="1:3" ht="19.2">
      <c r="A28119" s="2"/>
      <c r="B28119" s="2"/>
      <c r="C28119" s="2"/>
    </row>
    <row r="28120" spans="1:3" ht="19.2">
      <c r="A28120" s="2"/>
      <c r="B28120" s="2"/>
      <c r="C28120" s="2"/>
    </row>
    <row r="28121" spans="1:3" ht="19.2">
      <c r="A28121" s="2"/>
      <c r="B28121" s="2"/>
      <c r="C28121" s="2"/>
    </row>
    <row r="28122" spans="1:3" ht="19.2">
      <c r="A28122" s="2"/>
      <c r="B28122" s="2"/>
      <c r="C28122" s="2"/>
    </row>
    <row r="28123" spans="1:3" ht="19.2">
      <c r="A28123" s="2"/>
      <c r="B28123" s="2"/>
      <c r="C28123" s="2"/>
    </row>
    <row r="28124" spans="1:3" ht="19.2">
      <c r="A28124" s="2"/>
      <c r="B28124" s="2"/>
      <c r="C28124" s="2"/>
    </row>
    <row r="28125" spans="1:3" ht="19.2">
      <c r="A28125" s="2"/>
      <c r="B28125" s="2"/>
      <c r="C28125" s="2"/>
    </row>
    <row r="28126" spans="1:3" ht="19.2">
      <c r="A28126" s="2"/>
      <c r="B28126" s="2"/>
      <c r="C28126" s="2"/>
    </row>
    <row r="28127" spans="1:3" ht="19.2">
      <c r="A28127" s="2"/>
      <c r="B28127" s="2"/>
      <c r="C28127" s="2"/>
    </row>
    <row r="28128" spans="1:3" ht="19.2">
      <c r="A28128" s="2"/>
      <c r="B28128" s="2"/>
      <c r="C28128" s="2"/>
    </row>
    <row r="28129" spans="1:3" ht="19.2">
      <c r="A28129" s="2"/>
      <c r="B28129" s="2"/>
      <c r="C28129" s="2"/>
    </row>
    <row r="28130" spans="1:3" ht="19.2">
      <c r="A28130" s="2"/>
      <c r="B28130" s="2"/>
      <c r="C28130" s="2"/>
    </row>
    <row r="28131" spans="1:3" ht="19.2">
      <c r="A28131" s="2"/>
      <c r="B28131" s="2"/>
      <c r="C28131" s="2"/>
    </row>
    <row r="28132" spans="1:3" ht="19.2">
      <c r="A28132" s="2"/>
      <c r="B28132" s="2"/>
      <c r="C28132" s="2"/>
    </row>
    <row r="28133" spans="1:3" ht="19.2">
      <c r="A28133" s="2"/>
      <c r="B28133" s="2"/>
      <c r="C28133" s="2"/>
    </row>
    <row r="28134" spans="1:3" ht="19.2">
      <c r="A28134" s="2"/>
      <c r="B28134" s="2"/>
      <c r="C28134" s="2"/>
    </row>
    <row r="28135" spans="1:3" ht="19.2">
      <c r="A28135" s="2"/>
      <c r="B28135" s="2"/>
      <c r="C28135" s="2"/>
    </row>
    <row r="28136" spans="1:3" ht="19.2">
      <c r="A28136" s="2"/>
      <c r="B28136" s="2"/>
      <c r="C28136" s="2"/>
    </row>
    <row r="28137" spans="1:3" ht="19.2">
      <c r="A28137" s="2"/>
      <c r="B28137" s="2"/>
      <c r="C28137" s="2"/>
    </row>
    <row r="28138" spans="1:3" ht="19.2">
      <c r="A28138" s="2"/>
      <c r="B28138" s="2"/>
      <c r="C28138" s="2"/>
    </row>
    <row r="28139" spans="1:3" ht="19.2">
      <c r="A28139" s="2"/>
      <c r="B28139" s="2"/>
      <c r="C28139" s="2"/>
    </row>
    <row r="28140" spans="1:3" ht="19.2">
      <c r="A28140" s="2"/>
      <c r="B28140" s="2"/>
      <c r="C28140" s="2"/>
    </row>
    <row r="28141" spans="1:3" ht="19.2">
      <c r="A28141" s="2"/>
      <c r="B28141" s="2"/>
      <c r="C28141" s="2"/>
    </row>
    <row r="28142" spans="1:3" ht="19.2">
      <c r="A28142" s="2"/>
      <c r="B28142" s="2"/>
      <c r="C28142" s="2"/>
    </row>
    <row r="28143" spans="1:3" ht="19.2">
      <c r="A28143" s="2"/>
      <c r="B28143" s="2"/>
      <c r="C28143" s="2"/>
    </row>
    <row r="28144" spans="1:3" ht="19.2">
      <c r="A28144" s="2"/>
      <c r="B28144" s="2"/>
      <c r="C28144" s="2"/>
    </row>
    <row r="28145" spans="1:3" ht="19.2">
      <c r="A28145" s="2"/>
      <c r="B28145" s="2"/>
      <c r="C28145" s="2"/>
    </row>
    <row r="28146" spans="1:3" ht="19.2">
      <c r="A28146" s="2"/>
      <c r="B28146" s="2"/>
      <c r="C28146" s="2"/>
    </row>
    <row r="28147" spans="1:3" ht="19.2">
      <c r="A28147" s="2"/>
      <c r="B28147" s="2"/>
      <c r="C28147" s="2"/>
    </row>
    <row r="28148" spans="1:3" ht="19.2">
      <c r="A28148" s="2"/>
      <c r="B28148" s="2"/>
      <c r="C28148" s="2"/>
    </row>
    <row r="28149" spans="1:3" ht="19.2">
      <c r="A28149" s="2"/>
      <c r="B28149" s="2"/>
      <c r="C28149" s="2"/>
    </row>
    <row r="28150" spans="1:3" ht="19.2">
      <c r="A28150" s="2"/>
      <c r="B28150" s="2"/>
      <c r="C28150" s="2"/>
    </row>
    <row r="28151" spans="1:3" ht="19.2">
      <c r="A28151" s="2"/>
      <c r="B28151" s="2"/>
      <c r="C28151" s="2"/>
    </row>
    <row r="28152" spans="1:3" ht="19.2">
      <c r="A28152" s="2"/>
      <c r="B28152" s="2"/>
      <c r="C28152" s="2"/>
    </row>
    <row r="28153" spans="1:3" ht="19.2">
      <c r="A28153" s="2"/>
      <c r="B28153" s="2"/>
      <c r="C28153" s="2"/>
    </row>
    <row r="28154" spans="1:3" ht="19.2">
      <c r="A28154" s="2"/>
      <c r="B28154" s="2"/>
      <c r="C28154" s="2"/>
    </row>
    <row r="28155" spans="1:3" ht="19.2">
      <c r="A28155" s="2"/>
      <c r="B28155" s="2"/>
      <c r="C28155" s="2"/>
    </row>
    <row r="28156" spans="1:3" ht="19.2">
      <c r="A28156" s="2"/>
      <c r="B28156" s="2"/>
      <c r="C28156" s="2"/>
    </row>
    <row r="28157" spans="1:3" ht="19.2">
      <c r="A28157" s="2"/>
      <c r="B28157" s="2"/>
      <c r="C28157" s="2"/>
    </row>
    <row r="28158" spans="1:3" ht="19.2">
      <c r="A28158" s="2"/>
      <c r="B28158" s="2"/>
      <c r="C28158" s="2"/>
    </row>
    <row r="28159" spans="1:3" ht="19.2">
      <c r="A28159" s="2"/>
      <c r="B28159" s="2"/>
      <c r="C28159" s="2"/>
    </row>
    <row r="28160" spans="1:3" ht="19.2">
      <c r="A28160" s="2"/>
      <c r="B28160" s="2"/>
      <c r="C28160" s="2"/>
    </row>
    <row r="28161" spans="1:3" ht="19.2">
      <c r="A28161" s="2"/>
      <c r="B28161" s="2"/>
      <c r="C28161" s="2"/>
    </row>
    <row r="28162" spans="1:3" ht="19.2">
      <c r="A28162" s="2"/>
      <c r="B28162" s="2"/>
      <c r="C28162" s="2"/>
    </row>
    <row r="28163" spans="1:3" ht="19.2">
      <c r="A28163" s="2"/>
      <c r="B28163" s="2"/>
      <c r="C28163" s="2"/>
    </row>
    <row r="28164" spans="1:3" ht="19.2">
      <c r="A28164" s="2"/>
      <c r="B28164" s="2"/>
      <c r="C28164" s="2"/>
    </row>
    <row r="28165" spans="1:3" ht="19.2">
      <c r="A28165" s="2"/>
      <c r="B28165" s="2"/>
      <c r="C28165" s="2"/>
    </row>
    <row r="28166" spans="1:3" ht="19.2">
      <c r="A28166" s="2"/>
      <c r="B28166" s="2"/>
      <c r="C28166" s="2"/>
    </row>
    <row r="28167" spans="1:3" ht="19.2">
      <c r="A28167" s="2"/>
      <c r="B28167" s="2"/>
      <c r="C28167" s="2"/>
    </row>
    <row r="28168" spans="1:3" ht="19.2">
      <c r="A28168" s="2"/>
      <c r="B28168" s="2"/>
      <c r="C28168" s="2"/>
    </row>
    <row r="28169" spans="1:3" ht="19.2">
      <c r="A28169" s="2"/>
      <c r="B28169" s="2"/>
      <c r="C28169" s="2"/>
    </row>
    <row r="28170" spans="1:3" ht="19.2">
      <c r="A28170" s="2"/>
      <c r="B28170" s="2"/>
      <c r="C28170" s="2"/>
    </row>
    <row r="28171" spans="1:3" ht="19.2">
      <c r="A28171" s="2"/>
      <c r="B28171" s="2"/>
      <c r="C28171" s="2"/>
    </row>
    <row r="28172" spans="1:3" ht="19.2">
      <c r="A28172" s="2"/>
      <c r="B28172" s="2"/>
      <c r="C28172" s="2"/>
    </row>
    <row r="28173" spans="1:3" ht="19.2">
      <c r="A28173" s="2"/>
      <c r="B28173" s="2"/>
      <c r="C28173" s="2"/>
    </row>
    <row r="28174" spans="1:3" ht="19.2">
      <c r="A28174" s="2"/>
      <c r="B28174" s="2"/>
      <c r="C28174" s="2"/>
    </row>
    <row r="28175" spans="1:3" ht="19.2">
      <c r="A28175" s="2"/>
      <c r="B28175" s="2"/>
      <c r="C28175" s="2"/>
    </row>
    <row r="28176" spans="1:3" ht="19.2">
      <c r="A28176" s="2"/>
      <c r="B28176" s="2"/>
      <c r="C28176" s="2"/>
    </row>
    <row r="28177" spans="1:3" ht="19.2">
      <c r="A28177" s="2"/>
      <c r="B28177" s="2"/>
      <c r="C28177" s="2"/>
    </row>
    <row r="28178" spans="1:3" ht="19.2">
      <c r="A28178" s="2"/>
      <c r="B28178" s="2"/>
      <c r="C28178" s="2"/>
    </row>
    <row r="28179" spans="1:3" ht="19.2">
      <c r="A28179" s="2"/>
      <c r="B28179" s="2"/>
      <c r="C28179" s="2"/>
    </row>
    <row r="28180" spans="1:3" ht="19.2">
      <c r="A28180" s="2"/>
      <c r="B28180" s="2"/>
      <c r="C28180" s="2"/>
    </row>
    <row r="28181" spans="1:3" ht="19.2">
      <c r="A28181" s="2"/>
      <c r="B28181" s="2"/>
      <c r="C28181" s="2"/>
    </row>
    <row r="28182" spans="1:3" ht="19.2">
      <c r="A28182" s="2"/>
      <c r="B28182" s="2"/>
      <c r="C28182" s="2"/>
    </row>
    <row r="28183" spans="1:3" ht="19.2">
      <c r="A28183" s="2"/>
      <c r="B28183" s="2"/>
      <c r="C28183" s="2"/>
    </row>
    <row r="28184" spans="1:3" ht="19.2">
      <c r="A28184" s="2"/>
      <c r="B28184" s="2"/>
      <c r="C28184" s="2"/>
    </row>
    <row r="28185" spans="1:3" ht="19.2">
      <c r="A28185" s="2"/>
      <c r="B28185" s="2"/>
      <c r="C28185" s="2"/>
    </row>
    <row r="28186" spans="1:3" ht="19.2">
      <c r="A28186" s="2"/>
      <c r="B28186" s="2"/>
      <c r="C28186" s="2"/>
    </row>
    <row r="28187" spans="1:3" ht="19.2">
      <c r="A28187" s="2"/>
      <c r="B28187" s="2"/>
      <c r="C28187" s="2"/>
    </row>
    <row r="28188" spans="1:3" ht="19.2">
      <c r="A28188" s="2"/>
      <c r="B28188" s="2"/>
      <c r="C28188" s="2"/>
    </row>
    <row r="28189" spans="1:3" ht="19.2">
      <c r="A28189" s="2"/>
      <c r="B28189" s="2"/>
      <c r="C28189" s="2"/>
    </row>
    <row r="28190" spans="1:3" ht="19.2">
      <c r="A28190" s="2"/>
      <c r="B28190" s="2"/>
      <c r="C28190" s="2"/>
    </row>
    <row r="28191" spans="1:3" ht="19.2">
      <c r="A28191" s="2"/>
      <c r="B28191" s="2"/>
      <c r="C28191" s="2"/>
    </row>
    <row r="28192" spans="1:3" ht="19.2">
      <c r="A28192" s="2"/>
      <c r="B28192" s="2"/>
      <c r="C28192" s="2"/>
    </row>
    <row r="28193" spans="1:3" ht="19.2">
      <c r="A28193" s="2"/>
      <c r="B28193" s="2"/>
      <c r="C28193" s="2"/>
    </row>
    <row r="28194" spans="1:3" ht="19.2">
      <c r="A28194" s="2"/>
      <c r="B28194" s="2"/>
      <c r="C28194" s="2"/>
    </row>
    <row r="28195" spans="1:3" ht="19.2">
      <c r="A28195" s="2"/>
      <c r="B28195" s="2"/>
      <c r="C28195" s="2"/>
    </row>
    <row r="28196" spans="1:3" ht="19.2">
      <c r="A28196" s="2"/>
      <c r="B28196" s="2"/>
      <c r="C28196" s="2"/>
    </row>
    <row r="28197" spans="1:3" ht="19.2">
      <c r="A28197" s="2"/>
      <c r="B28197" s="2"/>
      <c r="C28197" s="2"/>
    </row>
    <row r="28198" spans="1:3" ht="19.2">
      <c r="A28198" s="2"/>
      <c r="B28198" s="2"/>
      <c r="C28198" s="2"/>
    </row>
    <row r="28199" spans="1:3" ht="19.2">
      <c r="A28199" s="2"/>
      <c r="B28199" s="2"/>
      <c r="C28199" s="2"/>
    </row>
    <row r="28200" spans="1:3" ht="19.2">
      <c r="A28200" s="2"/>
      <c r="B28200" s="2"/>
      <c r="C28200" s="2"/>
    </row>
    <row r="28201" spans="1:3" ht="19.2">
      <c r="A28201" s="2"/>
      <c r="B28201" s="2"/>
      <c r="C28201" s="2"/>
    </row>
    <row r="28202" spans="1:3" ht="19.2">
      <c r="A28202" s="2"/>
      <c r="B28202" s="2"/>
      <c r="C28202" s="2"/>
    </row>
    <row r="28203" spans="1:3" ht="19.2">
      <c r="A28203" s="2"/>
      <c r="B28203" s="2"/>
      <c r="C28203" s="2"/>
    </row>
    <row r="28204" spans="1:3" ht="19.2">
      <c r="A28204" s="2"/>
      <c r="B28204" s="2"/>
      <c r="C28204" s="2"/>
    </row>
    <row r="28205" spans="1:3" ht="19.2">
      <c r="A28205" s="2"/>
      <c r="B28205" s="2"/>
      <c r="C28205" s="2"/>
    </row>
    <row r="28206" spans="1:3" ht="19.2">
      <c r="A28206" s="2"/>
      <c r="B28206" s="2"/>
      <c r="C28206" s="2"/>
    </row>
    <row r="28207" spans="1:3" ht="19.2">
      <c r="A28207" s="2"/>
      <c r="B28207" s="2"/>
      <c r="C28207" s="2"/>
    </row>
    <row r="28208" spans="1:3" ht="19.2">
      <c r="A28208" s="2"/>
      <c r="B28208" s="2"/>
      <c r="C28208" s="2"/>
    </row>
    <row r="28209" spans="1:3" ht="19.2">
      <c r="A28209" s="2"/>
      <c r="B28209" s="2"/>
      <c r="C28209" s="2"/>
    </row>
    <row r="28210" spans="1:3" ht="19.2">
      <c r="A28210" s="2"/>
      <c r="B28210" s="2"/>
      <c r="C28210" s="2"/>
    </row>
    <row r="28211" spans="1:3" ht="19.2">
      <c r="A28211" s="2"/>
      <c r="B28211" s="2"/>
      <c r="C28211" s="2"/>
    </row>
    <row r="28212" spans="1:3" ht="19.2">
      <c r="A28212" s="2"/>
      <c r="B28212" s="2"/>
      <c r="C28212" s="2"/>
    </row>
    <row r="28213" spans="1:3" ht="19.2">
      <c r="A28213" s="2"/>
      <c r="B28213" s="2"/>
      <c r="C28213" s="2"/>
    </row>
    <row r="28214" spans="1:3" ht="19.2">
      <c r="A28214" s="2"/>
      <c r="B28214" s="2"/>
      <c r="C28214" s="2"/>
    </row>
    <row r="28215" spans="1:3" ht="19.2">
      <c r="A28215" s="2"/>
      <c r="B28215" s="2"/>
      <c r="C28215" s="2"/>
    </row>
    <row r="28216" spans="1:3" ht="19.2">
      <c r="A28216" s="2"/>
      <c r="B28216" s="2"/>
      <c r="C28216" s="2"/>
    </row>
    <row r="28217" spans="1:3" ht="19.2">
      <c r="A28217" s="2"/>
      <c r="B28217" s="2"/>
      <c r="C28217" s="2"/>
    </row>
    <row r="28218" spans="1:3" ht="19.2">
      <c r="A28218" s="2"/>
      <c r="B28218" s="2"/>
      <c r="C28218" s="2"/>
    </row>
    <row r="28219" spans="1:3" ht="19.2">
      <c r="A28219" s="2"/>
      <c r="B28219" s="2"/>
      <c r="C28219" s="2"/>
    </row>
    <row r="28220" spans="1:3" ht="19.2">
      <c r="A28220" s="2"/>
      <c r="B28220" s="2"/>
      <c r="C28220" s="2"/>
    </row>
    <row r="28221" spans="1:3" ht="19.2">
      <c r="A28221" s="2"/>
      <c r="B28221" s="2"/>
      <c r="C28221" s="2"/>
    </row>
    <row r="28222" spans="1:3" ht="19.2">
      <c r="A28222" s="2"/>
      <c r="B28222" s="2"/>
      <c r="C28222" s="2"/>
    </row>
    <row r="28223" spans="1:3" ht="19.2">
      <c r="A28223" s="2"/>
      <c r="B28223" s="2"/>
      <c r="C28223" s="2"/>
    </row>
    <row r="28224" spans="1:3" ht="19.2">
      <c r="A28224" s="2"/>
      <c r="B28224" s="2"/>
      <c r="C28224" s="2"/>
    </row>
    <row r="28225" spans="1:3" ht="19.2">
      <c r="A28225" s="2"/>
      <c r="B28225" s="2"/>
      <c r="C28225" s="2"/>
    </row>
    <row r="28226" spans="1:3" ht="19.2">
      <c r="A28226" s="2"/>
      <c r="B28226" s="2"/>
      <c r="C28226" s="2"/>
    </row>
    <row r="28227" spans="1:3" ht="19.2">
      <c r="A28227" s="2"/>
      <c r="B28227" s="2"/>
      <c r="C28227" s="2"/>
    </row>
    <row r="28228" spans="1:3" ht="19.2">
      <c r="A28228" s="2"/>
      <c r="B28228" s="2"/>
      <c r="C28228" s="2"/>
    </row>
    <row r="28229" spans="1:3" ht="19.2">
      <c r="A28229" s="2"/>
      <c r="B28229" s="2"/>
      <c r="C28229" s="2"/>
    </row>
    <row r="28230" spans="1:3" ht="19.2">
      <c r="A28230" s="2"/>
      <c r="B28230" s="2"/>
      <c r="C28230" s="2"/>
    </row>
    <row r="28231" spans="1:3" ht="19.2">
      <c r="A28231" s="2"/>
      <c r="B28231" s="2"/>
      <c r="C28231" s="2"/>
    </row>
    <row r="28232" spans="1:3" ht="19.2">
      <c r="A28232" s="2"/>
      <c r="B28232" s="2"/>
      <c r="C28232" s="2"/>
    </row>
    <row r="28233" spans="1:3" ht="19.2">
      <c r="A28233" s="2"/>
      <c r="B28233" s="2"/>
      <c r="C28233" s="2"/>
    </row>
    <row r="28234" spans="1:3" ht="19.2">
      <c r="A28234" s="2"/>
      <c r="B28234" s="2"/>
      <c r="C28234" s="2"/>
    </row>
    <row r="28235" spans="1:3" ht="19.2">
      <c r="A28235" s="2"/>
      <c r="B28235" s="2"/>
      <c r="C28235" s="2"/>
    </row>
    <row r="28236" spans="1:3" ht="19.2">
      <c r="A28236" s="2"/>
      <c r="B28236" s="2"/>
      <c r="C28236" s="2"/>
    </row>
    <row r="28237" spans="1:3" ht="19.2">
      <c r="A28237" s="2"/>
      <c r="B28237" s="2"/>
      <c r="C28237" s="2"/>
    </row>
    <row r="28238" spans="1:3" ht="19.2">
      <c r="A28238" s="2"/>
      <c r="B28238" s="2"/>
      <c r="C28238" s="2"/>
    </row>
    <row r="28239" spans="1:3" ht="19.2">
      <c r="A28239" s="2"/>
      <c r="B28239" s="2"/>
      <c r="C28239" s="2"/>
    </row>
    <row r="28240" spans="1:3" ht="19.2">
      <c r="A28240" s="2"/>
      <c r="B28240" s="2"/>
      <c r="C28240" s="2"/>
    </row>
    <row r="28241" spans="1:3" ht="19.2">
      <c r="A28241" s="2"/>
      <c r="B28241" s="2"/>
      <c r="C28241" s="2"/>
    </row>
    <row r="28242" spans="1:3" ht="19.2">
      <c r="A28242" s="2"/>
      <c r="B28242" s="2"/>
      <c r="C28242" s="2"/>
    </row>
    <row r="28243" spans="1:3" ht="19.2">
      <c r="A28243" s="2"/>
      <c r="B28243" s="2"/>
      <c r="C28243" s="2"/>
    </row>
    <row r="28244" spans="1:3" ht="19.2">
      <c r="A28244" s="2"/>
      <c r="B28244" s="2"/>
      <c r="C28244" s="2"/>
    </row>
    <row r="28245" spans="1:3" ht="19.2">
      <c r="A28245" s="2"/>
      <c r="B28245" s="2"/>
      <c r="C28245" s="2"/>
    </row>
    <row r="28246" spans="1:3" ht="19.2">
      <c r="A28246" s="2"/>
      <c r="B28246" s="2"/>
      <c r="C28246" s="2"/>
    </row>
    <row r="28247" spans="1:3" ht="19.2">
      <c r="A28247" s="2"/>
      <c r="B28247" s="2"/>
      <c r="C28247" s="2"/>
    </row>
    <row r="28248" spans="1:3" ht="19.2">
      <c r="A28248" s="2"/>
      <c r="B28248" s="2"/>
      <c r="C28248" s="2"/>
    </row>
    <row r="28249" spans="1:3" ht="19.2">
      <c r="A28249" s="2"/>
      <c r="B28249" s="2"/>
      <c r="C28249" s="2"/>
    </row>
    <row r="28250" spans="1:3" ht="19.2">
      <c r="A28250" s="2"/>
      <c r="B28250" s="2"/>
      <c r="C28250" s="2"/>
    </row>
    <row r="28251" spans="1:3" ht="19.2">
      <c r="A28251" s="2"/>
      <c r="B28251" s="2"/>
      <c r="C28251" s="2"/>
    </row>
    <row r="28252" spans="1:3" ht="19.2">
      <c r="A28252" s="2"/>
      <c r="B28252" s="2"/>
      <c r="C28252" s="2"/>
    </row>
    <row r="28253" spans="1:3" ht="19.2">
      <c r="A28253" s="2"/>
      <c r="B28253" s="2"/>
      <c r="C28253" s="2"/>
    </row>
    <row r="28254" spans="1:3" ht="19.2">
      <c r="A28254" s="2"/>
      <c r="B28254" s="2"/>
      <c r="C28254" s="2"/>
    </row>
    <row r="28255" spans="1:3" ht="19.2">
      <c r="A28255" s="2"/>
      <c r="B28255" s="2"/>
      <c r="C28255" s="2"/>
    </row>
    <row r="28256" spans="1:3" ht="19.2">
      <c r="A28256" s="2"/>
      <c r="B28256" s="2"/>
      <c r="C28256" s="2"/>
    </row>
    <row r="28257" spans="1:3" ht="19.2">
      <c r="A28257" s="2"/>
      <c r="B28257" s="2"/>
      <c r="C28257" s="2"/>
    </row>
    <row r="28258" spans="1:3" ht="19.2">
      <c r="A28258" s="2"/>
      <c r="B28258" s="2"/>
      <c r="C28258" s="2"/>
    </row>
    <row r="28259" spans="1:3" ht="19.2">
      <c r="A28259" s="2"/>
      <c r="B28259" s="2"/>
      <c r="C28259" s="2"/>
    </row>
    <row r="28260" spans="1:3" ht="19.2">
      <c r="A28260" s="2"/>
      <c r="B28260" s="2"/>
      <c r="C28260" s="2"/>
    </row>
    <row r="28261" spans="1:3" ht="19.2">
      <c r="A28261" s="2"/>
      <c r="B28261" s="2"/>
      <c r="C28261" s="2"/>
    </row>
    <row r="28262" spans="1:3" ht="19.2">
      <c r="A28262" s="2"/>
      <c r="B28262" s="2"/>
      <c r="C28262" s="2"/>
    </row>
    <row r="28263" spans="1:3" ht="19.2">
      <c r="A28263" s="2"/>
      <c r="B28263" s="2"/>
      <c r="C28263" s="2"/>
    </row>
    <row r="28264" spans="1:3" ht="19.2">
      <c r="A28264" s="2"/>
      <c r="B28264" s="2"/>
      <c r="C28264" s="2"/>
    </row>
    <row r="28265" spans="1:3" ht="19.2">
      <c r="A28265" s="2"/>
      <c r="B28265" s="2"/>
      <c r="C28265" s="2"/>
    </row>
    <row r="28266" spans="1:3" ht="19.2">
      <c r="A28266" s="2"/>
      <c r="B28266" s="2"/>
      <c r="C28266" s="2"/>
    </row>
    <row r="28267" spans="1:3" ht="19.2">
      <c r="A28267" s="2"/>
      <c r="B28267" s="2"/>
      <c r="C28267" s="2"/>
    </row>
    <row r="28268" spans="1:3" ht="19.2">
      <c r="A28268" s="2"/>
      <c r="B28268" s="2"/>
      <c r="C28268" s="2"/>
    </row>
    <row r="28269" spans="1:3" ht="19.2">
      <c r="A28269" s="2"/>
      <c r="B28269" s="2"/>
      <c r="C28269" s="2"/>
    </row>
    <row r="28270" spans="1:3" ht="19.2">
      <c r="A28270" s="2"/>
      <c r="B28270" s="2"/>
      <c r="C28270" s="2"/>
    </row>
    <row r="28271" spans="1:3" ht="19.2">
      <c r="A28271" s="2"/>
      <c r="B28271" s="2"/>
      <c r="C28271" s="2"/>
    </row>
    <row r="28272" spans="1:3" ht="19.2">
      <c r="A28272" s="2"/>
      <c r="B28272" s="2"/>
      <c r="C28272" s="2"/>
    </row>
    <row r="28273" spans="1:3" ht="19.2">
      <c r="A28273" s="2"/>
      <c r="B28273" s="2"/>
      <c r="C28273" s="2"/>
    </row>
    <row r="28274" spans="1:3" ht="19.2">
      <c r="A28274" s="2"/>
      <c r="B28274" s="2"/>
      <c r="C28274" s="2"/>
    </row>
    <row r="28275" spans="1:3" ht="19.2">
      <c r="A28275" s="2"/>
      <c r="B28275" s="2"/>
      <c r="C28275" s="2"/>
    </row>
    <row r="28276" spans="1:3" ht="19.2">
      <c r="A28276" s="2"/>
      <c r="B28276" s="2"/>
      <c r="C28276" s="2"/>
    </row>
    <row r="28277" spans="1:3" ht="19.2">
      <c r="A28277" s="2"/>
      <c r="B28277" s="2"/>
      <c r="C28277" s="2"/>
    </row>
    <row r="28278" spans="1:3" ht="19.2">
      <c r="A28278" s="2"/>
      <c r="B28278" s="2"/>
      <c r="C28278" s="2"/>
    </row>
    <row r="28279" spans="1:3" ht="19.2">
      <c r="A28279" s="2"/>
      <c r="B28279" s="2"/>
      <c r="C28279" s="2"/>
    </row>
    <row r="28280" spans="1:3" ht="19.2">
      <c r="A28280" s="2"/>
      <c r="B28280" s="2"/>
      <c r="C28280" s="2"/>
    </row>
    <row r="28281" spans="1:3" ht="19.2">
      <c r="A28281" s="2"/>
      <c r="B28281" s="2"/>
      <c r="C28281" s="2"/>
    </row>
    <row r="28282" spans="1:3" ht="19.2">
      <c r="A28282" s="2"/>
      <c r="B28282" s="2"/>
      <c r="C28282" s="2"/>
    </row>
    <row r="28283" spans="1:3" ht="19.2">
      <c r="A28283" s="2"/>
      <c r="B28283" s="2"/>
      <c r="C28283" s="2"/>
    </row>
    <row r="28284" spans="1:3" ht="19.2">
      <c r="A28284" s="2"/>
      <c r="B28284" s="2"/>
      <c r="C28284" s="2"/>
    </row>
    <row r="28285" spans="1:3" ht="19.2">
      <c r="A28285" s="2"/>
      <c r="B28285" s="2"/>
      <c r="C28285" s="2"/>
    </row>
    <row r="28286" spans="1:3" ht="19.2">
      <c r="A28286" s="2"/>
      <c r="B28286" s="2"/>
      <c r="C28286" s="2"/>
    </row>
    <row r="28287" spans="1:3" ht="19.2">
      <c r="A28287" s="2"/>
      <c r="B28287" s="2"/>
      <c r="C28287" s="2"/>
    </row>
    <row r="28288" spans="1:3" ht="19.2">
      <c r="A28288" s="2"/>
      <c r="B28288" s="2"/>
      <c r="C28288" s="2"/>
    </row>
    <row r="28289" spans="1:3" ht="19.2">
      <c r="A28289" s="2"/>
      <c r="B28289" s="2"/>
      <c r="C28289" s="2"/>
    </row>
    <row r="28290" spans="1:3" ht="19.2">
      <c r="A28290" s="2"/>
      <c r="B28290" s="2"/>
      <c r="C28290" s="2"/>
    </row>
    <row r="28291" spans="1:3" ht="19.2">
      <c r="A28291" s="2"/>
      <c r="B28291" s="2"/>
      <c r="C28291" s="2"/>
    </row>
    <row r="28292" spans="1:3" ht="19.2">
      <c r="A28292" s="2"/>
      <c r="B28292" s="2"/>
      <c r="C28292" s="2"/>
    </row>
    <row r="28293" spans="1:3" ht="19.2">
      <c r="A28293" s="2"/>
      <c r="B28293" s="2"/>
      <c r="C28293" s="2"/>
    </row>
    <row r="28294" spans="1:3" ht="19.2">
      <c r="A28294" s="2"/>
      <c r="B28294" s="2"/>
      <c r="C28294" s="2"/>
    </row>
    <row r="28295" spans="1:3" ht="19.2">
      <c r="A28295" s="2"/>
      <c r="B28295" s="2"/>
      <c r="C28295" s="2"/>
    </row>
    <row r="28296" spans="1:3" ht="19.2">
      <c r="A28296" s="2"/>
      <c r="B28296" s="2"/>
      <c r="C28296" s="2"/>
    </row>
    <row r="28297" spans="1:3" ht="19.2">
      <c r="A28297" s="2"/>
      <c r="B28297" s="2"/>
      <c r="C28297" s="2"/>
    </row>
    <row r="28298" spans="1:3" ht="19.2">
      <c r="A28298" s="2"/>
      <c r="B28298" s="2"/>
      <c r="C28298" s="2"/>
    </row>
    <row r="28299" spans="1:3" ht="19.2">
      <c r="A28299" s="2"/>
      <c r="B28299" s="2"/>
      <c r="C28299" s="2"/>
    </row>
    <row r="28300" spans="1:3" ht="19.2">
      <c r="A28300" s="2"/>
      <c r="B28300" s="2"/>
      <c r="C28300" s="2"/>
    </row>
    <row r="28301" spans="1:3" ht="19.2">
      <c r="A28301" s="2"/>
      <c r="B28301" s="2"/>
      <c r="C28301" s="2"/>
    </row>
    <row r="28302" spans="1:3" ht="19.2">
      <c r="A28302" s="2"/>
      <c r="B28302" s="2"/>
      <c r="C28302" s="2"/>
    </row>
    <row r="28303" spans="1:3" ht="19.2">
      <c r="A28303" s="2"/>
      <c r="B28303" s="2"/>
      <c r="C28303" s="2"/>
    </row>
    <row r="28304" spans="1:3" ht="19.2">
      <c r="A28304" s="2"/>
      <c r="B28304" s="2"/>
      <c r="C28304" s="2"/>
    </row>
    <row r="28305" spans="1:3" ht="19.2">
      <c r="A28305" s="2"/>
      <c r="B28305" s="2"/>
      <c r="C28305" s="2"/>
    </row>
    <row r="28306" spans="1:3" ht="19.2">
      <c r="A28306" s="2"/>
      <c r="B28306" s="2"/>
      <c r="C28306" s="2"/>
    </row>
    <row r="28307" spans="1:3" ht="19.2">
      <c r="A28307" s="2"/>
      <c r="B28307" s="2"/>
      <c r="C28307" s="2"/>
    </row>
    <row r="28308" spans="1:3" ht="19.2">
      <c r="A28308" s="2"/>
      <c r="B28308" s="2"/>
      <c r="C28308" s="2"/>
    </row>
    <row r="28309" spans="1:3" ht="19.2">
      <c r="A28309" s="2"/>
      <c r="B28309" s="2"/>
      <c r="C28309" s="2"/>
    </row>
    <row r="28310" spans="1:3" ht="19.2">
      <c r="A28310" s="2"/>
      <c r="B28310" s="2"/>
      <c r="C28310" s="2"/>
    </row>
    <row r="28311" spans="1:3" ht="19.2">
      <c r="A28311" s="2"/>
      <c r="B28311" s="2"/>
      <c r="C28311" s="2"/>
    </row>
    <row r="28312" spans="1:3" ht="19.2">
      <c r="A28312" s="2"/>
      <c r="B28312" s="2"/>
      <c r="C28312" s="2"/>
    </row>
    <row r="28313" spans="1:3" ht="19.2">
      <c r="A28313" s="2"/>
      <c r="B28313" s="2"/>
      <c r="C28313" s="2"/>
    </row>
    <row r="28314" spans="1:3" ht="19.2">
      <c r="A28314" s="2"/>
      <c r="B28314" s="2"/>
      <c r="C28314" s="2"/>
    </row>
    <row r="28315" spans="1:3" ht="19.2">
      <c r="A28315" s="2"/>
      <c r="B28315" s="2"/>
      <c r="C28315" s="2"/>
    </row>
    <row r="28316" spans="1:3" ht="19.2">
      <c r="A28316" s="2"/>
      <c r="B28316" s="2"/>
      <c r="C28316" s="2"/>
    </row>
    <row r="28317" spans="1:3" ht="19.2">
      <c r="A28317" s="2"/>
      <c r="B28317" s="2"/>
      <c r="C28317" s="2"/>
    </row>
    <row r="28318" spans="1:3" ht="19.2">
      <c r="A28318" s="2"/>
      <c r="B28318" s="2"/>
      <c r="C28318" s="2"/>
    </row>
    <row r="28319" spans="1:3" ht="19.2">
      <c r="A28319" s="2"/>
      <c r="B28319" s="2"/>
      <c r="C28319" s="2"/>
    </row>
    <row r="28320" spans="1:3" ht="19.2">
      <c r="A28320" s="2"/>
      <c r="B28320" s="2"/>
      <c r="C28320" s="2"/>
    </row>
    <row r="28321" spans="1:3" ht="19.2">
      <c r="A28321" s="2"/>
      <c r="B28321" s="2"/>
      <c r="C28321" s="2"/>
    </row>
    <row r="28322" spans="1:3" ht="19.2">
      <c r="A28322" s="2"/>
      <c r="B28322" s="2"/>
      <c r="C28322" s="2"/>
    </row>
    <row r="28323" spans="1:3" ht="19.2">
      <c r="A28323" s="2"/>
      <c r="B28323" s="2"/>
      <c r="C28323" s="2"/>
    </row>
    <row r="28324" spans="1:3" ht="19.2">
      <c r="A28324" s="2"/>
      <c r="B28324" s="2"/>
      <c r="C28324" s="2"/>
    </row>
    <row r="28325" spans="1:3" ht="19.2">
      <c r="A28325" s="2"/>
      <c r="B28325" s="2"/>
      <c r="C28325" s="2"/>
    </row>
    <row r="28326" spans="1:3" ht="19.2">
      <c r="A28326" s="2"/>
      <c r="B28326" s="2"/>
      <c r="C28326" s="2"/>
    </row>
    <row r="28327" spans="1:3" ht="19.2">
      <c r="A28327" s="2"/>
      <c r="B28327" s="2"/>
      <c r="C28327" s="2"/>
    </row>
    <row r="28328" spans="1:3" ht="19.2">
      <c r="A28328" s="2"/>
      <c r="B28328" s="2"/>
      <c r="C28328" s="2"/>
    </row>
    <row r="28329" spans="1:3" ht="19.2">
      <c r="A28329" s="2"/>
      <c r="B28329" s="2"/>
      <c r="C28329" s="2"/>
    </row>
    <row r="28330" spans="1:3" ht="19.2">
      <c r="A28330" s="2"/>
      <c r="B28330" s="2"/>
      <c r="C28330" s="2"/>
    </row>
    <row r="28331" spans="1:3" ht="19.2">
      <c r="A28331" s="2"/>
      <c r="B28331" s="2"/>
      <c r="C28331" s="2"/>
    </row>
    <row r="28332" spans="1:3" ht="19.2">
      <c r="A28332" s="2"/>
      <c r="B28332" s="2"/>
      <c r="C28332" s="2"/>
    </row>
    <row r="28333" spans="1:3" ht="19.2">
      <c r="A28333" s="2"/>
      <c r="B28333" s="2"/>
      <c r="C28333" s="2"/>
    </row>
    <row r="28334" spans="1:3" ht="19.2">
      <c r="A28334" s="2"/>
      <c r="B28334" s="2"/>
      <c r="C28334" s="2"/>
    </row>
    <row r="28335" spans="1:3" ht="19.2">
      <c r="A28335" s="2"/>
      <c r="B28335" s="2"/>
      <c r="C28335" s="2"/>
    </row>
    <row r="28336" spans="1:3" ht="19.2">
      <c r="A28336" s="2"/>
      <c r="B28336" s="2"/>
      <c r="C28336" s="2"/>
    </row>
    <row r="28337" spans="1:3" ht="19.2">
      <c r="A28337" s="2"/>
      <c r="B28337" s="2"/>
      <c r="C28337" s="2"/>
    </row>
    <row r="28338" spans="1:3" ht="19.2">
      <c r="A28338" s="2"/>
      <c r="B28338" s="2"/>
      <c r="C28338" s="2"/>
    </row>
    <row r="28339" spans="1:3" ht="19.2">
      <c r="A28339" s="2"/>
      <c r="B28339" s="2"/>
      <c r="C28339" s="2"/>
    </row>
    <row r="28340" spans="1:3" ht="19.2">
      <c r="A28340" s="2"/>
      <c r="B28340" s="2"/>
      <c r="C28340" s="2"/>
    </row>
    <row r="28341" spans="1:3" ht="19.2">
      <c r="A28341" s="2"/>
      <c r="B28341" s="2"/>
      <c r="C28341" s="2"/>
    </row>
    <row r="28342" spans="1:3" ht="19.2">
      <c r="A28342" s="2"/>
      <c r="B28342" s="2"/>
      <c r="C28342" s="2"/>
    </row>
    <row r="28343" spans="1:3" ht="19.2">
      <c r="A28343" s="2"/>
      <c r="B28343" s="2"/>
      <c r="C28343" s="2"/>
    </row>
    <row r="28344" spans="1:3" ht="19.2">
      <c r="A28344" s="2"/>
      <c r="B28344" s="2"/>
      <c r="C28344" s="2"/>
    </row>
    <row r="28345" spans="1:3" ht="19.2">
      <c r="A28345" s="2"/>
      <c r="B28345" s="2"/>
      <c r="C28345" s="2"/>
    </row>
    <row r="28346" spans="1:3" ht="19.2">
      <c r="A28346" s="2"/>
      <c r="B28346" s="2"/>
      <c r="C28346" s="2"/>
    </row>
    <row r="28347" spans="1:3" ht="19.2">
      <c r="A28347" s="2"/>
      <c r="B28347" s="2"/>
      <c r="C28347" s="2"/>
    </row>
    <row r="28348" spans="1:3" ht="19.2">
      <c r="A28348" s="2"/>
      <c r="B28348" s="2"/>
      <c r="C28348" s="2"/>
    </row>
    <row r="28349" spans="1:3" ht="19.2">
      <c r="A28349" s="2"/>
      <c r="B28349" s="2"/>
      <c r="C28349" s="2"/>
    </row>
    <row r="28350" spans="1:3" ht="19.2">
      <c r="A28350" s="2"/>
      <c r="B28350" s="2"/>
      <c r="C28350" s="2"/>
    </row>
    <row r="28351" spans="1:3" ht="19.2">
      <c r="A28351" s="2"/>
      <c r="B28351" s="2"/>
      <c r="C28351" s="2"/>
    </row>
    <row r="28352" spans="1:3" ht="19.2">
      <c r="A28352" s="2"/>
      <c r="B28352" s="2"/>
      <c r="C28352" s="2"/>
    </row>
    <row r="28353" spans="1:3" ht="19.2">
      <c r="A28353" s="2"/>
      <c r="B28353" s="2"/>
      <c r="C28353" s="2"/>
    </row>
    <row r="28354" spans="1:3" ht="19.2">
      <c r="A28354" s="2"/>
      <c r="B28354" s="2"/>
      <c r="C28354" s="2"/>
    </row>
    <row r="28355" spans="1:3" ht="19.2">
      <c r="A28355" s="2"/>
      <c r="B28355" s="2"/>
      <c r="C28355" s="2"/>
    </row>
    <row r="28356" spans="1:3" ht="19.2">
      <c r="A28356" s="2"/>
      <c r="B28356" s="2"/>
      <c r="C28356" s="2"/>
    </row>
    <row r="28357" spans="1:3" ht="19.2">
      <c r="A28357" s="2"/>
      <c r="B28357" s="2"/>
      <c r="C28357" s="2"/>
    </row>
    <row r="28358" spans="1:3" ht="19.2">
      <c r="A28358" s="2"/>
      <c r="B28358" s="2"/>
      <c r="C28358" s="2"/>
    </row>
    <row r="28359" spans="1:3" ht="19.2">
      <c r="A28359" s="2"/>
      <c r="B28359" s="2"/>
      <c r="C28359" s="2"/>
    </row>
    <row r="28360" spans="1:3" ht="19.2">
      <c r="A28360" s="2"/>
      <c r="B28360" s="2"/>
      <c r="C28360" s="2"/>
    </row>
    <row r="28361" spans="1:3" ht="19.2">
      <c r="A28361" s="2"/>
      <c r="B28361" s="2"/>
      <c r="C28361" s="2"/>
    </row>
    <row r="28362" spans="1:3" ht="19.2">
      <c r="A28362" s="2"/>
      <c r="B28362" s="2"/>
      <c r="C28362" s="2"/>
    </row>
    <row r="28363" spans="1:3" ht="19.2">
      <c r="A28363" s="2"/>
      <c r="B28363" s="2"/>
      <c r="C28363" s="2"/>
    </row>
    <row r="28364" spans="1:3" ht="19.2">
      <c r="A28364" s="2"/>
      <c r="B28364" s="2"/>
      <c r="C28364" s="2"/>
    </row>
    <row r="28365" spans="1:3" ht="19.2">
      <c r="A28365" s="2"/>
      <c r="B28365" s="2"/>
      <c r="C28365" s="2"/>
    </row>
    <row r="28366" spans="1:3" ht="19.2">
      <c r="A28366" s="2"/>
      <c r="B28366" s="2"/>
      <c r="C28366" s="2"/>
    </row>
    <row r="28367" spans="1:3" ht="19.2">
      <c r="A28367" s="2"/>
      <c r="B28367" s="2"/>
      <c r="C28367" s="2"/>
    </row>
    <row r="28368" spans="1:3" ht="19.2">
      <c r="A28368" s="2"/>
      <c r="B28368" s="2"/>
      <c r="C28368" s="2"/>
    </row>
    <row r="28369" spans="1:3" ht="19.2">
      <c r="A28369" s="2"/>
      <c r="B28369" s="2"/>
      <c r="C28369" s="2"/>
    </row>
    <row r="28370" spans="1:3" ht="19.2">
      <c r="A28370" s="2"/>
      <c r="B28370" s="2"/>
      <c r="C28370" s="2"/>
    </row>
    <row r="28371" spans="1:3" ht="19.2">
      <c r="A28371" s="2"/>
      <c r="B28371" s="2"/>
      <c r="C28371" s="2"/>
    </row>
    <row r="28372" spans="1:3" ht="19.2">
      <c r="A28372" s="2"/>
      <c r="B28372" s="2"/>
      <c r="C28372" s="2"/>
    </row>
    <row r="28373" spans="1:3" ht="19.2">
      <c r="A28373" s="2"/>
      <c r="B28373" s="2"/>
      <c r="C28373" s="2"/>
    </row>
    <row r="28374" spans="1:3" ht="19.2">
      <c r="A28374" s="2"/>
      <c r="B28374" s="2"/>
      <c r="C28374" s="2"/>
    </row>
    <row r="28375" spans="1:3" ht="19.2">
      <c r="A28375" s="2"/>
      <c r="B28375" s="2"/>
      <c r="C28375" s="2"/>
    </row>
    <row r="28376" spans="1:3" ht="19.2">
      <c r="A28376" s="2"/>
      <c r="B28376" s="2"/>
      <c r="C28376" s="2"/>
    </row>
    <row r="28377" spans="1:3" ht="19.2">
      <c r="A28377" s="2"/>
      <c r="B28377" s="2"/>
      <c r="C28377" s="2"/>
    </row>
    <row r="28378" spans="1:3" ht="19.2">
      <c r="A28378" s="2"/>
      <c r="B28378" s="2"/>
      <c r="C28378" s="2"/>
    </row>
    <row r="28379" spans="1:3" ht="19.2">
      <c r="A28379" s="2"/>
      <c r="B28379" s="2"/>
      <c r="C28379" s="2"/>
    </row>
    <row r="28380" spans="1:3" ht="19.2">
      <c r="A28380" s="2"/>
      <c r="B28380" s="2"/>
      <c r="C28380" s="2"/>
    </row>
    <row r="28381" spans="1:3" ht="19.2">
      <c r="A28381" s="2"/>
      <c r="B28381" s="2"/>
      <c r="C28381" s="2"/>
    </row>
    <row r="28382" spans="1:3" ht="19.2">
      <c r="A28382" s="2"/>
      <c r="B28382" s="2"/>
      <c r="C28382" s="2"/>
    </row>
    <row r="28383" spans="1:3" ht="19.2">
      <c r="A28383" s="2"/>
      <c r="B28383" s="2"/>
      <c r="C28383" s="2"/>
    </row>
    <row r="28384" spans="1:3" ht="19.2">
      <c r="A28384" s="2"/>
      <c r="B28384" s="2"/>
      <c r="C28384" s="2"/>
    </row>
    <row r="28385" spans="1:3" ht="19.2">
      <c r="A28385" s="2"/>
      <c r="B28385" s="2"/>
      <c r="C28385" s="2"/>
    </row>
    <row r="28386" spans="1:3" ht="19.2">
      <c r="A28386" s="2"/>
      <c r="B28386" s="2"/>
      <c r="C28386" s="2"/>
    </row>
    <row r="28387" spans="1:3" ht="19.2">
      <c r="A28387" s="2"/>
      <c r="B28387" s="2"/>
      <c r="C28387" s="2"/>
    </row>
    <row r="28388" spans="1:3" ht="19.2">
      <c r="A28388" s="2"/>
      <c r="B28388" s="2"/>
      <c r="C28388" s="2"/>
    </row>
    <row r="28389" spans="1:3" ht="19.2">
      <c r="A28389" s="2"/>
      <c r="B28389" s="2"/>
      <c r="C28389" s="2"/>
    </row>
    <row r="28390" spans="1:3" ht="19.2">
      <c r="A28390" s="2"/>
      <c r="B28390" s="2"/>
      <c r="C28390" s="2"/>
    </row>
    <row r="28391" spans="1:3" ht="19.2">
      <c r="A28391" s="2"/>
      <c r="B28391" s="2"/>
      <c r="C28391" s="2"/>
    </row>
    <row r="28392" spans="1:3" ht="19.2">
      <c r="A28392" s="2"/>
      <c r="B28392" s="2"/>
      <c r="C28392" s="2"/>
    </row>
    <row r="28393" spans="1:3" ht="19.2">
      <c r="A28393" s="2"/>
      <c r="B28393" s="2"/>
      <c r="C28393" s="2"/>
    </row>
    <row r="28394" spans="1:3" ht="19.2">
      <c r="A28394" s="2"/>
      <c r="B28394" s="2"/>
      <c r="C28394" s="2"/>
    </row>
    <row r="28395" spans="1:3" ht="19.2">
      <c r="A28395" s="2"/>
      <c r="B28395" s="2"/>
      <c r="C28395" s="2"/>
    </row>
    <row r="28396" spans="1:3" ht="19.2">
      <c r="A28396" s="2"/>
      <c r="B28396" s="2"/>
      <c r="C28396" s="2"/>
    </row>
    <row r="28397" spans="1:3" ht="19.2">
      <c r="A28397" s="2"/>
      <c r="B28397" s="2"/>
      <c r="C28397" s="2"/>
    </row>
    <row r="28398" spans="1:3" ht="19.2">
      <c r="A28398" s="2"/>
      <c r="B28398" s="2"/>
      <c r="C28398" s="2"/>
    </row>
    <row r="28399" spans="1:3" ht="19.2">
      <c r="A28399" s="2"/>
      <c r="B28399" s="2"/>
      <c r="C28399" s="2"/>
    </row>
    <row r="28400" spans="1:3" ht="19.2">
      <c r="A28400" s="2"/>
      <c r="B28400" s="2"/>
      <c r="C28400" s="2"/>
    </row>
    <row r="28401" spans="1:3" ht="19.2">
      <c r="A28401" s="2"/>
      <c r="B28401" s="2"/>
      <c r="C28401" s="2"/>
    </row>
    <row r="28402" spans="1:3" ht="19.2">
      <c r="A28402" s="2"/>
      <c r="B28402" s="2"/>
      <c r="C28402" s="2"/>
    </row>
    <row r="28403" spans="1:3" ht="19.2">
      <c r="A28403" s="2"/>
      <c r="B28403" s="2"/>
      <c r="C28403" s="2"/>
    </row>
    <row r="28404" spans="1:3" ht="19.2">
      <c r="A28404" s="2"/>
      <c r="B28404" s="2"/>
      <c r="C28404" s="2"/>
    </row>
    <row r="28405" spans="1:3" ht="19.2">
      <c r="A28405" s="2"/>
      <c r="B28405" s="2"/>
      <c r="C28405" s="2"/>
    </row>
    <row r="28406" spans="1:3" ht="19.2">
      <c r="A28406" s="2"/>
      <c r="B28406" s="2"/>
      <c r="C28406" s="2"/>
    </row>
    <row r="28407" spans="1:3" ht="19.2">
      <c r="A28407" s="2"/>
      <c r="B28407" s="2"/>
      <c r="C28407" s="2"/>
    </row>
    <row r="28408" spans="1:3" ht="19.2">
      <c r="A28408" s="2"/>
      <c r="B28408" s="2"/>
      <c r="C28408" s="2"/>
    </row>
    <row r="28409" spans="1:3" ht="19.2">
      <c r="A28409" s="2"/>
      <c r="B28409" s="2"/>
      <c r="C28409" s="2"/>
    </row>
    <row r="28410" spans="1:3" ht="19.2">
      <c r="A28410" s="2"/>
      <c r="B28410" s="2"/>
      <c r="C28410" s="2"/>
    </row>
    <row r="28411" spans="1:3" ht="19.2">
      <c r="A28411" s="2"/>
      <c r="B28411" s="2"/>
      <c r="C28411" s="2"/>
    </row>
    <row r="28412" spans="1:3" ht="19.2">
      <c r="A28412" s="2"/>
      <c r="B28412" s="2"/>
      <c r="C28412" s="2"/>
    </row>
    <row r="28413" spans="1:3" ht="19.2">
      <c r="A28413" s="2"/>
      <c r="B28413" s="2"/>
      <c r="C28413" s="2"/>
    </row>
    <row r="28414" spans="1:3" ht="19.2">
      <c r="A28414" s="2"/>
      <c r="B28414" s="2"/>
      <c r="C28414" s="2"/>
    </row>
    <row r="28415" spans="1:3" ht="19.2">
      <c r="A28415" s="2"/>
      <c r="B28415" s="2"/>
      <c r="C28415" s="2"/>
    </row>
    <row r="28416" spans="1:3" ht="19.2">
      <c r="A28416" s="2"/>
      <c r="B28416" s="2"/>
      <c r="C28416" s="2"/>
    </row>
    <row r="28417" spans="1:3" ht="19.2">
      <c r="A28417" s="2"/>
      <c r="B28417" s="2"/>
      <c r="C28417" s="2"/>
    </row>
    <row r="28418" spans="1:3" ht="19.2">
      <c r="A28418" s="2"/>
      <c r="B28418" s="2"/>
      <c r="C28418" s="2"/>
    </row>
    <row r="28419" spans="1:3" ht="19.2">
      <c r="A28419" s="2"/>
      <c r="B28419" s="2"/>
      <c r="C28419" s="2"/>
    </row>
    <row r="28420" spans="1:3" ht="19.2">
      <c r="A28420" s="2"/>
      <c r="B28420" s="2"/>
      <c r="C28420" s="2"/>
    </row>
    <row r="28421" spans="1:3" ht="19.2">
      <c r="A28421" s="2"/>
      <c r="B28421" s="2"/>
      <c r="C28421" s="2"/>
    </row>
    <row r="28422" spans="1:3" ht="19.2">
      <c r="A28422" s="2"/>
      <c r="B28422" s="2"/>
      <c r="C28422" s="2"/>
    </row>
    <row r="28423" spans="1:3" ht="19.2">
      <c r="A28423" s="2"/>
      <c r="B28423" s="2"/>
      <c r="C28423" s="2"/>
    </row>
    <row r="28424" spans="1:3" ht="19.2">
      <c r="A28424" s="2"/>
      <c r="B28424" s="2"/>
      <c r="C28424" s="2"/>
    </row>
    <row r="28425" spans="1:3" ht="19.2">
      <c r="A28425" s="2"/>
      <c r="B28425" s="2"/>
      <c r="C28425" s="2"/>
    </row>
    <row r="28426" spans="1:3" ht="19.2">
      <c r="A28426" s="2"/>
      <c r="B28426" s="2"/>
      <c r="C28426" s="2"/>
    </row>
    <row r="28427" spans="1:3" ht="19.2">
      <c r="A28427" s="2"/>
      <c r="B28427" s="2"/>
      <c r="C28427" s="2"/>
    </row>
    <row r="28428" spans="1:3" ht="19.2">
      <c r="A28428" s="2"/>
      <c r="B28428" s="2"/>
      <c r="C28428" s="2"/>
    </row>
    <row r="28429" spans="1:3" ht="19.2">
      <c r="A28429" s="2"/>
      <c r="B28429" s="2"/>
      <c r="C28429" s="2"/>
    </row>
    <row r="28430" spans="1:3" ht="19.2">
      <c r="A28430" s="2"/>
      <c r="B28430" s="2"/>
      <c r="C28430" s="2"/>
    </row>
    <row r="28431" spans="1:3" ht="19.2">
      <c r="A28431" s="2"/>
      <c r="B28431" s="2"/>
      <c r="C28431" s="2"/>
    </row>
    <row r="28432" spans="1:3" ht="19.2">
      <c r="A28432" s="2"/>
      <c r="B28432" s="2"/>
      <c r="C28432" s="2"/>
    </row>
    <row r="28433" spans="1:3" ht="19.2">
      <c r="A28433" s="2"/>
      <c r="B28433" s="2"/>
      <c r="C28433" s="2"/>
    </row>
    <row r="28434" spans="1:3" ht="19.2">
      <c r="A28434" s="2"/>
      <c r="B28434" s="2"/>
      <c r="C28434" s="2"/>
    </row>
    <row r="28435" spans="1:3" ht="19.2">
      <c r="A28435" s="2"/>
      <c r="B28435" s="2"/>
      <c r="C28435" s="2"/>
    </row>
    <row r="28436" spans="1:3" ht="19.2">
      <c r="A28436" s="2"/>
      <c r="B28436" s="2"/>
      <c r="C28436" s="2"/>
    </row>
    <row r="28437" spans="1:3" ht="19.2">
      <c r="A28437" s="2"/>
      <c r="B28437" s="2"/>
      <c r="C28437" s="2"/>
    </row>
    <row r="28438" spans="1:3" ht="19.2">
      <c r="A28438" s="2"/>
      <c r="B28438" s="2"/>
      <c r="C28438" s="2"/>
    </row>
    <row r="28439" spans="1:3" ht="19.2">
      <c r="A28439" s="2"/>
      <c r="B28439" s="2"/>
      <c r="C28439" s="2"/>
    </row>
    <row r="28440" spans="1:3" ht="19.2">
      <c r="A28440" s="2"/>
      <c r="B28440" s="2"/>
      <c r="C28440" s="2"/>
    </row>
    <row r="28441" spans="1:3" ht="19.2">
      <c r="A28441" s="2"/>
      <c r="B28441" s="2"/>
      <c r="C28441" s="2"/>
    </row>
    <row r="28442" spans="1:3" ht="19.2">
      <c r="A28442" s="2"/>
      <c r="B28442" s="2"/>
      <c r="C28442" s="2"/>
    </row>
    <row r="28443" spans="1:3" ht="19.2">
      <c r="A28443" s="2"/>
      <c r="B28443" s="2"/>
      <c r="C28443" s="2"/>
    </row>
    <row r="28444" spans="1:3" ht="19.2">
      <c r="A28444" s="2"/>
      <c r="B28444" s="2"/>
      <c r="C28444" s="2"/>
    </row>
    <row r="28445" spans="1:3" ht="19.2">
      <c r="A28445" s="2"/>
      <c r="B28445" s="2"/>
      <c r="C28445" s="2"/>
    </row>
    <row r="28446" spans="1:3" ht="19.2">
      <c r="A28446" s="2"/>
      <c r="B28446" s="2"/>
      <c r="C28446" s="2"/>
    </row>
    <row r="28447" spans="1:3" ht="19.2">
      <c r="A28447" s="2"/>
      <c r="B28447" s="2"/>
      <c r="C28447" s="2"/>
    </row>
    <row r="28448" spans="1:3" ht="19.2">
      <c r="A28448" s="2"/>
      <c r="B28448" s="2"/>
      <c r="C28448" s="2"/>
    </row>
    <row r="28449" spans="1:3" ht="19.2">
      <c r="A28449" s="2"/>
      <c r="B28449" s="2"/>
      <c r="C28449" s="2"/>
    </row>
    <row r="28450" spans="1:3" ht="19.2">
      <c r="A28450" s="2"/>
      <c r="B28450" s="2"/>
      <c r="C28450" s="2"/>
    </row>
    <row r="28451" spans="1:3" ht="19.2">
      <c r="A28451" s="2"/>
      <c r="B28451" s="2"/>
      <c r="C28451" s="2"/>
    </row>
    <row r="28452" spans="1:3" ht="19.2">
      <c r="A28452" s="2"/>
      <c r="B28452" s="2"/>
      <c r="C28452" s="2"/>
    </row>
    <row r="28453" spans="1:3" ht="19.2">
      <c r="A28453" s="2"/>
      <c r="B28453" s="2"/>
      <c r="C28453" s="2"/>
    </row>
    <row r="28454" spans="1:3" ht="19.2">
      <c r="A28454" s="2"/>
      <c r="B28454" s="2"/>
      <c r="C28454" s="2"/>
    </row>
    <row r="28455" spans="1:3" ht="19.2">
      <c r="A28455" s="2"/>
      <c r="B28455" s="2"/>
      <c r="C28455" s="2"/>
    </row>
    <row r="28456" spans="1:3" ht="19.2">
      <c r="A28456" s="2"/>
      <c r="B28456" s="2"/>
      <c r="C28456" s="2"/>
    </row>
    <row r="28457" spans="1:3" ht="19.2">
      <c r="A28457" s="2"/>
      <c r="B28457" s="2"/>
      <c r="C28457" s="2"/>
    </row>
    <row r="28458" spans="1:3" ht="19.2">
      <c r="A28458" s="2"/>
      <c r="B28458" s="2"/>
      <c r="C28458" s="2"/>
    </row>
    <row r="28459" spans="1:3" ht="19.2">
      <c r="A28459" s="2"/>
      <c r="B28459" s="2"/>
      <c r="C28459" s="2"/>
    </row>
    <row r="28460" spans="1:3" ht="19.2">
      <c r="A28460" s="2"/>
      <c r="B28460" s="2"/>
      <c r="C28460" s="2"/>
    </row>
    <row r="28461" spans="1:3" ht="19.2">
      <c r="A28461" s="2"/>
      <c r="B28461" s="2"/>
      <c r="C28461" s="2"/>
    </row>
    <row r="28462" spans="1:3" ht="19.2">
      <c r="A28462" s="2"/>
      <c r="B28462" s="2"/>
      <c r="C28462" s="2"/>
    </row>
    <row r="28463" spans="1:3" ht="19.2">
      <c r="A28463" s="2"/>
      <c r="B28463" s="2"/>
      <c r="C28463" s="2"/>
    </row>
    <row r="28464" spans="1:3" ht="19.2">
      <c r="A28464" s="2"/>
      <c r="B28464" s="2"/>
      <c r="C28464" s="2"/>
    </row>
    <row r="28465" spans="1:3" ht="19.2">
      <c r="A28465" s="2"/>
      <c r="B28465" s="2"/>
      <c r="C28465" s="2"/>
    </row>
    <row r="28466" spans="1:3" ht="19.2">
      <c r="A28466" s="2"/>
      <c r="B28466" s="2"/>
      <c r="C28466" s="2"/>
    </row>
    <row r="28467" spans="1:3" ht="19.2">
      <c r="A28467" s="2"/>
      <c r="B28467" s="2"/>
      <c r="C28467" s="2"/>
    </row>
    <row r="28468" spans="1:3" ht="19.2">
      <c r="A28468" s="2"/>
      <c r="B28468" s="2"/>
      <c r="C28468" s="2"/>
    </row>
    <row r="28469" spans="1:3" ht="19.2">
      <c r="A28469" s="2"/>
      <c r="B28469" s="2"/>
      <c r="C28469" s="2"/>
    </row>
    <row r="28470" spans="1:3" ht="19.2">
      <c r="A28470" s="2"/>
      <c r="B28470" s="2"/>
      <c r="C28470" s="2"/>
    </row>
    <row r="28471" spans="1:3" ht="19.2">
      <c r="A28471" s="2"/>
      <c r="B28471" s="2"/>
      <c r="C28471" s="2"/>
    </row>
    <row r="28472" spans="1:3" ht="19.2">
      <c r="A28472" s="2"/>
      <c r="B28472" s="2"/>
      <c r="C28472" s="2"/>
    </row>
    <row r="28473" spans="1:3" ht="19.2">
      <c r="A28473" s="2"/>
      <c r="B28473" s="2"/>
      <c r="C28473" s="2"/>
    </row>
    <row r="28474" spans="1:3" ht="19.2">
      <c r="A28474" s="2"/>
      <c r="B28474" s="2"/>
      <c r="C28474" s="2"/>
    </row>
    <row r="28475" spans="1:3" ht="19.2">
      <c r="A28475" s="2"/>
      <c r="B28475" s="2"/>
      <c r="C28475" s="2"/>
    </row>
    <row r="28476" spans="1:3" ht="19.2">
      <c r="A28476" s="2"/>
      <c r="B28476" s="2"/>
      <c r="C28476" s="2"/>
    </row>
    <row r="28477" spans="1:3" ht="19.2">
      <c r="A28477" s="2"/>
      <c r="B28477" s="2"/>
      <c r="C28477" s="2"/>
    </row>
    <row r="28478" spans="1:3" ht="19.2">
      <c r="A28478" s="2"/>
      <c r="B28478" s="2"/>
      <c r="C28478" s="2"/>
    </row>
    <row r="28479" spans="1:3" ht="19.2">
      <c r="A28479" s="2"/>
      <c r="B28479" s="2"/>
      <c r="C28479" s="2"/>
    </row>
    <row r="28480" spans="1:3" ht="19.2">
      <c r="A28480" s="2"/>
      <c r="B28480" s="2"/>
      <c r="C28480" s="2"/>
    </row>
    <row r="28481" spans="1:3" ht="19.2">
      <c r="A28481" s="2"/>
      <c r="B28481" s="2"/>
      <c r="C28481" s="2"/>
    </row>
    <row r="28482" spans="1:3" ht="19.2">
      <c r="A28482" s="2"/>
      <c r="B28482" s="2"/>
      <c r="C28482" s="2"/>
    </row>
    <row r="28483" spans="1:3" ht="19.2">
      <c r="A28483" s="2"/>
      <c r="B28483" s="2"/>
      <c r="C28483" s="2"/>
    </row>
    <row r="28484" spans="1:3" ht="19.2">
      <c r="A28484" s="2"/>
      <c r="B28484" s="2"/>
      <c r="C28484" s="2"/>
    </row>
    <row r="28485" spans="1:3" ht="19.2">
      <c r="A28485" s="2"/>
      <c r="B28485" s="2"/>
      <c r="C28485" s="2"/>
    </row>
    <row r="28486" spans="1:3" ht="19.2">
      <c r="A28486" s="2"/>
      <c r="B28486" s="2"/>
      <c r="C28486" s="2"/>
    </row>
    <row r="28487" spans="1:3" ht="19.2">
      <c r="A28487" s="2"/>
      <c r="B28487" s="2"/>
      <c r="C28487" s="2"/>
    </row>
    <row r="28488" spans="1:3" ht="19.2">
      <c r="A28488" s="2"/>
      <c r="B28488" s="2"/>
      <c r="C28488" s="2"/>
    </row>
    <row r="28489" spans="1:3" ht="19.2">
      <c r="A28489" s="2"/>
      <c r="B28489" s="2"/>
      <c r="C28489" s="2"/>
    </row>
    <row r="28490" spans="1:3" ht="19.2">
      <c r="A28490" s="2"/>
      <c r="B28490" s="2"/>
      <c r="C28490" s="2"/>
    </row>
    <row r="28491" spans="1:3" ht="19.2">
      <c r="A28491" s="2"/>
      <c r="B28491" s="2"/>
      <c r="C28491" s="2"/>
    </row>
    <row r="28492" spans="1:3" ht="19.2">
      <c r="A28492" s="2"/>
      <c r="B28492" s="2"/>
      <c r="C28492" s="2"/>
    </row>
    <row r="28493" spans="1:3" ht="19.2">
      <c r="A28493" s="2"/>
      <c r="B28493" s="2"/>
      <c r="C28493" s="2"/>
    </row>
    <row r="28494" spans="1:3" ht="19.2">
      <c r="A28494" s="2"/>
      <c r="B28494" s="2"/>
      <c r="C28494" s="2"/>
    </row>
    <row r="28495" spans="1:3" ht="19.2">
      <c r="A28495" s="2"/>
      <c r="B28495" s="2"/>
      <c r="C28495" s="2"/>
    </row>
    <row r="28496" spans="1:3" ht="19.2">
      <c r="A28496" s="2"/>
      <c r="B28496" s="2"/>
      <c r="C28496" s="2"/>
    </row>
    <row r="28497" spans="1:3" ht="19.2">
      <c r="A28497" s="2"/>
      <c r="B28497" s="2"/>
      <c r="C28497" s="2"/>
    </row>
    <row r="28498" spans="1:3" ht="19.2">
      <c r="A28498" s="2"/>
      <c r="B28498" s="2"/>
      <c r="C28498" s="2"/>
    </row>
    <row r="28499" spans="1:3" ht="19.2">
      <c r="A28499" s="2"/>
      <c r="B28499" s="2"/>
      <c r="C28499" s="2"/>
    </row>
    <row r="28500" spans="1:3" ht="19.2">
      <c r="A28500" s="2"/>
      <c r="B28500" s="2"/>
      <c r="C28500" s="2"/>
    </row>
    <row r="28501" spans="1:3" ht="19.2">
      <c r="A28501" s="2"/>
      <c r="B28501" s="2"/>
      <c r="C28501" s="2"/>
    </row>
    <row r="28502" spans="1:3" ht="19.2">
      <c r="A28502" s="2"/>
      <c r="B28502" s="2"/>
      <c r="C28502" s="2"/>
    </row>
    <row r="28503" spans="1:3" ht="19.2">
      <c r="A28503" s="2"/>
      <c r="B28503" s="2"/>
      <c r="C28503" s="2"/>
    </row>
    <row r="28504" spans="1:3" ht="19.2">
      <c r="A28504" s="2"/>
      <c r="B28504" s="2"/>
      <c r="C28504" s="2"/>
    </row>
    <row r="28505" spans="1:3" ht="19.2">
      <c r="A28505" s="2"/>
      <c r="B28505" s="2"/>
      <c r="C28505" s="2"/>
    </row>
    <row r="28506" spans="1:3" ht="19.2">
      <c r="A28506" s="2"/>
      <c r="B28506" s="2"/>
      <c r="C28506" s="2"/>
    </row>
    <row r="28507" spans="1:3" ht="19.2">
      <c r="A28507" s="2"/>
      <c r="B28507" s="2"/>
      <c r="C28507" s="2"/>
    </row>
    <row r="28508" spans="1:3" ht="19.2">
      <c r="A28508" s="2"/>
      <c r="B28508" s="2"/>
      <c r="C28508" s="2"/>
    </row>
    <row r="28509" spans="1:3" ht="19.2">
      <c r="A28509" s="2"/>
      <c r="B28509" s="2"/>
      <c r="C28509" s="2"/>
    </row>
    <row r="28510" spans="1:3" ht="19.2">
      <c r="A28510" s="2"/>
      <c r="B28510" s="2"/>
      <c r="C28510" s="2"/>
    </row>
    <row r="28511" spans="1:3" ht="19.2">
      <c r="A28511" s="2"/>
      <c r="B28511" s="2"/>
      <c r="C28511" s="2"/>
    </row>
    <row r="28512" spans="1:3" ht="19.2">
      <c r="A28512" s="2"/>
      <c r="B28512" s="2"/>
      <c r="C28512" s="2"/>
    </row>
    <row r="28513" spans="1:3" ht="19.2">
      <c r="A28513" s="2"/>
      <c r="B28513" s="2"/>
      <c r="C28513" s="2"/>
    </row>
    <row r="28514" spans="1:3" ht="19.2">
      <c r="A28514" s="2"/>
      <c r="B28514" s="2"/>
      <c r="C28514" s="2"/>
    </row>
    <row r="28515" spans="1:3" ht="19.2">
      <c r="A28515" s="2"/>
      <c r="B28515" s="2"/>
      <c r="C28515" s="2"/>
    </row>
    <row r="28516" spans="1:3" ht="19.2">
      <c r="A28516" s="2"/>
      <c r="B28516" s="2"/>
      <c r="C28516" s="2"/>
    </row>
    <row r="28517" spans="1:3" ht="19.2">
      <c r="A28517" s="2"/>
      <c r="B28517" s="2"/>
      <c r="C28517" s="2"/>
    </row>
    <row r="28518" spans="1:3" ht="19.2">
      <c r="A28518" s="2"/>
      <c r="B28518" s="2"/>
      <c r="C28518" s="2"/>
    </row>
    <row r="28519" spans="1:3" ht="19.2">
      <c r="A28519" s="2"/>
      <c r="B28519" s="2"/>
      <c r="C28519" s="2"/>
    </row>
    <row r="28520" spans="1:3" ht="19.2">
      <c r="A28520" s="2"/>
      <c r="B28520" s="2"/>
      <c r="C28520" s="2"/>
    </row>
    <row r="28521" spans="1:3" ht="19.2">
      <c r="A28521" s="2"/>
      <c r="B28521" s="2"/>
      <c r="C28521" s="2"/>
    </row>
    <row r="28522" spans="1:3" ht="19.2">
      <c r="A28522" s="2"/>
      <c r="B28522" s="2"/>
      <c r="C28522" s="2"/>
    </row>
    <row r="28523" spans="1:3" ht="19.2">
      <c r="A28523" s="2"/>
      <c r="B28523" s="2"/>
      <c r="C28523" s="2"/>
    </row>
    <row r="28524" spans="1:3" ht="19.2">
      <c r="A28524" s="2"/>
      <c r="B28524" s="2"/>
      <c r="C28524" s="2"/>
    </row>
    <row r="28525" spans="1:3" ht="19.2">
      <c r="A28525" s="2"/>
      <c r="B28525" s="2"/>
      <c r="C28525" s="2"/>
    </row>
    <row r="28526" spans="1:3" ht="19.2">
      <c r="A28526" s="2"/>
      <c r="B28526" s="2"/>
      <c r="C28526" s="2"/>
    </row>
    <row r="28527" spans="1:3" ht="19.2">
      <c r="A28527" s="2"/>
      <c r="B28527" s="2"/>
      <c r="C28527" s="2"/>
    </row>
    <row r="28528" spans="1:3" ht="19.2">
      <c r="A28528" s="2"/>
      <c r="B28528" s="2"/>
      <c r="C28528" s="2"/>
    </row>
    <row r="28529" spans="1:3" ht="19.2">
      <c r="A28529" s="2"/>
      <c r="B28529" s="2"/>
      <c r="C28529" s="2"/>
    </row>
    <row r="28530" spans="1:3" ht="19.2">
      <c r="A28530" s="2"/>
      <c r="B28530" s="2"/>
      <c r="C28530" s="2"/>
    </row>
    <row r="28531" spans="1:3" ht="19.2">
      <c r="A28531" s="2"/>
      <c r="B28531" s="2"/>
      <c r="C28531" s="2"/>
    </row>
    <row r="28532" spans="1:3" ht="19.2">
      <c r="A28532" s="2"/>
      <c r="B28532" s="2"/>
      <c r="C28532" s="2"/>
    </row>
    <row r="28533" spans="1:3" ht="19.2">
      <c r="A28533" s="2"/>
      <c r="B28533" s="2"/>
      <c r="C28533" s="2"/>
    </row>
    <row r="28534" spans="1:3" ht="19.2">
      <c r="A28534" s="2"/>
      <c r="B28534" s="2"/>
      <c r="C28534" s="2"/>
    </row>
    <row r="28535" spans="1:3" ht="19.2">
      <c r="A28535" s="2"/>
      <c r="B28535" s="2"/>
      <c r="C28535" s="2"/>
    </row>
    <row r="28536" spans="1:3" ht="19.2">
      <c r="A28536" s="2"/>
      <c r="B28536" s="2"/>
      <c r="C28536" s="2"/>
    </row>
    <row r="28537" spans="1:3" ht="19.2">
      <c r="A28537" s="2"/>
      <c r="B28537" s="2"/>
      <c r="C28537" s="2"/>
    </row>
    <row r="28538" spans="1:3" ht="19.2">
      <c r="A28538" s="2"/>
      <c r="B28538" s="2"/>
      <c r="C28538" s="2"/>
    </row>
    <row r="28539" spans="1:3" ht="19.2">
      <c r="A28539" s="2"/>
      <c r="B28539" s="2"/>
      <c r="C28539" s="2"/>
    </row>
    <row r="28540" spans="1:3" ht="19.2">
      <c r="A28540" s="2"/>
      <c r="B28540" s="2"/>
      <c r="C28540" s="2"/>
    </row>
    <row r="28541" spans="1:3" ht="19.2">
      <c r="A28541" s="2"/>
      <c r="B28541" s="2"/>
      <c r="C28541" s="2"/>
    </row>
    <row r="28542" spans="1:3" ht="19.2">
      <c r="A28542" s="2"/>
      <c r="B28542" s="2"/>
      <c r="C28542" s="2"/>
    </row>
    <row r="28543" spans="1:3" ht="19.2">
      <c r="A28543" s="2"/>
      <c r="B28543" s="2"/>
      <c r="C28543" s="2"/>
    </row>
    <row r="28544" spans="1:3" ht="19.2">
      <c r="A28544" s="2"/>
      <c r="B28544" s="2"/>
      <c r="C28544" s="2"/>
    </row>
    <row r="28545" spans="1:3" ht="19.2">
      <c r="A28545" s="2"/>
      <c r="B28545" s="2"/>
      <c r="C28545" s="2"/>
    </row>
    <row r="28546" spans="1:3" ht="19.2">
      <c r="A28546" s="2"/>
      <c r="B28546" s="2"/>
      <c r="C28546" s="2"/>
    </row>
    <row r="28547" spans="1:3" ht="19.2">
      <c r="A28547" s="2"/>
      <c r="B28547" s="2"/>
      <c r="C28547" s="2"/>
    </row>
    <row r="28548" spans="1:3" ht="19.2">
      <c r="A28548" s="2"/>
      <c r="B28548" s="2"/>
      <c r="C28548" s="2"/>
    </row>
    <row r="28549" spans="1:3" ht="19.2">
      <c r="A28549" s="2"/>
      <c r="B28549" s="2"/>
      <c r="C28549" s="2"/>
    </row>
    <row r="28550" spans="1:3" ht="19.2">
      <c r="A28550" s="2"/>
      <c r="B28550" s="2"/>
      <c r="C28550" s="2"/>
    </row>
    <row r="28551" spans="1:3" ht="19.2">
      <c r="A28551" s="2"/>
      <c r="B28551" s="2"/>
      <c r="C28551" s="2"/>
    </row>
    <row r="28552" spans="1:3" ht="19.2">
      <c r="A28552" s="2"/>
      <c r="B28552" s="2"/>
      <c r="C28552" s="2"/>
    </row>
    <row r="28553" spans="1:3" ht="19.2">
      <c r="A28553" s="2"/>
      <c r="B28553" s="2"/>
      <c r="C28553" s="2"/>
    </row>
    <row r="28554" spans="1:3" ht="19.2">
      <c r="A28554" s="2"/>
      <c r="B28554" s="2"/>
      <c r="C28554" s="2"/>
    </row>
    <row r="28555" spans="1:3" ht="19.2">
      <c r="A28555" s="2"/>
      <c r="B28555" s="2"/>
      <c r="C28555" s="2"/>
    </row>
    <row r="28556" spans="1:3" ht="19.2">
      <c r="A28556" s="2"/>
      <c r="B28556" s="2"/>
      <c r="C28556" s="2"/>
    </row>
    <row r="28557" spans="1:3" ht="19.2">
      <c r="A28557" s="2"/>
      <c r="B28557" s="2"/>
      <c r="C28557" s="2"/>
    </row>
    <row r="28558" spans="1:3" ht="19.2">
      <c r="A28558" s="2"/>
      <c r="B28558" s="2"/>
      <c r="C28558" s="2"/>
    </row>
    <row r="28559" spans="1:3" ht="19.2">
      <c r="A28559" s="2"/>
      <c r="B28559" s="2"/>
      <c r="C28559" s="2"/>
    </row>
    <row r="28560" spans="1:3" ht="19.2">
      <c r="A28560" s="2"/>
      <c r="B28560" s="2"/>
      <c r="C28560" s="2"/>
    </row>
    <row r="28561" spans="1:3" ht="19.2">
      <c r="A28561" s="2"/>
      <c r="B28561" s="2"/>
      <c r="C28561" s="2"/>
    </row>
    <row r="28562" spans="1:3" ht="19.2">
      <c r="A28562" s="2"/>
      <c r="B28562" s="2"/>
      <c r="C28562" s="2"/>
    </row>
    <row r="28563" spans="1:3" ht="19.2">
      <c r="A28563" s="2"/>
      <c r="B28563" s="2"/>
      <c r="C28563" s="2"/>
    </row>
    <row r="28564" spans="1:3" ht="19.2">
      <c r="A28564" s="2"/>
      <c r="B28564" s="2"/>
      <c r="C28564" s="2"/>
    </row>
    <row r="28565" spans="1:3" ht="19.2">
      <c r="A28565" s="2"/>
      <c r="B28565" s="2"/>
      <c r="C28565" s="2"/>
    </row>
    <row r="28566" spans="1:3" ht="19.2">
      <c r="A28566" s="2"/>
      <c r="B28566" s="2"/>
      <c r="C28566" s="2"/>
    </row>
    <row r="28567" spans="1:3" ht="19.2">
      <c r="A28567" s="2"/>
      <c r="B28567" s="2"/>
      <c r="C28567" s="2"/>
    </row>
    <row r="28568" spans="1:3" ht="19.2">
      <c r="A28568" s="2"/>
      <c r="B28568" s="2"/>
      <c r="C28568" s="2"/>
    </row>
    <row r="28569" spans="1:3" ht="19.2">
      <c r="A28569" s="2"/>
      <c r="B28569" s="2"/>
      <c r="C28569" s="2"/>
    </row>
    <row r="28570" spans="1:3" ht="19.2">
      <c r="A28570" s="2"/>
      <c r="B28570" s="2"/>
      <c r="C28570" s="2"/>
    </row>
    <row r="28571" spans="1:3" ht="19.2">
      <c r="A28571" s="2"/>
      <c r="B28571" s="2"/>
      <c r="C28571" s="2"/>
    </row>
    <row r="28572" spans="1:3" ht="19.2">
      <c r="A28572" s="2"/>
      <c r="B28572" s="2"/>
      <c r="C28572" s="2"/>
    </row>
    <row r="28573" spans="1:3" ht="19.2">
      <c r="A28573" s="2"/>
      <c r="B28573" s="2"/>
      <c r="C28573" s="2"/>
    </row>
    <row r="28574" spans="1:3" ht="19.2">
      <c r="A28574" s="2"/>
      <c r="B28574" s="2"/>
      <c r="C28574" s="2"/>
    </row>
    <row r="28575" spans="1:3" ht="19.2">
      <c r="A28575" s="2"/>
      <c r="B28575" s="2"/>
      <c r="C28575" s="2"/>
    </row>
    <row r="28576" spans="1:3" ht="19.2">
      <c r="A28576" s="2"/>
      <c r="B28576" s="2"/>
      <c r="C28576" s="2"/>
    </row>
    <row r="28577" spans="1:3" ht="19.2">
      <c r="A28577" s="2"/>
      <c r="B28577" s="2"/>
      <c r="C28577" s="2"/>
    </row>
    <row r="28578" spans="1:3" ht="19.2">
      <c r="A28578" s="2"/>
      <c r="B28578" s="2"/>
      <c r="C28578" s="2"/>
    </row>
    <row r="28579" spans="1:3" ht="19.2">
      <c r="A28579" s="2"/>
      <c r="B28579" s="2"/>
      <c r="C28579" s="2"/>
    </row>
    <row r="28580" spans="1:3" ht="19.2">
      <c r="A28580" s="2"/>
      <c r="B28580" s="2"/>
      <c r="C28580" s="2"/>
    </row>
    <row r="28581" spans="1:3" ht="19.2">
      <c r="A28581" s="2"/>
      <c r="B28581" s="2"/>
      <c r="C28581" s="2"/>
    </row>
    <row r="28582" spans="1:3" ht="19.2">
      <c r="A28582" s="2"/>
      <c r="B28582" s="2"/>
      <c r="C28582" s="2"/>
    </row>
    <row r="28583" spans="1:3" ht="19.2">
      <c r="A28583" s="2"/>
      <c r="B28583" s="2"/>
      <c r="C28583" s="2"/>
    </row>
    <row r="28584" spans="1:3" ht="19.2">
      <c r="A28584" s="2"/>
      <c r="B28584" s="2"/>
      <c r="C28584" s="2"/>
    </row>
    <row r="28585" spans="1:3" ht="19.2">
      <c r="A28585" s="2"/>
      <c r="B28585" s="2"/>
      <c r="C28585" s="2"/>
    </row>
    <row r="28586" spans="1:3" ht="19.2">
      <c r="A28586" s="2"/>
      <c r="B28586" s="2"/>
      <c r="C28586" s="2"/>
    </row>
    <row r="28587" spans="1:3" ht="19.2">
      <c r="A28587" s="2"/>
      <c r="B28587" s="2"/>
      <c r="C28587" s="2"/>
    </row>
    <row r="28588" spans="1:3" ht="19.2">
      <c r="A28588" s="2"/>
      <c r="B28588" s="2"/>
      <c r="C28588" s="2"/>
    </row>
    <row r="28589" spans="1:3" ht="19.2">
      <c r="A28589" s="2"/>
      <c r="B28589" s="2"/>
      <c r="C28589" s="2"/>
    </row>
    <row r="28590" spans="1:3" ht="19.2">
      <c r="A28590" s="2"/>
      <c r="B28590" s="2"/>
      <c r="C28590" s="2"/>
    </row>
    <row r="28591" spans="1:3" ht="19.2">
      <c r="A28591" s="2"/>
      <c r="B28591" s="2"/>
      <c r="C28591" s="2"/>
    </row>
    <row r="28592" spans="1:3" ht="19.2">
      <c r="A28592" s="2"/>
      <c r="B28592" s="2"/>
      <c r="C28592" s="2"/>
    </row>
    <row r="28593" spans="1:3" ht="19.2">
      <c r="A28593" s="2"/>
      <c r="B28593" s="2"/>
      <c r="C28593" s="2"/>
    </row>
    <row r="28594" spans="1:3" ht="19.2">
      <c r="A28594" s="2"/>
      <c r="B28594" s="2"/>
      <c r="C28594" s="2"/>
    </row>
    <row r="28595" spans="1:3" ht="19.2">
      <c r="A28595" s="2"/>
      <c r="B28595" s="2"/>
      <c r="C28595" s="2"/>
    </row>
    <row r="28596" spans="1:3" ht="19.2">
      <c r="A28596" s="2"/>
      <c r="B28596" s="2"/>
      <c r="C28596" s="2"/>
    </row>
    <row r="28597" spans="1:3" ht="19.2">
      <c r="A28597" s="2"/>
      <c r="B28597" s="2"/>
      <c r="C28597" s="2"/>
    </row>
    <row r="28598" spans="1:3" ht="19.2">
      <c r="A28598" s="2"/>
      <c r="B28598" s="2"/>
      <c r="C28598" s="2"/>
    </row>
    <row r="28599" spans="1:3" ht="19.2">
      <c r="A28599" s="2"/>
      <c r="B28599" s="2"/>
      <c r="C28599" s="2"/>
    </row>
    <row r="28600" spans="1:3" ht="19.2">
      <c r="A28600" s="2"/>
      <c r="B28600" s="2"/>
      <c r="C28600" s="2"/>
    </row>
    <row r="28601" spans="1:3" ht="19.2">
      <c r="A28601" s="2"/>
      <c r="B28601" s="2"/>
      <c r="C28601" s="2"/>
    </row>
    <row r="28602" spans="1:3" ht="19.2">
      <c r="A28602" s="2"/>
      <c r="B28602" s="2"/>
      <c r="C28602" s="2"/>
    </row>
    <row r="28603" spans="1:3" ht="19.2">
      <c r="A28603" s="2"/>
      <c r="B28603" s="2"/>
      <c r="C28603" s="2"/>
    </row>
    <row r="28604" spans="1:3" ht="19.2">
      <c r="A28604" s="2"/>
      <c r="B28604" s="2"/>
      <c r="C28604" s="2"/>
    </row>
    <row r="28605" spans="1:3" ht="19.2">
      <c r="A28605" s="2"/>
      <c r="B28605" s="2"/>
      <c r="C28605" s="2"/>
    </row>
    <row r="28606" spans="1:3" ht="19.2">
      <c r="A28606" s="2"/>
      <c r="B28606" s="2"/>
      <c r="C28606" s="2"/>
    </row>
    <row r="28607" spans="1:3" ht="19.2">
      <c r="A28607" s="2"/>
      <c r="B28607" s="2"/>
      <c r="C28607" s="2"/>
    </row>
    <row r="28608" spans="1:3" ht="19.2">
      <c r="A28608" s="2"/>
      <c r="B28608" s="2"/>
      <c r="C28608" s="2"/>
    </row>
    <row r="28609" spans="1:3" ht="19.2">
      <c r="A28609" s="2"/>
      <c r="B28609" s="2"/>
      <c r="C28609" s="2"/>
    </row>
    <row r="28610" spans="1:3" ht="19.2">
      <c r="A28610" s="2"/>
      <c r="B28610" s="2"/>
      <c r="C28610" s="2"/>
    </row>
    <row r="28611" spans="1:3" ht="19.2">
      <c r="A28611" s="2"/>
      <c r="B28611" s="2"/>
      <c r="C28611" s="2"/>
    </row>
    <row r="28612" spans="1:3" ht="19.2">
      <c r="A28612" s="2"/>
      <c r="B28612" s="2"/>
      <c r="C28612" s="2"/>
    </row>
    <row r="28613" spans="1:3" ht="19.2">
      <c r="A28613" s="2"/>
      <c r="B28613" s="2"/>
      <c r="C28613" s="2"/>
    </row>
    <row r="28614" spans="1:3" ht="19.2">
      <c r="A28614" s="2"/>
      <c r="B28614" s="2"/>
      <c r="C28614" s="2"/>
    </row>
    <row r="28615" spans="1:3" ht="19.2">
      <c r="A28615" s="2"/>
      <c r="B28615" s="2"/>
      <c r="C28615" s="2"/>
    </row>
    <row r="28616" spans="1:3" ht="19.2">
      <c r="A28616" s="2"/>
      <c r="B28616" s="2"/>
      <c r="C28616" s="2"/>
    </row>
    <row r="28617" spans="1:3" ht="19.2">
      <c r="A28617" s="2"/>
      <c r="B28617" s="2"/>
      <c r="C28617" s="2"/>
    </row>
    <row r="28618" spans="1:3" ht="19.2">
      <c r="A28618" s="2"/>
      <c r="B28618" s="2"/>
      <c r="C28618" s="2"/>
    </row>
    <row r="28619" spans="1:3" ht="19.2">
      <c r="A28619" s="2"/>
      <c r="B28619" s="2"/>
      <c r="C28619" s="2"/>
    </row>
    <row r="28620" spans="1:3" ht="19.2">
      <c r="A28620" s="2"/>
      <c r="B28620" s="2"/>
      <c r="C28620" s="2"/>
    </row>
    <row r="28621" spans="1:3" ht="19.2">
      <c r="A28621" s="2"/>
      <c r="B28621" s="2"/>
      <c r="C28621" s="2"/>
    </row>
    <row r="28622" spans="1:3" ht="19.2">
      <c r="A28622" s="2"/>
      <c r="B28622" s="2"/>
      <c r="C28622" s="2"/>
    </row>
    <row r="28623" spans="1:3" ht="19.2">
      <c r="A28623" s="2"/>
      <c r="B28623" s="2"/>
      <c r="C28623" s="2"/>
    </row>
    <row r="28624" spans="1:3" ht="19.2">
      <c r="A28624" s="2"/>
      <c r="B28624" s="2"/>
      <c r="C28624" s="2"/>
    </row>
    <row r="28625" spans="1:3" ht="19.2">
      <c r="A28625" s="2"/>
      <c r="B28625" s="2"/>
      <c r="C28625" s="2"/>
    </row>
    <row r="28626" spans="1:3" ht="19.2">
      <c r="A28626" s="2"/>
      <c r="B28626" s="2"/>
      <c r="C28626" s="2"/>
    </row>
    <row r="28627" spans="1:3" ht="19.2">
      <c r="A28627" s="2"/>
      <c r="B28627" s="2"/>
      <c r="C28627" s="2"/>
    </row>
    <row r="28628" spans="1:3" ht="19.2">
      <c r="A28628" s="2"/>
      <c r="B28628" s="2"/>
      <c r="C28628" s="2"/>
    </row>
    <row r="28629" spans="1:3" ht="19.2">
      <c r="A28629" s="2"/>
      <c r="B28629" s="2"/>
      <c r="C28629" s="2"/>
    </row>
    <row r="28630" spans="1:3" ht="19.2">
      <c r="A28630" s="2"/>
      <c r="B28630" s="2"/>
      <c r="C28630" s="2"/>
    </row>
    <row r="28631" spans="1:3" ht="19.2">
      <c r="A28631" s="2"/>
      <c r="B28631" s="2"/>
      <c r="C28631" s="2"/>
    </row>
    <row r="28632" spans="1:3" ht="19.2">
      <c r="A28632" s="2"/>
      <c r="B28632" s="2"/>
      <c r="C28632" s="2"/>
    </row>
    <row r="28633" spans="1:3" ht="19.2">
      <c r="A28633" s="2"/>
      <c r="B28633" s="2"/>
      <c r="C28633" s="2"/>
    </row>
    <row r="28634" spans="1:3" ht="19.2">
      <c r="A28634" s="2"/>
      <c r="B28634" s="2"/>
      <c r="C28634" s="2"/>
    </row>
    <row r="28635" spans="1:3" ht="19.2">
      <c r="A28635" s="2"/>
      <c r="B28635" s="2"/>
      <c r="C28635" s="2"/>
    </row>
    <row r="28636" spans="1:3" ht="19.2">
      <c r="A28636" s="2"/>
      <c r="B28636" s="2"/>
      <c r="C28636" s="2"/>
    </row>
    <row r="28637" spans="1:3" ht="19.2">
      <c r="A28637" s="2"/>
      <c r="B28637" s="2"/>
      <c r="C28637" s="2"/>
    </row>
    <row r="28638" spans="1:3" ht="19.2">
      <c r="A28638" s="2"/>
      <c r="B28638" s="2"/>
      <c r="C28638" s="2"/>
    </row>
    <row r="28639" spans="1:3" ht="19.2">
      <c r="A28639" s="2"/>
      <c r="B28639" s="2"/>
      <c r="C28639" s="2"/>
    </row>
    <row r="28640" spans="1:3" ht="19.2">
      <c r="A28640" s="2"/>
      <c r="B28640" s="2"/>
      <c r="C28640" s="2"/>
    </row>
    <row r="28641" spans="1:3" ht="19.2">
      <c r="A28641" s="2"/>
      <c r="B28641" s="2"/>
      <c r="C28641" s="2"/>
    </row>
    <row r="28642" spans="1:3" ht="19.2">
      <c r="A28642" s="2"/>
      <c r="B28642" s="2"/>
      <c r="C28642" s="2"/>
    </row>
    <row r="28643" spans="1:3" ht="19.2">
      <c r="A28643" s="2"/>
      <c r="B28643" s="2"/>
      <c r="C28643" s="2"/>
    </row>
    <row r="28644" spans="1:3" ht="19.2">
      <c r="A28644" s="2"/>
      <c r="B28644" s="2"/>
      <c r="C28644" s="2"/>
    </row>
    <row r="28645" spans="1:3" ht="19.2">
      <c r="A28645" s="2"/>
      <c r="B28645" s="2"/>
      <c r="C28645" s="2"/>
    </row>
    <row r="28646" spans="1:3" ht="19.2">
      <c r="A28646" s="2"/>
      <c r="B28646" s="2"/>
      <c r="C28646" s="2"/>
    </row>
    <row r="28647" spans="1:3" ht="19.2">
      <c r="A28647" s="2"/>
      <c r="B28647" s="2"/>
      <c r="C28647" s="2"/>
    </row>
    <row r="28648" spans="1:3" ht="19.2">
      <c r="A28648" s="2"/>
      <c r="B28648" s="2"/>
      <c r="C28648" s="2"/>
    </row>
    <row r="28649" spans="1:3" ht="19.2">
      <c r="A28649" s="2"/>
      <c r="B28649" s="2"/>
      <c r="C28649" s="2"/>
    </row>
    <row r="28650" spans="1:3" ht="19.2">
      <c r="A28650" s="2"/>
      <c r="B28650" s="2"/>
      <c r="C28650" s="2"/>
    </row>
    <row r="28651" spans="1:3" ht="19.2">
      <c r="A28651" s="2"/>
      <c r="B28651" s="2"/>
      <c r="C28651" s="2"/>
    </row>
    <row r="28652" spans="1:3" ht="19.2">
      <c r="A28652" s="2"/>
      <c r="B28652" s="2"/>
      <c r="C28652" s="2"/>
    </row>
    <row r="28653" spans="1:3" ht="19.2">
      <c r="A28653" s="2"/>
      <c r="B28653" s="2"/>
      <c r="C28653" s="2"/>
    </row>
    <row r="28654" spans="1:3" ht="19.2">
      <c r="A28654" s="2"/>
      <c r="B28654" s="2"/>
      <c r="C28654" s="2"/>
    </row>
    <row r="28655" spans="1:3" ht="19.2">
      <c r="A28655" s="2"/>
      <c r="B28655" s="2"/>
      <c r="C28655" s="2"/>
    </row>
    <row r="28656" spans="1:3" ht="19.2">
      <c r="A28656" s="2"/>
      <c r="B28656" s="2"/>
      <c r="C28656" s="2"/>
    </row>
    <row r="28657" spans="1:3" ht="19.2">
      <c r="A28657" s="2"/>
      <c r="B28657" s="2"/>
      <c r="C28657" s="2"/>
    </row>
    <row r="28658" spans="1:3" ht="19.2">
      <c r="A28658" s="2"/>
      <c r="B28658" s="2"/>
      <c r="C28658" s="2"/>
    </row>
    <row r="28659" spans="1:3" ht="19.2">
      <c r="A28659" s="2"/>
      <c r="B28659" s="2"/>
      <c r="C28659" s="2"/>
    </row>
    <row r="28660" spans="1:3" ht="19.2">
      <c r="A28660" s="2"/>
      <c r="B28660" s="2"/>
      <c r="C28660" s="2"/>
    </row>
    <row r="28661" spans="1:3" ht="19.2">
      <c r="A28661" s="2"/>
      <c r="B28661" s="2"/>
      <c r="C28661" s="2"/>
    </row>
    <row r="28662" spans="1:3" ht="19.2">
      <c r="A28662" s="2"/>
      <c r="B28662" s="2"/>
      <c r="C28662" s="2"/>
    </row>
    <row r="28663" spans="1:3" ht="19.2">
      <c r="A28663" s="2"/>
      <c r="B28663" s="2"/>
      <c r="C28663" s="2"/>
    </row>
    <row r="28664" spans="1:3" ht="19.2">
      <c r="A28664" s="2"/>
      <c r="B28664" s="2"/>
      <c r="C28664" s="2"/>
    </row>
    <row r="28665" spans="1:3" ht="19.2">
      <c r="A28665" s="2"/>
      <c r="B28665" s="2"/>
      <c r="C28665" s="2"/>
    </row>
    <row r="28666" spans="1:3" ht="19.2">
      <c r="A28666" s="2"/>
      <c r="B28666" s="2"/>
      <c r="C28666" s="2"/>
    </row>
    <row r="28667" spans="1:3" ht="19.2">
      <c r="A28667" s="2"/>
      <c r="B28667" s="2"/>
      <c r="C28667" s="2"/>
    </row>
    <row r="28668" spans="1:3" ht="19.2">
      <c r="A28668" s="2"/>
      <c r="B28668" s="2"/>
      <c r="C28668" s="2"/>
    </row>
    <row r="28669" spans="1:3" ht="19.2">
      <c r="A28669" s="2"/>
      <c r="B28669" s="2"/>
      <c r="C28669" s="2"/>
    </row>
    <row r="28670" spans="1:3" ht="19.2">
      <c r="A28670" s="2"/>
      <c r="B28670" s="2"/>
      <c r="C28670" s="2"/>
    </row>
    <row r="28671" spans="1:3" ht="19.2">
      <c r="A28671" s="2"/>
      <c r="B28671" s="2"/>
      <c r="C28671" s="2"/>
    </row>
    <row r="28672" spans="1:3" ht="19.2">
      <c r="A28672" s="2"/>
      <c r="B28672" s="2"/>
      <c r="C28672" s="2"/>
    </row>
    <row r="28673" spans="1:3" ht="19.2">
      <c r="A28673" s="2"/>
      <c r="B28673" s="2"/>
      <c r="C28673" s="2"/>
    </row>
    <row r="28674" spans="1:3" ht="19.2">
      <c r="A28674" s="2"/>
      <c r="B28674" s="2"/>
      <c r="C28674" s="2"/>
    </row>
    <row r="28675" spans="1:3" ht="19.2">
      <c r="A28675" s="2"/>
      <c r="B28675" s="2"/>
      <c r="C28675" s="2"/>
    </row>
    <row r="28676" spans="1:3" ht="19.2">
      <c r="A28676" s="2"/>
      <c r="B28676" s="2"/>
      <c r="C28676" s="2"/>
    </row>
    <row r="28677" spans="1:3" ht="19.2">
      <c r="A28677" s="2"/>
      <c r="B28677" s="2"/>
      <c r="C28677" s="2"/>
    </row>
    <row r="28678" spans="1:3" ht="19.2">
      <c r="A28678" s="2"/>
      <c r="B28678" s="2"/>
      <c r="C28678" s="2"/>
    </row>
    <row r="28679" spans="1:3" ht="19.2">
      <c r="A28679" s="2"/>
      <c r="B28679" s="2"/>
      <c r="C28679" s="2"/>
    </row>
    <row r="28680" spans="1:3" ht="19.2">
      <c r="A28680" s="2"/>
      <c r="B28680" s="2"/>
      <c r="C28680" s="2"/>
    </row>
    <row r="28681" spans="1:3" ht="19.2">
      <c r="A28681" s="2"/>
      <c r="B28681" s="2"/>
      <c r="C28681" s="2"/>
    </row>
    <row r="28682" spans="1:3" ht="19.2">
      <c r="A28682" s="2"/>
      <c r="B28682" s="2"/>
      <c r="C28682" s="2"/>
    </row>
    <row r="28683" spans="1:3" ht="19.2">
      <c r="A28683" s="2"/>
      <c r="B28683" s="2"/>
      <c r="C28683" s="2"/>
    </row>
    <row r="28684" spans="1:3" ht="19.2">
      <c r="A28684" s="2"/>
      <c r="B28684" s="2"/>
      <c r="C28684" s="2"/>
    </row>
    <row r="28685" spans="1:3" ht="19.2">
      <c r="A28685" s="2"/>
      <c r="B28685" s="2"/>
      <c r="C28685" s="2"/>
    </row>
    <row r="28686" spans="1:3" ht="19.2">
      <c r="A28686" s="2"/>
      <c r="B28686" s="2"/>
      <c r="C28686" s="2"/>
    </row>
    <row r="28687" spans="1:3" ht="19.2">
      <c r="A28687" s="2"/>
      <c r="B28687" s="2"/>
      <c r="C28687" s="2"/>
    </row>
    <row r="28688" spans="1:3" ht="19.2">
      <c r="A28688" s="2"/>
      <c r="B28688" s="2"/>
      <c r="C28688" s="2"/>
    </row>
    <row r="28689" spans="1:3" ht="19.2">
      <c r="A28689" s="2"/>
      <c r="B28689" s="2"/>
      <c r="C28689" s="2"/>
    </row>
    <row r="28690" spans="1:3" ht="19.2">
      <c r="A28690" s="2"/>
      <c r="B28690" s="2"/>
      <c r="C28690" s="2"/>
    </row>
    <row r="28691" spans="1:3" ht="19.2">
      <c r="A28691" s="2"/>
      <c r="B28691" s="2"/>
      <c r="C28691" s="2"/>
    </row>
    <row r="28692" spans="1:3" ht="19.2">
      <c r="A28692" s="2"/>
      <c r="B28692" s="2"/>
      <c r="C28692" s="2"/>
    </row>
    <row r="28693" spans="1:3" ht="19.2">
      <c r="A28693" s="2"/>
      <c r="B28693" s="2"/>
      <c r="C28693" s="2"/>
    </row>
    <row r="28694" spans="1:3" ht="19.2">
      <c r="A28694" s="2"/>
      <c r="B28694" s="2"/>
      <c r="C28694" s="2"/>
    </row>
    <row r="28695" spans="1:3" ht="19.2">
      <c r="A28695" s="2"/>
      <c r="B28695" s="2"/>
      <c r="C28695" s="2"/>
    </row>
    <row r="28696" spans="1:3" ht="19.2">
      <c r="A28696" s="2"/>
      <c r="B28696" s="2"/>
      <c r="C28696" s="2"/>
    </row>
    <row r="28697" spans="1:3" ht="19.2">
      <c r="A28697" s="2"/>
      <c r="B28697" s="2"/>
      <c r="C28697" s="2"/>
    </row>
    <row r="28698" spans="1:3" ht="19.2">
      <c r="A28698" s="2"/>
      <c r="B28698" s="2"/>
      <c r="C28698" s="2"/>
    </row>
    <row r="28699" spans="1:3" ht="19.2">
      <c r="A28699" s="2"/>
      <c r="B28699" s="2"/>
      <c r="C28699" s="2"/>
    </row>
    <row r="28700" spans="1:3" ht="19.2">
      <c r="A28700" s="2"/>
      <c r="B28700" s="2"/>
      <c r="C28700" s="2"/>
    </row>
    <row r="28701" spans="1:3" ht="19.2">
      <c r="A28701" s="2"/>
      <c r="B28701" s="2"/>
      <c r="C28701" s="2"/>
    </row>
    <row r="28702" spans="1:3" ht="19.2">
      <c r="A28702" s="2"/>
      <c r="B28702" s="2"/>
      <c r="C28702" s="2"/>
    </row>
    <row r="28703" spans="1:3" ht="19.2">
      <c r="A28703" s="2"/>
      <c r="B28703" s="2"/>
      <c r="C28703" s="2"/>
    </row>
    <row r="28704" spans="1:3" ht="19.2">
      <c r="A28704" s="2"/>
      <c r="B28704" s="2"/>
      <c r="C28704" s="2"/>
    </row>
    <row r="28705" spans="1:3" ht="19.2">
      <c r="A28705" s="2"/>
      <c r="B28705" s="2"/>
      <c r="C28705" s="2"/>
    </row>
    <row r="28706" spans="1:3" ht="19.2">
      <c r="A28706" s="2"/>
      <c r="B28706" s="2"/>
      <c r="C28706" s="2"/>
    </row>
    <row r="28707" spans="1:3" ht="19.2">
      <c r="A28707" s="2"/>
      <c r="B28707" s="2"/>
      <c r="C28707" s="2"/>
    </row>
    <row r="28708" spans="1:3" ht="19.2">
      <c r="A28708" s="2"/>
      <c r="B28708" s="2"/>
      <c r="C28708" s="2"/>
    </row>
    <row r="28709" spans="1:3" ht="19.2">
      <c r="A28709" s="2"/>
      <c r="B28709" s="2"/>
      <c r="C28709" s="2"/>
    </row>
    <row r="28710" spans="1:3" ht="19.2">
      <c r="A28710" s="2"/>
      <c r="B28710" s="2"/>
      <c r="C28710" s="2"/>
    </row>
    <row r="28711" spans="1:3" ht="19.2">
      <c r="A28711" s="2"/>
      <c r="B28711" s="2"/>
      <c r="C28711" s="2"/>
    </row>
    <row r="28712" spans="1:3" ht="19.2">
      <c r="A28712" s="2"/>
      <c r="B28712" s="2"/>
      <c r="C28712" s="2"/>
    </row>
    <row r="28713" spans="1:3" ht="19.2">
      <c r="A28713" s="2"/>
      <c r="B28713" s="2"/>
      <c r="C28713" s="2"/>
    </row>
    <row r="28714" spans="1:3" ht="19.2">
      <c r="A28714" s="2"/>
      <c r="B28714" s="2"/>
      <c r="C28714" s="2"/>
    </row>
    <row r="28715" spans="1:3" ht="19.2">
      <c r="A28715" s="2"/>
      <c r="B28715" s="2"/>
      <c r="C28715" s="2"/>
    </row>
    <row r="28716" spans="1:3" ht="19.2">
      <c r="A28716" s="2"/>
      <c r="B28716" s="2"/>
      <c r="C28716" s="2"/>
    </row>
    <row r="28717" spans="1:3" ht="19.2">
      <c r="A28717" s="2"/>
      <c r="B28717" s="2"/>
      <c r="C28717" s="2"/>
    </row>
    <row r="28718" spans="1:3" ht="19.2">
      <c r="A28718" s="2"/>
      <c r="B28718" s="2"/>
      <c r="C28718" s="2"/>
    </row>
    <row r="28719" spans="1:3" ht="19.2">
      <c r="A28719" s="2"/>
      <c r="B28719" s="2"/>
      <c r="C28719" s="2"/>
    </row>
    <row r="28720" spans="1:3" ht="19.2">
      <c r="A28720" s="2"/>
      <c r="B28720" s="2"/>
      <c r="C28720" s="2"/>
    </row>
    <row r="28721" spans="1:3" ht="19.2">
      <c r="A28721" s="2"/>
      <c r="B28721" s="2"/>
      <c r="C28721" s="2"/>
    </row>
    <row r="28722" spans="1:3" ht="19.2">
      <c r="A28722" s="2"/>
      <c r="B28722" s="2"/>
      <c r="C28722" s="2"/>
    </row>
    <row r="28723" spans="1:3" ht="19.2">
      <c r="A28723" s="2"/>
      <c r="B28723" s="2"/>
      <c r="C28723" s="2"/>
    </row>
    <row r="28724" spans="1:3" ht="19.2">
      <c r="A28724" s="2"/>
      <c r="B28724" s="2"/>
      <c r="C28724" s="2"/>
    </row>
    <row r="28725" spans="1:3" ht="19.2">
      <c r="A28725" s="2"/>
      <c r="B28725" s="2"/>
      <c r="C28725" s="2"/>
    </row>
    <row r="28726" spans="1:3" ht="19.2">
      <c r="A28726" s="2"/>
      <c r="B28726" s="2"/>
      <c r="C28726" s="2"/>
    </row>
    <row r="28727" spans="1:3" ht="19.2">
      <c r="A28727" s="2"/>
      <c r="B28727" s="2"/>
      <c r="C28727" s="2"/>
    </row>
    <row r="28728" spans="1:3" ht="19.2">
      <c r="A28728" s="2"/>
      <c r="B28728" s="2"/>
      <c r="C28728" s="2"/>
    </row>
    <row r="28729" spans="1:3" ht="19.2">
      <c r="A28729" s="2"/>
      <c r="B28729" s="2"/>
      <c r="C28729" s="2"/>
    </row>
    <row r="28730" spans="1:3" ht="19.2">
      <c r="A28730" s="2"/>
      <c r="B28730" s="2"/>
      <c r="C28730" s="2"/>
    </row>
    <row r="28731" spans="1:3" ht="19.2">
      <c r="A28731" s="2"/>
      <c r="B28731" s="2"/>
      <c r="C28731" s="2"/>
    </row>
    <row r="28732" spans="1:3" ht="19.2">
      <c r="A28732" s="2"/>
      <c r="B28732" s="2"/>
      <c r="C28732" s="2"/>
    </row>
    <row r="28733" spans="1:3" ht="19.2">
      <c r="A28733" s="2"/>
      <c r="B28733" s="2"/>
      <c r="C28733" s="2"/>
    </row>
    <row r="28734" spans="1:3" ht="19.2">
      <c r="A28734" s="2"/>
      <c r="B28734" s="2"/>
      <c r="C28734" s="2"/>
    </row>
    <row r="28735" spans="1:3" ht="19.2">
      <c r="A28735" s="2"/>
      <c r="B28735" s="2"/>
      <c r="C28735" s="2"/>
    </row>
    <row r="28736" spans="1:3" ht="19.2">
      <c r="A28736" s="2"/>
      <c r="B28736" s="2"/>
      <c r="C28736" s="2"/>
    </row>
    <row r="28737" spans="1:3" ht="19.2">
      <c r="A28737" s="2"/>
      <c r="B28737" s="2"/>
      <c r="C28737" s="2"/>
    </row>
    <row r="28738" spans="1:3" ht="19.2">
      <c r="A28738" s="2"/>
      <c r="B28738" s="2"/>
      <c r="C28738" s="2"/>
    </row>
    <row r="28739" spans="1:3" ht="19.2">
      <c r="A28739" s="2"/>
      <c r="B28739" s="2"/>
      <c r="C28739" s="2"/>
    </row>
    <row r="28740" spans="1:3" ht="19.2">
      <c r="A28740" s="2"/>
      <c r="B28740" s="2"/>
      <c r="C28740" s="2"/>
    </row>
    <row r="28741" spans="1:3" ht="19.2">
      <c r="A28741" s="2"/>
      <c r="B28741" s="2"/>
      <c r="C28741" s="2"/>
    </row>
    <row r="28742" spans="1:3" ht="19.2">
      <c r="A28742" s="2"/>
      <c r="B28742" s="2"/>
      <c r="C28742" s="2"/>
    </row>
    <row r="28743" spans="1:3" ht="19.2">
      <c r="A28743" s="2"/>
      <c r="B28743" s="2"/>
      <c r="C28743" s="2"/>
    </row>
    <row r="28744" spans="1:3" ht="19.2">
      <c r="A28744" s="2"/>
      <c r="B28744" s="2"/>
      <c r="C28744" s="2"/>
    </row>
    <row r="28745" spans="1:3" ht="19.2">
      <c r="A28745" s="2"/>
      <c r="B28745" s="2"/>
      <c r="C28745" s="2"/>
    </row>
    <row r="28746" spans="1:3" ht="19.2">
      <c r="A28746" s="2"/>
      <c r="B28746" s="2"/>
      <c r="C28746" s="2"/>
    </row>
    <row r="28747" spans="1:3" ht="19.2">
      <c r="A28747" s="2"/>
      <c r="B28747" s="2"/>
      <c r="C28747" s="2"/>
    </row>
    <row r="28748" spans="1:3" ht="19.2">
      <c r="A28748" s="2"/>
      <c r="B28748" s="2"/>
      <c r="C28748" s="2"/>
    </row>
    <row r="28749" spans="1:3" ht="19.2">
      <c r="A28749" s="2"/>
      <c r="B28749" s="2"/>
      <c r="C28749" s="2"/>
    </row>
    <row r="28750" spans="1:3" ht="19.2">
      <c r="A28750" s="2"/>
      <c r="B28750" s="2"/>
      <c r="C28750" s="2"/>
    </row>
    <row r="28751" spans="1:3" ht="19.2">
      <c r="A28751" s="2"/>
      <c r="B28751" s="2"/>
      <c r="C28751" s="2"/>
    </row>
    <row r="28752" spans="1:3" ht="19.2">
      <c r="A28752" s="2"/>
      <c r="B28752" s="2"/>
      <c r="C28752" s="2"/>
    </row>
    <row r="28753" spans="1:3" ht="19.2">
      <c r="A28753" s="2"/>
      <c r="B28753" s="2"/>
      <c r="C28753" s="2"/>
    </row>
    <row r="28754" spans="1:3" ht="19.2">
      <c r="A28754" s="2"/>
      <c r="B28754" s="2"/>
      <c r="C28754" s="2"/>
    </row>
    <row r="28755" spans="1:3" ht="19.2">
      <c r="A28755" s="2"/>
      <c r="B28755" s="2"/>
      <c r="C28755" s="2"/>
    </row>
    <row r="28756" spans="1:3" ht="19.2">
      <c r="A28756" s="2"/>
      <c r="B28756" s="2"/>
      <c r="C28756" s="2"/>
    </row>
    <row r="28757" spans="1:3" ht="19.2">
      <c r="A28757" s="2"/>
      <c r="B28757" s="2"/>
      <c r="C28757" s="2"/>
    </row>
    <row r="28758" spans="1:3" ht="19.2">
      <c r="A28758" s="2"/>
      <c r="B28758" s="2"/>
      <c r="C28758" s="2"/>
    </row>
    <row r="28759" spans="1:3" ht="19.2">
      <c r="A28759" s="2"/>
      <c r="B28759" s="2"/>
      <c r="C28759" s="2"/>
    </row>
    <row r="28760" spans="1:3" ht="19.2">
      <c r="A28760" s="2"/>
      <c r="B28760" s="2"/>
      <c r="C28760" s="2"/>
    </row>
    <row r="28761" spans="1:3" ht="19.2">
      <c r="A28761" s="2"/>
      <c r="B28761" s="2"/>
      <c r="C28761" s="2"/>
    </row>
    <row r="28762" spans="1:3" ht="19.2">
      <c r="A28762" s="2"/>
      <c r="B28762" s="2"/>
      <c r="C28762" s="2"/>
    </row>
    <row r="28763" spans="1:3" ht="19.2">
      <c r="A28763" s="2"/>
      <c r="B28763" s="2"/>
      <c r="C28763" s="2"/>
    </row>
    <row r="28764" spans="1:3" ht="19.2">
      <c r="A28764" s="2"/>
      <c r="B28764" s="2"/>
      <c r="C28764" s="2"/>
    </row>
    <row r="28765" spans="1:3" ht="19.2">
      <c r="A28765" s="2"/>
      <c r="B28765" s="2"/>
      <c r="C28765" s="2"/>
    </row>
    <row r="28766" spans="1:3" ht="19.2">
      <c r="A28766" s="2"/>
      <c r="B28766" s="2"/>
      <c r="C28766" s="2"/>
    </row>
    <row r="28767" spans="1:3" ht="19.2">
      <c r="A28767" s="2"/>
      <c r="B28767" s="2"/>
      <c r="C28767" s="2"/>
    </row>
    <row r="28768" spans="1:3" ht="19.2">
      <c r="A28768" s="2"/>
      <c r="B28768" s="2"/>
      <c r="C28768" s="2"/>
    </row>
    <row r="28769" spans="1:3" ht="19.2">
      <c r="A28769" s="2"/>
      <c r="B28769" s="2"/>
      <c r="C28769" s="2"/>
    </row>
    <row r="28770" spans="1:3" ht="19.2">
      <c r="A28770" s="2"/>
      <c r="B28770" s="2"/>
      <c r="C28770" s="2"/>
    </row>
    <row r="28771" spans="1:3" ht="19.2">
      <c r="A28771" s="2"/>
      <c r="B28771" s="2"/>
      <c r="C28771" s="2"/>
    </row>
    <row r="28772" spans="1:3" ht="19.2">
      <c r="A28772" s="2"/>
      <c r="B28772" s="2"/>
      <c r="C28772" s="2"/>
    </row>
    <row r="28773" spans="1:3" ht="19.2">
      <c r="A28773" s="2"/>
      <c r="B28773" s="2"/>
      <c r="C28773" s="2"/>
    </row>
    <row r="28774" spans="1:3" ht="19.2">
      <c r="A28774" s="2"/>
      <c r="B28774" s="2"/>
      <c r="C28774" s="2"/>
    </row>
    <row r="28775" spans="1:3" ht="19.2">
      <c r="A28775" s="2"/>
      <c r="B28775" s="2"/>
      <c r="C28775" s="2"/>
    </row>
    <row r="28776" spans="1:3" ht="19.2">
      <c r="A28776" s="2"/>
      <c r="B28776" s="2"/>
      <c r="C28776" s="2"/>
    </row>
    <row r="28777" spans="1:3" ht="19.2">
      <c r="A28777" s="2"/>
      <c r="B28777" s="2"/>
      <c r="C28777" s="2"/>
    </row>
    <row r="28778" spans="1:3" ht="19.2">
      <c r="A28778" s="2"/>
      <c r="B28778" s="2"/>
      <c r="C28778" s="2"/>
    </row>
    <row r="28779" spans="1:3" ht="19.2">
      <c r="A28779" s="2"/>
      <c r="B28779" s="2"/>
      <c r="C28779" s="2"/>
    </row>
    <row r="28780" spans="1:3" ht="19.2">
      <c r="A28780" s="2"/>
      <c r="B28780" s="2"/>
      <c r="C28780" s="2"/>
    </row>
    <row r="28781" spans="1:3" ht="19.2">
      <c r="A28781" s="2"/>
      <c r="B28781" s="2"/>
      <c r="C28781" s="2"/>
    </row>
    <row r="28782" spans="1:3" ht="19.2">
      <c r="A28782" s="2"/>
      <c r="B28782" s="2"/>
      <c r="C28782" s="2"/>
    </row>
    <row r="28783" spans="1:3" ht="19.2">
      <c r="A28783" s="2"/>
      <c r="B28783" s="2"/>
      <c r="C28783" s="2"/>
    </row>
    <row r="28784" spans="1:3" ht="19.2">
      <c r="A28784" s="2"/>
      <c r="B28784" s="2"/>
      <c r="C28784" s="2"/>
    </row>
    <row r="28785" spans="1:3" ht="19.2">
      <c r="A28785" s="2"/>
      <c r="B28785" s="2"/>
      <c r="C28785" s="2"/>
    </row>
    <row r="28786" spans="1:3" ht="19.2">
      <c r="A28786" s="2"/>
      <c r="B28786" s="2"/>
      <c r="C28786" s="2"/>
    </row>
    <row r="28787" spans="1:3" ht="19.2">
      <c r="A28787" s="2"/>
      <c r="B28787" s="2"/>
      <c r="C28787" s="2"/>
    </row>
    <row r="28788" spans="1:3" ht="19.2">
      <c r="A28788" s="2"/>
      <c r="B28788" s="2"/>
      <c r="C28788" s="2"/>
    </row>
    <row r="28789" spans="1:3" ht="19.2">
      <c r="A28789" s="2"/>
      <c r="B28789" s="2"/>
      <c r="C28789" s="2"/>
    </row>
    <row r="28790" spans="1:3" ht="19.2">
      <c r="A28790" s="2"/>
      <c r="B28790" s="2"/>
      <c r="C28790" s="2"/>
    </row>
    <row r="28791" spans="1:3" ht="19.2">
      <c r="A28791" s="2"/>
      <c r="B28791" s="2"/>
      <c r="C28791" s="2"/>
    </row>
    <row r="28792" spans="1:3" ht="19.2">
      <c r="A28792" s="2"/>
      <c r="B28792" s="2"/>
      <c r="C28792" s="2"/>
    </row>
    <row r="28793" spans="1:3" ht="19.2">
      <c r="A28793" s="2"/>
      <c r="B28793" s="2"/>
      <c r="C28793" s="2"/>
    </row>
    <row r="28794" spans="1:3" ht="19.2">
      <c r="A28794" s="2"/>
      <c r="B28794" s="2"/>
      <c r="C28794" s="2"/>
    </row>
    <row r="28795" spans="1:3" ht="19.2">
      <c r="A28795" s="2"/>
      <c r="B28795" s="2"/>
      <c r="C28795" s="2"/>
    </row>
    <row r="28796" spans="1:3" ht="19.2">
      <c r="A28796" s="2"/>
      <c r="B28796" s="2"/>
      <c r="C28796" s="2"/>
    </row>
    <row r="28797" spans="1:3" ht="19.2">
      <c r="A28797" s="2"/>
      <c r="B28797" s="2"/>
      <c r="C28797" s="2"/>
    </row>
    <row r="28798" spans="1:3" ht="19.2">
      <c r="A28798" s="2"/>
      <c r="B28798" s="2"/>
      <c r="C28798" s="2"/>
    </row>
    <row r="28799" spans="1:3" ht="19.2">
      <c r="A28799" s="2"/>
      <c r="B28799" s="2"/>
      <c r="C28799" s="2"/>
    </row>
    <row r="28800" spans="1:3" ht="19.2">
      <c r="A28800" s="2"/>
      <c r="B28800" s="2"/>
      <c r="C28800" s="2"/>
    </row>
    <row r="28801" spans="1:3" ht="19.2">
      <c r="A28801" s="2"/>
      <c r="B28801" s="2"/>
      <c r="C28801" s="2"/>
    </row>
    <row r="28802" spans="1:3" ht="19.2">
      <c r="A28802" s="2"/>
      <c r="B28802" s="2"/>
      <c r="C28802" s="2"/>
    </row>
    <row r="28803" spans="1:3" ht="19.2">
      <c r="A28803" s="2"/>
      <c r="B28803" s="2"/>
      <c r="C28803" s="2"/>
    </row>
    <row r="28804" spans="1:3" ht="19.2">
      <c r="A28804" s="2"/>
      <c r="B28804" s="2"/>
      <c r="C28804" s="2"/>
    </row>
    <row r="28805" spans="1:3" ht="19.2">
      <c r="A28805" s="2"/>
      <c r="B28805" s="2"/>
      <c r="C28805" s="2"/>
    </row>
    <row r="28806" spans="1:3" ht="19.2">
      <c r="A28806" s="2"/>
      <c r="B28806" s="2"/>
      <c r="C28806" s="2"/>
    </row>
    <row r="28807" spans="1:3" ht="19.2">
      <c r="A28807" s="2"/>
      <c r="B28807" s="2"/>
      <c r="C28807" s="2"/>
    </row>
    <row r="28808" spans="1:3" ht="19.2">
      <c r="A28808" s="2"/>
      <c r="B28808" s="2"/>
      <c r="C28808" s="2"/>
    </row>
    <row r="28809" spans="1:3" ht="19.2">
      <c r="A28809" s="2"/>
      <c r="B28809" s="2"/>
      <c r="C28809" s="2"/>
    </row>
    <row r="28810" spans="1:3" ht="19.2">
      <c r="A28810" s="2"/>
      <c r="B28810" s="2"/>
      <c r="C28810" s="2"/>
    </row>
    <row r="28811" spans="1:3" ht="19.2">
      <c r="A28811" s="2"/>
      <c r="B28811" s="2"/>
      <c r="C28811" s="2"/>
    </row>
    <row r="28812" spans="1:3" ht="19.2">
      <c r="A28812" s="2"/>
      <c r="B28812" s="2"/>
      <c r="C28812" s="2"/>
    </row>
    <row r="28813" spans="1:3" ht="19.2">
      <c r="A28813" s="2"/>
      <c r="B28813" s="2"/>
      <c r="C28813" s="2"/>
    </row>
    <row r="28814" spans="1:3" ht="19.2">
      <c r="A28814" s="2"/>
      <c r="B28814" s="2"/>
      <c r="C28814" s="2"/>
    </row>
    <row r="28815" spans="1:3" ht="19.2">
      <c r="A28815" s="2"/>
      <c r="B28815" s="2"/>
      <c r="C28815" s="2"/>
    </row>
    <row r="28816" spans="1:3" ht="19.2">
      <c r="A28816" s="2"/>
      <c r="B28816" s="2"/>
      <c r="C28816" s="2"/>
    </row>
    <row r="28817" spans="1:3" ht="19.2">
      <c r="A28817" s="2"/>
      <c r="B28817" s="2"/>
      <c r="C28817" s="2"/>
    </row>
    <row r="28818" spans="1:3" ht="19.2">
      <c r="A28818" s="2"/>
      <c r="B28818" s="2"/>
      <c r="C28818" s="2"/>
    </row>
    <row r="28819" spans="1:3" ht="19.2">
      <c r="A28819" s="2"/>
      <c r="B28819" s="2"/>
      <c r="C28819" s="2"/>
    </row>
    <row r="28820" spans="1:3" ht="19.2">
      <c r="A28820" s="2"/>
      <c r="B28820" s="2"/>
      <c r="C28820" s="2"/>
    </row>
    <row r="28821" spans="1:3" ht="19.2">
      <c r="A28821" s="2"/>
      <c r="B28821" s="2"/>
      <c r="C28821" s="2"/>
    </row>
    <row r="28822" spans="1:3" ht="19.2">
      <c r="A28822" s="2"/>
      <c r="B28822" s="2"/>
      <c r="C28822" s="2"/>
    </row>
    <row r="28823" spans="1:3" ht="19.2">
      <c r="A28823" s="2"/>
      <c r="B28823" s="2"/>
      <c r="C28823" s="2"/>
    </row>
    <row r="28824" spans="1:3" ht="19.2">
      <c r="A28824" s="2"/>
      <c r="B28824" s="2"/>
      <c r="C28824" s="2"/>
    </row>
    <row r="28825" spans="1:3" ht="19.2">
      <c r="A28825" s="2"/>
      <c r="B28825" s="2"/>
      <c r="C28825" s="2"/>
    </row>
    <row r="28826" spans="1:3" ht="19.2">
      <c r="A28826" s="2"/>
      <c r="B28826" s="2"/>
      <c r="C28826" s="2"/>
    </row>
    <row r="28827" spans="1:3" ht="19.2">
      <c r="A28827" s="2"/>
      <c r="B28827" s="2"/>
      <c r="C28827" s="2"/>
    </row>
    <row r="28828" spans="1:3" ht="19.2">
      <c r="A28828" s="2"/>
      <c r="B28828" s="2"/>
      <c r="C28828" s="2"/>
    </row>
    <row r="28829" spans="1:3" ht="19.2">
      <c r="A28829" s="2"/>
      <c r="B28829" s="2"/>
      <c r="C28829" s="2"/>
    </row>
    <row r="28830" spans="1:3" ht="19.2">
      <c r="A28830" s="2"/>
      <c r="B28830" s="2"/>
      <c r="C28830" s="2"/>
    </row>
    <row r="28831" spans="1:3" ht="19.2">
      <c r="A28831" s="2"/>
      <c r="B28831" s="2"/>
      <c r="C28831" s="2"/>
    </row>
    <row r="28832" spans="1:3" ht="19.2">
      <c r="A28832" s="2"/>
      <c r="B28832" s="2"/>
      <c r="C28832" s="2"/>
    </row>
    <row r="28833" spans="1:3" ht="19.2">
      <c r="A28833" s="2"/>
      <c r="B28833" s="2"/>
      <c r="C28833" s="2"/>
    </row>
    <row r="28834" spans="1:3" ht="19.2">
      <c r="A28834" s="2"/>
      <c r="B28834" s="2"/>
      <c r="C28834" s="2"/>
    </row>
    <row r="28835" spans="1:3" ht="19.2">
      <c r="A28835" s="2"/>
      <c r="B28835" s="2"/>
      <c r="C28835" s="2"/>
    </row>
    <row r="28836" spans="1:3" ht="19.2">
      <c r="A28836" s="2"/>
      <c r="B28836" s="2"/>
      <c r="C28836" s="2"/>
    </row>
    <row r="28837" spans="1:3" ht="19.2">
      <c r="A28837" s="2"/>
      <c r="B28837" s="2"/>
      <c r="C28837" s="2"/>
    </row>
    <row r="28838" spans="1:3" ht="19.2">
      <c r="A28838" s="2"/>
      <c r="B28838" s="2"/>
      <c r="C28838" s="2"/>
    </row>
    <row r="28839" spans="1:3" ht="19.2">
      <c r="A28839" s="2"/>
      <c r="B28839" s="2"/>
      <c r="C28839" s="2"/>
    </row>
    <row r="28840" spans="1:3" ht="19.2">
      <c r="A28840" s="2"/>
      <c r="B28840" s="2"/>
      <c r="C28840" s="2"/>
    </row>
    <row r="28841" spans="1:3" ht="19.2">
      <c r="A28841" s="2"/>
      <c r="B28841" s="2"/>
      <c r="C28841" s="2"/>
    </row>
    <row r="28842" spans="1:3" ht="19.2">
      <c r="A28842" s="2"/>
      <c r="B28842" s="2"/>
      <c r="C28842" s="2"/>
    </row>
    <row r="28843" spans="1:3" ht="19.2">
      <c r="A28843" s="2"/>
      <c r="B28843" s="2"/>
      <c r="C28843" s="2"/>
    </row>
    <row r="28844" spans="1:3" ht="19.2">
      <c r="A28844" s="2"/>
      <c r="B28844" s="2"/>
      <c r="C28844" s="2"/>
    </row>
    <row r="28845" spans="1:3" ht="19.2">
      <c r="A28845" s="2"/>
      <c r="B28845" s="2"/>
      <c r="C28845" s="2"/>
    </row>
    <row r="28846" spans="1:3" ht="19.2">
      <c r="A28846" s="2"/>
      <c r="B28846" s="2"/>
      <c r="C28846" s="2"/>
    </row>
    <row r="28847" spans="1:3" ht="19.2">
      <c r="A28847" s="2"/>
      <c r="B28847" s="2"/>
      <c r="C28847" s="2"/>
    </row>
    <row r="28848" spans="1:3" ht="19.2">
      <c r="A28848" s="2"/>
      <c r="B28848" s="2"/>
      <c r="C28848" s="2"/>
    </row>
    <row r="28849" spans="1:3" ht="19.2">
      <c r="A28849" s="2"/>
      <c r="B28849" s="2"/>
      <c r="C28849" s="2"/>
    </row>
    <row r="28850" spans="1:3" ht="19.2">
      <c r="A28850" s="2"/>
      <c r="B28850" s="2"/>
      <c r="C28850" s="2"/>
    </row>
    <row r="28851" spans="1:3" ht="19.2">
      <c r="A28851" s="2"/>
      <c r="B28851" s="2"/>
      <c r="C28851" s="2"/>
    </row>
    <row r="28852" spans="1:3" ht="19.2">
      <c r="A28852" s="2"/>
      <c r="B28852" s="2"/>
      <c r="C28852" s="2"/>
    </row>
    <row r="28853" spans="1:3" ht="19.2">
      <c r="A28853" s="2"/>
      <c r="B28853" s="2"/>
      <c r="C28853" s="2"/>
    </row>
    <row r="28854" spans="1:3" ht="19.2">
      <c r="A28854" s="2"/>
      <c r="B28854" s="2"/>
      <c r="C28854" s="2"/>
    </row>
    <row r="28855" spans="1:3" ht="19.2">
      <c r="A28855" s="2"/>
      <c r="B28855" s="2"/>
      <c r="C28855" s="2"/>
    </row>
    <row r="28856" spans="1:3" ht="19.2">
      <c r="A28856" s="2"/>
      <c r="B28856" s="2"/>
      <c r="C28856" s="2"/>
    </row>
    <row r="28857" spans="1:3" ht="19.2">
      <c r="A28857" s="2"/>
      <c r="B28857" s="2"/>
      <c r="C28857" s="2"/>
    </row>
    <row r="28858" spans="1:3" ht="19.2">
      <c r="A28858" s="2"/>
      <c r="B28858" s="2"/>
      <c r="C28858" s="2"/>
    </row>
    <row r="28859" spans="1:3" ht="19.2">
      <c r="A28859" s="2"/>
      <c r="B28859" s="2"/>
      <c r="C28859" s="2"/>
    </row>
    <row r="28860" spans="1:3" ht="19.2">
      <c r="A28860" s="2"/>
      <c r="B28860" s="2"/>
      <c r="C28860" s="2"/>
    </row>
    <row r="28861" spans="1:3" ht="19.2">
      <c r="A28861" s="2"/>
      <c r="B28861" s="2"/>
      <c r="C28861" s="2"/>
    </row>
    <row r="28862" spans="1:3" ht="19.2">
      <c r="A28862" s="2"/>
      <c r="B28862" s="2"/>
      <c r="C28862" s="2"/>
    </row>
    <row r="28863" spans="1:3" ht="19.2">
      <c r="A28863" s="2"/>
      <c r="B28863" s="2"/>
      <c r="C28863" s="2"/>
    </row>
    <row r="28864" spans="1:3" ht="19.2">
      <c r="A28864" s="2"/>
      <c r="B28864" s="2"/>
      <c r="C28864" s="2"/>
    </row>
    <row r="28865" spans="1:3" ht="19.2">
      <c r="A28865" s="2"/>
      <c r="B28865" s="2"/>
      <c r="C28865" s="2"/>
    </row>
    <row r="28866" spans="1:3" ht="19.2">
      <c r="A28866" s="2"/>
      <c r="B28866" s="2"/>
      <c r="C28866" s="2"/>
    </row>
    <row r="28867" spans="1:3" ht="19.2">
      <c r="A28867" s="2"/>
      <c r="B28867" s="2"/>
      <c r="C28867" s="2"/>
    </row>
    <row r="28868" spans="1:3" ht="19.2">
      <c r="A28868" s="2"/>
      <c r="B28868" s="2"/>
      <c r="C28868" s="2"/>
    </row>
    <row r="28869" spans="1:3" ht="19.2">
      <c r="A28869" s="2"/>
      <c r="B28869" s="2"/>
      <c r="C28869" s="2"/>
    </row>
    <row r="28870" spans="1:3" ht="19.2">
      <c r="A28870" s="2"/>
      <c r="B28870" s="2"/>
      <c r="C28870" s="2"/>
    </row>
    <row r="28871" spans="1:3" ht="19.2">
      <c r="A28871" s="2"/>
      <c r="B28871" s="2"/>
      <c r="C28871" s="2"/>
    </row>
    <row r="28872" spans="1:3" ht="19.2">
      <c r="A28872" s="2"/>
      <c r="B28872" s="2"/>
      <c r="C28872" s="2"/>
    </row>
    <row r="28873" spans="1:3" ht="19.2">
      <c r="A28873" s="2"/>
      <c r="B28873" s="2"/>
      <c r="C28873" s="2"/>
    </row>
    <row r="28874" spans="1:3" ht="19.2">
      <c r="A28874" s="2"/>
      <c r="B28874" s="2"/>
      <c r="C28874" s="2"/>
    </row>
    <row r="28875" spans="1:3" ht="19.2">
      <c r="A28875" s="2"/>
      <c r="B28875" s="2"/>
      <c r="C28875" s="2"/>
    </row>
    <row r="28876" spans="1:3" ht="19.2">
      <c r="A28876" s="2"/>
      <c r="B28876" s="2"/>
      <c r="C28876" s="2"/>
    </row>
    <row r="28877" spans="1:3" ht="19.2">
      <c r="A28877" s="2"/>
      <c r="B28877" s="2"/>
      <c r="C28877" s="2"/>
    </row>
    <row r="28878" spans="1:3" ht="19.2">
      <c r="A28878" s="2"/>
      <c r="B28878" s="2"/>
      <c r="C28878" s="2"/>
    </row>
    <row r="28879" spans="1:3" ht="19.2">
      <c r="A28879" s="2"/>
      <c r="B28879" s="2"/>
      <c r="C28879" s="2"/>
    </row>
    <row r="28880" spans="1:3" ht="19.2">
      <c r="A28880" s="2"/>
      <c r="B28880" s="2"/>
      <c r="C28880" s="2"/>
    </row>
    <row r="28881" spans="1:3" ht="19.2">
      <c r="A28881" s="2"/>
      <c r="B28881" s="2"/>
      <c r="C28881" s="2"/>
    </row>
    <row r="28882" spans="1:3" ht="19.2">
      <c r="A28882" s="2"/>
      <c r="B28882" s="2"/>
      <c r="C28882" s="2"/>
    </row>
    <row r="28883" spans="1:3" ht="19.2">
      <c r="A28883" s="2"/>
      <c r="B28883" s="2"/>
      <c r="C28883" s="2"/>
    </row>
    <row r="28884" spans="1:3" ht="19.2">
      <c r="A28884" s="2"/>
      <c r="B28884" s="2"/>
      <c r="C28884" s="2"/>
    </row>
    <row r="28885" spans="1:3" ht="19.2">
      <c r="A28885" s="2"/>
      <c r="B28885" s="2"/>
      <c r="C28885" s="2"/>
    </row>
    <row r="28886" spans="1:3" ht="19.2">
      <c r="A28886" s="2"/>
      <c r="B28886" s="2"/>
      <c r="C28886" s="2"/>
    </row>
    <row r="28887" spans="1:3" ht="19.2">
      <c r="A28887" s="2"/>
      <c r="B28887" s="2"/>
      <c r="C28887" s="2"/>
    </row>
    <row r="28888" spans="1:3" ht="19.2">
      <c r="A28888" s="2"/>
      <c r="B28888" s="2"/>
      <c r="C28888" s="2"/>
    </row>
    <row r="28889" spans="1:3" ht="19.2">
      <c r="A28889" s="2"/>
      <c r="B28889" s="2"/>
      <c r="C28889" s="2"/>
    </row>
    <row r="28890" spans="1:3" ht="19.2">
      <c r="A28890" s="2"/>
      <c r="B28890" s="2"/>
      <c r="C28890" s="2"/>
    </row>
    <row r="28891" spans="1:3" ht="19.2">
      <c r="A28891" s="2"/>
      <c r="B28891" s="2"/>
      <c r="C28891" s="2"/>
    </row>
    <row r="28892" spans="1:3" ht="19.2">
      <c r="A28892" s="2"/>
      <c r="B28892" s="2"/>
      <c r="C28892" s="2"/>
    </row>
    <row r="28893" spans="1:3" ht="19.2">
      <c r="A28893" s="2"/>
      <c r="B28893" s="2"/>
      <c r="C28893" s="2"/>
    </row>
    <row r="28894" spans="1:3" ht="19.2">
      <c r="A28894" s="2"/>
      <c r="B28894" s="2"/>
      <c r="C28894" s="2"/>
    </row>
    <row r="28895" spans="1:3" ht="19.2">
      <c r="A28895" s="2"/>
      <c r="B28895" s="2"/>
      <c r="C28895" s="2"/>
    </row>
    <row r="28896" spans="1:3" ht="19.2">
      <c r="A28896" s="2"/>
      <c r="B28896" s="2"/>
      <c r="C28896" s="2"/>
    </row>
    <row r="28897" spans="1:3" ht="19.2">
      <c r="A28897" s="2"/>
      <c r="B28897" s="2"/>
      <c r="C28897" s="2"/>
    </row>
    <row r="28898" spans="1:3" ht="19.2">
      <c r="A28898" s="2"/>
      <c r="B28898" s="2"/>
      <c r="C28898" s="2"/>
    </row>
    <row r="28899" spans="1:3" ht="19.2">
      <c r="A28899" s="2"/>
      <c r="B28899" s="2"/>
      <c r="C28899" s="2"/>
    </row>
    <row r="28900" spans="1:3" ht="19.2">
      <c r="A28900" s="2"/>
      <c r="B28900" s="2"/>
      <c r="C28900" s="2"/>
    </row>
    <row r="28901" spans="1:3" ht="19.2">
      <c r="A28901" s="2"/>
      <c r="B28901" s="2"/>
      <c r="C28901" s="2"/>
    </row>
    <row r="28902" spans="1:3" ht="19.2">
      <c r="A28902" s="2"/>
      <c r="B28902" s="2"/>
      <c r="C28902" s="2"/>
    </row>
    <row r="28903" spans="1:3" ht="19.2">
      <c r="A28903" s="2"/>
      <c r="B28903" s="2"/>
      <c r="C28903" s="2"/>
    </row>
    <row r="28904" spans="1:3" ht="19.2">
      <c r="A28904" s="2"/>
      <c r="B28904" s="2"/>
      <c r="C28904" s="2"/>
    </row>
    <row r="28905" spans="1:3" ht="19.2">
      <c r="A28905" s="2"/>
      <c r="B28905" s="2"/>
      <c r="C28905" s="2"/>
    </row>
    <row r="28906" spans="1:3" ht="19.2">
      <c r="A28906" s="2"/>
      <c r="B28906" s="2"/>
      <c r="C28906" s="2"/>
    </row>
    <row r="28907" spans="1:3" ht="19.2">
      <c r="A28907" s="2"/>
      <c r="B28907" s="2"/>
      <c r="C28907" s="2"/>
    </row>
    <row r="28908" spans="1:3" ht="19.2">
      <c r="A28908" s="2"/>
      <c r="B28908" s="2"/>
      <c r="C28908" s="2"/>
    </row>
    <row r="28909" spans="1:3" ht="19.2">
      <c r="A28909" s="2"/>
      <c r="B28909" s="2"/>
      <c r="C28909" s="2"/>
    </row>
    <row r="28910" spans="1:3" ht="19.2">
      <c r="A28910" s="2"/>
      <c r="B28910" s="2"/>
      <c r="C28910" s="2"/>
    </row>
    <row r="28911" spans="1:3" ht="19.2">
      <c r="A28911" s="2"/>
      <c r="B28911" s="2"/>
      <c r="C28911" s="2"/>
    </row>
    <row r="28912" spans="1:3" ht="19.2">
      <c r="A28912" s="2"/>
      <c r="B28912" s="2"/>
      <c r="C28912" s="2"/>
    </row>
    <row r="28913" spans="1:3" ht="19.2">
      <c r="A28913" s="2"/>
      <c r="B28913" s="2"/>
      <c r="C28913" s="2"/>
    </row>
    <row r="28914" spans="1:3" ht="19.2">
      <c r="A28914" s="2"/>
      <c r="B28914" s="2"/>
      <c r="C28914" s="2"/>
    </row>
    <row r="28915" spans="1:3" ht="19.2">
      <c r="A28915" s="2"/>
      <c r="B28915" s="2"/>
      <c r="C28915" s="2"/>
    </row>
    <row r="28916" spans="1:3" ht="19.2">
      <c r="A28916" s="2"/>
      <c r="B28916" s="2"/>
      <c r="C28916" s="2"/>
    </row>
    <row r="28917" spans="1:3" ht="19.2">
      <c r="A28917" s="2"/>
      <c r="B28917" s="2"/>
      <c r="C28917" s="2"/>
    </row>
    <row r="28918" spans="1:3" ht="19.2">
      <c r="A28918" s="2"/>
      <c r="B28918" s="2"/>
      <c r="C28918" s="2"/>
    </row>
    <row r="28919" spans="1:3" ht="19.2">
      <c r="A28919" s="2"/>
      <c r="B28919" s="2"/>
      <c r="C28919" s="2"/>
    </row>
    <row r="28920" spans="1:3" ht="19.2">
      <c r="A28920" s="2"/>
      <c r="B28920" s="2"/>
      <c r="C28920" s="2"/>
    </row>
    <row r="28921" spans="1:3" ht="19.2">
      <c r="A28921" s="2"/>
      <c r="B28921" s="2"/>
      <c r="C28921" s="2"/>
    </row>
    <row r="28922" spans="1:3" ht="19.2">
      <c r="A28922" s="2"/>
      <c r="B28922" s="2"/>
      <c r="C28922" s="2"/>
    </row>
    <row r="28923" spans="1:3" ht="19.2">
      <c r="A28923" s="2"/>
      <c r="B28923" s="2"/>
      <c r="C28923" s="2"/>
    </row>
    <row r="28924" spans="1:3" ht="19.2">
      <c r="A28924" s="2"/>
      <c r="B28924" s="2"/>
      <c r="C28924" s="2"/>
    </row>
    <row r="28925" spans="1:3" ht="19.2">
      <c r="A28925" s="2"/>
      <c r="B28925" s="2"/>
      <c r="C28925" s="2"/>
    </row>
    <row r="28926" spans="1:3" ht="19.2">
      <c r="A28926" s="2"/>
      <c r="B28926" s="2"/>
      <c r="C28926" s="2"/>
    </row>
    <row r="28927" spans="1:3" ht="19.2">
      <c r="A28927" s="2"/>
      <c r="B28927" s="2"/>
      <c r="C28927" s="2"/>
    </row>
    <row r="28928" spans="1:3" ht="19.2">
      <c r="A28928" s="2"/>
      <c r="B28928" s="2"/>
      <c r="C28928" s="2"/>
    </row>
    <row r="28929" spans="1:3" ht="19.2">
      <c r="A28929" s="2"/>
      <c r="B28929" s="2"/>
      <c r="C28929" s="2"/>
    </row>
    <row r="28930" spans="1:3" ht="19.2">
      <c r="A28930" s="2"/>
      <c r="B28930" s="2"/>
      <c r="C28930" s="2"/>
    </row>
    <row r="28931" spans="1:3" ht="19.2">
      <c r="A28931" s="2"/>
      <c r="B28931" s="2"/>
      <c r="C28931" s="2"/>
    </row>
    <row r="28932" spans="1:3" ht="19.2">
      <c r="A28932" s="2"/>
      <c r="B28932" s="2"/>
      <c r="C28932" s="2"/>
    </row>
    <row r="28933" spans="1:3" ht="19.2">
      <c r="A28933" s="2"/>
      <c r="B28933" s="2"/>
      <c r="C28933" s="2"/>
    </row>
    <row r="28934" spans="1:3" ht="19.2">
      <c r="A28934" s="2"/>
      <c r="B28934" s="2"/>
      <c r="C28934" s="2"/>
    </row>
    <row r="28935" spans="1:3" ht="19.2">
      <c r="A28935" s="2"/>
      <c r="B28935" s="2"/>
      <c r="C28935" s="2"/>
    </row>
    <row r="28936" spans="1:3" ht="19.2">
      <c r="A28936" s="2"/>
      <c r="B28936" s="2"/>
      <c r="C28936" s="2"/>
    </row>
    <row r="28937" spans="1:3" ht="19.2">
      <c r="A28937" s="2"/>
      <c r="B28937" s="2"/>
      <c r="C28937" s="2"/>
    </row>
    <row r="28938" spans="1:3" ht="19.2">
      <c r="A28938" s="2"/>
      <c r="B28938" s="2"/>
      <c r="C28938" s="2"/>
    </row>
    <row r="28939" spans="1:3" ht="19.2">
      <c r="A28939" s="2"/>
      <c r="B28939" s="2"/>
      <c r="C28939" s="2"/>
    </row>
    <row r="28940" spans="1:3" ht="19.2">
      <c r="A28940" s="2"/>
      <c r="B28940" s="2"/>
      <c r="C28940" s="2"/>
    </row>
    <row r="28941" spans="1:3" ht="19.2">
      <c r="A28941" s="2"/>
      <c r="B28941" s="2"/>
      <c r="C28941" s="2"/>
    </row>
    <row r="28942" spans="1:3" ht="19.2">
      <c r="A28942" s="2"/>
      <c r="B28942" s="2"/>
      <c r="C28942" s="2"/>
    </row>
    <row r="28943" spans="1:3" ht="19.2">
      <c r="A28943" s="2"/>
      <c r="B28943" s="2"/>
      <c r="C28943" s="2"/>
    </row>
    <row r="28944" spans="1:3" ht="19.2">
      <c r="A28944" s="2"/>
      <c r="B28944" s="2"/>
      <c r="C28944" s="2"/>
    </row>
    <row r="28945" spans="1:3" ht="19.2">
      <c r="A28945" s="2"/>
      <c r="B28945" s="2"/>
      <c r="C28945" s="2"/>
    </row>
    <row r="28946" spans="1:3" ht="19.2">
      <c r="A28946" s="2"/>
      <c r="B28946" s="2"/>
      <c r="C28946" s="2"/>
    </row>
    <row r="28947" spans="1:3" ht="19.2">
      <c r="A28947" s="2"/>
      <c r="B28947" s="2"/>
      <c r="C28947" s="2"/>
    </row>
    <row r="28948" spans="1:3" ht="19.2">
      <c r="A28948" s="2"/>
      <c r="B28948" s="2"/>
      <c r="C28948" s="2"/>
    </row>
    <row r="28949" spans="1:3" ht="19.2">
      <c r="A28949" s="2"/>
      <c r="B28949" s="2"/>
      <c r="C28949" s="2"/>
    </row>
    <row r="28950" spans="1:3" ht="19.2">
      <c r="A28950" s="2"/>
      <c r="B28950" s="2"/>
      <c r="C28950" s="2"/>
    </row>
    <row r="28951" spans="1:3" ht="19.2">
      <c r="A28951" s="2"/>
      <c r="B28951" s="2"/>
      <c r="C28951" s="2"/>
    </row>
    <row r="28952" spans="1:3" ht="19.2">
      <c r="A28952" s="2"/>
      <c r="B28952" s="2"/>
      <c r="C28952" s="2"/>
    </row>
    <row r="28953" spans="1:3" ht="19.2">
      <c r="A28953" s="2"/>
      <c r="B28953" s="2"/>
      <c r="C28953" s="2"/>
    </row>
    <row r="28954" spans="1:3" ht="19.2">
      <c r="A28954" s="2"/>
      <c r="B28954" s="2"/>
      <c r="C28954" s="2"/>
    </row>
    <row r="28955" spans="1:3" ht="19.2">
      <c r="A28955" s="2"/>
      <c r="B28955" s="2"/>
      <c r="C28955" s="2"/>
    </row>
    <row r="28956" spans="1:3" ht="19.2">
      <c r="A28956" s="2"/>
      <c r="B28956" s="2"/>
      <c r="C28956" s="2"/>
    </row>
    <row r="28957" spans="1:3" ht="19.2">
      <c r="A28957" s="2"/>
      <c r="B28957" s="2"/>
      <c r="C28957" s="2"/>
    </row>
    <row r="28958" spans="1:3" ht="19.2">
      <c r="A28958" s="2"/>
      <c r="B28958" s="2"/>
      <c r="C28958" s="2"/>
    </row>
    <row r="28959" spans="1:3" ht="19.2">
      <c r="A28959" s="2"/>
      <c r="B28959" s="2"/>
      <c r="C28959" s="2"/>
    </row>
    <row r="28960" spans="1:3" ht="19.2">
      <c r="A28960" s="2"/>
      <c r="B28960" s="2"/>
      <c r="C28960" s="2"/>
    </row>
    <row r="28961" spans="1:3" ht="19.2">
      <c r="A28961" s="2"/>
      <c r="B28961" s="2"/>
      <c r="C28961" s="2"/>
    </row>
    <row r="28962" spans="1:3" ht="19.2">
      <c r="A28962" s="2"/>
      <c r="B28962" s="2"/>
      <c r="C28962" s="2"/>
    </row>
    <row r="28963" spans="1:3" ht="19.2">
      <c r="A28963" s="2"/>
      <c r="B28963" s="2"/>
      <c r="C28963" s="2"/>
    </row>
    <row r="28964" spans="1:3" ht="19.2">
      <c r="A28964" s="2"/>
      <c r="B28964" s="2"/>
      <c r="C28964" s="2"/>
    </row>
    <row r="28965" spans="1:3" ht="19.2">
      <c r="A28965" s="2"/>
      <c r="B28965" s="2"/>
      <c r="C28965" s="2"/>
    </row>
    <row r="28966" spans="1:3" ht="19.2">
      <c r="A28966" s="2"/>
      <c r="B28966" s="2"/>
      <c r="C28966" s="2"/>
    </row>
    <row r="28967" spans="1:3" ht="19.2">
      <c r="A28967" s="2"/>
      <c r="B28967" s="2"/>
      <c r="C28967" s="2"/>
    </row>
    <row r="28968" spans="1:3" ht="19.2">
      <c r="A28968" s="2"/>
      <c r="B28968" s="2"/>
      <c r="C28968" s="2"/>
    </row>
    <row r="28969" spans="1:3" ht="19.2">
      <c r="A28969" s="2"/>
      <c r="B28969" s="2"/>
      <c r="C28969" s="2"/>
    </row>
    <row r="28970" spans="1:3" ht="19.2">
      <c r="A28970" s="2"/>
      <c r="B28970" s="2"/>
      <c r="C28970" s="2"/>
    </row>
    <row r="28971" spans="1:3" ht="19.2">
      <c r="A28971" s="2"/>
      <c r="B28971" s="2"/>
      <c r="C28971" s="2"/>
    </row>
    <row r="28972" spans="1:3" ht="19.2">
      <c r="A28972" s="2"/>
      <c r="B28972" s="2"/>
      <c r="C28972" s="2"/>
    </row>
    <row r="28973" spans="1:3" ht="19.2">
      <c r="A28973" s="2"/>
      <c r="B28973" s="2"/>
      <c r="C28973" s="2"/>
    </row>
    <row r="28974" spans="1:3" ht="19.2">
      <c r="A28974" s="2"/>
      <c r="B28974" s="2"/>
      <c r="C28974" s="2"/>
    </row>
    <row r="28975" spans="1:3" ht="19.2">
      <c r="A28975" s="2"/>
      <c r="B28975" s="2"/>
      <c r="C28975" s="2"/>
    </row>
    <row r="28976" spans="1:3" ht="19.2">
      <c r="A28976" s="2"/>
      <c r="B28976" s="2"/>
      <c r="C28976" s="2"/>
    </row>
    <row r="28977" spans="1:3" ht="19.2">
      <c r="A28977" s="2"/>
      <c r="B28977" s="2"/>
      <c r="C28977" s="2"/>
    </row>
    <row r="28978" spans="1:3" ht="19.2">
      <c r="A28978" s="2"/>
      <c r="B28978" s="2"/>
      <c r="C28978" s="2"/>
    </row>
    <row r="28979" spans="1:3" ht="19.2">
      <c r="A28979" s="2"/>
      <c r="B28979" s="2"/>
      <c r="C28979" s="2"/>
    </row>
    <row r="28980" spans="1:3" ht="19.2">
      <c r="A28980" s="2"/>
      <c r="B28980" s="2"/>
      <c r="C28980" s="2"/>
    </row>
    <row r="28981" spans="1:3" ht="19.2">
      <c r="A28981" s="2"/>
      <c r="B28981" s="2"/>
      <c r="C28981" s="2"/>
    </row>
    <row r="28982" spans="1:3" ht="19.2">
      <c r="A28982" s="2"/>
      <c r="B28982" s="2"/>
      <c r="C28982" s="2"/>
    </row>
    <row r="28983" spans="1:3" ht="19.2">
      <c r="A28983" s="2"/>
      <c r="B28983" s="2"/>
      <c r="C28983" s="2"/>
    </row>
    <row r="28984" spans="1:3" ht="19.2">
      <c r="A28984" s="2"/>
      <c r="B28984" s="2"/>
      <c r="C28984" s="2"/>
    </row>
    <row r="28985" spans="1:3" ht="19.2">
      <c r="A28985" s="2"/>
      <c r="B28985" s="2"/>
      <c r="C28985" s="2"/>
    </row>
    <row r="28986" spans="1:3" ht="19.2">
      <c r="A28986" s="2"/>
      <c r="B28986" s="2"/>
      <c r="C28986" s="2"/>
    </row>
    <row r="28987" spans="1:3" ht="19.2">
      <c r="A28987" s="2"/>
      <c r="B28987" s="2"/>
      <c r="C28987" s="2"/>
    </row>
    <row r="28988" spans="1:3" ht="19.2">
      <c r="A28988" s="2"/>
      <c r="B28988" s="2"/>
      <c r="C28988" s="2"/>
    </row>
    <row r="28989" spans="1:3" ht="19.2">
      <c r="A28989" s="2"/>
      <c r="B28989" s="2"/>
      <c r="C28989" s="2"/>
    </row>
    <row r="28990" spans="1:3" ht="19.2">
      <c r="A28990" s="2"/>
      <c r="B28990" s="2"/>
      <c r="C28990" s="2"/>
    </row>
    <row r="28991" spans="1:3" ht="19.2">
      <c r="A28991" s="2"/>
      <c r="B28991" s="2"/>
      <c r="C28991" s="2"/>
    </row>
    <row r="28992" spans="1:3" ht="19.2">
      <c r="A28992" s="2"/>
      <c r="B28992" s="2"/>
      <c r="C28992" s="2"/>
    </row>
    <row r="28993" spans="1:3" ht="19.2">
      <c r="A28993" s="2"/>
      <c r="B28993" s="2"/>
      <c r="C28993" s="2"/>
    </row>
    <row r="28994" spans="1:3" ht="19.2">
      <c r="A28994" s="2"/>
      <c r="B28994" s="2"/>
      <c r="C28994" s="2"/>
    </row>
    <row r="28995" spans="1:3" ht="19.2">
      <c r="A28995" s="2"/>
      <c r="B28995" s="2"/>
      <c r="C28995" s="2"/>
    </row>
    <row r="28996" spans="1:3" ht="19.2">
      <c r="A28996" s="2"/>
      <c r="B28996" s="2"/>
      <c r="C28996" s="2"/>
    </row>
    <row r="28997" spans="1:3" ht="19.2">
      <c r="A28997" s="2"/>
      <c r="B28997" s="2"/>
      <c r="C28997" s="2"/>
    </row>
    <row r="28998" spans="1:3" ht="19.2">
      <c r="A28998" s="2"/>
      <c r="B28998" s="2"/>
      <c r="C28998" s="2"/>
    </row>
    <row r="28999" spans="1:3" ht="19.2">
      <c r="A28999" s="2"/>
      <c r="B28999" s="2"/>
      <c r="C28999" s="2"/>
    </row>
    <row r="29000" spans="1:3" ht="19.2">
      <c r="A29000" s="2"/>
      <c r="B29000" s="2"/>
      <c r="C29000" s="2"/>
    </row>
    <row r="29001" spans="1:3" ht="19.2">
      <c r="A29001" s="2"/>
      <c r="B29001" s="2"/>
      <c r="C29001" s="2"/>
    </row>
    <row r="29002" spans="1:3" ht="19.2">
      <c r="A29002" s="2"/>
      <c r="B29002" s="2"/>
      <c r="C29002" s="2"/>
    </row>
    <row r="29003" spans="1:3" ht="19.2">
      <c r="A29003" s="2"/>
      <c r="B29003" s="2"/>
      <c r="C29003" s="2"/>
    </row>
    <row r="29004" spans="1:3" ht="19.2">
      <c r="A29004" s="2"/>
      <c r="B29004" s="2"/>
      <c r="C29004" s="2"/>
    </row>
    <row r="29005" spans="1:3" ht="19.2">
      <c r="A29005" s="2"/>
      <c r="B29005" s="2"/>
      <c r="C29005" s="2"/>
    </row>
    <row r="29006" spans="1:3" ht="19.2">
      <c r="A29006" s="2"/>
      <c r="B29006" s="2"/>
      <c r="C29006" s="2"/>
    </row>
    <row r="29007" spans="1:3" ht="19.2">
      <c r="A29007" s="2"/>
      <c r="B29007" s="2"/>
      <c r="C29007" s="2"/>
    </row>
    <row r="29008" spans="1:3" ht="19.2">
      <c r="A29008" s="2"/>
      <c r="B29008" s="2"/>
      <c r="C29008" s="2"/>
    </row>
    <row r="29009" spans="1:3" ht="19.2">
      <c r="A29009" s="2"/>
      <c r="B29009" s="2"/>
      <c r="C29009" s="2"/>
    </row>
    <row r="29010" spans="1:3" ht="19.2">
      <c r="A29010" s="2"/>
      <c r="B29010" s="2"/>
      <c r="C29010" s="2"/>
    </row>
    <row r="29011" spans="1:3" ht="19.2">
      <c r="A29011" s="2"/>
      <c r="B29011" s="2"/>
      <c r="C29011" s="2"/>
    </row>
    <row r="29012" spans="1:3" ht="19.2">
      <c r="A29012" s="2"/>
      <c r="B29012" s="2"/>
      <c r="C29012" s="2"/>
    </row>
    <row r="29013" spans="1:3" ht="19.2">
      <c r="A29013" s="2"/>
      <c r="B29013" s="2"/>
      <c r="C29013" s="2"/>
    </row>
    <row r="29014" spans="1:3" ht="19.2">
      <c r="A29014" s="2"/>
      <c r="B29014" s="2"/>
      <c r="C29014" s="2"/>
    </row>
    <row r="29015" spans="1:3" ht="19.2">
      <c r="A29015" s="2"/>
      <c r="B29015" s="2"/>
      <c r="C29015" s="2"/>
    </row>
    <row r="29016" spans="1:3" ht="19.2">
      <c r="A29016" s="2"/>
      <c r="B29016" s="2"/>
      <c r="C29016" s="2"/>
    </row>
    <row r="29017" spans="1:3" ht="19.2">
      <c r="A29017" s="2"/>
      <c r="B29017" s="2"/>
      <c r="C29017" s="2"/>
    </row>
    <row r="29018" spans="1:3" ht="19.2">
      <c r="A29018" s="2"/>
      <c r="B29018" s="2"/>
      <c r="C29018" s="2"/>
    </row>
    <row r="29019" spans="1:3" ht="19.2">
      <c r="A29019" s="2"/>
      <c r="B29019" s="2"/>
      <c r="C29019" s="2"/>
    </row>
    <row r="29020" spans="1:3" ht="19.2">
      <c r="A29020" s="2"/>
      <c r="B29020" s="2"/>
      <c r="C29020" s="2"/>
    </row>
    <row r="29021" spans="1:3" ht="19.2">
      <c r="A29021" s="2"/>
      <c r="B29021" s="2"/>
      <c r="C29021" s="2"/>
    </row>
    <row r="29022" spans="1:3" ht="19.2">
      <c r="A29022" s="2"/>
      <c r="B29022" s="2"/>
      <c r="C29022" s="2"/>
    </row>
    <row r="29023" spans="1:3" ht="19.2">
      <c r="A29023" s="2"/>
      <c r="B29023" s="2"/>
      <c r="C29023" s="2"/>
    </row>
    <row r="29024" spans="1:3" ht="19.2">
      <c r="A29024" s="2"/>
      <c r="B29024" s="2"/>
      <c r="C29024" s="2"/>
    </row>
    <row r="29025" spans="1:3" ht="19.2">
      <c r="A29025" s="2"/>
      <c r="B29025" s="2"/>
      <c r="C29025" s="2"/>
    </row>
    <row r="29026" spans="1:3" ht="19.2">
      <c r="A29026" s="2"/>
      <c r="B29026" s="2"/>
      <c r="C29026" s="2"/>
    </row>
    <row r="29027" spans="1:3" ht="19.2">
      <c r="A29027" s="2"/>
      <c r="B29027" s="2"/>
      <c r="C29027" s="2"/>
    </row>
    <row r="29028" spans="1:3" ht="19.2">
      <c r="A29028" s="2"/>
      <c r="B29028" s="2"/>
      <c r="C29028" s="2"/>
    </row>
    <row r="29029" spans="1:3" ht="19.2">
      <c r="A29029" s="2"/>
      <c r="B29029" s="2"/>
      <c r="C29029" s="2"/>
    </row>
    <row r="29030" spans="1:3" ht="19.2">
      <c r="A29030" s="2"/>
      <c r="B29030" s="2"/>
      <c r="C29030" s="2"/>
    </row>
    <row r="29031" spans="1:3" ht="19.2">
      <c r="A29031" s="2"/>
      <c r="B29031" s="2"/>
      <c r="C29031" s="2"/>
    </row>
    <row r="29032" spans="1:3" ht="19.2">
      <c r="A29032" s="2"/>
      <c r="B29032" s="2"/>
      <c r="C29032" s="2"/>
    </row>
    <row r="29033" spans="1:3" ht="19.2">
      <c r="A29033" s="2"/>
      <c r="B29033" s="2"/>
      <c r="C29033" s="2"/>
    </row>
    <row r="29034" spans="1:3" ht="19.2">
      <c r="A29034" s="2"/>
      <c r="B29034" s="2"/>
      <c r="C29034" s="2"/>
    </row>
    <row r="29035" spans="1:3" ht="19.2">
      <c r="A29035" s="2"/>
      <c r="B29035" s="2"/>
      <c r="C29035" s="2"/>
    </row>
    <row r="29036" spans="1:3" ht="19.2">
      <c r="A29036" s="2"/>
      <c r="B29036" s="2"/>
      <c r="C29036" s="2"/>
    </row>
    <row r="29037" spans="1:3" ht="19.2">
      <c r="A29037" s="2"/>
      <c r="B29037" s="2"/>
      <c r="C29037" s="2"/>
    </row>
    <row r="29038" spans="1:3" ht="19.2">
      <c r="A29038" s="2"/>
      <c r="B29038" s="2"/>
      <c r="C29038" s="2"/>
    </row>
    <row r="29039" spans="1:3" ht="19.2">
      <c r="A29039" s="2"/>
      <c r="B29039" s="2"/>
      <c r="C29039" s="2"/>
    </row>
    <row r="29040" spans="1:3" ht="19.2">
      <c r="A29040" s="2"/>
      <c r="B29040" s="2"/>
      <c r="C29040" s="2"/>
    </row>
    <row r="29041" spans="1:3" ht="19.2">
      <c r="A29041" s="2"/>
      <c r="B29041" s="2"/>
      <c r="C29041" s="2"/>
    </row>
    <row r="29042" spans="1:3" ht="19.2">
      <c r="A29042" s="2"/>
      <c r="B29042" s="2"/>
      <c r="C29042" s="2"/>
    </row>
    <row r="29043" spans="1:3" ht="19.2">
      <c r="A29043" s="2"/>
      <c r="B29043" s="2"/>
      <c r="C29043" s="2"/>
    </row>
    <row r="29044" spans="1:3" ht="19.2">
      <c r="A29044" s="2"/>
      <c r="B29044" s="2"/>
      <c r="C29044" s="2"/>
    </row>
    <row r="29045" spans="1:3" ht="19.2">
      <c r="A29045" s="2"/>
      <c r="B29045" s="2"/>
      <c r="C29045" s="2"/>
    </row>
    <row r="29046" spans="1:3" ht="19.2">
      <c r="A29046" s="2"/>
      <c r="B29046" s="2"/>
      <c r="C29046" s="2"/>
    </row>
    <row r="29047" spans="1:3" ht="19.2">
      <c r="A29047" s="2"/>
      <c r="B29047" s="2"/>
      <c r="C29047" s="2"/>
    </row>
    <row r="29048" spans="1:3" ht="19.2">
      <c r="A29048" s="2"/>
      <c r="B29048" s="2"/>
      <c r="C29048" s="2"/>
    </row>
    <row r="29049" spans="1:3" ht="19.2">
      <c r="A29049" s="2"/>
      <c r="B29049" s="2"/>
      <c r="C29049" s="2"/>
    </row>
    <row r="29050" spans="1:3" ht="19.2">
      <c r="A29050" s="2"/>
      <c r="B29050" s="2"/>
      <c r="C29050" s="2"/>
    </row>
    <row r="29051" spans="1:3" ht="19.2">
      <c r="A29051" s="2"/>
      <c r="B29051" s="2"/>
      <c r="C29051" s="2"/>
    </row>
    <row r="29052" spans="1:3" ht="19.2">
      <c r="A29052" s="2"/>
      <c r="B29052" s="2"/>
      <c r="C29052" s="2"/>
    </row>
    <row r="29053" spans="1:3" ht="19.2">
      <c r="A29053" s="2"/>
      <c r="B29053" s="2"/>
      <c r="C29053" s="2"/>
    </row>
    <row r="29054" spans="1:3" ht="19.2">
      <c r="A29054" s="2"/>
      <c r="B29054" s="2"/>
      <c r="C29054" s="2"/>
    </row>
    <row r="29055" spans="1:3" ht="19.2">
      <c r="A29055" s="2"/>
      <c r="B29055" s="2"/>
      <c r="C29055" s="2"/>
    </row>
    <row r="29056" spans="1:3" ht="19.2">
      <c r="A29056" s="2"/>
      <c r="B29056" s="2"/>
      <c r="C29056" s="2"/>
    </row>
    <row r="29057" spans="1:3" ht="19.2">
      <c r="A29057" s="2"/>
      <c r="B29057" s="2"/>
      <c r="C29057" s="2"/>
    </row>
    <row r="29058" spans="1:3" ht="19.2">
      <c r="A29058" s="2"/>
      <c r="B29058" s="2"/>
      <c r="C29058" s="2"/>
    </row>
    <row r="29059" spans="1:3" ht="19.2">
      <c r="A29059" s="2"/>
      <c r="B29059" s="2"/>
      <c r="C29059" s="2"/>
    </row>
    <row r="29060" spans="1:3" ht="19.2">
      <c r="A29060" s="2"/>
      <c r="B29060" s="2"/>
      <c r="C29060" s="2"/>
    </row>
    <row r="29061" spans="1:3" ht="19.2">
      <c r="A29061" s="2"/>
      <c r="B29061" s="2"/>
      <c r="C29061" s="2"/>
    </row>
    <row r="29062" spans="1:3" ht="19.2">
      <c r="A29062" s="2"/>
      <c r="B29062" s="2"/>
      <c r="C29062" s="2"/>
    </row>
    <row r="29063" spans="1:3" ht="19.2">
      <c r="A29063" s="2"/>
      <c r="B29063" s="2"/>
      <c r="C29063" s="2"/>
    </row>
    <row r="29064" spans="1:3" ht="19.2">
      <c r="A29064" s="2"/>
      <c r="B29064" s="2"/>
      <c r="C29064" s="2"/>
    </row>
    <row r="29065" spans="1:3" ht="19.2">
      <c r="A29065" s="2"/>
      <c r="B29065" s="2"/>
      <c r="C29065" s="2"/>
    </row>
    <row r="29066" spans="1:3" ht="19.2">
      <c r="A29066" s="2"/>
      <c r="B29066" s="2"/>
      <c r="C29066" s="2"/>
    </row>
    <row r="29067" spans="1:3" ht="19.2">
      <c r="A29067" s="2"/>
      <c r="B29067" s="2"/>
      <c r="C29067" s="2"/>
    </row>
    <row r="29068" spans="1:3" ht="19.2">
      <c r="A29068" s="2"/>
      <c r="B29068" s="2"/>
      <c r="C29068" s="2"/>
    </row>
    <row r="29069" spans="1:3" ht="19.2">
      <c r="A29069" s="2"/>
      <c r="B29069" s="2"/>
      <c r="C29069" s="2"/>
    </row>
    <row r="29070" spans="1:3" ht="19.2">
      <c r="A29070" s="2"/>
      <c r="B29070" s="2"/>
      <c r="C29070" s="2"/>
    </row>
    <row r="29071" spans="1:3" ht="19.2">
      <c r="A29071" s="2"/>
      <c r="B29071" s="2"/>
      <c r="C29071" s="2"/>
    </row>
    <row r="29072" spans="1:3" ht="19.2">
      <c r="A29072" s="2"/>
      <c r="B29072" s="2"/>
      <c r="C29072" s="2"/>
    </row>
    <row r="29073" spans="1:3" ht="19.2">
      <c r="A29073" s="2"/>
      <c r="B29073" s="2"/>
      <c r="C29073" s="2"/>
    </row>
    <row r="29074" spans="1:3" ht="19.2">
      <c r="A29074" s="2"/>
      <c r="B29074" s="2"/>
      <c r="C29074" s="2"/>
    </row>
    <row r="29075" spans="1:3" ht="19.2">
      <c r="A29075" s="2"/>
      <c r="B29075" s="2"/>
      <c r="C29075" s="2"/>
    </row>
    <row r="29076" spans="1:3" ht="19.2">
      <c r="A29076" s="2"/>
      <c r="B29076" s="2"/>
      <c r="C29076" s="2"/>
    </row>
    <row r="29077" spans="1:3" ht="19.2">
      <c r="A29077" s="2"/>
      <c r="B29077" s="2"/>
      <c r="C29077" s="2"/>
    </row>
    <row r="29078" spans="1:3" ht="19.2">
      <c r="A29078" s="2"/>
      <c r="B29078" s="2"/>
      <c r="C29078" s="2"/>
    </row>
    <row r="29079" spans="1:3" ht="19.2">
      <c r="A29079" s="2"/>
      <c r="B29079" s="2"/>
      <c r="C29079" s="2"/>
    </row>
    <row r="29080" spans="1:3" ht="19.2">
      <c r="A29080" s="2"/>
      <c r="B29080" s="2"/>
      <c r="C29080" s="2"/>
    </row>
    <row r="29081" spans="1:3" ht="19.2">
      <c r="A29081" s="2"/>
      <c r="B29081" s="2"/>
      <c r="C29081" s="2"/>
    </row>
    <row r="29082" spans="1:3" ht="19.2">
      <c r="A29082" s="2"/>
      <c r="B29082" s="2"/>
      <c r="C29082" s="2"/>
    </row>
    <row r="29083" spans="1:3" ht="19.2">
      <c r="A29083" s="2"/>
      <c r="B29083" s="2"/>
      <c r="C29083" s="2"/>
    </row>
    <row r="29084" spans="1:3" ht="19.2">
      <c r="A29084" s="2"/>
      <c r="B29084" s="2"/>
      <c r="C29084" s="2"/>
    </row>
    <row r="29085" spans="1:3" ht="19.2">
      <c r="A29085" s="2"/>
      <c r="B29085" s="2"/>
      <c r="C29085" s="2"/>
    </row>
    <row r="29086" spans="1:3" ht="19.2">
      <c r="A29086" s="2"/>
      <c r="B29086" s="2"/>
      <c r="C29086" s="2"/>
    </row>
    <row r="29087" spans="1:3" ht="19.2">
      <c r="A29087" s="2"/>
      <c r="B29087" s="2"/>
      <c r="C29087" s="2"/>
    </row>
    <row r="29088" spans="1:3" ht="19.2">
      <c r="A29088" s="2"/>
      <c r="B29088" s="2"/>
      <c r="C29088" s="2"/>
    </row>
    <row r="29089" spans="1:3" ht="19.2">
      <c r="A29089" s="2"/>
      <c r="B29089" s="2"/>
      <c r="C29089" s="2"/>
    </row>
    <row r="29090" spans="1:3" ht="19.2">
      <c r="A29090" s="2"/>
      <c r="B29090" s="2"/>
      <c r="C29090" s="2"/>
    </row>
    <row r="29091" spans="1:3" ht="19.2">
      <c r="A29091" s="2"/>
      <c r="B29091" s="2"/>
      <c r="C29091" s="2"/>
    </row>
    <row r="29092" spans="1:3" ht="19.2">
      <c r="A29092" s="2"/>
      <c r="B29092" s="2"/>
      <c r="C29092" s="2"/>
    </row>
    <row r="29093" spans="1:3" ht="19.2">
      <c r="A29093" s="2"/>
      <c r="B29093" s="2"/>
      <c r="C29093" s="2"/>
    </row>
    <row r="29094" spans="1:3" ht="19.2">
      <c r="A29094" s="2"/>
      <c r="B29094" s="2"/>
      <c r="C29094" s="2"/>
    </row>
    <row r="29095" spans="1:3" ht="19.2">
      <c r="A29095" s="2"/>
      <c r="B29095" s="2"/>
      <c r="C29095" s="2"/>
    </row>
    <row r="29096" spans="1:3" ht="19.2">
      <c r="A29096" s="2"/>
      <c r="B29096" s="2"/>
      <c r="C29096" s="2"/>
    </row>
    <row r="29097" spans="1:3" ht="19.2">
      <c r="A29097" s="2"/>
      <c r="B29097" s="2"/>
      <c r="C29097" s="2"/>
    </row>
    <row r="29098" spans="1:3" ht="19.2">
      <c r="A29098" s="2"/>
      <c r="B29098" s="2"/>
      <c r="C29098" s="2"/>
    </row>
    <row r="29099" spans="1:3" ht="19.2">
      <c r="A29099" s="2"/>
      <c r="B29099" s="2"/>
      <c r="C29099" s="2"/>
    </row>
    <row r="29100" spans="1:3" ht="19.2">
      <c r="A29100" s="2"/>
      <c r="B29100" s="2"/>
      <c r="C29100" s="2"/>
    </row>
    <row r="29101" spans="1:3" ht="19.2">
      <c r="A29101" s="2"/>
      <c r="B29101" s="2"/>
      <c r="C29101" s="2"/>
    </row>
    <row r="29102" spans="1:3" ht="19.2">
      <c r="A29102" s="2"/>
      <c r="B29102" s="2"/>
      <c r="C29102" s="2"/>
    </row>
    <row r="29103" spans="1:3" ht="19.2">
      <c r="A29103" s="2"/>
      <c r="B29103" s="2"/>
      <c r="C29103" s="2"/>
    </row>
    <row r="29104" spans="1:3" ht="19.2">
      <c r="A29104" s="2"/>
      <c r="B29104" s="2"/>
      <c r="C29104" s="2"/>
    </row>
    <row r="29105" spans="1:3" ht="19.2">
      <c r="A29105" s="2"/>
      <c r="B29105" s="2"/>
      <c r="C29105" s="2"/>
    </row>
    <row r="29106" spans="1:3" ht="19.2">
      <c r="A29106" s="2"/>
      <c r="B29106" s="2"/>
      <c r="C29106" s="2"/>
    </row>
    <row r="29107" spans="1:3" ht="19.2">
      <c r="A29107" s="2"/>
      <c r="B29107" s="2"/>
      <c r="C29107" s="2"/>
    </row>
    <row r="29108" spans="1:3" ht="19.2">
      <c r="A29108" s="2"/>
      <c r="B29108" s="2"/>
      <c r="C29108" s="2"/>
    </row>
    <row r="29109" spans="1:3" ht="19.2">
      <c r="A29109" s="2"/>
      <c r="B29109" s="2"/>
      <c r="C29109" s="2"/>
    </row>
    <row r="29110" spans="1:3" ht="19.2">
      <c r="A29110" s="2"/>
      <c r="B29110" s="2"/>
      <c r="C29110" s="2"/>
    </row>
    <row r="29111" spans="1:3" ht="19.2">
      <c r="A29111" s="2"/>
      <c r="B29111" s="2"/>
      <c r="C29111" s="2"/>
    </row>
    <row r="29112" spans="1:3" ht="19.2">
      <c r="A29112" s="2"/>
      <c r="B29112" s="2"/>
      <c r="C29112" s="2"/>
    </row>
    <row r="29113" spans="1:3" ht="19.2">
      <c r="A29113" s="2"/>
      <c r="B29113" s="2"/>
      <c r="C29113" s="2"/>
    </row>
    <row r="29114" spans="1:3" ht="19.2">
      <c r="A29114" s="2"/>
      <c r="B29114" s="2"/>
      <c r="C29114" s="2"/>
    </row>
    <row r="29115" spans="1:3" ht="19.2">
      <c r="A29115" s="2"/>
      <c r="B29115" s="2"/>
      <c r="C29115" s="2"/>
    </row>
    <row r="29116" spans="1:3" ht="19.2">
      <c r="A29116" s="2"/>
      <c r="B29116" s="2"/>
      <c r="C29116" s="2"/>
    </row>
    <row r="29117" spans="1:3" ht="19.2">
      <c r="A29117" s="2"/>
      <c r="B29117" s="2"/>
      <c r="C29117" s="2"/>
    </row>
    <row r="29118" spans="1:3" ht="19.2">
      <c r="A29118" s="2"/>
      <c r="B29118" s="2"/>
      <c r="C29118" s="2"/>
    </row>
    <row r="29119" spans="1:3" ht="19.2">
      <c r="A29119" s="2"/>
      <c r="B29119" s="2"/>
      <c r="C29119" s="2"/>
    </row>
    <row r="29120" spans="1:3" ht="19.2">
      <c r="A29120" s="2"/>
      <c r="B29120" s="2"/>
      <c r="C29120" s="2"/>
    </row>
    <row r="29121" spans="1:3" ht="19.2">
      <c r="A29121" s="2"/>
      <c r="B29121" s="2"/>
      <c r="C29121" s="2"/>
    </row>
    <row r="29122" spans="1:3" ht="19.2">
      <c r="A29122" s="2"/>
      <c r="B29122" s="2"/>
      <c r="C29122" s="2"/>
    </row>
    <row r="29123" spans="1:3" ht="19.2">
      <c r="A29123" s="2"/>
      <c r="B29123" s="2"/>
      <c r="C29123" s="2"/>
    </row>
    <row r="29124" spans="1:3" ht="19.2">
      <c r="A29124" s="2"/>
      <c r="B29124" s="2"/>
      <c r="C29124" s="2"/>
    </row>
    <row r="29125" spans="1:3" ht="19.2">
      <c r="A29125" s="2"/>
      <c r="B29125" s="2"/>
      <c r="C29125" s="2"/>
    </row>
    <row r="29126" spans="1:3" ht="19.2">
      <c r="A29126" s="2"/>
      <c r="B29126" s="2"/>
      <c r="C29126" s="2"/>
    </row>
    <row r="29127" spans="1:3" ht="19.2">
      <c r="A29127" s="2"/>
      <c r="B29127" s="2"/>
      <c r="C29127" s="2"/>
    </row>
    <row r="29128" spans="1:3" ht="19.2">
      <c r="A29128" s="2"/>
      <c r="B29128" s="2"/>
      <c r="C29128" s="2"/>
    </row>
    <row r="29129" spans="1:3" ht="19.2">
      <c r="A29129" s="2"/>
      <c r="B29129" s="2"/>
      <c r="C29129" s="2"/>
    </row>
    <row r="29130" spans="1:3" ht="19.2">
      <c r="A29130" s="2"/>
      <c r="B29130" s="2"/>
      <c r="C29130" s="2"/>
    </row>
    <row r="29131" spans="1:3" ht="19.2">
      <c r="A29131" s="2"/>
      <c r="B29131" s="2"/>
      <c r="C29131" s="2"/>
    </row>
    <row r="29132" spans="1:3" ht="19.2">
      <c r="A29132" s="2"/>
      <c r="B29132" s="2"/>
      <c r="C29132" s="2"/>
    </row>
    <row r="29133" spans="1:3" ht="19.2">
      <c r="A29133" s="2"/>
      <c r="B29133" s="2"/>
      <c r="C29133" s="2"/>
    </row>
    <row r="29134" spans="1:3" ht="19.2">
      <c r="A29134" s="2"/>
      <c r="B29134" s="2"/>
      <c r="C29134" s="2"/>
    </row>
    <row r="29135" spans="1:3" ht="19.2">
      <c r="A29135" s="2"/>
      <c r="B29135" s="2"/>
      <c r="C29135" s="2"/>
    </row>
    <row r="29136" spans="1:3" ht="19.2">
      <c r="A29136" s="2"/>
      <c r="B29136" s="2"/>
      <c r="C29136" s="2"/>
    </row>
    <row r="29137" spans="1:3" ht="19.2">
      <c r="A29137" s="2"/>
      <c r="B29137" s="2"/>
      <c r="C29137" s="2"/>
    </row>
    <row r="29138" spans="1:3" ht="19.2">
      <c r="A29138" s="2"/>
      <c r="B29138" s="2"/>
      <c r="C29138" s="2"/>
    </row>
    <row r="29139" spans="1:3" ht="19.2">
      <c r="A29139" s="2"/>
      <c r="B29139" s="2"/>
      <c r="C29139" s="2"/>
    </row>
    <row r="29140" spans="1:3" ht="19.2">
      <c r="A29140" s="2"/>
      <c r="B29140" s="2"/>
      <c r="C29140" s="2"/>
    </row>
    <row r="29141" spans="1:3" ht="19.2">
      <c r="A29141" s="2"/>
      <c r="B29141" s="2"/>
      <c r="C29141" s="2"/>
    </row>
    <row r="29142" spans="1:3" ht="19.2">
      <c r="A29142" s="2"/>
      <c r="B29142" s="2"/>
      <c r="C29142" s="2"/>
    </row>
    <row r="29143" spans="1:3" ht="19.2">
      <c r="A29143" s="2"/>
      <c r="B29143" s="2"/>
      <c r="C29143" s="2"/>
    </row>
    <row r="29144" spans="1:3" ht="19.2">
      <c r="A29144" s="2"/>
      <c r="B29144" s="2"/>
      <c r="C29144" s="2"/>
    </row>
    <row r="29145" spans="1:3" ht="19.2">
      <c r="A29145" s="2"/>
      <c r="B29145" s="2"/>
      <c r="C29145" s="2"/>
    </row>
    <row r="29146" spans="1:3" ht="19.2">
      <c r="A29146" s="2"/>
      <c r="B29146" s="2"/>
      <c r="C29146" s="2"/>
    </row>
    <row r="29147" spans="1:3" ht="19.2">
      <c r="A29147" s="2"/>
      <c r="B29147" s="2"/>
      <c r="C29147" s="2"/>
    </row>
    <row r="29148" spans="1:3" ht="19.2">
      <c r="A29148" s="2"/>
      <c r="B29148" s="2"/>
      <c r="C29148" s="2"/>
    </row>
    <row r="29149" spans="1:3" ht="19.2">
      <c r="A29149" s="2"/>
      <c r="B29149" s="2"/>
      <c r="C29149" s="2"/>
    </row>
    <row r="29150" spans="1:3" ht="19.2">
      <c r="A29150" s="2"/>
      <c r="B29150" s="2"/>
      <c r="C29150" s="2"/>
    </row>
    <row r="29151" spans="1:3" ht="19.2">
      <c r="A29151" s="2"/>
      <c r="B29151" s="2"/>
      <c r="C29151" s="2"/>
    </row>
    <row r="29152" spans="1:3" ht="19.2">
      <c r="A29152" s="2"/>
      <c r="B29152" s="2"/>
      <c r="C29152" s="2"/>
    </row>
    <row r="29153" spans="1:3" ht="19.2">
      <c r="A29153" s="2"/>
      <c r="B29153" s="2"/>
      <c r="C29153" s="2"/>
    </row>
    <row r="29154" spans="1:3" ht="19.2">
      <c r="A29154" s="2"/>
      <c r="B29154" s="2"/>
      <c r="C29154" s="2"/>
    </row>
    <row r="29155" spans="1:3" ht="19.2">
      <c r="A29155" s="2"/>
      <c r="B29155" s="2"/>
      <c r="C29155" s="2"/>
    </row>
    <row r="29156" spans="1:3" ht="19.2">
      <c r="A29156" s="2"/>
      <c r="B29156" s="2"/>
      <c r="C29156" s="2"/>
    </row>
    <row r="29157" spans="1:3" ht="19.2">
      <c r="A29157" s="2"/>
      <c r="B29157" s="2"/>
      <c r="C29157" s="2"/>
    </row>
    <row r="29158" spans="1:3" ht="19.2">
      <c r="A29158" s="2"/>
      <c r="B29158" s="2"/>
      <c r="C29158" s="2"/>
    </row>
    <row r="29159" spans="1:3" ht="19.2">
      <c r="A29159" s="2"/>
      <c r="B29159" s="2"/>
      <c r="C29159" s="2"/>
    </row>
    <row r="29160" spans="1:3" ht="19.2">
      <c r="A29160" s="2"/>
      <c r="B29160" s="2"/>
      <c r="C29160" s="2"/>
    </row>
    <row r="29161" spans="1:3" ht="19.2">
      <c r="A29161" s="2"/>
      <c r="B29161" s="2"/>
      <c r="C29161" s="2"/>
    </row>
    <row r="29162" spans="1:3" ht="19.2">
      <c r="A29162" s="2"/>
      <c r="B29162" s="2"/>
      <c r="C29162" s="2"/>
    </row>
    <row r="29163" spans="1:3" ht="19.2">
      <c r="A29163" s="2"/>
      <c r="B29163" s="2"/>
      <c r="C29163" s="2"/>
    </row>
    <row r="29164" spans="1:3" ht="19.2">
      <c r="A29164" s="2"/>
      <c r="B29164" s="2"/>
      <c r="C29164" s="2"/>
    </row>
    <row r="29165" spans="1:3" ht="19.2">
      <c r="A29165" s="2"/>
      <c r="B29165" s="2"/>
      <c r="C29165" s="2"/>
    </row>
    <row r="29166" spans="1:3" ht="19.2">
      <c r="A29166" s="2"/>
      <c r="B29166" s="2"/>
      <c r="C29166" s="2"/>
    </row>
    <row r="29167" spans="1:3" ht="19.2">
      <c r="A29167" s="2"/>
      <c r="B29167" s="2"/>
      <c r="C29167" s="2"/>
    </row>
    <row r="29168" spans="1:3" ht="19.2">
      <c r="A29168" s="2"/>
      <c r="B29168" s="2"/>
      <c r="C29168" s="2"/>
    </row>
    <row r="29169" spans="1:3" ht="19.2">
      <c r="A29169" s="2"/>
      <c r="B29169" s="2"/>
      <c r="C29169" s="2"/>
    </row>
    <row r="29170" spans="1:3" ht="19.2">
      <c r="A29170" s="2"/>
      <c r="B29170" s="2"/>
      <c r="C29170" s="2"/>
    </row>
    <row r="29171" spans="1:3" ht="19.2">
      <c r="A29171" s="2"/>
      <c r="B29171" s="2"/>
      <c r="C29171" s="2"/>
    </row>
    <row r="29172" spans="1:3" ht="19.2">
      <c r="A29172" s="2"/>
      <c r="B29172" s="2"/>
      <c r="C29172" s="2"/>
    </row>
    <row r="29173" spans="1:3" ht="19.2">
      <c r="A29173" s="2"/>
      <c r="B29173" s="2"/>
      <c r="C29173" s="2"/>
    </row>
    <row r="29174" spans="1:3" ht="19.2">
      <c r="A29174" s="2"/>
      <c r="B29174" s="2"/>
      <c r="C29174" s="2"/>
    </row>
    <row r="29175" spans="1:3" ht="19.2">
      <c r="A29175" s="2"/>
      <c r="B29175" s="2"/>
      <c r="C29175" s="2"/>
    </row>
    <row r="29176" spans="1:3" ht="19.2">
      <c r="A29176" s="2"/>
      <c r="B29176" s="2"/>
      <c r="C29176" s="2"/>
    </row>
    <row r="29177" spans="1:3" ht="19.2">
      <c r="A29177" s="2"/>
      <c r="B29177" s="2"/>
      <c r="C29177" s="2"/>
    </row>
    <row r="29178" spans="1:3" ht="19.2">
      <c r="A29178" s="2"/>
      <c r="B29178" s="2"/>
      <c r="C29178" s="2"/>
    </row>
    <row r="29179" spans="1:3" ht="19.2">
      <c r="A29179" s="2"/>
      <c r="B29179" s="2"/>
      <c r="C29179" s="2"/>
    </row>
    <row r="29180" spans="1:3" ht="19.2">
      <c r="A29180" s="2"/>
      <c r="B29180" s="2"/>
      <c r="C29180" s="2"/>
    </row>
    <row r="29181" spans="1:3" ht="19.2">
      <c r="A29181" s="2"/>
      <c r="B29181" s="2"/>
      <c r="C29181" s="2"/>
    </row>
    <row r="29182" spans="1:3" ht="19.2">
      <c r="A29182" s="2"/>
      <c r="B29182" s="2"/>
      <c r="C29182" s="2"/>
    </row>
    <row r="29183" spans="1:3" ht="19.2">
      <c r="A29183" s="2"/>
      <c r="B29183" s="2"/>
      <c r="C29183" s="2"/>
    </row>
    <row r="29184" spans="1:3" ht="19.2">
      <c r="A29184" s="2"/>
      <c r="B29184" s="2"/>
      <c r="C29184" s="2"/>
    </row>
    <row r="29185" spans="1:3" ht="19.2">
      <c r="A29185" s="2"/>
      <c r="B29185" s="2"/>
      <c r="C29185" s="2"/>
    </row>
    <row r="29186" spans="1:3" ht="19.2">
      <c r="A29186" s="2"/>
      <c r="B29186" s="2"/>
      <c r="C29186" s="2"/>
    </row>
    <row r="29187" spans="1:3" ht="19.2">
      <c r="A29187" s="2"/>
      <c r="B29187" s="2"/>
      <c r="C29187" s="2"/>
    </row>
    <row r="29188" spans="1:3" ht="19.2">
      <c r="A29188" s="2"/>
      <c r="B29188" s="2"/>
      <c r="C29188" s="2"/>
    </row>
    <row r="29189" spans="1:3" ht="19.2">
      <c r="A29189" s="2"/>
      <c r="B29189" s="2"/>
      <c r="C29189" s="2"/>
    </row>
    <row r="29190" spans="1:3" ht="19.2">
      <c r="A29190" s="2"/>
      <c r="B29190" s="2"/>
      <c r="C29190" s="2"/>
    </row>
    <row r="29191" spans="1:3" ht="19.2">
      <c r="A29191" s="2"/>
      <c r="B29191" s="2"/>
      <c r="C29191" s="2"/>
    </row>
    <row r="29192" spans="1:3" ht="19.2">
      <c r="A29192" s="2"/>
      <c r="B29192" s="2"/>
      <c r="C29192" s="2"/>
    </row>
    <row r="29193" spans="1:3" ht="19.2">
      <c r="A29193" s="2"/>
      <c r="B29193" s="2"/>
      <c r="C29193" s="2"/>
    </row>
    <row r="29194" spans="1:3" ht="19.2">
      <c r="A29194" s="2"/>
      <c r="B29194" s="2"/>
      <c r="C29194" s="2"/>
    </row>
    <row r="29195" spans="1:3" ht="19.2">
      <c r="A29195" s="2"/>
      <c r="B29195" s="2"/>
      <c r="C29195" s="2"/>
    </row>
    <row r="29196" spans="1:3" ht="19.2">
      <c r="A29196" s="2"/>
      <c r="B29196" s="2"/>
      <c r="C29196" s="2"/>
    </row>
    <row r="29197" spans="1:3" ht="19.2">
      <c r="A29197" s="2"/>
      <c r="B29197" s="2"/>
      <c r="C29197" s="2"/>
    </row>
    <row r="29198" spans="1:3" ht="19.2">
      <c r="A29198" s="2"/>
      <c r="B29198" s="2"/>
      <c r="C29198" s="2"/>
    </row>
    <row r="29199" spans="1:3" ht="19.2">
      <c r="A29199" s="2"/>
      <c r="B29199" s="2"/>
      <c r="C29199" s="2"/>
    </row>
    <row r="29200" spans="1:3" ht="19.2">
      <c r="A29200" s="2"/>
      <c r="B29200" s="2"/>
      <c r="C29200" s="2"/>
    </row>
    <row r="29201" spans="1:3" ht="19.2">
      <c r="A29201" s="2"/>
      <c r="B29201" s="2"/>
      <c r="C29201" s="2"/>
    </row>
    <row r="29202" spans="1:3" ht="19.2">
      <c r="A29202" s="2"/>
      <c r="B29202" s="2"/>
      <c r="C29202" s="2"/>
    </row>
    <row r="29203" spans="1:3" ht="19.2">
      <c r="A29203" s="2"/>
      <c r="B29203" s="2"/>
      <c r="C29203" s="2"/>
    </row>
    <row r="29204" spans="1:3" ht="19.2">
      <c r="A29204" s="2"/>
      <c r="B29204" s="2"/>
      <c r="C29204" s="2"/>
    </row>
    <row r="29205" spans="1:3" ht="19.2">
      <c r="A29205" s="2"/>
      <c r="B29205" s="2"/>
      <c r="C29205" s="2"/>
    </row>
    <row r="29206" spans="1:3" ht="19.2">
      <c r="A29206" s="2"/>
      <c r="B29206" s="2"/>
      <c r="C29206" s="2"/>
    </row>
    <row r="29207" spans="1:3" ht="19.2">
      <c r="A29207" s="2"/>
      <c r="B29207" s="2"/>
      <c r="C29207" s="2"/>
    </row>
    <row r="29208" spans="1:3" ht="19.2">
      <c r="A29208" s="2"/>
      <c r="B29208" s="2"/>
      <c r="C29208" s="2"/>
    </row>
    <row r="29209" spans="1:3" ht="19.2">
      <c r="A29209" s="2"/>
      <c r="B29209" s="2"/>
      <c r="C29209" s="2"/>
    </row>
    <row r="29210" spans="1:3" ht="19.2">
      <c r="A29210" s="2"/>
      <c r="B29210" s="2"/>
      <c r="C29210" s="2"/>
    </row>
    <row r="29211" spans="1:3" ht="19.2">
      <c r="A29211" s="2"/>
      <c r="B29211" s="2"/>
      <c r="C29211" s="2"/>
    </row>
    <row r="29212" spans="1:3" ht="19.2">
      <c r="A29212" s="2"/>
      <c r="B29212" s="2"/>
      <c r="C29212" s="2"/>
    </row>
    <row r="29213" spans="1:3" ht="19.2">
      <c r="A29213" s="2"/>
      <c r="B29213" s="2"/>
      <c r="C29213" s="2"/>
    </row>
    <row r="29214" spans="1:3" ht="19.2">
      <c r="A29214" s="2"/>
      <c r="B29214" s="2"/>
      <c r="C29214" s="2"/>
    </row>
    <row r="29215" spans="1:3" ht="19.2">
      <c r="A29215" s="2"/>
      <c r="B29215" s="2"/>
      <c r="C29215" s="2"/>
    </row>
    <row r="29216" spans="1:3" ht="19.2">
      <c r="A29216" s="2"/>
      <c r="B29216" s="2"/>
      <c r="C29216" s="2"/>
    </row>
    <row r="29217" spans="1:3" ht="19.2">
      <c r="A29217" s="2"/>
      <c r="B29217" s="2"/>
      <c r="C29217" s="2"/>
    </row>
    <row r="29218" spans="1:3" ht="19.2">
      <c r="A29218" s="2"/>
      <c r="B29218" s="2"/>
      <c r="C29218" s="2"/>
    </row>
    <row r="29219" spans="1:3" ht="19.2">
      <c r="A29219" s="2"/>
      <c r="B29219" s="2"/>
      <c r="C29219" s="2"/>
    </row>
    <row r="29220" spans="1:3" ht="19.2">
      <c r="A29220" s="2"/>
      <c r="B29220" s="2"/>
      <c r="C29220" s="2"/>
    </row>
    <row r="29221" spans="1:3" ht="19.2">
      <c r="A29221" s="2"/>
      <c r="B29221" s="2"/>
      <c r="C29221" s="2"/>
    </row>
    <row r="29222" spans="1:3" ht="19.2">
      <c r="A29222" s="2"/>
      <c r="B29222" s="2"/>
      <c r="C29222" s="2"/>
    </row>
    <row r="29223" spans="1:3" ht="19.2">
      <c r="A29223" s="2"/>
      <c r="B29223" s="2"/>
      <c r="C29223" s="2"/>
    </row>
    <row r="29224" spans="1:3" ht="19.2">
      <c r="A29224" s="2"/>
      <c r="B29224" s="2"/>
      <c r="C29224" s="2"/>
    </row>
    <row r="29225" spans="1:3" ht="19.2">
      <c r="A29225" s="2"/>
      <c r="B29225" s="2"/>
      <c r="C29225" s="2"/>
    </row>
    <row r="29226" spans="1:3" ht="19.2">
      <c r="A29226" s="2"/>
      <c r="B29226" s="2"/>
      <c r="C29226" s="2"/>
    </row>
    <row r="29227" spans="1:3" ht="19.2">
      <c r="A29227" s="2"/>
      <c r="B29227" s="2"/>
      <c r="C29227" s="2"/>
    </row>
    <row r="29228" spans="1:3" ht="19.2">
      <c r="A29228" s="2"/>
      <c r="B29228" s="2"/>
      <c r="C29228" s="2"/>
    </row>
    <row r="29229" spans="1:3" ht="19.2">
      <c r="A29229" s="2"/>
      <c r="B29229" s="2"/>
      <c r="C29229" s="2"/>
    </row>
    <row r="29230" spans="1:3" ht="19.2">
      <c r="A29230" s="2"/>
      <c r="B29230" s="2"/>
      <c r="C29230" s="2"/>
    </row>
    <row r="29231" spans="1:3" ht="19.2">
      <c r="A29231" s="2"/>
      <c r="B29231" s="2"/>
      <c r="C29231" s="2"/>
    </row>
    <row r="29232" spans="1:3" ht="19.2">
      <c r="A29232" s="2"/>
      <c r="B29232" s="2"/>
      <c r="C29232" s="2"/>
    </row>
    <row r="29233" spans="1:3" ht="19.2">
      <c r="A29233" s="2"/>
      <c r="B29233" s="2"/>
      <c r="C29233" s="2"/>
    </row>
    <row r="29234" spans="1:3" ht="19.2">
      <c r="A29234" s="2"/>
      <c r="B29234" s="2"/>
      <c r="C29234" s="2"/>
    </row>
    <row r="29235" spans="1:3" ht="19.2">
      <c r="A29235" s="2"/>
      <c r="B29235" s="2"/>
      <c r="C29235" s="2"/>
    </row>
    <row r="29236" spans="1:3" ht="19.2">
      <c r="A29236" s="2"/>
      <c r="B29236" s="2"/>
      <c r="C29236" s="2"/>
    </row>
    <row r="29237" spans="1:3" ht="19.2">
      <c r="A29237" s="2"/>
      <c r="B29237" s="2"/>
      <c r="C29237" s="2"/>
    </row>
    <row r="29238" spans="1:3" ht="19.2">
      <c r="A29238" s="2"/>
      <c r="B29238" s="2"/>
      <c r="C29238" s="2"/>
    </row>
    <row r="29239" spans="1:3" ht="19.2">
      <c r="A29239" s="2"/>
      <c r="B29239" s="2"/>
      <c r="C29239" s="2"/>
    </row>
    <row r="29240" spans="1:3" ht="19.2">
      <c r="A29240" s="2"/>
      <c r="B29240" s="2"/>
      <c r="C29240" s="2"/>
    </row>
    <row r="29241" spans="1:3" ht="19.2">
      <c r="A29241" s="2"/>
      <c r="B29241" s="2"/>
      <c r="C29241" s="2"/>
    </row>
    <row r="29242" spans="1:3" ht="19.2">
      <c r="A29242" s="2"/>
      <c r="B29242" s="2"/>
      <c r="C29242" s="2"/>
    </row>
    <row r="29243" spans="1:3" ht="19.2">
      <c r="A29243" s="2"/>
      <c r="B29243" s="2"/>
      <c r="C29243" s="2"/>
    </row>
    <row r="29244" spans="1:3" ht="19.2">
      <c r="A29244" s="2"/>
      <c r="B29244" s="2"/>
      <c r="C29244" s="2"/>
    </row>
    <row r="29245" spans="1:3" ht="19.2">
      <c r="A29245" s="2"/>
      <c r="B29245" s="2"/>
      <c r="C29245" s="2"/>
    </row>
    <row r="29246" spans="1:3" ht="19.2">
      <c r="A29246" s="2"/>
      <c r="B29246" s="2"/>
      <c r="C29246" s="2"/>
    </row>
    <row r="29247" spans="1:3" ht="19.2">
      <c r="A29247" s="2"/>
      <c r="B29247" s="2"/>
      <c r="C29247" s="2"/>
    </row>
    <row r="29248" spans="1:3" ht="19.2">
      <c r="A29248" s="2"/>
      <c r="B29248" s="2"/>
      <c r="C29248" s="2"/>
    </row>
    <row r="29249" spans="1:3" ht="19.2">
      <c r="A29249" s="2"/>
      <c r="B29249" s="2"/>
      <c r="C29249" s="2"/>
    </row>
    <row r="29250" spans="1:3" ht="19.2">
      <c r="A29250" s="2"/>
      <c r="B29250" s="2"/>
      <c r="C29250" s="2"/>
    </row>
    <row r="29251" spans="1:3" ht="19.2">
      <c r="A29251" s="2"/>
      <c r="B29251" s="2"/>
      <c r="C29251" s="2"/>
    </row>
    <row r="29252" spans="1:3" ht="19.2">
      <c r="A29252" s="2"/>
      <c r="B29252" s="2"/>
      <c r="C29252" s="2"/>
    </row>
    <row r="29253" spans="1:3" ht="19.2">
      <c r="A29253" s="2"/>
      <c r="B29253" s="2"/>
      <c r="C29253" s="2"/>
    </row>
    <row r="29254" spans="1:3" ht="19.2">
      <c r="A29254" s="2"/>
      <c r="B29254" s="2"/>
      <c r="C29254" s="2"/>
    </row>
    <row r="29255" spans="1:3" ht="19.2">
      <c r="A29255" s="2"/>
      <c r="B29255" s="2"/>
      <c r="C29255" s="2"/>
    </row>
    <row r="29256" spans="1:3" ht="19.2">
      <c r="A29256" s="2"/>
      <c r="B29256" s="2"/>
      <c r="C29256" s="2"/>
    </row>
    <row r="29257" spans="1:3" ht="19.2">
      <c r="A29257" s="2"/>
      <c r="B29257" s="2"/>
      <c r="C29257" s="2"/>
    </row>
    <row r="29258" spans="1:3" ht="19.2">
      <c r="A29258" s="2"/>
      <c r="B29258" s="2"/>
      <c r="C29258" s="2"/>
    </row>
    <row r="29259" spans="1:3" ht="19.2">
      <c r="A29259" s="2"/>
      <c r="B29259" s="2"/>
      <c r="C29259" s="2"/>
    </row>
    <row r="29260" spans="1:3" ht="19.2">
      <c r="A29260" s="2"/>
      <c r="B29260" s="2"/>
      <c r="C29260" s="2"/>
    </row>
    <row r="29261" spans="1:3" ht="19.2">
      <c r="A29261" s="2"/>
      <c r="B29261" s="2"/>
      <c r="C29261" s="2"/>
    </row>
    <row r="29262" spans="1:3" ht="19.2">
      <c r="A29262" s="2"/>
      <c r="B29262" s="2"/>
      <c r="C29262" s="2"/>
    </row>
    <row r="29263" spans="1:3" ht="19.2">
      <c r="A29263" s="2"/>
      <c r="B29263" s="2"/>
      <c r="C29263" s="2"/>
    </row>
    <row r="29264" spans="1:3" ht="19.2">
      <c r="A29264" s="2"/>
      <c r="B29264" s="2"/>
      <c r="C29264" s="2"/>
    </row>
    <row r="29265" spans="1:3" ht="19.2">
      <c r="A29265" s="2"/>
      <c r="B29265" s="2"/>
      <c r="C29265" s="2"/>
    </row>
    <row r="29266" spans="1:3" ht="19.2">
      <c r="A29266" s="2"/>
      <c r="B29266" s="2"/>
      <c r="C29266" s="2"/>
    </row>
    <row r="29267" spans="1:3" ht="19.2">
      <c r="A29267" s="2"/>
      <c r="B29267" s="2"/>
      <c r="C29267" s="2"/>
    </row>
    <row r="29268" spans="1:3" ht="19.2">
      <c r="A29268" s="2"/>
      <c r="B29268" s="2"/>
      <c r="C29268" s="2"/>
    </row>
    <row r="29269" spans="1:3" ht="19.2">
      <c r="A29269" s="2"/>
      <c r="B29269" s="2"/>
      <c r="C29269" s="2"/>
    </row>
    <row r="29270" spans="1:3" ht="19.2">
      <c r="A29270" s="2"/>
      <c r="B29270" s="2"/>
      <c r="C29270" s="2"/>
    </row>
    <row r="29271" spans="1:3" ht="19.2">
      <c r="A29271" s="2"/>
      <c r="B29271" s="2"/>
      <c r="C29271" s="2"/>
    </row>
    <row r="29272" spans="1:3" ht="19.2">
      <c r="A29272" s="2"/>
      <c r="B29272" s="2"/>
      <c r="C29272" s="2"/>
    </row>
    <row r="29273" spans="1:3" ht="19.2">
      <c r="A29273" s="2"/>
      <c r="B29273" s="2"/>
      <c r="C29273" s="2"/>
    </row>
    <row r="29274" spans="1:3" ht="19.2">
      <c r="A29274" s="2"/>
      <c r="B29274" s="2"/>
      <c r="C29274" s="2"/>
    </row>
    <row r="29275" spans="1:3" ht="19.2">
      <c r="A29275" s="2"/>
      <c r="B29275" s="2"/>
      <c r="C29275" s="2"/>
    </row>
    <row r="29276" spans="1:3" ht="19.2">
      <c r="A29276" s="2"/>
      <c r="B29276" s="2"/>
      <c r="C29276" s="2"/>
    </row>
    <row r="29277" spans="1:3" ht="19.2">
      <c r="A29277" s="2"/>
      <c r="B29277" s="2"/>
      <c r="C29277" s="2"/>
    </row>
    <row r="29278" spans="1:3" ht="19.2">
      <c r="A29278" s="2"/>
      <c r="B29278" s="2"/>
      <c r="C29278" s="2"/>
    </row>
    <row r="29279" spans="1:3" ht="19.2">
      <c r="A29279" s="2"/>
      <c r="B29279" s="2"/>
      <c r="C29279" s="2"/>
    </row>
    <row r="29280" spans="1:3" ht="19.2">
      <c r="A29280" s="2"/>
      <c r="B29280" s="2"/>
      <c r="C29280" s="2"/>
    </row>
    <row r="29281" spans="1:3" ht="19.2">
      <c r="A29281" s="2"/>
      <c r="B29281" s="2"/>
      <c r="C29281" s="2"/>
    </row>
    <row r="29282" spans="1:3" ht="19.2">
      <c r="A29282" s="2"/>
      <c r="B29282" s="2"/>
      <c r="C29282" s="2"/>
    </row>
    <row r="29283" spans="1:3" ht="19.2">
      <c r="A29283" s="2"/>
      <c r="B29283" s="2"/>
      <c r="C29283" s="2"/>
    </row>
    <row r="29284" spans="1:3" ht="19.2">
      <c r="A29284" s="2"/>
      <c r="B29284" s="2"/>
      <c r="C29284" s="2"/>
    </row>
    <row r="29285" spans="1:3" ht="19.2">
      <c r="A29285" s="2"/>
      <c r="B29285" s="2"/>
      <c r="C29285" s="2"/>
    </row>
    <row r="29286" spans="1:3" ht="19.2">
      <c r="A29286" s="2"/>
      <c r="B29286" s="2"/>
      <c r="C29286" s="2"/>
    </row>
    <row r="29287" spans="1:3" ht="19.2">
      <c r="A29287" s="2"/>
      <c r="B29287" s="2"/>
      <c r="C29287" s="2"/>
    </row>
    <row r="29288" spans="1:3" ht="19.2">
      <c r="A29288" s="2"/>
      <c r="B29288" s="2"/>
      <c r="C29288" s="2"/>
    </row>
    <row r="29289" spans="1:3" ht="19.2">
      <c r="A29289" s="2"/>
      <c r="B29289" s="2"/>
      <c r="C29289" s="2"/>
    </row>
    <row r="29290" spans="1:3" ht="19.2">
      <c r="A29290" s="2"/>
      <c r="B29290" s="2"/>
      <c r="C29290" s="2"/>
    </row>
    <row r="29291" spans="1:3" ht="19.2">
      <c r="A29291" s="2"/>
      <c r="B29291" s="2"/>
      <c r="C29291" s="2"/>
    </row>
    <row r="29292" spans="1:3" ht="19.2">
      <c r="A29292" s="2"/>
      <c r="B29292" s="2"/>
      <c r="C29292" s="2"/>
    </row>
    <row r="29293" spans="1:3" ht="19.2">
      <c r="A29293" s="2"/>
      <c r="B29293" s="2"/>
      <c r="C29293" s="2"/>
    </row>
    <row r="29294" spans="1:3" ht="19.2">
      <c r="A29294" s="2"/>
      <c r="B29294" s="2"/>
      <c r="C29294" s="2"/>
    </row>
    <row r="29295" spans="1:3" ht="19.2">
      <c r="A29295" s="2"/>
      <c r="B29295" s="2"/>
      <c r="C29295" s="2"/>
    </row>
    <row r="29296" spans="1:3" ht="19.2">
      <c r="A29296" s="2"/>
      <c r="B29296" s="2"/>
      <c r="C29296" s="2"/>
    </row>
    <row r="29297" spans="1:3" ht="19.2">
      <c r="A29297" s="2"/>
      <c r="B29297" s="2"/>
      <c r="C29297" s="2"/>
    </row>
    <row r="29298" spans="1:3" ht="19.2">
      <c r="A29298" s="2"/>
      <c r="B29298" s="2"/>
      <c r="C29298" s="2"/>
    </row>
    <row r="29299" spans="1:3" ht="19.2">
      <c r="A29299" s="2"/>
      <c r="B29299" s="2"/>
      <c r="C29299" s="2"/>
    </row>
    <row r="29300" spans="1:3" ht="19.2">
      <c r="A29300" s="2"/>
      <c r="B29300" s="2"/>
      <c r="C29300" s="2"/>
    </row>
    <row r="29301" spans="1:3" ht="19.2">
      <c r="A29301" s="2"/>
      <c r="B29301" s="2"/>
      <c r="C29301" s="2"/>
    </row>
    <row r="29302" spans="1:3" ht="19.2">
      <c r="A29302" s="2"/>
      <c r="B29302" s="2"/>
      <c r="C29302" s="2"/>
    </row>
    <row r="29303" spans="1:3" ht="19.2">
      <c r="A29303" s="2"/>
      <c r="B29303" s="2"/>
      <c r="C29303" s="2"/>
    </row>
    <row r="29304" spans="1:3" ht="19.2">
      <c r="A29304" s="2"/>
      <c r="B29304" s="2"/>
      <c r="C29304" s="2"/>
    </row>
    <row r="29305" spans="1:3" ht="19.2">
      <c r="A29305" s="2"/>
      <c r="B29305" s="2"/>
      <c r="C29305" s="2"/>
    </row>
    <row r="29306" spans="1:3" ht="19.2">
      <c r="A29306" s="2"/>
      <c r="B29306" s="2"/>
      <c r="C29306" s="2"/>
    </row>
    <row r="29307" spans="1:3" ht="19.2">
      <c r="A29307" s="2"/>
      <c r="B29307" s="2"/>
      <c r="C29307" s="2"/>
    </row>
    <row r="29308" spans="1:3" ht="19.2">
      <c r="A29308" s="2"/>
      <c r="B29308" s="2"/>
      <c r="C29308" s="2"/>
    </row>
    <row r="29309" spans="1:3" ht="19.2">
      <c r="A29309" s="2"/>
      <c r="B29309" s="2"/>
      <c r="C29309" s="2"/>
    </row>
    <row r="29310" spans="1:3" ht="19.2">
      <c r="A29310" s="2"/>
      <c r="B29310" s="2"/>
      <c r="C29310" s="2"/>
    </row>
    <row r="29311" spans="1:3" ht="19.2">
      <c r="A29311" s="2"/>
      <c r="B29311" s="2"/>
      <c r="C29311" s="2"/>
    </row>
    <row r="29312" spans="1:3" ht="19.2">
      <c r="A29312" s="2"/>
      <c r="B29312" s="2"/>
      <c r="C29312" s="2"/>
    </row>
    <row r="29313" spans="1:3" ht="19.2">
      <c r="A29313" s="2"/>
      <c r="B29313" s="2"/>
      <c r="C29313" s="2"/>
    </row>
    <row r="29314" spans="1:3" ht="19.2">
      <c r="A29314" s="2"/>
      <c r="B29314" s="2"/>
      <c r="C29314" s="2"/>
    </row>
    <row r="29315" spans="1:3" ht="19.2">
      <c r="A29315" s="2"/>
      <c r="B29315" s="2"/>
      <c r="C29315" s="2"/>
    </row>
    <row r="29316" spans="1:3" ht="19.2">
      <c r="A29316" s="2"/>
      <c r="B29316" s="2"/>
      <c r="C29316" s="2"/>
    </row>
    <row r="29317" spans="1:3" ht="19.2">
      <c r="A29317" s="2"/>
      <c r="B29317" s="2"/>
      <c r="C29317" s="2"/>
    </row>
    <row r="29318" spans="1:3" ht="19.2">
      <c r="A29318" s="2"/>
      <c r="B29318" s="2"/>
      <c r="C29318" s="2"/>
    </row>
    <row r="29319" spans="1:3" ht="19.2">
      <c r="A29319" s="2"/>
      <c r="B29319" s="2"/>
      <c r="C29319" s="2"/>
    </row>
    <row r="29320" spans="1:3" ht="19.2">
      <c r="A29320" s="2"/>
      <c r="B29320" s="2"/>
      <c r="C29320" s="2"/>
    </row>
    <row r="29321" spans="1:3" ht="19.2">
      <c r="A29321" s="2"/>
      <c r="B29321" s="2"/>
      <c r="C29321" s="2"/>
    </row>
    <row r="29322" spans="1:3" ht="19.2">
      <c r="A29322" s="2"/>
      <c r="B29322" s="2"/>
      <c r="C29322" s="2"/>
    </row>
    <row r="29323" spans="1:3" ht="19.2">
      <c r="A29323" s="2"/>
      <c r="B29323" s="2"/>
      <c r="C29323" s="2"/>
    </row>
    <row r="29324" spans="1:3" ht="19.2">
      <c r="A29324" s="2"/>
      <c r="B29324" s="2"/>
      <c r="C29324" s="2"/>
    </row>
    <row r="29325" spans="1:3" ht="19.2">
      <c r="A29325" s="2"/>
      <c r="B29325" s="2"/>
      <c r="C29325" s="2"/>
    </row>
    <row r="29326" spans="1:3" ht="19.2">
      <c r="A29326" s="2"/>
      <c r="B29326" s="2"/>
      <c r="C29326" s="2"/>
    </row>
    <row r="29327" spans="1:3" ht="19.2">
      <c r="A29327" s="2"/>
      <c r="B29327" s="2"/>
      <c r="C29327" s="2"/>
    </row>
    <row r="29328" spans="1:3" ht="19.2">
      <c r="A29328" s="2"/>
      <c r="B29328" s="2"/>
      <c r="C29328" s="2"/>
    </row>
    <row r="29329" spans="1:3" ht="19.2">
      <c r="A29329" s="2"/>
      <c r="B29329" s="2"/>
      <c r="C29329" s="2"/>
    </row>
    <row r="29330" spans="1:3" ht="19.2">
      <c r="A29330" s="2"/>
      <c r="B29330" s="2"/>
      <c r="C29330" s="2"/>
    </row>
    <row r="29331" spans="1:3" ht="19.2">
      <c r="A29331" s="2"/>
      <c r="B29331" s="2"/>
      <c r="C29331" s="2"/>
    </row>
    <row r="29332" spans="1:3" ht="19.2">
      <c r="A29332" s="2"/>
      <c r="B29332" s="2"/>
      <c r="C29332" s="2"/>
    </row>
    <row r="29333" spans="1:3" ht="19.2">
      <c r="A29333" s="2"/>
      <c r="B29333" s="2"/>
      <c r="C29333" s="2"/>
    </row>
    <row r="29334" spans="1:3" ht="19.2">
      <c r="A29334" s="2"/>
      <c r="B29334" s="2"/>
      <c r="C29334" s="2"/>
    </row>
    <row r="29335" spans="1:3" ht="19.2">
      <c r="A29335" s="2"/>
      <c r="B29335" s="2"/>
      <c r="C29335" s="2"/>
    </row>
    <row r="29336" spans="1:3" ht="19.2">
      <c r="A29336" s="2"/>
      <c r="B29336" s="2"/>
      <c r="C29336" s="2"/>
    </row>
    <row r="29337" spans="1:3" ht="19.2">
      <c r="A29337" s="2"/>
      <c r="B29337" s="2"/>
      <c r="C29337" s="2"/>
    </row>
    <row r="29338" spans="1:3" ht="19.2">
      <c r="A29338" s="2"/>
      <c r="B29338" s="2"/>
      <c r="C29338" s="2"/>
    </row>
    <row r="29339" spans="1:3" ht="19.2">
      <c r="A29339" s="2"/>
      <c r="B29339" s="2"/>
      <c r="C29339" s="2"/>
    </row>
    <row r="29340" spans="1:3" ht="19.2">
      <c r="A29340" s="2"/>
      <c r="B29340" s="2"/>
      <c r="C29340" s="2"/>
    </row>
    <row r="29341" spans="1:3" ht="19.2">
      <c r="A29341" s="2"/>
      <c r="B29341" s="2"/>
      <c r="C29341" s="2"/>
    </row>
    <row r="29342" spans="1:3" ht="19.2">
      <c r="A29342" s="2"/>
      <c r="B29342" s="2"/>
      <c r="C29342" s="2"/>
    </row>
    <row r="29343" spans="1:3" ht="19.2">
      <c r="A29343" s="2"/>
      <c r="B29343" s="2"/>
      <c r="C29343" s="2"/>
    </row>
    <row r="29344" spans="1:3" ht="19.2">
      <c r="A29344" s="2"/>
      <c r="B29344" s="2"/>
      <c r="C29344" s="2"/>
    </row>
    <row r="29345" spans="1:3" ht="19.2">
      <c r="A29345" s="2"/>
      <c r="B29345" s="2"/>
      <c r="C29345" s="2"/>
    </row>
    <row r="29346" spans="1:3" ht="19.2">
      <c r="A29346" s="2"/>
      <c r="B29346" s="2"/>
      <c r="C29346" s="2"/>
    </row>
    <row r="29347" spans="1:3" ht="19.2">
      <c r="A29347" s="2"/>
      <c r="B29347" s="2"/>
      <c r="C29347" s="2"/>
    </row>
    <row r="29348" spans="1:3" ht="19.2">
      <c r="A29348" s="2"/>
      <c r="B29348" s="2"/>
      <c r="C29348" s="2"/>
    </row>
    <row r="29349" spans="1:3" ht="19.2">
      <c r="A29349" s="2"/>
      <c r="B29349" s="2"/>
      <c r="C29349" s="2"/>
    </row>
    <row r="29350" spans="1:3" ht="19.2">
      <c r="A29350" s="2"/>
      <c r="B29350" s="2"/>
      <c r="C29350" s="2"/>
    </row>
    <row r="29351" spans="1:3" ht="19.2">
      <c r="A29351" s="2"/>
      <c r="B29351" s="2"/>
      <c r="C29351" s="2"/>
    </row>
    <row r="29352" spans="1:3" ht="19.2">
      <c r="A29352" s="2"/>
      <c r="B29352" s="2"/>
      <c r="C29352" s="2"/>
    </row>
    <row r="29353" spans="1:3" ht="19.2">
      <c r="A29353" s="2"/>
      <c r="B29353" s="2"/>
      <c r="C29353" s="2"/>
    </row>
    <row r="29354" spans="1:3" ht="19.2">
      <c r="A29354" s="2"/>
      <c r="B29354" s="2"/>
      <c r="C29354" s="2"/>
    </row>
    <row r="29355" spans="1:3" ht="19.2">
      <c r="A29355" s="2"/>
      <c r="B29355" s="2"/>
      <c r="C29355" s="2"/>
    </row>
    <row r="29356" spans="1:3" ht="19.2">
      <c r="A29356" s="2"/>
      <c r="B29356" s="2"/>
      <c r="C29356" s="2"/>
    </row>
    <row r="29357" spans="1:3" ht="19.2">
      <c r="A29357" s="2"/>
      <c r="B29357" s="2"/>
      <c r="C29357" s="2"/>
    </row>
    <row r="29358" spans="1:3" ht="19.2">
      <c r="A29358" s="2"/>
      <c r="B29358" s="2"/>
      <c r="C29358" s="2"/>
    </row>
    <row r="29359" spans="1:3" ht="19.2">
      <c r="A29359" s="2"/>
      <c r="B29359" s="2"/>
      <c r="C29359" s="2"/>
    </row>
    <row r="29360" spans="1:3" ht="19.2">
      <c r="A29360" s="2"/>
      <c r="B29360" s="2"/>
      <c r="C29360" s="2"/>
    </row>
    <row r="29361" spans="1:3" ht="19.2">
      <c r="A29361" s="2"/>
      <c r="B29361" s="2"/>
      <c r="C29361" s="2"/>
    </row>
    <row r="29362" spans="1:3" ht="19.2">
      <c r="A29362" s="2"/>
      <c r="B29362" s="2"/>
      <c r="C29362" s="2"/>
    </row>
    <row r="29363" spans="1:3" ht="19.2">
      <c r="A29363" s="2"/>
      <c r="B29363" s="2"/>
      <c r="C29363" s="2"/>
    </row>
    <row r="29364" spans="1:3" ht="19.2">
      <c r="A29364" s="2"/>
      <c r="B29364" s="2"/>
      <c r="C29364" s="2"/>
    </row>
    <row r="29365" spans="1:3" ht="19.2">
      <c r="A29365" s="2"/>
      <c r="B29365" s="2"/>
      <c r="C29365" s="2"/>
    </row>
    <row r="29366" spans="1:3" ht="19.2">
      <c r="A29366" s="2"/>
      <c r="B29366" s="2"/>
      <c r="C29366" s="2"/>
    </row>
    <row r="29367" spans="1:3" ht="19.2">
      <c r="A29367" s="2"/>
      <c r="B29367" s="2"/>
      <c r="C29367" s="2"/>
    </row>
    <row r="29368" spans="1:3" ht="19.2">
      <c r="A29368" s="2"/>
      <c r="B29368" s="2"/>
      <c r="C29368" s="2"/>
    </row>
    <row r="29369" spans="1:3" ht="19.2">
      <c r="A29369" s="2"/>
      <c r="B29369" s="2"/>
      <c r="C29369" s="2"/>
    </row>
    <row r="29370" spans="1:3" ht="19.2">
      <c r="A29370" s="2"/>
      <c r="B29370" s="2"/>
      <c r="C29370" s="2"/>
    </row>
    <row r="29371" spans="1:3" ht="19.2">
      <c r="A29371" s="2"/>
      <c r="B29371" s="2"/>
      <c r="C29371" s="2"/>
    </row>
    <row r="29372" spans="1:3" ht="19.2">
      <c r="A29372" s="2"/>
      <c r="B29372" s="2"/>
      <c r="C29372" s="2"/>
    </row>
    <row r="29373" spans="1:3" ht="19.2">
      <c r="A29373" s="2"/>
      <c r="B29373" s="2"/>
      <c r="C29373" s="2"/>
    </row>
    <row r="29374" spans="1:3" ht="19.2">
      <c r="A29374" s="2"/>
      <c r="B29374" s="2"/>
      <c r="C29374" s="2"/>
    </row>
    <row r="29375" spans="1:3" ht="19.2">
      <c r="A29375" s="2"/>
      <c r="B29375" s="2"/>
      <c r="C29375" s="2"/>
    </row>
    <row r="29376" spans="1:3" ht="19.2">
      <c r="A29376" s="2"/>
      <c r="B29376" s="2"/>
      <c r="C29376" s="2"/>
    </row>
    <row r="29377" spans="1:3" ht="19.2">
      <c r="A29377" s="2"/>
      <c r="B29377" s="2"/>
      <c r="C29377" s="2"/>
    </row>
    <row r="29378" spans="1:3" ht="19.2">
      <c r="A29378" s="2"/>
      <c r="B29378" s="2"/>
      <c r="C29378" s="2"/>
    </row>
    <row r="29379" spans="1:3" ht="19.2">
      <c r="A29379" s="2"/>
      <c r="B29379" s="2"/>
      <c r="C29379" s="2"/>
    </row>
    <row r="29380" spans="1:3" ht="19.2">
      <c r="A29380" s="2"/>
      <c r="B29380" s="2"/>
      <c r="C29380" s="2"/>
    </row>
    <row r="29381" spans="1:3" ht="19.2">
      <c r="A29381" s="2"/>
      <c r="B29381" s="2"/>
      <c r="C29381" s="2"/>
    </row>
    <row r="29382" spans="1:3" ht="19.2">
      <c r="A29382" s="2"/>
      <c r="B29382" s="2"/>
      <c r="C29382" s="2"/>
    </row>
    <row r="29383" spans="1:3" ht="19.2">
      <c r="A29383" s="2"/>
      <c r="B29383" s="2"/>
      <c r="C29383" s="2"/>
    </row>
    <row r="29384" spans="1:3" ht="19.2">
      <c r="A29384" s="2"/>
      <c r="B29384" s="2"/>
      <c r="C29384" s="2"/>
    </row>
    <row r="29385" spans="1:3" ht="19.2">
      <c r="A29385" s="2"/>
      <c r="B29385" s="2"/>
      <c r="C29385" s="2"/>
    </row>
    <row r="29386" spans="1:3" ht="19.2">
      <c r="A29386" s="2"/>
      <c r="B29386" s="2"/>
      <c r="C29386" s="2"/>
    </row>
    <row r="29387" spans="1:3" ht="19.2">
      <c r="A29387" s="2"/>
      <c r="B29387" s="2"/>
      <c r="C29387" s="2"/>
    </row>
    <row r="29388" spans="1:3" ht="19.2">
      <c r="A29388" s="2"/>
      <c r="B29388" s="2"/>
      <c r="C29388" s="2"/>
    </row>
    <row r="29389" spans="1:3" ht="19.2">
      <c r="A29389" s="2"/>
      <c r="B29389" s="2"/>
      <c r="C29389" s="2"/>
    </row>
    <row r="29390" spans="1:3" ht="19.2">
      <c r="A29390" s="2"/>
      <c r="B29390" s="2"/>
      <c r="C29390" s="2"/>
    </row>
    <row r="29391" spans="1:3" ht="19.2">
      <c r="A29391" s="2"/>
      <c r="B29391" s="2"/>
      <c r="C29391" s="2"/>
    </row>
    <row r="29392" spans="1:3" ht="19.2">
      <c r="A29392" s="2"/>
      <c r="B29392" s="2"/>
      <c r="C29392" s="2"/>
    </row>
    <row r="29393" spans="1:3" ht="19.2">
      <c r="A29393" s="2"/>
      <c r="B29393" s="2"/>
      <c r="C29393" s="2"/>
    </row>
    <row r="29394" spans="1:3" ht="19.2">
      <c r="A29394" s="2"/>
      <c r="B29394" s="2"/>
      <c r="C29394" s="2"/>
    </row>
    <row r="29395" spans="1:3" ht="19.2">
      <c r="A29395" s="2"/>
      <c r="B29395" s="2"/>
      <c r="C29395" s="2"/>
    </row>
    <row r="29396" spans="1:3" ht="19.2">
      <c r="A29396" s="2"/>
      <c r="B29396" s="2"/>
      <c r="C29396" s="2"/>
    </row>
    <row r="29397" spans="1:3" ht="19.2">
      <c r="A29397" s="2"/>
      <c r="B29397" s="2"/>
      <c r="C29397" s="2"/>
    </row>
    <row r="29398" spans="1:3" ht="19.2">
      <c r="A29398" s="2"/>
      <c r="B29398" s="2"/>
      <c r="C29398" s="2"/>
    </row>
    <row r="29399" spans="1:3" ht="19.2">
      <c r="A29399" s="2"/>
      <c r="B29399" s="2"/>
      <c r="C29399" s="2"/>
    </row>
    <row r="29400" spans="1:3" ht="19.2">
      <c r="A29400" s="2"/>
      <c r="B29400" s="2"/>
      <c r="C29400" s="2"/>
    </row>
    <row r="29401" spans="1:3" ht="19.2">
      <c r="A29401" s="2"/>
      <c r="B29401" s="2"/>
      <c r="C29401" s="2"/>
    </row>
    <row r="29402" spans="1:3" ht="19.2">
      <c r="A29402" s="2"/>
      <c r="B29402" s="2"/>
      <c r="C29402" s="2"/>
    </row>
    <row r="29403" spans="1:3" ht="19.2">
      <c r="A29403" s="2"/>
      <c r="B29403" s="2"/>
      <c r="C29403" s="2"/>
    </row>
    <row r="29404" spans="1:3" ht="19.2">
      <c r="A29404" s="2"/>
      <c r="B29404" s="2"/>
      <c r="C29404" s="2"/>
    </row>
    <row r="29405" spans="1:3" ht="19.2">
      <c r="A29405" s="2"/>
      <c r="B29405" s="2"/>
      <c r="C29405" s="2"/>
    </row>
    <row r="29406" spans="1:3" ht="19.2">
      <c r="A29406" s="2"/>
      <c r="B29406" s="2"/>
      <c r="C29406" s="2"/>
    </row>
    <row r="29407" spans="1:3" ht="19.2">
      <c r="A29407" s="2"/>
      <c r="B29407" s="2"/>
      <c r="C29407" s="2"/>
    </row>
    <row r="29408" spans="1:3" ht="19.2">
      <c r="A29408" s="2"/>
      <c r="B29408" s="2"/>
      <c r="C29408" s="2"/>
    </row>
    <row r="29409" spans="1:3" ht="19.2">
      <c r="A29409" s="2"/>
      <c r="B29409" s="2"/>
      <c r="C29409" s="2"/>
    </row>
    <row r="29410" spans="1:3" ht="19.2">
      <c r="A29410" s="2"/>
      <c r="B29410" s="2"/>
      <c r="C29410" s="2"/>
    </row>
    <row r="29411" spans="1:3" ht="19.2">
      <c r="A29411" s="2"/>
      <c r="B29411" s="2"/>
      <c r="C29411" s="2"/>
    </row>
    <row r="29412" spans="1:3" ht="19.2">
      <c r="A29412" s="2"/>
      <c r="B29412" s="2"/>
      <c r="C29412" s="2"/>
    </row>
    <row r="29413" spans="1:3" ht="19.2">
      <c r="A29413" s="2"/>
      <c r="B29413" s="2"/>
      <c r="C29413" s="2"/>
    </row>
    <row r="29414" spans="1:3" ht="19.2">
      <c r="A29414" s="2"/>
      <c r="B29414" s="2"/>
      <c r="C29414" s="2"/>
    </row>
    <row r="29415" spans="1:3" ht="19.2">
      <c r="A29415" s="2"/>
      <c r="B29415" s="2"/>
      <c r="C29415" s="2"/>
    </row>
    <row r="29416" spans="1:3" ht="19.2">
      <c r="A29416" s="2"/>
      <c r="B29416" s="2"/>
      <c r="C29416" s="2"/>
    </row>
    <row r="29417" spans="1:3" ht="19.2">
      <c r="A29417" s="2"/>
      <c r="B29417" s="2"/>
      <c r="C29417" s="2"/>
    </row>
    <row r="29418" spans="1:3" ht="19.2">
      <c r="A29418" s="2"/>
      <c r="B29418" s="2"/>
      <c r="C29418" s="2"/>
    </row>
    <row r="29419" spans="1:3" ht="19.2">
      <c r="A29419" s="2"/>
      <c r="B29419" s="2"/>
      <c r="C29419" s="2"/>
    </row>
    <row r="29420" spans="1:3" ht="19.2">
      <c r="A29420" s="2"/>
      <c r="B29420" s="2"/>
      <c r="C29420" s="2"/>
    </row>
    <row r="29421" spans="1:3" ht="19.2">
      <c r="A29421" s="2"/>
      <c r="B29421" s="2"/>
      <c r="C29421" s="2"/>
    </row>
    <row r="29422" spans="1:3" ht="19.2">
      <c r="A29422" s="2"/>
      <c r="B29422" s="2"/>
      <c r="C29422" s="2"/>
    </row>
    <row r="29423" spans="1:3" ht="19.2">
      <c r="A29423" s="2"/>
      <c r="B29423" s="2"/>
      <c r="C29423" s="2"/>
    </row>
    <row r="29424" spans="1:3" ht="19.2">
      <c r="A29424" s="2"/>
      <c r="B29424" s="2"/>
      <c r="C29424" s="2"/>
    </row>
    <row r="29425" spans="1:3" ht="19.2">
      <c r="A29425" s="2"/>
      <c r="B29425" s="2"/>
      <c r="C29425" s="2"/>
    </row>
    <row r="29426" spans="1:3" ht="19.2">
      <c r="A29426" s="2"/>
      <c r="B29426" s="2"/>
      <c r="C29426" s="2"/>
    </row>
    <row r="29427" spans="1:3" ht="19.2">
      <c r="A29427" s="2"/>
      <c r="B29427" s="2"/>
      <c r="C29427" s="2"/>
    </row>
    <row r="29428" spans="1:3" ht="19.2">
      <c r="A29428" s="2"/>
      <c r="B29428" s="2"/>
      <c r="C29428" s="2"/>
    </row>
    <row r="29429" spans="1:3" ht="19.2">
      <c r="A29429" s="2"/>
      <c r="B29429" s="2"/>
      <c r="C29429" s="2"/>
    </row>
    <row r="29430" spans="1:3" ht="19.2">
      <c r="A29430" s="2"/>
      <c r="B29430" s="2"/>
      <c r="C29430" s="2"/>
    </row>
    <row r="29431" spans="1:3" ht="19.2">
      <c r="A29431" s="2"/>
      <c r="B29431" s="2"/>
      <c r="C29431" s="2"/>
    </row>
    <row r="29432" spans="1:3" ht="19.2">
      <c r="A29432" s="2"/>
      <c r="B29432" s="2"/>
      <c r="C29432" s="2"/>
    </row>
    <row r="29433" spans="1:3" ht="19.2">
      <c r="A29433" s="2"/>
      <c r="B29433" s="2"/>
      <c r="C29433" s="2"/>
    </row>
    <row r="29434" spans="1:3" ht="19.2">
      <c r="A29434" s="2"/>
      <c r="B29434" s="2"/>
      <c r="C29434" s="2"/>
    </row>
    <row r="29435" spans="1:3" ht="19.2">
      <c r="A29435" s="2"/>
      <c r="B29435" s="2"/>
      <c r="C29435" s="2"/>
    </row>
    <row r="29436" spans="1:3" ht="19.2">
      <c r="A29436" s="2"/>
      <c r="B29436" s="2"/>
      <c r="C29436" s="2"/>
    </row>
    <row r="29437" spans="1:3" ht="19.2">
      <c r="A29437" s="2"/>
      <c r="B29437" s="2"/>
      <c r="C29437" s="2"/>
    </row>
    <row r="29438" spans="1:3" ht="19.2">
      <c r="A29438" s="2"/>
      <c r="B29438" s="2"/>
      <c r="C29438" s="2"/>
    </row>
    <row r="29439" spans="1:3" ht="19.2">
      <c r="A29439" s="2"/>
      <c r="B29439" s="2"/>
      <c r="C29439" s="2"/>
    </row>
    <row r="29440" spans="1:3" ht="19.2">
      <c r="A29440" s="2"/>
      <c r="B29440" s="2"/>
      <c r="C29440" s="2"/>
    </row>
    <row r="29441" spans="1:3" ht="19.2">
      <c r="A29441" s="2"/>
      <c r="B29441" s="2"/>
      <c r="C29441" s="2"/>
    </row>
    <row r="29442" spans="1:3" ht="19.2">
      <c r="A29442" s="2"/>
      <c r="B29442" s="2"/>
      <c r="C29442" s="2"/>
    </row>
    <row r="29443" spans="1:3" ht="19.2">
      <c r="A29443" s="2"/>
      <c r="B29443" s="2"/>
      <c r="C29443" s="2"/>
    </row>
    <row r="29444" spans="1:3" ht="19.2">
      <c r="A29444" s="2"/>
      <c r="B29444" s="2"/>
      <c r="C29444" s="2"/>
    </row>
    <row r="29445" spans="1:3" ht="19.2">
      <c r="A29445" s="2"/>
      <c r="B29445" s="2"/>
      <c r="C29445" s="2"/>
    </row>
    <row r="29446" spans="1:3" ht="19.2">
      <c r="A29446" s="2"/>
      <c r="B29446" s="2"/>
      <c r="C29446" s="2"/>
    </row>
    <row r="29447" spans="1:3" ht="19.2">
      <c r="A29447" s="2"/>
      <c r="B29447" s="2"/>
      <c r="C29447" s="2"/>
    </row>
    <row r="29448" spans="1:3" ht="19.2">
      <c r="A29448" s="2"/>
      <c r="B29448" s="2"/>
      <c r="C29448" s="2"/>
    </row>
    <row r="29449" spans="1:3" ht="19.2">
      <c r="A29449" s="2"/>
      <c r="B29449" s="2"/>
      <c r="C29449" s="2"/>
    </row>
    <row r="29450" spans="1:3" ht="19.2">
      <c r="A29450" s="2"/>
      <c r="B29450" s="2"/>
      <c r="C29450" s="2"/>
    </row>
    <row r="29451" spans="1:3" ht="19.2">
      <c r="A29451" s="2"/>
      <c r="B29451" s="2"/>
      <c r="C29451" s="2"/>
    </row>
    <row r="29452" spans="1:3" ht="19.2">
      <c r="A29452" s="2"/>
      <c r="B29452" s="2"/>
      <c r="C29452" s="2"/>
    </row>
    <row r="29453" spans="1:3" ht="19.2">
      <c r="A29453" s="2"/>
      <c r="B29453" s="2"/>
      <c r="C29453" s="2"/>
    </row>
    <row r="29454" spans="1:3" ht="19.2">
      <c r="A29454" s="2"/>
      <c r="B29454" s="2"/>
      <c r="C29454" s="2"/>
    </row>
    <row r="29455" spans="1:3" ht="19.2">
      <c r="A29455" s="2"/>
      <c r="B29455" s="2"/>
      <c r="C29455" s="2"/>
    </row>
    <row r="29456" spans="1:3" ht="19.2">
      <c r="A29456" s="2"/>
      <c r="B29456" s="2"/>
      <c r="C29456" s="2"/>
    </row>
    <row r="29457" spans="1:3" ht="19.2">
      <c r="A29457" s="2"/>
      <c r="B29457" s="2"/>
      <c r="C29457" s="2"/>
    </row>
    <row r="29458" spans="1:3" ht="19.2">
      <c r="A29458" s="2"/>
      <c r="B29458" s="2"/>
      <c r="C29458" s="2"/>
    </row>
    <row r="29459" spans="1:3" ht="19.2">
      <c r="A29459" s="2"/>
      <c r="B29459" s="2"/>
      <c r="C29459" s="2"/>
    </row>
    <row r="29460" spans="1:3" ht="19.2">
      <c r="A29460" s="2"/>
      <c r="B29460" s="2"/>
      <c r="C29460" s="2"/>
    </row>
    <row r="29461" spans="1:3" ht="19.2">
      <c r="A29461" s="2"/>
      <c r="B29461" s="2"/>
      <c r="C29461" s="2"/>
    </row>
    <row r="29462" spans="1:3" ht="19.2">
      <c r="A29462" s="2"/>
      <c r="B29462" s="2"/>
      <c r="C29462" s="2"/>
    </row>
    <row r="29463" spans="1:3" ht="19.2">
      <c r="A29463" s="2"/>
      <c r="B29463" s="2"/>
      <c r="C29463" s="2"/>
    </row>
    <row r="29464" spans="1:3" ht="19.2">
      <c r="A29464" s="2"/>
      <c r="B29464" s="2"/>
      <c r="C29464" s="2"/>
    </row>
    <row r="29465" spans="1:3" ht="19.2">
      <c r="A29465" s="2"/>
      <c r="B29465" s="2"/>
      <c r="C29465" s="2"/>
    </row>
    <row r="29466" spans="1:3" ht="19.2">
      <c r="A29466" s="2"/>
      <c r="B29466" s="2"/>
      <c r="C29466" s="2"/>
    </row>
    <row r="29467" spans="1:3" ht="19.2">
      <c r="A29467" s="2"/>
      <c r="B29467" s="2"/>
      <c r="C29467" s="2"/>
    </row>
    <row r="29468" spans="1:3" ht="19.2">
      <c r="A29468" s="2"/>
      <c r="B29468" s="2"/>
      <c r="C29468" s="2"/>
    </row>
    <row r="29469" spans="1:3" ht="19.2">
      <c r="A29469" s="2"/>
      <c r="B29469" s="2"/>
      <c r="C29469" s="2"/>
    </row>
    <row r="29470" spans="1:3" ht="19.2">
      <c r="A29470" s="2"/>
      <c r="B29470" s="2"/>
      <c r="C29470" s="2"/>
    </row>
    <row r="29471" spans="1:3" ht="19.2">
      <c r="A29471" s="2"/>
      <c r="B29471" s="2"/>
      <c r="C29471" s="2"/>
    </row>
    <row r="29472" spans="1:3" ht="19.2">
      <c r="A29472" s="2"/>
      <c r="B29472" s="2"/>
      <c r="C29472" s="2"/>
    </row>
    <row r="29473" spans="1:3" ht="19.2">
      <c r="A29473" s="2"/>
      <c r="B29473" s="2"/>
      <c r="C29473" s="2"/>
    </row>
    <row r="29474" spans="1:3" ht="19.2">
      <c r="A29474" s="2"/>
      <c r="B29474" s="2"/>
      <c r="C29474" s="2"/>
    </row>
    <row r="29475" spans="1:3" ht="19.2">
      <c r="A29475" s="2"/>
      <c r="B29475" s="2"/>
      <c r="C29475" s="2"/>
    </row>
    <row r="29476" spans="1:3" ht="19.2">
      <c r="A29476" s="2"/>
      <c r="B29476" s="2"/>
      <c r="C29476" s="2"/>
    </row>
    <row r="29477" spans="1:3" ht="19.2">
      <c r="A29477" s="2"/>
      <c r="B29477" s="2"/>
      <c r="C29477" s="2"/>
    </row>
    <row r="29478" spans="1:3" ht="19.2">
      <c r="A29478" s="2"/>
      <c r="B29478" s="2"/>
      <c r="C29478" s="2"/>
    </row>
    <row r="29479" spans="1:3" ht="19.2">
      <c r="A29479" s="2"/>
      <c r="B29479" s="2"/>
      <c r="C29479" s="2"/>
    </row>
    <row r="29480" spans="1:3" ht="19.2">
      <c r="A29480" s="2"/>
      <c r="B29480" s="2"/>
      <c r="C29480" s="2"/>
    </row>
    <row r="29481" spans="1:3" ht="19.2">
      <c r="A29481" s="2"/>
      <c r="B29481" s="2"/>
      <c r="C29481" s="2"/>
    </row>
    <row r="29482" spans="1:3" ht="19.2">
      <c r="A29482" s="2"/>
      <c r="B29482" s="2"/>
      <c r="C29482" s="2"/>
    </row>
    <row r="29483" spans="1:3" ht="19.2">
      <c r="A29483" s="2"/>
      <c r="B29483" s="2"/>
      <c r="C29483" s="2"/>
    </row>
    <row r="29484" spans="1:3" ht="19.2">
      <c r="A29484" s="2"/>
      <c r="B29484" s="2"/>
      <c r="C29484" s="2"/>
    </row>
    <row r="29485" spans="1:3" ht="19.2">
      <c r="A29485" s="2"/>
      <c r="B29485" s="2"/>
      <c r="C29485" s="2"/>
    </row>
    <row r="29486" spans="1:3" ht="19.2">
      <c r="A29486" s="2"/>
      <c r="B29486" s="2"/>
      <c r="C29486" s="2"/>
    </row>
    <row r="29487" spans="1:3" ht="19.2">
      <c r="A29487" s="2"/>
      <c r="B29487" s="2"/>
      <c r="C29487" s="2"/>
    </row>
    <row r="29488" spans="1:3" ht="19.2">
      <c r="A29488" s="2"/>
      <c r="B29488" s="2"/>
      <c r="C29488" s="2"/>
    </row>
    <row r="29489" spans="1:3" ht="19.2">
      <c r="A29489" s="2"/>
      <c r="B29489" s="2"/>
      <c r="C29489" s="2"/>
    </row>
    <row r="29490" spans="1:3" ht="19.2">
      <c r="A29490" s="2"/>
      <c r="B29490" s="2"/>
      <c r="C29490" s="2"/>
    </row>
    <row r="29491" spans="1:3" ht="19.2">
      <c r="A29491" s="2"/>
      <c r="B29491" s="2"/>
      <c r="C29491" s="2"/>
    </row>
    <row r="29492" spans="1:3" ht="19.2">
      <c r="A29492" s="2"/>
      <c r="B29492" s="2"/>
      <c r="C29492" s="2"/>
    </row>
    <row r="29493" spans="1:3" ht="19.2">
      <c r="A29493" s="2"/>
      <c r="B29493" s="2"/>
      <c r="C29493" s="2"/>
    </row>
    <row r="29494" spans="1:3" ht="19.2">
      <c r="A29494" s="2"/>
      <c r="B29494" s="2"/>
      <c r="C29494" s="2"/>
    </row>
    <row r="29495" spans="1:3" ht="19.2">
      <c r="A29495" s="2"/>
      <c r="B29495" s="2"/>
      <c r="C29495" s="2"/>
    </row>
    <row r="29496" spans="1:3" ht="19.2">
      <c r="A29496" s="2"/>
      <c r="B29496" s="2"/>
      <c r="C29496" s="2"/>
    </row>
    <row r="29497" spans="1:3" ht="19.2">
      <c r="A29497" s="2"/>
      <c r="B29497" s="2"/>
      <c r="C29497" s="2"/>
    </row>
    <row r="29498" spans="1:3" ht="19.2">
      <c r="A29498" s="2"/>
      <c r="B29498" s="2"/>
      <c r="C29498" s="2"/>
    </row>
    <row r="29499" spans="1:3" ht="19.2">
      <c r="A29499" s="2"/>
      <c r="B29499" s="2"/>
      <c r="C29499" s="2"/>
    </row>
    <row r="29500" spans="1:3" ht="19.2">
      <c r="A29500" s="2"/>
      <c r="B29500" s="2"/>
      <c r="C29500" s="2"/>
    </row>
    <row r="29501" spans="1:3" ht="19.2">
      <c r="A29501" s="2"/>
      <c r="B29501" s="2"/>
      <c r="C29501" s="2"/>
    </row>
    <row r="29502" spans="1:3" ht="19.2">
      <c r="A29502" s="2"/>
      <c r="B29502" s="2"/>
      <c r="C29502" s="2"/>
    </row>
    <row r="29503" spans="1:3" ht="19.2">
      <c r="A29503" s="2"/>
      <c r="B29503" s="2"/>
      <c r="C29503" s="2"/>
    </row>
    <row r="29504" spans="1:3" ht="19.2">
      <c r="A29504" s="2"/>
      <c r="B29504" s="2"/>
      <c r="C29504" s="2"/>
    </row>
    <row r="29505" spans="1:3" ht="19.2">
      <c r="A29505" s="2"/>
      <c r="B29505" s="2"/>
      <c r="C29505" s="2"/>
    </row>
    <row r="29506" spans="1:3" ht="19.2">
      <c r="A29506" s="2"/>
      <c r="B29506" s="2"/>
      <c r="C29506" s="2"/>
    </row>
    <row r="29507" spans="1:3" ht="19.2">
      <c r="A29507" s="2"/>
      <c r="B29507" s="2"/>
      <c r="C29507" s="2"/>
    </row>
    <row r="29508" spans="1:3" ht="19.2">
      <c r="A29508" s="2"/>
      <c r="B29508" s="2"/>
      <c r="C29508" s="2"/>
    </row>
    <row r="29509" spans="1:3" ht="19.2">
      <c r="A29509" s="2"/>
      <c r="B29509" s="2"/>
      <c r="C29509" s="2"/>
    </row>
    <row r="29510" spans="1:3" ht="19.2">
      <c r="A29510" s="2"/>
      <c r="B29510" s="2"/>
      <c r="C29510" s="2"/>
    </row>
    <row r="29511" spans="1:3" ht="19.2">
      <c r="A29511" s="2"/>
      <c r="B29511" s="2"/>
      <c r="C29511" s="2"/>
    </row>
    <row r="29512" spans="1:3" ht="19.2">
      <c r="A29512" s="2"/>
      <c r="B29512" s="2"/>
      <c r="C29512" s="2"/>
    </row>
    <row r="29513" spans="1:3" ht="19.2">
      <c r="A29513" s="2"/>
      <c r="B29513" s="2"/>
      <c r="C29513" s="2"/>
    </row>
    <row r="29514" spans="1:3" ht="19.2">
      <c r="A29514" s="2"/>
      <c r="B29514" s="2"/>
      <c r="C29514" s="2"/>
    </row>
    <row r="29515" spans="1:3" ht="19.2">
      <c r="A29515" s="2"/>
      <c r="B29515" s="2"/>
      <c r="C29515" s="2"/>
    </row>
    <row r="29516" spans="1:3" ht="19.2">
      <c r="A29516" s="2"/>
      <c r="B29516" s="2"/>
      <c r="C29516" s="2"/>
    </row>
    <row r="29517" spans="1:3" ht="19.2">
      <c r="A29517" s="2"/>
      <c r="B29517" s="2"/>
      <c r="C29517" s="2"/>
    </row>
    <row r="29518" spans="1:3" ht="19.2">
      <c r="A29518" s="2"/>
      <c r="B29518" s="2"/>
      <c r="C29518" s="2"/>
    </row>
    <row r="29519" spans="1:3" ht="19.2">
      <c r="A29519" s="2"/>
      <c r="B29519" s="2"/>
      <c r="C29519" s="2"/>
    </row>
    <row r="29520" spans="1:3" ht="19.2">
      <c r="A29520" s="2"/>
      <c r="B29520" s="2"/>
      <c r="C29520" s="2"/>
    </row>
    <row r="29521" spans="1:3" ht="19.2">
      <c r="A29521" s="2"/>
      <c r="B29521" s="2"/>
      <c r="C29521" s="2"/>
    </row>
    <row r="29522" spans="1:3" ht="19.2">
      <c r="A29522" s="2"/>
      <c r="B29522" s="2"/>
      <c r="C29522" s="2"/>
    </row>
    <row r="29523" spans="1:3" ht="19.2">
      <c r="A29523" s="2"/>
      <c r="B29523" s="2"/>
      <c r="C29523" s="2"/>
    </row>
    <row r="29524" spans="1:3" ht="19.2">
      <c r="A29524" s="2"/>
      <c r="B29524" s="2"/>
      <c r="C29524" s="2"/>
    </row>
    <row r="29525" spans="1:3" ht="19.2">
      <c r="A29525" s="2"/>
      <c r="B29525" s="2"/>
      <c r="C29525" s="2"/>
    </row>
    <row r="29526" spans="1:3" ht="19.2">
      <c r="A29526" s="2"/>
      <c r="B29526" s="2"/>
      <c r="C29526" s="2"/>
    </row>
    <row r="29527" spans="1:3" ht="19.2">
      <c r="A29527" s="2"/>
      <c r="B29527" s="2"/>
      <c r="C29527" s="2"/>
    </row>
    <row r="29528" spans="1:3" ht="19.2">
      <c r="A29528" s="2"/>
      <c r="B29528" s="2"/>
      <c r="C29528" s="2"/>
    </row>
    <row r="29529" spans="1:3" ht="19.2">
      <c r="A29529" s="2"/>
      <c r="B29529" s="2"/>
      <c r="C29529" s="2"/>
    </row>
    <row r="29530" spans="1:3" ht="19.2">
      <c r="A29530" s="2"/>
      <c r="B29530" s="2"/>
      <c r="C29530" s="2"/>
    </row>
    <row r="29531" spans="1:3" ht="19.2">
      <c r="A29531" s="2"/>
      <c r="B29531" s="2"/>
      <c r="C29531" s="2"/>
    </row>
    <row r="29532" spans="1:3" ht="19.2">
      <c r="A29532" s="2"/>
      <c r="B29532" s="2"/>
      <c r="C29532" s="2"/>
    </row>
    <row r="29533" spans="1:3" ht="19.2">
      <c r="A29533" s="2"/>
      <c r="B29533" s="2"/>
      <c r="C29533" s="2"/>
    </row>
    <row r="29534" spans="1:3" ht="19.2">
      <c r="A29534" s="2"/>
      <c r="B29534" s="2"/>
      <c r="C29534" s="2"/>
    </row>
    <row r="29535" spans="1:3" ht="19.2">
      <c r="A29535" s="2"/>
      <c r="B29535" s="2"/>
      <c r="C29535" s="2"/>
    </row>
    <row r="29536" spans="1:3" ht="19.2">
      <c r="A29536" s="2"/>
      <c r="B29536" s="2"/>
      <c r="C29536" s="2"/>
    </row>
    <row r="29537" spans="1:3" ht="19.2">
      <c r="A29537" s="2"/>
      <c r="B29537" s="2"/>
      <c r="C29537" s="2"/>
    </row>
    <row r="29538" spans="1:3" ht="19.2">
      <c r="A29538" s="2"/>
      <c r="B29538" s="2"/>
      <c r="C29538" s="2"/>
    </row>
    <row r="29539" spans="1:3" ht="19.2">
      <c r="A29539" s="2"/>
      <c r="B29539" s="2"/>
      <c r="C29539" s="2"/>
    </row>
    <row r="29540" spans="1:3" ht="19.2">
      <c r="A29540" s="2"/>
      <c r="B29540" s="2"/>
      <c r="C29540" s="2"/>
    </row>
    <row r="29541" spans="1:3" ht="19.2">
      <c r="A29541" s="2"/>
      <c r="B29541" s="2"/>
      <c r="C29541" s="2"/>
    </row>
    <row r="29542" spans="1:3" ht="19.2">
      <c r="A29542" s="2"/>
      <c r="B29542" s="2"/>
      <c r="C29542" s="2"/>
    </row>
    <row r="29543" spans="1:3" ht="19.2">
      <c r="A29543" s="2"/>
      <c r="B29543" s="2"/>
      <c r="C29543" s="2"/>
    </row>
    <row r="29544" spans="1:3" ht="19.2">
      <c r="A29544" s="2"/>
      <c r="B29544" s="2"/>
      <c r="C29544" s="2"/>
    </row>
    <row r="29545" spans="1:3" ht="19.2">
      <c r="A29545" s="2"/>
      <c r="B29545" s="2"/>
      <c r="C29545" s="2"/>
    </row>
    <row r="29546" spans="1:3" ht="19.2">
      <c r="A29546" s="2"/>
      <c r="B29546" s="2"/>
      <c r="C29546" s="2"/>
    </row>
    <row r="29547" spans="1:3" ht="19.2">
      <c r="A29547" s="2"/>
      <c r="B29547" s="2"/>
      <c r="C29547" s="2"/>
    </row>
    <row r="29548" spans="1:3" ht="19.2">
      <c r="A29548" s="2"/>
      <c r="B29548" s="2"/>
      <c r="C29548" s="2"/>
    </row>
    <row r="29549" spans="1:3" ht="19.2">
      <c r="A29549" s="2"/>
      <c r="B29549" s="2"/>
      <c r="C29549" s="2"/>
    </row>
    <row r="29550" spans="1:3" ht="19.2">
      <c r="A29550" s="2"/>
      <c r="B29550" s="2"/>
      <c r="C29550" s="2"/>
    </row>
    <row r="29551" spans="1:3" ht="19.2">
      <c r="A29551" s="2"/>
      <c r="B29551" s="2"/>
      <c r="C29551" s="2"/>
    </row>
    <row r="29552" spans="1:3" ht="19.2">
      <c r="A29552" s="2"/>
      <c r="B29552" s="2"/>
      <c r="C29552" s="2"/>
    </row>
    <row r="29553" spans="1:3" ht="19.2">
      <c r="A29553" s="2"/>
      <c r="B29553" s="2"/>
      <c r="C29553" s="2"/>
    </row>
    <row r="29554" spans="1:3" ht="19.2">
      <c r="A29554" s="2"/>
      <c r="B29554" s="2"/>
      <c r="C29554" s="2"/>
    </row>
    <row r="29555" spans="1:3" ht="19.2">
      <c r="A29555" s="2"/>
      <c r="B29555" s="2"/>
      <c r="C29555" s="2"/>
    </row>
    <row r="29556" spans="1:3" ht="19.2">
      <c r="A29556" s="2"/>
      <c r="B29556" s="2"/>
      <c r="C29556" s="2"/>
    </row>
    <row r="29557" spans="1:3" ht="19.2">
      <c r="A29557" s="2"/>
      <c r="B29557" s="2"/>
      <c r="C29557" s="2"/>
    </row>
    <row r="29558" spans="1:3" ht="19.2">
      <c r="A29558" s="2"/>
      <c r="B29558" s="2"/>
      <c r="C29558" s="2"/>
    </row>
    <row r="29559" spans="1:3" ht="19.2">
      <c r="A29559" s="2"/>
      <c r="B29559" s="2"/>
      <c r="C29559" s="2"/>
    </row>
    <row r="29560" spans="1:3" ht="19.2">
      <c r="A29560" s="2"/>
      <c r="B29560" s="2"/>
      <c r="C29560" s="2"/>
    </row>
    <row r="29561" spans="1:3" ht="19.2">
      <c r="A29561" s="2"/>
      <c r="B29561" s="2"/>
      <c r="C29561" s="2"/>
    </row>
    <row r="29562" spans="1:3" ht="19.2">
      <c r="A29562" s="2"/>
      <c r="B29562" s="2"/>
      <c r="C29562" s="2"/>
    </row>
    <row r="29563" spans="1:3" ht="19.2">
      <c r="A29563" s="2"/>
      <c r="B29563" s="2"/>
      <c r="C29563" s="2"/>
    </row>
    <row r="29564" spans="1:3" ht="19.2">
      <c r="A29564" s="2"/>
      <c r="B29564" s="2"/>
      <c r="C29564" s="2"/>
    </row>
    <row r="29565" spans="1:3" ht="19.2">
      <c r="A29565" s="2"/>
      <c r="B29565" s="2"/>
      <c r="C29565" s="2"/>
    </row>
    <row r="29566" spans="1:3" ht="19.2">
      <c r="A29566" s="2"/>
      <c r="B29566" s="2"/>
      <c r="C29566" s="2"/>
    </row>
    <row r="29567" spans="1:3" ht="19.2">
      <c r="A29567" s="2"/>
      <c r="B29567" s="2"/>
      <c r="C29567" s="2"/>
    </row>
    <row r="29568" spans="1:3" ht="19.2">
      <c r="A29568" s="2"/>
      <c r="B29568" s="2"/>
      <c r="C29568" s="2"/>
    </row>
    <row r="29569" spans="1:3" ht="19.2">
      <c r="A29569" s="2"/>
      <c r="B29569" s="2"/>
      <c r="C29569" s="2"/>
    </row>
    <row r="29570" spans="1:3" ht="19.2">
      <c r="A29570" s="2"/>
      <c r="B29570" s="2"/>
      <c r="C29570" s="2"/>
    </row>
    <row r="29571" spans="1:3" ht="19.2">
      <c r="A29571" s="2"/>
      <c r="B29571" s="2"/>
      <c r="C29571" s="2"/>
    </row>
    <row r="29572" spans="1:3" ht="19.2">
      <c r="A29572" s="2"/>
      <c r="B29572" s="2"/>
      <c r="C29572" s="2"/>
    </row>
    <row r="29573" spans="1:3" ht="19.2">
      <c r="A29573" s="2"/>
      <c r="B29573" s="2"/>
      <c r="C29573" s="2"/>
    </row>
    <row r="29574" spans="1:3" ht="19.2">
      <c r="A29574" s="2"/>
      <c r="B29574" s="2"/>
      <c r="C29574" s="2"/>
    </row>
    <row r="29575" spans="1:3" ht="19.2">
      <c r="A29575" s="2"/>
      <c r="B29575" s="2"/>
      <c r="C29575" s="2"/>
    </row>
    <row r="29576" spans="1:3" ht="19.2">
      <c r="A29576" s="2"/>
      <c r="B29576" s="2"/>
      <c r="C29576" s="2"/>
    </row>
    <row r="29577" spans="1:3" ht="19.2">
      <c r="A29577" s="2"/>
      <c r="B29577" s="2"/>
      <c r="C29577" s="2"/>
    </row>
    <row r="29578" spans="1:3" ht="19.2">
      <c r="A29578" s="2"/>
      <c r="B29578" s="2"/>
      <c r="C29578" s="2"/>
    </row>
    <row r="29579" spans="1:3" ht="19.2">
      <c r="A29579" s="2"/>
      <c r="B29579" s="2"/>
      <c r="C29579" s="2"/>
    </row>
    <row r="29580" spans="1:3" ht="19.2">
      <c r="A29580" s="2"/>
      <c r="B29580" s="2"/>
      <c r="C29580" s="2"/>
    </row>
    <row r="29581" spans="1:3" ht="19.2">
      <c r="A29581" s="2"/>
      <c r="B29581" s="2"/>
      <c r="C29581" s="2"/>
    </row>
    <row r="29582" spans="1:3" ht="19.2">
      <c r="A29582" s="2"/>
      <c r="B29582" s="2"/>
      <c r="C29582" s="2"/>
    </row>
    <row r="29583" spans="1:3" ht="19.2">
      <c r="A29583" s="2"/>
      <c r="B29583" s="2"/>
      <c r="C29583" s="2"/>
    </row>
    <row r="29584" spans="1:3" ht="19.2">
      <c r="A29584" s="2"/>
      <c r="B29584" s="2"/>
      <c r="C29584" s="2"/>
    </row>
    <row r="29585" spans="1:3" ht="19.2">
      <c r="A29585" s="2"/>
      <c r="B29585" s="2"/>
      <c r="C29585" s="2"/>
    </row>
    <row r="29586" spans="1:3" ht="19.2">
      <c r="A29586" s="2"/>
      <c r="B29586" s="2"/>
      <c r="C29586" s="2"/>
    </row>
    <row r="29587" spans="1:3" ht="19.2">
      <c r="A29587" s="2"/>
      <c r="B29587" s="2"/>
      <c r="C29587" s="2"/>
    </row>
    <row r="29588" spans="1:3" ht="19.2">
      <c r="A29588" s="2"/>
      <c r="B29588" s="2"/>
      <c r="C29588" s="2"/>
    </row>
    <row r="29589" spans="1:3" ht="19.2">
      <c r="A29589" s="2"/>
      <c r="B29589" s="2"/>
      <c r="C29589" s="2"/>
    </row>
    <row r="29590" spans="1:3" ht="19.2">
      <c r="A29590" s="2"/>
      <c r="B29590" s="2"/>
      <c r="C29590" s="2"/>
    </row>
    <row r="29591" spans="1:3" ht="19.2">
      <c r="A29591" s="2"/>
      <c r="B29591" s="2"/>
      <c r="C29591" s="2"/>
    </row>
    <row r="29592" spans="1:3" ht="19.2">
      <c r="A29592" s="2"/>
      <c r="B29592" s="2"/>
      <c r="C29592" s="2"/>
    </row>
    <row r="29593" spans="1:3" ht="19.2">
      <c r="A29593" s="2"/>
      <c r="B29593" s="2"/>
      <c r="C29593" s="2"/>
    </row>
    <row r="29594" spans="1:3" ht="19.2">
      <c r="A29594" s="2"/>
      <c r="B29594" s="2"/>
      <c r="C29594" s="2"/>
    </row>
    <row r="29595" spans="1:3" ht="19.2">
      <c r="A29595" s="2"/>
      <c r="B29595" s="2"/>
      <c r="C29595" s="2"/>
    </row>
    <row r="29596" spans="1:3" ht="19.2">
      <c r="A29596" s="2"/>
      <c r="B29596" s="2"/>
      <c r="C29596" s="2"/>
    </row>
    <row r="29597" spans="1:3" ht="19.2">
      <c r="A29597" s="2"/>
      <c r="B29597" s="2"/>
      <c r="C29597" s="2"/>
    </row>
    <row r="29598" spans="1:3" ht="19.2">
      <c r="A29598" s="2"/>
      <c r="B29598" s="2"/>
      <c r="C29598" s="2"/>
    </row>
    <row r="29599" spans="1:3" ht="19.2">
      <c r="A29599" s="2"/>
      <c r="B29599" s="2"/>
      <c r="C29599" s="2"/>
    </row>
    <row r="29600" spans="1:3" ht="19.2">
      <c r="A29600" s="2"/>
      <c r="B29600" s="2"/>
      <c r="C29600" s="2"/>
    </row>
    <row r="29601" spans="1:3" ht="19.2">
      <c r="A29601" s="2"/>
      <c r="B29601" s="2"/>
      <c r="C29601" s="2"/>
    </row>
    <row r="29602" spans="1:3" ht="19.2">
      <c r="A29602" s="2"/>
      <c r="B29602" s="2"/>
      <c r="C29602" s="2"/>
    </row>
    <row r="29603" spans="1:3" ht="19.2">
      <c r="A29603" s="2"/>
      <c r="B29603" s="2"/>
      <c r="C29603" s="2"/>
    </row>
    <row r="29604" spans="1:3" ht="19.2">
      <c r="A29604" s="2"/>
      <c r="B29604" s="2"/>
      <c r="C29604" s="2"/>
    </row>
    <row r="29605" spans="1:3" ht="19.2">
      <c r="A29605" s="2"/>
      <c r="B29605" s="2"/>
      <c r="C29605" s="2"/>
    </row>
    <row r="29606" spans="1:3" ht="19.2">
      <c r="A29606" s="2"/>
      <c r="B29606" s="2"/>
      <c r="C29606" s="2"/>
    </row>
    <row r="29607" spans="1:3" ht="19.2">
      <c r="A29607" s="2"/>
      <c r="B29607" s="2"/>
      <c r="C29607" s="2"/>
    </row>
    <row r="29608" spans="1:3" ht="19.2">
      <c r="A29608" s="2"/>
      <c r="B29608" s="2"/>
      <c r="C29608" s="2"/>
    </row>
    <row r="29609" spans="1:3" ht="19.2">
      <c r="A29609" s="2"/>
      <c r="B29609" s="2"/>
      <c r="C29609" s="2"/>
    </row>
    <row r="29610" spans="1:3" ht="19.2">
      <c r="A29610" s="2"/>
      <c r="B29610" s="2"/>
      <c r="C29610" s="2"/>
    </row>
    <row r="29611" spans="1:3" ht="19.2">
      <c r="A29611" s="2"/>
      <c r="B29611" s="2"/>
      <c r="C29611" s="2"/>
    </row>
    <row r="29612" spans="1:3" ht="19.2">
      <c r="A29612" s="2"/>
      <c r="B29612" s="2"/>
      <c r="C29612" s="2"/>
    </row>
    <row r="29613" spans="1:3" ht="19.2">
      <c r="A29613" s="2"/>
      <c r="B29613" s="2"/>
      <c r="C29613" s="2"/>
    </row>
    <row r="29614" spans="1:3" ht="19.2">
      <c r="A29614" s="2"/>
      <c r="B29614" s="2"/>
      <c r="C29614" s="2"/>
    </row>
    <row r="29615" spans="1:3" ht="19.2">
      <c r="A29615" s="2"/>
      <c r="B29615" s="2"/>
      <c r="C29615" s="2"/>
    </row>
    <row r="29616" spans="1:3" ht="19.2">
      <c r="A29616" s="2"/>
      <c r="B29616" s="2"/>
      <c r="C29616" s="2"/>
    </row>
    <row r="29617" spans="1:3" ht="19.2">
      <c r="A29617" s="2"/>
      <c r="B29617" s="2"/>
      <c r="C29617" s="2"/>
    </row>
    <row r="29618" spans="1:3" ht="19.2">
      <c r="A29618" s="2"/>
      <c r="B29618" s="2"/>
      <c r="C29618" s="2"/>
    </row>
    <row r="29619" spans="1:3" ht="19.2">
      <c r="A29619" s="2"/>
      <c r="B29619" s="2"/>
      <c r="C29619" s="2"/>
    </row>
    <row r="29620" spans="1:3" ht="19.2">
      <c r="A29620" s="2"/>
      <c r="B29620" s="2"/>
      <c r="C29620" s="2"/>
    </row>
    <row r="29621" spans="1:3" ht="19.2">
      <c r="A29621" s="2"/>
      <c r="B29621" s="2"/>
      <c r="C29621" s="2"/>
    </row>
    <row r="29622" spans="1:3" ht="19.2">
      <c r="A29622" s="2"/>
      <c r="B29622" s="2"/>
      <c r="C29622" s="2"/>
    </row>
    <row r="29623" spans="1:3" ht="19.2">
      <c r="A29623" s="2"/>
      <c r="B29623" s="2"/>
      <c r="C29623" s="2"/>
    </row>
    <row r="29624" spans="1:3" ht="19.2">
      <c r="A29624" s="2"/>
      <c r="B29624" s="2"/>
      <c r="C29624" s="2"/>
    </row>
    <row r="29625" spans="1:3" ht="19.2">
      <c r="A29625" s="2"/>
      <c r="B29625" s="2"/>
      <c r="C29625" s="2"/>
    </row>
    <row r="29626" spans="1:3" ht="19.2">
      <c r="A29626" s="2"/>
      <c r="B29626" s="2"/>
      <c r="C29626" s="2"/>
    </row>
    <row r="29627" spans="1:3" ht="19.2">
      <c r="A29627" s="2"/>
      <c r="B29627" s="2"/>
      <c r="C29627" s="2"/>
    </row>
    <row r="29628" spans="1:3" ht="19.2">
      <c r="A29628" s="2"/>
      <c r="B29628" s="2"/>
      <c r="C29628" s="2"/>
    </row>
    <row r="29629" spans="1:3" ht="19.2">
      <c r="A29629" s="2"/>
      <c r="B29629" s="2"/>
      <c r="C29629" s="2"/>
    </row>
    <row r="29630" spans="1:3" ht="19.2">
      <c r="A29630" s="2"/>
      <c r="B29630" s="2"/>
      <c r="C29630" s="2"/>
    </row>
    <row r="29631" spans="1:3" ht="19.2">
      <c r="A29631" s="2"/>
      <c r="B29631" s="2"/>
      <c r="C29631" s="2"/>
    </row>
    <row r="29632" spans="1:3" ht="19.2">
      <c r="A29632" s="2"/>
      <c r="B29632" s="2"/>
      <c r="C29632" s="2"/>
    </row>
    <row r="29633" spans="1:3" ht="19.2">
      <c r="A29633" s="2"/>
      <c r="B29633" s="2"/>
      <c r="C29633" s="2"/>
    </row>
    <row r="29634" spans="1:3" ht="19.2">
      <c r="A29634" s="2"/>
      <c r="B29634" s="2"/>
      <c r="C29634" s="2"/>
    </row>
    <row r="29635" spans="1:3" ht="19.2">
      <c r="A29635" s="2"/>
      <c r="B29635" s="2"/>
      <c r="C29635" s="2"/>
    </row>
    <row r="29636" spans="1:3" ht="19.2">
      <c r="A29636" s="2"/>
      <c r="B29636" s="2"/>
      <c r="C29636" s="2"/>
    </row>
    <row r="29637" spans="1:3" ht="19.2">
      <c r="A29637" s="2"/>
      <c r="B29637" s="2"/>
      <c r="C29637" s="2"/>
    </row>
    <row r="29638" spans="1:3" ht="19.2">
      <c r="A29638" s="2"/>
      <c r="B29638" s="2"/>
      <c r="C29638" s="2"/>
    </row>
    <row r="29639" spans="1:3" ht="19.2">
      <c r="A29639" s="2"/>
      <c r="B29639" s="2"/>
      <c r="C29639" s="2"/>
    </row>
    <row r="29640" spans="1:3" ht="19.2">
      <c r="A29640" s="2"/>
      <c r="B29640" s="2"/>
      <c r="C29640" s="2"/>
    </row>
    <row r="29641" spans="1:3" ht="19.2">
      <c r="A29641" s="2"/>
      <c r="B29641" s="2"/>
      <c r="C29641" s="2"/>
    </row>
    <row r="29642" spans="1:3" ht="19.2">
      <c r="A29642" s="2"/>
      <c r="B29642" s="2"/>
      <c r="C29642" s="2"/>
    </row>
    <row r="29643" spans="1:3" ht="19.2">
      <c r="A29643" s="2"/>
      <c r="B29643" s="2"/>
      <c r="C29643" s="2"/>
    </row>
    <row r="29644" spans="1:3" ht="19.2">
      <c r="A29644" s="2"/>
      <c r="B29644" s="2"/>
      <c r="C29644" s="2"/>
    </row>
    <row r="29645" spans="1:3" ht="19.2">
      <c r="A29645" s="2"/>
      <c r="B29645" s="2"/>
      <c r="C29645" s="2"/>
    </row>
    <row r="29646" spans="1:3" ht="19.2">
      <c r="A29646" s="2"/>
      <c r="B29646" s="2"/>
      <c r="C29646" s="2"/>
    </row>
    <row r="29647" spans="1:3" ht="19.2">
      <c r="A29647" s="2"/>
      <c r="B29647" s="2"/>
      <c r="C29647" s="2"/>
    </row>
    <row r="29648" spans="1:3" ht="19.2">
      <c r="A29648" s="2"/>
      <c r="B29648" s="2"/>
      <c r="C29648" s="2"/>
    </row>
    <row r="29649" spans="1:3" ht="19.2">
      <c r="A29649" s="2"/>
      <c r="B29649" s="2"/>
      <c r="C29649" s="2"/>
    </row>
    <row r="29650" spans="1:3" ht="19.2">
      <c r="A29650" s="2"/>
      <c r="B29650" s="2"/>
      <c r="C29650" s="2"/>
    </row>
    <row r="29651" spans="1:3" ht="19.2">
      <c r="A29651" s="2"/>
      <c r="B29651" s="2"/>
      <c r="C29651" s="2"/>
    </row>
    <row r="29652" spans="1:3" ht="19.2">
      <c r="A29652" s="2"/>
      <c r="B29652" s="2"/>
      <c r="C29652" s="2"/>
    </row>
    <row r="29653" spans="1:3" ht="19.2">
      <c r="A29653" s="2"/>
      <c r="B29653" s="2"/>
      <c r="C29653" s="2"/>
    </row>
    <row r="29654" spans="1:3" ht="19.2">
      <c r="A29654" s="2"/>
      <c r="B29654" s="2"/>
      <c r="C29654" s="2"/>
    </row>
    <row r="29655" spans="1:3" ht="19.2">
      <c r="A29655" s="2"/>
      <c r="B29655" s="2"/>
      <c r="C29655" s="2"/>
    </row>
    <row r="29656" spans="1:3" ht="19.2">
      <c r="A29656" s="2"/>
      <c r="B29656" s="2"/>
      <c r="C29656" s="2"/>
    </row>
    <row r="29657" spans="1:3" ht="19.2">
      <c r="A29657" s="2"/>
      <c r="B29657" s="2"/>
      <c r="C29657" s="2"/>
    </row>
    <row r="29658" spans="1:3" ht="19.2">
      <c r="A29658" s="2"/>
      <c r="B29658" s="2"/>
      <c r="C29658" s="2"/>
    </row>
    <row r="29659" spans="1:3" ht="19.2">
      <c r="A29659" s="2"/>
      <c r="B29659" s="2"/>
      <c r="C29659" s="2"/>
    </row>
    <row r="29660" spans="1:3" ht="19.2">
      <c r="A29660" s="2"/>
      <c r="B29660" s="2"/>
      <c r="C29660" s="2"/>
    </row>
    <row r="29661" spans="1:3" ht="19.2">
      <c r="A29661" s="2"/>
      <c r="B29661" s="2"/>
      <c r="C29661" s="2"/>
    </row>
    <row r="29662" spans="1:3" ht="19.2">
      <c r="A29662" s="2"/>
      <c r="B29662" s="2"/>
      <c r="C29662" s="2"/>
    </row>
    <row r="29663" spans="1:3" ht="19.2">
      <c r="A29663" s="2"/>
      <c r="B29663" s="2"/>
      <c r="C29663" s="2"/>
    </row>
    <row r="29664" spans="1:3" ht="19.2">
      <c r="A29664" s="2"/>
      <c r="B29664" s="2"/>
      <c r="C29664" s="2"/>
    </row>
    <row r="29665" spans="1:3" ht="19.2">
      <c r="A29665" s="2"/>
      <c r="B29665" s="2"/>
      <c r="C29665" s="2"/>
    </row>
    <row r="29666" spans="1:3" ht="19.2">
      <c r="A29666" s="2"/>
      <c r="B29666" s="2"/>
      <c r="C29666" s="2"/>
    </row>
    <row r="29667" spans="1:3" ht="19.2">
      <c r="A29667" s="2"/>
      <c r="B29667" s="2"/>
      <c r="C29667" s="2"/>
    </row>
    <row r="29668" spans="1:3" ht="19.2">
      <c r="A29668" s="2"/>
      <c r="B29668" s="2"/>
      <c r="C29668" s="2"/>
    </row>
    <row r="29669" spans="1:3" ht="19.2">
      <c r="A29669" s="2"/>
      <c r="B29669" s="2"/>
      <c r="C29669" s="2"/>
    </row>
    <row r="29670" spans="1:3" ht="19.2">
      <c r="A29670" s="2"/>
      <c r="B29670" s="2"/>
      <c r="C29670" s="2"/>
    </row>
    <row r="29671" spans="1:3" ht="19.2">
      <c r="A29671" s="2"/>
      <c r="B29671" s="2"/>
      <c r="C29671" s="2"/>
    </row>
    <row r="29672" spans="1:3" ht="19.2">
      <c r="A29672" s="2"/>
      <c r="B29672" s="2"/>
      <c r="C29672" s="2"/>
    </row>
    <row r="29673" spans="1:3" ht="19.2">
      <c r="A29673" s="2"/>
      <c r="B29673" s="2"/>
      <c r="C29673" s="2"/>
    </row>
    <row r="29674" spans="1:3" ht="19.2">
      <c r="A29674" s="2"/>
      <c r="B29674" s="2"/>
      <c r="C29674" s="2"/>
    </row>
    <row r="29675" spans="1:3" ht="19.2">
      <c r="A29675" s="2"/>
      <c r="B29675" s="2"/>
      <c r="C29675" s="2"/>
    </row>
    <row r="29676" spans="1:3" ht="19.2">
      <c r="A29676" s="2"/>
      <c r="B29676" s="2"/>
      <c r="C29676" s="2"/>
    </row>
    <row r="29677" spans="1:3" ht="19.2">
      <c r="A29677" s="2"/>
      <c r="B29677" s="2"/>
      <c r="C29677" s="2"/>
    </row>
    <row r="29678" spans="1:3" ht="19.2">
      <c r="A29678" s="2"/>
      <c r="B29678" s="2"/>
      <c r="C29678" s="2"/>
    </row>
    <row r="29679" spans="1:3" ht="19.2">
      <c r="A29679" s="2"/>
      <c r="B29679" s="2"/>
      <c r="C29679" s="2"/>
    </row>
    <row r="29680" spans="1:3" ht="19.2">
      <c r="A29680" s="2"/>
      <c r="B29680" s="2"/>
      <c r="C29680" s="2"/>
    </row>
    <row r="29681" spans="1:3" ht="19.2">
      <c r="A29681" s="2"/>
      <c r="B29681" s="2"/>
      <c r="C29681" s="2"/>
    </row>
    <row r="29682" spans="1:3" ht="19.2">
      <c r="A29682" s="2"/>
      <c r="B29682" s="2"/>
      <c r="C29682" s="2"/>
    </row>
    <row r="29683" spans="1:3" ht="19.2">
      <c r="A29683" s="2"/>
      <c r="B29683" s="2"/>
      <c r="C29683" s="2"/>
    </row>
    <row r="29684" spans="1:3" ht="19.2">
      <c r="A29684" s="2"/>
      <c r="B29684" s="2"/>
      <c r="C29684" s="2"/>
    </row>
    <row r="29685" spans="1:3" ht="19.2">
      <c r="A29685" s="2"/>
      <c r="B29685" s="2"/>
      <c r="C29685" s="2"/>
    </row>
    <row r="29686" spans="1:3" ht="19.2">
      <c r="A29686" s="2"/>
      <c r="B29686" s="2"/>
      <c r="C29686" s="2"/>
    </row>
    <row r="29687" spans="1:3" ht="19.2">
      <c r="A29687" s="2"/>
      <c r="B29687" s="2"/>
      <c r="C29687" s="2"/>
    </row>
    <row r="29688" spans="1:3" ht="19.2">
      <c r="A29688" s="2"/>
      <c r="B29688" s="2"/>
      <c r="C29688" s="2"/>
    </row>
    <row r="29689" spans="1:3" ht="19.2">
      <c r="A29689" s="2"/>
      <c r="B29689" s="2"/>
      <c r="C29689" s="2"/>
    </row>
    <row r="29690" spans="1:3" ht="19.2">
      <c r="A29690" s="2"/>
      <c r="B29690" s="2"/>
      <c r="C29690" s="2"/>
    </row>
    <row r="29691" spans="1:3" ht="19.2">
      <c r="A29691" s="2"/>
      <c r="B29691" s="2"/>
      <c r="C29691" s="2"/>
    </row>
    <row r="29692" spans="1:3" ht="19.2">
      <c r="A29692" s="2"/>
      <c r="B29692" s="2"/>
      <c r="C29692" s="2"/>
    </row>
    <row r="29693" spans="1:3" ht="19.2">
      <c r="A29693" s="2"/>
      <c r="B29693" s="2"/>
      <c r="C29693" s="2"/>
    </row>
    <row r="29694" spans="1:3" ht="19.2">
      <c r="A29694" s="2"/>
      <c r="B29694" s="2"/>
      <c r="C29694" s="2"/>
    </row>
    <row r="29695" spans="1:3" ht="19.2">
      <c r="A29695" s="2"/>
      <c r="B29695" s="2"/>
      <c r="C29695" s="2"/>
    </row>
    <row r="29696" spans="1:3" ht="19.2">
      <c r="A29696" s="2"/>
      <c r="B29696" s="2"/>
      <c r="C29696" s="2"/>
    </row>
    <row r="29697" spans="1:3" ht="19.2">
      <c r="A29697" s="2"/>
      <c r="B29697" s="2"/>
      <c r="C29697" s="2"/>
    </row>
    <row r="29698" spans="1:3" ht="19.2">
      <c r="A29698" s="2"/>
      <c r="B29698" s="2"/>
      <c r="C29698" s="2"/>
    </row>
    <row r="29699" spans="1:3" ht="19.2">
      <c r="A29699" s="2"/>
      <c r="B29699" s="2"/>
      <c r="C29699" s="2"/>
    </row>
    <row r="29700" spans="1:3" ht="19.2">
      <c r="A29700" s="2"/>
      <c r="B29700" s="2"/>
      <c r="C29700" s="2"/>
    </row>
    <row r="29701" spans="1:3" ht="19.2">
      <c r="A29701" s="2"/>
      <c r="B29701" s="2"/>
      <c r="C29701" s="2"/>
    </row>
    <row r="29702" spans="1:3" ht="19.2">
      <c r="A29702" s="2"/>
      <c r="B29702" s="2"/>
      <c r="C29702" s="2"/>
    </row>
    <row r="29703" spans="1:3" ht="19.2">
      <c r="A29703" s="2"/>
      <c r="B29703" s="2"/>
      <c r="C29703" s="2"/>
    </row>
    <row r="29704" spans="1:3" ht="19.2">
      <c r="A29704" s="2"/>
      <c r="B29704" s="2"/>
      <c r="C29704" s="2"/>
    </row>
    <row r="29705" spans="1:3" ht="19.2">
      <c r="A29705" s="2"/>
      <c r="B29705" s="2"/>
      <c r="C29705" s="2"/>
    </row>
    <row r="29706" spans="1:3" ht="19.2">
      <c r="A29706" s="2"/>
      <c r="B29706" s="2"/>
      <c r="C29706" s="2"/>
    </row>
    <row r="29707" spans="1:3" ht="19.2">
      <c r="A29707" s="2"/>
      <c r="B29707" s="2"/>
      <c r="C29707" s="2"/>
    </row>
    <row r="29708" spans="1:3" ht="19.2">
      <c r="A29708" s="2"/>
      <c r="B29708" s="2"/>
      <c r="C29708" s="2"/>
    </row>
    <row r="29709" spans="1:3" ht="19.2">
      <c r="A29709" s="2"/>
      <c r="B29709" s="2"/>
      <c r="C29709" s="2"/>
    </row>
    <row r="29710" spans="1:3" ht="19.2">
      <c r="A29710" s="2"/>
      <c r="B29710" s="2"/>
      <c r="C29710" s="2"/>
    </row>
    <row r="29711" spans="1:3" ht="19.2">
      <c r="A29711" s="2"/>
      <c r="B29711" s="2"/>
      <c r="C29711" s="2"/>
    </row>
    <row r="29712" spans="1:3" ht="19.2">
      <c r="A29712" s="2"/>
      <c r="B29712" s="2"/>
      <c r="C29712" s="2"/>
    </row>
    <row r="29713" spans="1:3" ht="19.2">
      <c r="A29713" s="2"/>
      <c r="B29713" s="2"/>
      <c r="C29713" s="2"/>
    </row>
    <row r="29714" spans="1:3" ht="19.2">
      <c r="A29714" s="2"/>
      <c r="B29714" s="2"/>
      <c r="C29714" s="2"/>
    </row>
    <row r="29715" spans="1:3" ht="19.2">
      <c r="A29715" s="2"/>
      <c r="B29715" s="2"/>
      <c r="C29715" s="2"/>
    </row>
    <row r="29716" spans="1:3" ht="19.2">
      <c r="A29716" s="2"/>
      <c r="B29716" s="2"/>
      <c r="C29716" s="2"/>
    </row>
    <row r="29717" spans="1:3" ht="19.2">
      <c r="A29717" s="2"/>
      <c r="B29717" s="2"/>
      <c r="C29717" s="2"/>
    </row>
    <row r="29718" spans="1:3" ht="19.2">
      <c r="A29718" s="2"/>
      <c r="B29718" s="2"/>
      <c r="C29718" s="2"/>
    </row>
    <row r="29719" spans="1:3" ht="19.2">
      <c r="A29719" s="2"/>
      <c r="B29719" s="2"/>
      <c r="C29719" s="2"/>
    </row>
    <row r="29720" spans="1:3" ht="19.2">
      <c r="A29720" s="2"/>
      <c r="B29720" s="2"/>
      <c r="C29720" s="2"/>
    </row>
    <row r="29721" spans="1:3" ht="19.2">
      <c r="A29721" s="2"/>
      <c r="B29721" s="2"/>
      <c r="C29721" s="2"/>
    </row>
    <row r="29722" spans="1:3" ht="19.2">
      <c r="A29722" s="2"/>
      <c r="B29722" s="2"/>
      <c r="C29722" s="2"/>
    </row>
    <row r="29723" spans="1:3" ht="19.2">
      <c r="A29723" s="2"/>
      <c r="B29723" s="2"/>
      <c r="C29723" s="2"/>
    </row>
    <row r="29724" spans="1:3" ht="19.2">
      <c r="A29724" s="2"/>
      <c r="B29724" s="2"/>
      <c r="C29724" s="2"/>
    </row>
    <row r="29725" spans="1:3" ht="19.2">
      <c r="A29725" s="2"/>
      <c r="B29725" s="2"/>
      <c r="C29725" s="2"/>
    </row>
    <row r="29726" spans="1:3" ht="19.2">
      <c r="A29726" s="2"/>
      <c r="B29726" s="2"/>
      <c r="C29726" s="2"/>
    </row>
    <row r="29727" spans="1:3" ht="19.2">
      <c r="A29727" s="2"/>
      <c r="B29727" s="2"/>
      <c r="C29727" s="2"/>
    </row>
    <row r="29728" spans="1:3" ht="19.2">
      <c r="A29728" s="2"/>
      <c r="B29728" s="2"/>
      <c r="C29728" s="2"/>
    </row>
    <row r="29729" spans="1:3" ht="19.2">
      <c r="A29729" s="2"/>
      <c r="B29729" s="2"/>
      <c r="C29729" s="2"/>
    </row>
    <row r="29730" spans="1:3" ht="19.2">
      <c r="A29730" s="2"/>
      <c r="B29730" s="2"/>
      <c r="C29730" s="2"/>
    </row>
    <row r="29731" spans="1:3" ht="19.2">
      <c r="A29731" s="2"/>
      <c r="B29731" s="2"/>
      <c r="C29731" s="2"/>
    </row>
    <row r="29732" spans="1:3" ht="19.2">
      <c r="A29732" s="2"/>
      <c r="B29732" s="2"/>
      <c r="C29732" s="2"/>
    </row>
    <row r="29733" spans="1:3" ht="19.2">
      <c r="A29733" s="2"/>
      <c r="B29733" s="2"/>
      <c r="C29733" s="2"/>
    </row>
    <row r="29734" spans="1:3" ht="19.2">
      <c r="A29734" s="2"/>
      <c r="B29734" s="2"/>
      <c r="C29734" s="2"/>
    </row>
    <row r="29735" spans="1:3" ht="19.2">
      <c r="A29735" s="2"/>
      <c r="B29735" s="2"/>
      <c r="C29735" s="2"/>
    </row>
    <row r="29736" spans="1:3" ht="19.2">
      <c r="A29736" s="2"/>
      <c r="B29736" s="2"/>
      <c r="C29736" s="2"/>
    </row>
    <row r="29737" spans="1:3" ht="19.2">
      <c r="A29737" s="2"/>
      <c r="B29737" s="2"/>
      <c r="C29737" s="2"/>
    </row>
    <row r="29738" spans="1:3" ht="19.2">
      <c r="A29738" s="2"/>
      <c r="B29738" s="2"/>
      <c r="C29738" s="2"/>
    </row>
    <row r="29739" spans="1:3" ht="19.2">
      <c r="A29739" s="2"/>
      <c r="B29739" s="2"/>
      <c r="C29739" s="2"/>
    </row>
    <row r="29740" spans="1:3" ht="19.2">
      <c r="A29740" s="2"/>
      <c r="B29740" s="2"/>
      <c r="C29740" s="2"/>
    </row>
    <row r="29741" spans="1:3" ht="19.2">
      <c r="A29741" s="2"/>
      <c r="B29741" s="2"/>
      <c r="C29741" s="2"/>
    </row>
    <row r="29742" spans="1:3" ht="19.2">
      <c r="A29742" s="2"/>
      <c r="B29742" s="2"/>
      <c r="C29742" s="2"/>
    </row>
    <row r="29743" spans="1:3" ht="19.2">
      <c r="A29743" s="2"/>
      <c r="B29743" s="2"/>
      <c r="C29743" s="2"/>
    </row>
    <row r="29744" spans="1:3" ht="19.2">
      <c r="A29744" s="2"/>
      <c r="B29744" s="2"/>
      <c r="C29744" s="2"/>
    </row>
    <row r="29745" spans="1:3" ht="19.2">
      <c r="A29745" s="2"/>
      <c r="B29745" s="2"/>
      <c r="C29745" s="2"/>
    </row>
    <row r="29746" spans="1:3" ht="19.2">
      <c r="A29746" s="2"/>
      <c r="B29746" s="2"/>
      <c r="C29746" s="2"/>
    </row>
    <row r="29747" spans="1:3" ht="19.2">
      <c r="A29747" s="2"/>
      <c r="B29747" s="2"/>
      <c r="C29747" s="2"/>
    </row>
    <row r="29748" spans="1:3" ht="19.2">
      <c r="A29748" s="2"/>
      <c r="B29748" s="2"/>
      <c r="C29748" s="2"/>
    </row>
    <row r="29749" spans="1:3" ht="19.2">
      <c r="A29749" s="2"/>
      <c r="B29749" s="2"/>
      <c r="C29749" s="2"/>
    </row>
    <row r="29750" spans="1:3" ht="19.2">
      <c r="A29750" s="2"/>
      <c r="B29750" s="2"/>
      <c r="C29750" s="2"/>
    </row>
    <row r="29751" spans="1:3" ht="19.2">
      <c r="A29751" s="2"/>
      <c r="B29751" s="2"/>
      <c r="C29751" s="2"/>
    </row>
    <row r="29752" spans="1:3" ht="19.2">
      <c r="A29752" s="2"/>
      <c r="B29752" s="2"/>
      <c r="C29752" s="2"/>
    </row>
    <row r="29753" spans="1:3" ht="19.2">
      <c r="A29753" s="2"/>
      <c r="B29753" s="2"/>
      <c r="C29753" s="2"/>
    </row>
    <row r="29754" spans="1:3" ht="19.2">
      <c r="A29754" s="2"/>
      <c r="B29754" s="2"/>
      <c r="C29754" s="2"/>
    </row>
    <row r="29755" spans="1:3" ht="19.2">
      <c r="A29755" s="2"/>
      <c r="B29755" s="2"/>
      <c r="C29755" s="2"/>
    </row>
    <row r="29756" spans="1:3" ht="19.2">
      <c r="A29756" s="2"/>
      <c r="B29756" s="2"/>
      <c r="C29756" s="2"/>
    </row>
    <row r="29757" spans="1:3" ht="19.2">
      <c r="A29757" s="2"/>
      <c r="B29757" s="2"/>
      <c r="C29757" s="2"/>
    </row>
    <row r="29758" spans="1:3" ht="19.2">
      <c r="A29758" s="2"/>
      <c r="B29758" s="2"/>
      <c r="C29758" s="2"/>
    </row>
    <row r="29759" spans="1:3" ht="19.2">
      <c r="A29759" s="2"/>
      <c r="B29759" s="2"/>
      <c r="C29759" s="2"/>
    </row>
    <row r="29760" spans="1:3" ht="19.2">
      <c r="A29760" s="2"/>
      <c r="B29760" s="2"/>
      <c r="C29760" s="2"/>
    </row>
    <row r="29761" spans="1:3" ht="19.2">
      <c r="A29761" s="2"/>
      <c r="B29761" s="2"/>
      <c r="C29761" s="2"/>
    </row>
    <row r="29762" spans="1:3" ht="19.2">
      <c r="A29762" s="2"/>
      <c r="B29762" s="2"/>
      <c r="C29762" s="2"/>
    </row>
    <row r="29763" spans="1:3" ht="19.2">
      <c r="A29763" s="2"/>
      <c r="B29763" s="2"/>
      <c r="C29763" s="2"/>
    </row>
    <row r="29764" spans="1:3" ht="19.2">
      <c r="A29764" s="2"/>
      <c r="B29764" s="2"/>
      <c r="C29764" s="2"/>
    </row>
    <row r="29765" spans="1:3" ht="19.2">
      <c r="A29765" s="2"/>
      <c r="B29765" s="2"/>
      <c r="C29765" s="2"/>
    </row>
    <row r="29766" spans="1:3" ht="19.2">
      <c r="A29766" s="2"/>
      <c r="B29766" s="2"/>
      <c r="C29766" s="2"/>
    </row>
    <row r="29767" spans="1:3" ht="19.2">
      <c r="A29767" s="2"/>
      <c r="B29767" s="2"/>
      <c r="C29767" s="2"/>
    </row>
    <row r="29768" spans="1:3" ht="19.2">
      <c r="A29768" s="2"/>
      <c r="B29768" s="2"/>
      <c r="C29768" s="2"/>
    </row>
    <row r="29769" spans="1:3" ht="19.2">
      <c r="A29769" s="2"/>
      <c r="B29769" s="2"/>
      <c r="C29769" s="2"/>
    </row>
    <row r="29770" spans="1:3" ht="19.2">
      <c r="A29770" s="2"/>
      <c r="B29770" s="2"/>
      <c r="C29770" s="2"/>
    </row>
    <row r="29771" spans="1:3" ht="19.2">
      <c r="A29771" s="2"/>
      <c r="B29771" s="2"/>
      <c r="C29771" s="2"/>
    </row>
    <row r="29772" spans="1:3" ht="19.2">
      <c r="A29772" s="2"/>
      <c r="B29772" s="2"/>
      <c r="C29772" s="2"/>
    </row>
    <row r="29773" spans="1:3" ht="19.2">
      <c r="A29773" s="2"/>
      <c r="B29773" s="2"/>
      <c r="C29773" s="2"/>
    </row>
    <row r="29774" spans="1:3" ht="19.2">
      <c r="A29774" s="2"/>
      <c r="B29774" s="2"/>
      <c r="C29774" s="2"/>
    </row>
    <row r="29775" spans="1:3" ht="19.2">
      <c r="A29775" s="2"/>
      <c r="B29775" s="2"/>
      <c r="C29775" s="2"/>
    </row>
    <row r="29776" spans="1:3" ht="19.2">
      <c r="A29776" s="2"/>
      <c r="B29776" s="2"/>
      <c r="C29776" s="2"/>
    </row>
    <row r="29777" spans="1:3" ht="19.2">
      <c r="A29777" s="2"/>
      <c r="B29777" s="2"/>
      <c r="C29777" s="2"/>
    </row>
    <row r="29778" spans="1:3" ht="19.2">
      <c r="A29778" s="2"/>
      <c r="B29778" s="2"/>
      <c r="C29778" s="2"/>
    </row>
    <row r="29779" spans="1:3" ht="19.2">
      <c r="A29779" s="2"/>
      <c r="B29779" s="2"/>
      <c r="C29779" s="2"/>
    </row>
    <row r="29780" spans="1:3" ht="19.2">
      <c r="A29780" s="2"/>
      <c r="B29780" s="2"/>
      <c r="C29780" s="2"/>
    </row>
    <row r="29781" spans="1:3" ht="19.2">
      <c r="A29781" s="2"/>
      <c r="B29781" s="2"/>
      <c r="C29781" s="2"/>
    </row>
    <row r="29782" spans="1:3" ht="19.2">
      <c r="A29782" s="2"/>
      <c r="B29782" s="2"/>
      <c r="C29782" s="2"/>
    </row>
    <row r="29783" spans="1:3" ht="19.2">
      <c r="A29783" s="2"/>
      <c r="B29783" s="2"/>
      <c r="C29783" s="2"/>
    </row>
    <row r="29784" spans="1:3" ht="19.2">
      <c r="A29784" s="2"/>
      <c r="B29784" s="2"/>
      <c r="C29784" s="2"/>
    </row>
    <row r="29785" spans="1:3" ht="19.2">
      <c r="A29785" s="2"/>
      <c r="B29785" s="2"/>
      <c r="C29785" s="2"/>
    </row>
    <row r="29786" spans="1:3" ht="19.2">
      <c r="A29786" s="2"/>
      <c r="B29786" s="2"/>
      <c r="C29786" s="2"/>
    </row>
    <row r="29787" spans="1:3" ht="19.2">
      <c r="A29787" s="2"/>
      <c r="B29787" s="2"/>
      <c r="C29787" s="2"/>
    </row>
    <row r="29788" spans="1:3" ht="19.2">
      <c r="A29788" s="2"/>
      <c r="B29788" s="2"/>
      <c r="C29788" s="2"/>
    </row>
    <row r="29789" spans="1:3" ht="19.2">
      <c r="A29789" s="2"/>
      <c r="B29789" s="2"/>
      <c r="C29789" s="2"/>
    </row>
    <row r="29790" spans="1:3" ht="19.2">
      <c r="A29790" s="2"/>
      <c r="B29790" s="2"/>
      <c r="C29790" s="2"/>
    </row>
    <row r="29791" spans="1:3" ht="19.2">
      <c r="A29791" s="2"/>
      <c r="B29791" s="2"/>
      <c r="C29791" s="2"/>
    </row>
    <row r="29792" spans="1:3" ht="19.2">
      <c r="A29792" s="2"/>
      <c r="B29792" s="2"/>
      <c r="C29792" s="2"/>
    </row>
    <row r="29793" spans="1:3" ht="19.2">
      <c r="A29793" s="2"/>
      <c r="B29793" s="2"/>
      <c r="C29793" s="2"/>
    </row>
    <row r="29794" spans="1:3" ht="19.2">
      <c r="A29794" s="2"/>
      <c r="B29794" s="2"/>
      <c r="C29794" s="2"/>
    </row>
    <row r="29795" spans="1:3" ht="19.2">
      <c r="A29795" s="2"/>
      <c r="B29795" s="2"/>
      <c r="C29795" s="2"/>
    </row>
    <row r="29796" spans="1:3" ht="19.2">
      <c r="A29796" s="2"/>
      <c r="B29796" s="2"/>
      <c r="C29796" s="2"/>
    </row>
    <row r="29797" spans="1:3" ht="19.2">
      <c r="A29797" s="2"/>
      <c r="B29797" s="2"/>
      <c r="C29797" s="2"/>
    </row>
    <row r="29798" spans="1:3" ht="19.2">
      <c r="A29798" s="2"/>
      <c r="B29798" s="2"/>
      <c r="C29798" s="2"/>
    </row>
    <row r="29799" spans="1:3" ht="19.2">
      <c r="A29799" s="2"/>
      <c r="B29799" s="2"/>
      <c r="C29799" s="2"/>
    </row>
    <row r="29800" spans="1:3" ht="19.2">
      <c r="A29800" s="2"/>
      <c r="B29800" s="2"/>
      <c r="C29800" s="2"/>
    </row>
    <row r="29801" spans="1:3" ht="19.2">
      <c r="A29801" s="2"/>
      <c r="B29801" s="2"/>
      <c r="C29801" s="2"/>
    </row>
    <row r="29802" spans="1:3" ht="19.2">
      <c r="A29802" s="2"/>
      <c r="B29802" s="2"/>
      <c r="C29802" s="2"/>
    </row>
    <row r="29803" spans="1:3" ht="19.2">
      <c r="A29803" s="2"/>
      <c r="B29803" s="2"/>
      <c r="C29803" s="2"/>
    </row>
    <row r="29804" spans="1:3" ht="19.2">
      <c r="A29804" s="2"/>
      <c r="B29804" s="2"/>
      <c r="C29804" s="2"/>
    </row>
    <row r="29805" spans="1:3" ht="19.2">
      <c r="A29805" s="2"/>
      <c r="B29805" s="2"/>
      <c r="C29805" s="2"/>
    </row>
    <row r="29806" spans="1:3" ht="19.2">
      <c r="A29806" s="2"/>
      <c r="B29806" s="2"/>
      <c r="C29806" s="2"/>
    </row>
    <row r="29807" spans="1:3" ht="19.2">
      <c r="A29807" s="2"/>
      <c r="B29807" s="2"/>
      <c r="C29807" s="2"/>
    </row>
    <row r="29808" spans="1:3" ht="19.2">
      <c r="A29808" s="2"/>
      <c r="B29808" s="2"/>
      <c r="C29808" s="2"/>
    </row>
    <row r="29809" spans="1:3" ht="19.2">
      <c r="A29809" s="2"/>
      <c r="B29809" s="2"/>
      <c r="C29809" s="2"/>
    </row>
    <row r="29810" spans="1:3" ht="19.2">
      <c r="A29810" s="2"/>
      <c r="B29810" s="2"/>
      <c r="C29810" s="2"/>
    </row>
    <row r="29811" spans="1:3" ht="19.2">
      <c r="A29811" s="2"/>
      <c r="B29811" s="2"/>
      <c r="C29811" s="2"/>
    </row>
    <row r="29812" spans="1:3" ht="19.2">
      <c r="A29812" s="2"/>
      <c r="B29812" s="2"/>
      <c r="C29812" s="2"/>
    </row>
    <row r="29813" spans="1:3" ht="19.2">
      <c r="A29813" s="2"/>
      <c r="B29813" s="2"/>
      <c r="C29813" s="2"/>
    </row>
    <row r="29814" spans="1:3" ht="19.2">
      <c r="A29814" s="2"/>
      <c r="B29814" s="2"/>
      <c r="C29814" s="2"/>
    </row>
    <row r="29815" spans="1:3" ht="19.2">
      <c r="A29815" s="2"/>
      <c r="B29815" s="2"/>
      <c r="C29815" s="2"/>
    </row>
    <row r="29816" spans="1:3" ht="19.2">
      <c r="A29816" s="2"/>
      <c r="B29816" s="2"/>
      <c r="C29816" s="2"/>
    </row>
    <row r="29817" spans="1:3" ht="19.2">
      <c r="A29817" s="2"/>
      <c r="B29817" s="2"/>
      <c r="C29817" s="2"/>
    </row>
    <row r="29818" spans="1:3" ht="19.2">
      <c r="A29818" s="2"/>
      <c r="B29818" s="2"/>
      <c r="C29818" s="2"/>
    </row>
    <row r="29819" spans="1:3" ht="19.2">
      <c r="A29819" s="2"/>
      <c r="B29819" s="2"/>
      <c r="C29819" s="2"/>
    </row>
    <row r="29820" spans="1:3" ht="19.2">
      <c r="A29820" s="2"/>
      <c r="B29820" s="2"/>
      <c r="C29820" s="2"/>
    </row>
    <row r="29821" spans="1:3" ht="19.2">
      <c r="A29821" s="2"/>
      <c r="B29821" s="2"/>
      <c r="C29821" s="2"/>
    </row>
    <row r="29822" spans="1:3" ht="19.2">
      <c r="A29822" s="2"/>
      <c r="B29822" s="2"/>
      <c r="C29822" s="2"/>
    </row>
    <row r="29823" spans="1:3" ht="19.2">
      <c r="A29823" s="2"/>
      <c r="B29823" s="2"/>
      <c r="C29823" s="2"/>
    </row>
    <row r="29824" spans="1:3" ht="19.2">
      <c r="A29824" s="2"/>
      <c r="B29824" s="2"/>
      <c r="C29824" s="2"/>
    </row>
    <row r="29825" spans="1:3" ht="19.2">
      <c r="A29825" s="2"/>
      <c r="B29825" s="2"/>
      <c r="C29825" s="2"/>
    </row>
    <row r="29826" spans="1:3" ht="19.2">
      <c r="A29826" s="2"/>
      <c r="B29826" s="2"/>
      <c r="C29826" s="2"/>
    </row>
    <row r="29827" spans="1:3" ht="19.2">
      <c r="A29827" s="2"/>
      <c r="B29827" s="2"/>
      <c r="C29827" s="2"/>
    </row>
    <row r="29828" spans="1:3" ht="19.2">
      <c r="A29828" s="2"/>
      <c r="B29828" s="2"/>
      <c r="C29828" s="2"/>
    </row>
    <row r="29829" spans="1:3" ht="19.2">
      <c r="A29829" s="2"/>
      <c r="B29829" s="2"/>
      <c r="C29829" s="2"/>
    </row>
    <row r="29830" spans="1:3" ht="19.2">
      <c r="A29830" s="2"/>
      <c r="B29830" s="2"/>
      <c r="C29830" s="2"/>
    </row>
    <row r="29831" spans="1:3" ht="19.2">
      <c r="A29831" s="2"/>
      <c r="B29831" s="2"/>
      <c r="C29831" s="2"/>
    </row>
    <row r="29832" spans="1:3" ht="19.2">
      <c r="A29832" s="2"/>
      <c r="B29832" s="2"/>
      <c r="C29832" s="2"/>
    </row>
    <row r="29833" spans="1:3" ht="19.2">
      <c r="A29833" s="2"/>
      <c r="B29833" s="2"/>
      <c r="C29833" s="2"/>
    </row>
    <row r="29834" spans="1:3" ht="19.2">
      <c r="A29834" s="2"/>
      <c r="B29834" s="2"/>
      <c r="C29834" s="2"/>
    </row>
    <row r="29835" spans="1:3" ht="19.2">
      <c r="A29835" s="2"/>
      <c r="B29835" s="2"/>
      <c r="C29835" s="2"/>
    </row>
    <row r="29836" spans="1:3" ht="19.2">
      <c r="A29836" s="2"/>
      <c r="B29836" s="2"/>
      <c r="C29836" s="2"/>
    </row>
    <row r="29837" spans="1:3" ht="19.2">
      <c r="A29837" s="2"/>
      <c r="B29837" s="2"/>
      <c r="C29837" s="2"/>
    </row>
    <row r="29838" spans="1:3" ht="19.2">
      <c r="A29838" s="2"/>
      <c r="B29838" s="2"/>
      <c r="C29838" s="2"/>
    </row>
    <row r="29839" spans="1:3" ht="19.2">
      <c r="A29839" s="2"/>
      <c r="B29839" s="2"/>
      <c r="C29839" s="2"/>
    </row>
    <row r="29840" spans="1:3" ht="19.2">
      <c r="A29840" s="2"/>
      <c r="B29840" s="2"/>
      <c r="C29840" s="2"/>
    </row>
    <row r="29841" spans="1:3" ht="19.2">
      <c r="A29841" s="2"/>
      <c r="B29841" s="2"/>
      <c r="C29841" s="2"/>
    </row>
    <row r="29842" spans="1:3" ht="19.2">
      <c r="A29842" s="2"/>
      <c r="B29842" s="2"/>
      <c r="C29842" s="2"/>
    </row>
    <row r="29843" spans="1:3" ht="19.2">
      <c r="A29843" s="2"/>
      <c r="B29843" s="2"/>
      <c r="C29843" s="2"/>
    </row>
    <row r="29844" spans="1:3" ht="19.2">
      <c r="A29844" s="2"/>
      <c r="B29844" s="2"/>
      <c r="C29844" s="2"/>
    </row>
    <row r="29845" spans="1:3" ht="19.2">
      <c r="A29845" s="2"/>
      <c r="B29845" s="2"/>
      <c r="C29845" s="2"/>
    </row>
    <row r="29846" spans="1:3" ht="19.2">
      <c r="A29846" s="2"/>
      <c r="B29846" s="2"/>
      <c r="C29846" s="2"/>
    </row>
    <row r="29847" spans="1:3" ht="19.2">
      <c r="A29847" s="2"/>
      <c r="B29847" s="2"/>
      <c r="C29847" s="2"/>
    </row>
    <row r="29848" spans="1:3" ht="19.2">
      <c r="A29848" s="2"/>
      <c r="B29848" s="2"/>
      <c r="C29848" s="2"/>
    </row>
    <row r="29849" spans="1:3" ht="19.2">
      <c r="A29849" s="2"/>
      <c r="B29849" s="2"/>
      <c r="C29849" s="2"/>
    </row>
    <row r="29850" spans="1:3" ht="19.2">
      <c r="A29850" s="2"/>
      <c r="B29850" s="2"/>
      <c r="C29850" s="2"/>
    </row>
    <row r="29851" spans="1:3" ht="19.2">
      <c r="A29851" s="2"/>
      <c r="B29851" s="2"/>
      <c r="C29851" s="2"/>
    </row>
    <row r="29852" spans="1:3" ht="19.2">
      <c r="A29852" s="2"/>
      <c r="B29852" s="2"/>
      <c r="C29852" s="2"/>
    </row>
    <row r="29853" spans="1:3" ht="19.2">
      <c r="A29853" s="2"/>
      <c r="B29853" s="2"/>
      <c r="C29853" s="2"/>
    </row>
    <row r="29854" spans="1:3" ht="19.2">
      <c r="A29854" s="2"/>
      <c r="B29854" s="2"/>
      <c r="C29854" s="2"/>
    </row>
    <row r="29855" spans="1:3" ht="19.2">
      <c r="A29855" s="2"/>
      <c r="B29855" s="2"/>
      <c r="C29855" s="2"/>
    </row>
    <row r="29856" spans="1:3" ht="19.2">
      <c r="A29856" s="2"/>
      <c r="B29856" s="2"/>
      <c r="C29856" s="2"/>
    </row>
    <row r="29857" spans="1:3" ht="19.2">
      <c r="A29857" s="2"/>
      <c r="B29857" s="2"/>
      <c r="C29857" s="2"/>
    </row>
    <row r="29858" spans="1:3" ht="19.2">
      <c r="A29858" s="2"/>
      <c r="B29858" s="2"/>
      <c r="C29858" s="2"/>
    </row>
    <row r="29859" spans="1:3" ht="19.2">
      <c r="A29859" s="2"/>
      <c r="B29859" s="2"/>
      <c r="C29859" s="2"/>
    </row>
    <row r="29860" spans="1:3" ht="19.2">
      <c r="A29860" s="2"/>
      <c r="B29860" s="2"/>
      <c r="C29860" s="2"/>
    </row>
    <row r="29861" spans="1:3" ht="19.2">
      <c r="A29861" s="2"/>
      <c r="B29861" s="2"/>
      <c r="C29861" s="2"/>
    </row>
    <row r="29862" spans="1:3" ht="19.2">
      <c r="A29862" s="2"/>
      <c r="B29862" s="2"/>
      <c r="C29862" s="2"/>
    </row>
    <row r="29863" spans="1:3" ht="19.2">
      <c r="A29863" s="2"/>
      <c r="B29863" s="2"/>
      <c r="C29863" s="2"/>
    </row>
    <row r="29864" spans="1:3" ht="19.2">
      <c r="A29864" s="2"/>
      <c r="B29864" s="2"/>
      <c r="C29864" s="2"/>
    </row>
    <row r="29865" spans="1:3" ht="19.2">
      <c r="A29865" s="2"/>
      <c r="B29865" s="2"/>
      <c r="C29865" s="2"/>
    </row>
    <row r="29866" spans="1:3" ht="19.2">
      <c r="A29866" s="2"/>
      <c r="B29866" s="2"/>
      <c r="C29866" s="2"/>
    </row>
    <row r="29867" spans="1:3" ht="19.2">
      <c r="A29867" s="2"/>
      <c r="B29867" s="2"/>
      <c r="C29867" s="2"/>
    </row>
    <row r="29868" spans="1:3" ht="19.2">
      <c r="A29868" s="2"/>
      <c r="B29868" s="2"/>
      <c r="C29868" s="2"/>
    </row>
    <row r="29869" spans="1:3" ht="19.2">
      <c r="A29869" s="2"/>
      <c r="B29869" s="2"/>
      <c r="C29869" s="2"/>
    </row>
    <row r="29870" spans="1:3" ht="19.2">
      <c r="A29870" s="2"/>
      <c r="B29870" s="2"/>
      <c r="C29870" s="2"/>
    </row>
    <row r="29871" spans="1:3" ht="19.2">
      <c r="A29871" s="2"/>
      <c r="B29871" s="2"/>
      <c r="C29871" s="2"/>
    </row>
    <row r="29872" spans="1:3" ht="19.2">
      <c r="A29872" s="2"/>
      <c r="B29872" s="2"/>
      <c r="C29872" s="2"/>
    </row>
    <row r="29873" spans="1:3" ht="19.2">
      <c r="A29873" s="2"/>
      <c r="B29873" s="2"/>
      <c r="C29873" s="2"/>
    </row>
    <row r="29874" spans="1:3" ht="19.2">
      <c r="A29874" s="2"/>
      <c r="B29874" s="2"/>
      <c r="C29874" s="2"/>
    </row>
    <row r="29875" spans="1:3" ht="19.2">
      <c r="A29875" s="2"/>
      <c r="B29875" s="2"/>
      <c r="C29875" s="2"/>
    </row>
    <row r="29876" spans="1:3" ht="19.2">
      <c r="A29876" s="2"/>
      <c r="B29876" s="2"/>
      <c r="C29876" s="2"/>
    </row>
    <row r="29877" spans="1:3" ht="19.2">
      <c r="A29877" s="2"/>
      <c r="B29877" s="2"/>
      <c r="C29877" s="2"/>
    </row>
    <row r="29878" spans="1:3" ht="19.2">
      <c r="A29878" s="2"/>
      <c r="B29878" s="2"/>
      <c r="C29878" s="2"/>
    </row>
    <row r="29879" spans="1:3" ht="19.2">
      <c r="A29879" s="2"/>
      <c r="B29879" s="2"/>
      <c r="C29879" s="2"/>
    </row>
    <row r="29880" spans="1:3" ht="19.2">
      <c r="A29880" s="2"/>
      <c r="B29880" s="2"/>
      <c r="C29880" s="2"/>
    </row>
    <row r="29881" spans="1:3" ht="19.2">
      <c r="A29881" s="2"/>
      <c r="B29881" s="2"/>
      <c r="C29881" s="2"/>
    </row>
    <row r="29882" spans="1:3" ht="19.2">
      <c r="A29882" s="2"/>
      <c r="B29882" s="2"/>
      <c r="C29882" s="2"/>
    </row>
    <row r="29883" spans="1:3" ht="19.2">
      <c r="A29883" s="2"/>
      <c r="B29883" s="2"/>
      <c r="C29883" s="2"/>
    </row>
    <row r="29884" spans="1:3" ht="19.2">
      <c r="A29884" s="2"/>
      <c r="B29884" s="2"/>
      <c r="C29884" s="2"/>
    </row>
    <row r="29885" spans="1:3" ht="19.2">
      <c r="A29885" s="2"/>
      <c r="B29885" s="2"/>
      <c r="C29885" s="2"/>
    </row>
    <row r="29886" spans="1:3" ht="19.2">
      <c r="A29886" s="2"/>
      <c r="B29886" s="2"/>
      <c r="C29886" s="2"/>
    </row>
    <row r="29887" spans="1:3" ht="19.2">
      <c r="A29887" s="2"/>
      <c r="B29887" s="2"/>
      <c r="C29887" s="2"/>
    </row>
    <row r="29888" spans="1:3" ht="19.2">
      <c r="A29888" s="2"/>
      <c r="B29888" s="2"/>
      <c r="C29888" s="2"/>
    </row>
    <row r="29889" spans="1:3" ht="19.2">
      <c r="A29889" s="2"/>
      <c r="B29889" s="2"/>
      <c r="C29889" s="2"/>
    </row>
    <row r="29890" spans="1:3" ht="19.2">
      <c r="A29890" s="2"/>
      <c r="B29890" s="2"/>
      <c r="C29890" s="2"/>
    </row>
    <row r="29891" spans="1:3" ht="19.2">
      <c r="A29891" s="2"/>
      <c r="B29891" s="2"/>
      <c r="C29891" s="2"/>
    </row>
    <row r="29892" spans="1:3" ht="19.2">
      <c r="A29892" s="2"/>
      <c r="B29892" s="2"/>
      <c r="C29892" s="2"/>
    </row>
    <row r="29893" spans="1:3" ht="19.2">
      <c r="A29893" s="2"/>
      <c r="B29893" s="2"/>
      <c r="C29893" s="2"/>
    </row>
    <row r="29894" spans="1:3" ht="19.2">
      <c r="A29894" s="2"/>
      <c r="B29894" s="2"/>
      <c r="C29894" s="2"/>
    </row>
    <row r="29895" spans="1:3" ht="19.2">
      <c r="A29895" s="2"/>
      <c r="B29895" s="2"/>
      <c r="C29895" s="2"/>
    </row>
    <row r="29896" spans="1:3" ht="19.2">
      <c r="A29896" s="2"/>
      <c r="B29896" s="2"/>
      <c r="C29896" s="2"/>
    </row>
    <row r="29897" spans="1:3" ht="19.2">
      <c r="A29897" s="2"/>
      <c r="B29897" s="2"/>
      <c r="C29897" s="2"/>
    </row>
    <row r="29898" spans="1:3" ht="19.2">
      <c r="A29898" s="2"/>
      <c r="B29898" s="2"/>
      <c r="C29898" s="2"/>
    </row>
    <row r="29899" spans="1:3" ht="19.2">
      <c r="A29899" s="2"/>
      <c r="B29899" s="2"/>
      <c r="C29899" s="2"/>
    </row>
    <row r="29900" spans="1:3" ht="19.2">
      <c r="A29900" s="2"/>
      <c r="B29900" s="2"/>
      <c r="C29900" s="2"/>
    </row>
    <row r="29901" spans="1:3" ht="19.2">
      <c r="A29901" s="2"/>
      <c r="B29901" s="2"/>
      <c r="C29901" s="2"/>
    </row>
    <row r="29902" spans="1:3" ht="19.2">
      <c r="A29902" s="2"/>
      <c r="B29902" s="2"/>
      <c r="C29902" s="2"/>
    </row>
    <row r="29903" spans="1:3" ht="19.2">
      <c r="A29903" s="2"/>
      <c r="B29903" s="2"/>
      <c r="C29903" s="2"/>
    </row>
    <row r="29904" spans="1:3" ht="19.2">
      <c r="A29904" s="2"/>
      <c r="B29904" s="2"/>
      <c r="C29904" s="2"/>
    </row>
    <row r="29905" spans="1:3" ht="19.2">
      <c r="A29905" s="2"/>
      <c r="B29905" s="2"/>
      <c r="C29905" s="2"/>
    </row>
    <row r="29906" spans="1:3" ht="19.2">
      <c r="A29906" s="2"/>
      <c r="B29906" s="2"/>
      <c r="C29906" s="2"/>
    </row>
    <row r="29907" spans="1:3" ht="19.2">
      <c r="A29907" s="2"/>
      <c r="B29907" s="2"/>
      <c r="C29907" s="2"/>
    </row>
    <row r="29908" spans="1:3" ht="19.2">
      <c r="A29908" s="2"/>
      <c r="B29908" s="2"/>
      <c r="C29908" s="2"/>
    </row>
    <row r="29909" spans="1:3" ht="19.2">
      <c r="A29909" s="2"/>
      <c r="B29909" s="2"/>
      <c r="C29909" s="2"/>
    </row>
    <row r="29910" spans="1:3" ht="19.2">
      <c r="A29910" s="2"/>
      <c r="B29910" s="2"/>
      <c r="C29910" s="2"/>
    </row>
    <row r="29911" spans="1:3" ht="19.2">
      <c r="A29911" s="2"/>
      <c r="B29911" s="2"/>
      <c r="C29911" s="2"/>
    </row>
    <row r="29912" spans="1:3" ht="19.2">
      <c r="A29912" s="2"/>
      <c r="B29912" s="2"/>
      <c r="C29912" s="2"/>
    </row>
    <row r="29913" spans="1:3" ht="19.2">
      <c r="A29913" s="2"/>
      <c r="B29913" s="2"/>
      <c r="C29913" s="2"/>
    </row>
    <row r="29914" spans="1:3" ht="19.2">
      <c r="A29914" s="2"/>
      <c r="B29914" s="2"/>
      <c r="C29914" s="2"/>
    </row>
    <row r="29915" spans="1:3" ht="19.2">
      <c r="A29915" s="2"/>
      <c r="B29915" s="2"/>
      <c r="C29915" s="2"/>
    </row>
    <row r="29916" spans="1:3" ht="19.2">
      <c r="A29916" s="2"/>
      <c r="B29916" s="2"/>
      <c r="C29916" s="2"/>
    </row>
    <row r="29917" spans="1:3" ht="19.2">
      <c r="A29917" s="2"/>
      <c r="B29917" s="2"/>
      <c r="C29917" s="2"/>
    </row>
    <row r="29918" spans="1:3" ht="19.2">
      <c r="A29918" s="2"/>
      <c r="B29918" s="2"/>
      <c r="C29918" s="2"/>
    </row>
    <row r="29919" spans="1:3" ht="19.2">
      <c r="A29919" s="2"/>
      <c r="B29919" s="2"/>
      <c r="C29919" s="2"/>
    </row>
    <row r="29920" spans="1:3" ht="19.2">
      <c r="A29920" s="2"/>
      <c r="B29920" s="2"/>
      <c r="C29920" s="2"/>
    </row>
    <row r="29921" spans="1:3" ht="19.2">
      <c r="A29921" s="2"/>
      <c r="B29921" s="2"/>
      <c r="C29921" s="2"/>
    </row>
    <row r="29922" spans="1:3" ht="19.2">
      <c r="A29922" s="2"/>
      <c r="B29922" s="2"/>
      <c r="C29922" s="2"/>
    </row>
    <row r="29923" spans="1:3" ht="19.2">
      <c r="A29923" s="2"/>
      <c r="B29923" s="2"/>
      <c r="C29923" s="2"/>
    </row>
    <row r="29924" spans="1:3" ht="19.2">
      <c r="A29924" s="2"/>
      <c r="B29924" s="2"/>
      <c r="C29924" s="2"/>
    </row>
    <row r="29925" spans="1:3" ht="19.2">
      <c r="A29925" s="2"/>
      <c r="B29925" s="2"/>
      <c r="C29925" s="2"/>
    </row>
    <row r="29926" spans="1:3" ht="19.2">
      <c r="A29926" s="2"/>
      <c r="B29926" s="2"/>
      <c r="C29926" s="2"/>
    </row>
    <row r="29927" spans="1:3" ht="19.2">
      <c r="A29927" s="2"/>
      <c r="B29927" s="2"/>
      <c r="C29927" s="2"/>
    </row>
    <row r="29928" spans="1:3" ht="19.2">
      <c r="A29928" s="2"/>
      <c r="B29928" s="2"/>
      <c r="C29928" s="2"/>
    </row>
    <row r="29929" spans="1:3" ht="19.2">
      <c r="A29929" s="2"/>
      <c r="B29929" s="2"/>
      <c r="C29929" s="2"/>
    </row>
    <row r="29930" spans="1:3" ht="19.2">
      <c r="A29930" s="2"/>
      <c r="B29930" s="2"/>
      <c r="C29930" s="2"/>
    </row>
    <row r="29931" spans="1:3" ht="19.2">
      <c r="A29931" s="2"/>
      <c r="B29931" s="2"/>
      <c r="C29931" s="2"/>
    </row>
    <row r="29932" spans="1:3" ht="19.2">
      <c r="A29932" s="2"/>
      <c r="B29932" s="2"/>
      <c r="C29932" s="2"/>
    </row>
    <row r="29933" spans="1:3" ht="19.2">
      <c r="A29933" s="2"/>
      <c r="B29933" s="2"/>
      <c r="C29933" s="2"/>
    </row>
    <row r="29934" spans="1:3" ht="19.2">
      <c r="A29934" s="2"/>
      <c r="B29934" s="2"/>
      <c r="C29934" s="2"/>
    </row>
    <row r="29935" spans="1:3" ht="19.2">
      <c r="A29935" s="2"/>
      <c r="B29935" s="2"/>
      <c r="C29935" s="2"/>
    </row>
    <row r="29936" spans="1:3" ht="19.2">
      <c r="A29936" s="2"/>
      <c r="B29936" s="2"/>
      <c r="C29936" s="2"/>
    </row>
    <row r="29937" spans="1:3" ht="19.2">
      <c r="A29937" s="2"/>
      <c r="B29937" s="2"/>
      <c r="C29937" s="2"/>
    </row>
    <row r="29938" spans="1:3" ht="19.2">
      <c r="A29938" s="2"/>
      <c r="B29938" s="2"/>
      <c r="C29938" s="2"/>
    </row>
    <row r="29939" spans="1:3" ht="19.2">
      <c r="A29939" s="2"/>
      <c r="B29939" s="2"/>
      <c r="C29939" s="2"/>
    </row>
    <row r="29940" spans="1:3" ht="19.2">
      <c r="A29940" s="2"/>
      <c r="B29940" s="2"/>
      <c r="C29940" s="2"/>
    </row>
    <row r="29941" spans="1:3" ht="19.2">
      <c r="A29941" s="2"/>
      <c r="B29941" s="2"/>
      <c r="C29941" s="2"/>
    </row>
    <row r="29942" spans="1:3" ht="19.2">
      <c r="A29942" s="2"/>
      <c r="B29942" s="2"/>
      <c r="C29942" s="2"/>
    </row>
    <row r="29943" spans="1:3" ht="19.2">
      <c r="A29943" s="2"/>
      <c r="B29943" s="2"/>
      <c r="C29943" s="2"/>
    </row>
    <row r="29944" spans="1:3" ht="19.2">
      <c r="A29944" s="2"/>
      <c r="B29944" s="2"/>
      <c r="C29944" s="2"/>
    </row>
    <row r="29945" spans="1:3" ht="19.2">
      <c r="A29945" s="2"/>
      <c r="B29945" s="2"/>
      <c r="C29945" s="2"/>
    </row>
    <row r="29946" spans="1:3" ht="19.2">
      <c r="A29946" s="2"/>
      <c r="B29946" s="2"/>
      <c r="C29946" s="2"/>
    </row>
    <row r="29947" spans="1:3" ht="19.2">
      <c r="A29947" s="2"/>
      <c r="B29947" s="2"/>
      <c r="C29947" s="2"/>
    </row>
    <row r="29948" spans="1:3" ht="19.2">
      <c r="A29948" s="2"/>
      <c r="B29948" s="2"/>
      <c r="C29948" s="2"/>
    </row>
    <row r="29949" spans="1:3" ht="19.2">
      <c r="A29949" s="2"/>
      <c r="B29949" s="2"/>
      <c r="C29949" s="2"/>
    </row>
    <row r="29950" spans="1:3" ht="19.2">
      <c r="A29950" s="2"/>
      <c r="B29950" s="2"/>
      <c r="C29950" s="2"/>
    </row>
    <row r="29951" spans="1:3" ht="19.2">
      <c r="A29951" s="2"/>
      <c r="B29951" s="2"/>
      <c r="C29951" s="2"/>
    </row>
    <row r="29952" spans="1:3" ht="19.2">
      <c r="A29952" s="2"/>
      <c r="B29952" s="2"/>
      <c r="C29952" s="2"/>
    </row>
    <row r="29953" spans="1:3" ht="19.2">
      <c r="A29953" s="2"/>
      <c r="B29953" s="2"/>
      <c r="C29953" s="2"/>
    </row>
    <row r="29954" spans="1:3" ht="19.2">
      <c r="A29954" s="2"/>
      <c r="B29954" s="2"/>
      <c r="C29954" s="2"/>
    </row>
    <row r="29955" spans="1:3" ht="19.2">
      <c r="A29955" s="2"/>
      <c r="B29955" s="2"/>
      <c r="C29955" s="2"/>
    </row>
    <row r="29956" spans="1:3" ht="19.2">
      <c r="A29956" s="2"/>
      <c r="B29956" s="2"/>
      <c r="C29956" s="2"/>
    </row>
    <row r="29957" spans="1:3" ht="19.2">
      <c r="A29957" s="2"/>
      <c r="B29957" s="2"/>
      <c r="C29957" s="2"/>
    </row>
    <row r="29958" spans="1:3" ht="19.2">
      <c r="A29958" s="2"/>
      <c r="B29958" s="2"/>
      <c r="C29958" s="2"/>
    </row>
    <row r="29959" spans="1:3" ht="19.2">
      <c r="A29959" s="2"/>
      <c r="B29959" s="2"/>
      <c r="C29959" s="2"/>
    </row>
    <row r="29960" spans="1:3" ht="19.2">
      <c r="A29960" s="2"/>
      <c r="B29960" s="2"/>
      <c r="C29960" s="2"/>
    </row>
    <row r="29961" spans="1:3" ht="19.2">
      <c r="A29961" s="2"/>
      <c r="B29961" s="2"/>
      <c r="C29961" s="2"/>
    </row>
    <row r="29962" spans="1:3" ht="19.2">
      <c r="A29962" s="2"/>
      <c r="B29962" s="2"/>
      <c r="C29962" s="2"/>
    </row>
    <row r="29963" spans="1:3" ht="19.2">
      <c r="A29963" s="2"/>
      <c r="B29963" s="2"/>
      <c r="C29963" s="2"/>
    </row>
    <row r="29964" spans="1:3" ht="19.2">
      <c r="A29964" s="2"/>
      <c r="B29964" s="2"/>
      <c r="C29964" s="2"/>
    </row>
    <row r="29965" spans="1:3" ht="19.2">
      <c r="A29965" s="2"/>
      <c r="B29965" s="2"/>
      <c r="C29965" s="2"/>
    </row>
    <row r="29966" spans="1:3" ht="19.2">
      <c r="A29966" s="2"/>
      <c r="B29966" s="2"/>
      <c r="C29966" s="2"/>
    </row>
    <row r="29967" spans="1:3" ht="19.2">
      <c r="A29967" s="2"/>
      <c r="B29967" s="2"/>
      <c r="C29967" s="2"/>
    </row>
    <row r="29968" spans="1:3" ht="19.2">
      <c r="A29968" s="2"/>
      <c r="B29968" s="2"/>
      <c r="C29968" s="2"/>
    </row>
    <row r="29969" spans="1:3" ht="19.2">
      <c r="A29969" s="2"/>
      <c r="B29969" s="2"/>
      <c r="C29969" s="2"/>
    </row>
    <row r="29970" spans="1:3" ht="19.2">
      <c r="A29970" s="2"/>
      <c r="B29970" s="2"/>
      <c r="C29970" s="2"/>
    </row>
    <row r="29971" spans="1:3" ht="19.2">
      <c r="A29971" s="2"/>
      <c r="B29971" s="2"/>
      <c r="C29971" s="2"/>
    </row>
    <row r="29972" spans="1:3" ht="19.2">
      <c r="A29972" s="2"/>
      <c r="B29972" s="2"/>
      <c r="C29972" s="2"/>
    </row>
    <row r="29973" spans="1:3" ht="19.2">
      <c r="A29973" s="2"/>
      <c r="B29973" s="2"/>
      <c r="C29973" s="2"/>
    </row>
    <row r="29974" spans="1:3" ht="19.2">
      <c r="A29974" s="2"/>
      <c r="B29974" s="2"/>
      <c r="C29974" s="2"/>
    </row>
    <row r="29975" spans="1:3" ht="19.2">
      <c r="A29975" s="2"/>
      <c r="B29975" s="2"/>
      <c r="C29975" s="2"/>
    </row>
    <row r="29976" spans="1:3" ht="19.2">
      <c r="A29976" s="2"/>
      <c r="B29976" s="2"/>
      <c r="C29976" s="2"/>
    </row>
    <row r="29977" spans="1:3" ht="19.2">
      <c r="A29977" s="2"/>
      <c r="B29977" s="2"/>
      <c r="C29977" s="2"/>
    </row>
    <row r="29978" spans="1:3" ht="19.2">
      <c r="A29978" s="2"/>
      <c r="B29978" s="2"/>
      <c r="C29978" s="2"/>
    </row>
    <row r="29979" spans="1:3" ht="19.2">
      <c r="A29979" s="2"/>
      <c r="B29979" s="2"/>
      <c r="C29979" s="2"/>
    </row>
    <row r="29980" spans="1:3" ht="19.2">
      <c r="A29980" s="2"/>
      <c r="B29980" s="2"/>
      <c r="C29980" s="2"/>
    </row>
    <row r="29981" spans="1:3" ht="19.2">
      <c r="A29981" s="2"/>
      <c r="B29981" s="2"/>
      <c r="C29981" s="2"/>
    </row>
    <row r="29982" spans="1:3" ht="19.2">
      <c r="A29982" s="2"/>
      <c r="B29982" s="2"/>
      <c r="C29982" s="2"/>
    </row>
    <row r="29983" spans="1:3" ht="19.2">
      <c r="A29983" s="2"/>
      <c r="B29983" s="2"/>
      <c r="C29983" s="2"/>
    </row>
    <row r="29984" spans="1:3" ht="19.2">
      <c r="A29984" s="2"/>
      <c r="B29984" s="2"/>
      <c r="C29984" s="2"/>
    </row>
    <row r="29985" spans="1:3" ht="19.2">
      <c r="A29985" s="2"/>
      <c r="B29985" s="2"/>
      <c r="C29985" s="2"/>
    </row>
    <row r="29986" spans="1:3" ht="19.2">
      <c r="A29986" s="2"/>
      <c r="B29986" s="2"/>
      <c r="C29986" s="2"/>
    </row>
    <row r="29987" spans="1:3" ht="19.2">
      <c r="A29987" s="2"/>
      <c r="B29987" s="2"/>
      <c r="C29987" s="2"/>
    </row>
    <row r="29988" spans="1:3" ht="19.2">
      <c r="A29988" s="2"/>
      <c r="B29988" s="2"/>
      <c r="C29988" s="2"/>
    </row>
    <row r="29989" spans="1:3" ht="19.2">
      <c r="A29989" s="2"/>
      <c r="B29989" s="2"/>
      <c r="C29989" s="2"/>
    </row>
    <row r="29990" spans="1:3" ht="19.2">
      <c r="A29990" s="2"/>
      <c r="B29990" s="2"/>
      <c r="C29990" s="2"/>
    </row>
    <row r="29991" spans="1:3" ht="19.2">
      <c r="A29991" s="2"/>
      <c r="B29991" s="2"/>
      <c r="C29991" s="2"/>
    </row>
    <row r="29992" spans="1:3" ht="19.2">
      <c r="A29992" s="2"/>
      <c r="B29992" s="2"/>
      <c r="C29992" s="2"/>
    </row>
    <row r="29993" spans="1:3" ht="19.2">
      <c r="A29993" s="2"/>
      <c r="B29993" s="2"/>
      <c r="C29993" s="2"/>
    </row>
    <row r="29994" spans="1:3" ht="19.2">
      <c r="A29994" s="2"/>
      <c r="B29994" s="2"/>
      <c r="C29994" s="2"/>
    </row>
    <row r="29995" spans="1:3" ht="19.2">
      <c r="A29995" s="2"/>
      <c r="B29995" s="2"/>
      <c r="C29995" s="2"/>
    </row>
    <row r="29996" spans="1:3" ht="19.2">
      <c r="A29996" s="2"/>
      <c r="B29996" s="2"/>
      <c r="C29996" s="2"/>
    </row>
    <row r="29997" spans="1:3" ht="19.2">
      <c r="A29997" s="2"/>
      <c r="B29997" s="2"/>
      <c r="C29997" s="2"/>
    </row>
    <row r="29998" spans="1:3" ht="19.2">
      <c r="A29998" s="2"/>
      <c r="B29998" s="2"/>
      <c r="C29998" s="2"/>
    </row>
    <row r="29999" spans="1:3" ht="19.2">
      <c r="A29999" s="2"/>
      <c r="B29999" s="2"/>
      <c r="C29999" s="2"/>
    </row>
    <row r="30000" spans="1:3" ht="19.2">
      <c r="A30000" s="2"/>
      <c r="B30000" s="2"/>
      <c r="C30000" s="2"/>
    </row>
    <row r="30001" spans="1:3" ht="19.2">
      <c r="A30001" s="2"/>
      <c r="B30001" s="2"/>
      <c r="C30001" s="2"/>
    </row>
    <row r="30002" spans="1:3" ht="19.2">
      <c r="A30002" s="2"/>
      <c r="B30002" s="2"/>
      <c r="C30002" s="2"/>
    </row>
    <row r="30003" spans="1:3" ht="19.2">
      <c r="A30003" s="2"/>
      <c r="B30003" s="2"/>
      <c r="C30003" s="2"/>
    </row>
    <row r="30004" spans="1:3" ht="19.2">
      <c r="A30004" s="2"/>
      <c r="B30004" s="2"/>
      <c r="C30004" s="2"/>
    </row>
    <row r="30005" spans="1:3" ht="19.2">
      <c r="A30005" s="2"/>
      <c r="B30005" s="2"/>
      <c r="C30005" s="2"/>
    </row>
    <row r="30006" spans="1:3" ht="19.2">
      <c r="A30006" s="2"/>
      <c r="B30006" s="2"/>
      <c r="C30006" s="2"/>
    </row>
    <row r="30007" spans="1:3" ht="19.2">
      <c r="A30007" s="2"/>
      <c r="B30007" s="2"/>
      <c r="C30007" s="2"/>
    </row>
    <row r="30008" spans="1:3" ht="19.2">
      <c r="A30008" s="2"/>
      <c r="B30008" s="2"/>
      <c r="C30008" s="2"/>
    </row>
    <row r="30009" spans="1:3" ht="19.2">
      <c r="A30009" s="2"/>
      <c r="B30009" s="2"/>
      <c r="C30009" s="2"/>
    </row>
    <row r="30010" spans="1:3" ht="19.2">
      <c r="A30010" s="2"/>
      <c r="B30010" s="2"/>
      <c r="C30010" s="2"/>
    </row>
    <row r="30011" spans="1:3" ht="19.2">
      <c r="A30011" s="2"/>
      <c r="B30011" s="2"/>
      <c r="C30011" s="2"/>
    </row>
    <row r="30012" spans="1:3" ht="19.2">
      <c r="A30012" s="2"/>
      <c r="B30012" s="2"/>
      <c r="C30012" s="2"/>
    </row>
    <row r="30013" spans="1:3" ht="19.2">
      <c r="A30013" s="2"/>
      <c r="B30013" s="2"/>
      <c r="C30013" s="2"/>
    </row>
    <row r="30014" spans="1:3" ht="19.2">
      <c r="A30014" s="2"/>
      <c r="B30014" s="2"/>
      <c r="C30014" s="2"/>
    </row>
    <row r="30015" spans="1:3" ht="19.2">
      <c r="A30015" s="2"/>
      <c r="B30015" s="2"/>
      <c r="C30015" s="2"/>
    </row>
    <row r="30016" spans="1:3" ht="19.2">
      <c r="A30016" s="2"/>
      <c r="B30016" s="2"/>
      <c r="C30016" s="2"/>
    </row>
    <row r="30017" spans="1:3" ht="19.2">
      <c r="A30017" s="2"/>
      <c r="B30017" s="2"/>
      <c r="C30017" s="2"/>
    </row>
    <row r="30018" spans="1:3" ht="19.2">
      <c r="A30018" s="2"/>
      <c r="B30018" s="2"/>
      <c r="C30018" s="2"/>
    </row>
    <row r="30019" spans="1:3" ht="19.2">
      <c r="A30019" s="2"/>
      <c r="B30019" s="2"/>
      <c r="C30019" s="2"/>
    </row>
    <row r="30020" spans="1:3" ht="19.2">
      <c r="A30020" s="2"/>
      <c r="B30020" s="2"/>
      <c r="C30020" s="2"/>
    </row>
    <row r="30021" spans="1:3" ht="19.2">
      <c r="A30021" s="2"/>
      <c r="B30021" s="2"/>
      <c r="C30021" s="2"/>
    </row>
    <row r="30022" spans="1:3" ht="19.2">
      <c r="A30022" s="2"/>
      <c r="B30022" s="2"/>
      <c r="C30022" s="2"/>
    </row>
    <row r="30023" spans="1:3" ht="19.2">
      <c r="A30023" s="2"/>
      <c r="B30023" s="2"/>
      <c r="C30023" s="2"/>
    </row>
    <row r="30024" spans="1:3" ht="19.2">
      <c r="A30024" s="2"/>
      <c r="B30024" s="2"/>
      <c r="C30024" s="2"/>
    </row>
    <row r="30025" spans="1:3" ht="19.2">
      <c r="A30025" s="2"/>
      <c r="B30025" s="2"/>
      <c r="C30025" s="2"/>
    </row>
    <row r="30026" spans="1:3" ht="19.2">
      <c r="A30026" s="2"/>
      <c r="B30026" s="2"/>
      <c r="C30026" s="2"/>
    </row>
    <row r="30027" spans="1:3" ht="19.2">
      <c r="A30027" s="2"/>
      <c r="B30027" s="2"/>
      <c r="C30027" s="2"/>
    </row>
    <row r="30028" spans="1:3" ht="19.2">
      <c r="A30028" s="2"/>
      <c r="B30028" s="2"/>
      <c r="C30028" s="2"/>
    </row>
    <row r="30029" spans="1:3" ht="19.2">
      <c r="A30029" s="2"/>
      <c r="B30029" s="2"/>
      <c r="C30029" s="2"/>
    </row>
    <row r="30030" spans="1:3" ht="19.2">
      <c r="A30030" s="2"/>
      <c r="B30030" s="2"/>
      <c r="C30030" s="2"/>
    </row>
    <row r="30031" spans="1:3" ht="19.2">
      <c r="A30031" s="2"/>
      <c r="B30031" s="2"/>
      <c r="C30031" s="2"/>
    </row>
    <row r="30032" spans="1:3" ht="19.2">
      <c r="A30032" s="2"/>
      <c r="B30032" s="2"/>
      <c r="C30032" s="2"/>
    </row>
    <row r="30033" spans="1:3" ht="19.2">
      <c r="A30033" s="2"/>
      <c r="B30033" s="2"/>
      <c r="C30033" s="2"/>
    </row>
    <row r="30034" spans="1:3" ht="19.2">
      <c r="A30034" s="2"/>
      <c r="B30034" s="2"/>
      <c r="C30034" s="2"/>
    </row>
    <row r="30035" spans="1:3" ht="19.2">
      <c r="A30035" s="2"/>
      <c r="B30035" s="2"/>
      <c r="C30035" s="2"/>
    </row>
    <row r="30036" spans="1:3" ht="19.2">
      <c r="A30036" s="2"/>
      <c r="B30036" s="2"/>
      <c r="C30036" s="2"/>
    </row>
    <row r="30037" spans="1:3" ht="19.2">
      <c r="A30037" s="2"/>
      <c r="B30037" s="2"/>
      <c r="C30037" s="2"/>
    </row>
    <row r="30038" spans="1:3" ht="19.2">
      <c r="A30038" s="2"/>
      <c r="B30038" s="2"/>
      <c r="C30038" s="2"/>
    </row>
    <row r="30039" spans="1:3" ht="19.2">
      <c r="A30039" s="2"/>
      <c r="B30039" s="2"/>
      <c r="C30039" s="2"/>
    </row>
    <row r="30040" spans="1:3" ht="19.2">
      <c r="A30040" s="2"/>
      <c r="B30040" s="2"/>
      <c r="C30040" s="2"/>
    </row>
    <row r="30041" spans="1:3" ht="19.2">
      <c r="A30041" s="2"/>
      <c r="B30041" s="2"/>
      <c r="C30041" s="2"/>
    </row>
    <row r="30042" spans="1:3" ht="19.2">
      <c r="A30042" s="2"/>
      <c r="B30042" s="2"/>
      <c r="C30042" s="2"/>
    </row>
    <row r="30043" spans="1:3" ht="19.2">
      <c r="A30043" s="2"/>
      <c r="B30043" s="2"/>
      <c r="C30043" s="2"/>
    </row>
    <row r="30044" spans="1:3" ht="19.2">
      <c r="A30044" s="2"/>
      <c r="B30044" s="2"/>
      <c r="C30044" s="2"/>
    </row>
    <row r="30045" spans="1:3" ht="19.2">
      <c r="A30045" s="2"/>
      <c r="B30045" s="2"/>
      <c r="C30045" s="2"/>
    </row>
    <row r="30046" spans="1:3" ht="19.2">
      <c r="A30046" s="2"/>
      <c r="B30046" s="2"/>
      <c r="C30046" s="2"/>
    </row>
    <row r="30047" spans="1:3" ht="19.2">
      <c r="A30047" s="2"/>
      <c r="B30047" s="2"/>
      <c r="C30047" s="2"/>
    </row>
    <row r="30048" spans="1:3" ht="19.2">
      <c r="A30048" s="2"/>
      <c r="B30048" s="2"/>
      <c r="C30048" s="2"/>
    </row>
    <row r="30049" spans="1:3" ht="19.2">
      <c r="A30049" s="2"/>
      <c r="B30049" s="2"/>
      <c r="C30049" s="2"/>
    </row>
    <row r="30050" spans="1:3" ht="19.2">
      <c r="A30050" s="2"/>
      <c r="B30050" s="2"/>
      <c r="C30050" s="2"/>
    </row>
    <row r="30051" spans="1:3" ht="19.2">
      <c r="A30051" s="2"/>
      <c r="B30051" s="2"/>
      <c r="C30051" s="2"/>
    </row>
    <row r="30052" spans="1:3" ht="19.2">
      <c r="A30052" s="2"/>
      <c r="B30052" s="2"/>
      <c r="C30052" s="2"/>
    </row>
    <row r="30053" spans="1:3" ht="19.2">
      <c r="A30053" s="2"/>
      <c r="B30053" s="2"/>
      <c r="C30053" s="2"/>
    </row>
    <row r="30054" spans="1:3" ht="19.2">
      <c r="A30054" s="2"/>
      <c r="B30054" s="2"/>
      <c r="C30054" s="2"/>
    </row>
    <row r="30055" spans="1:3" ht="19.2">
      <c r="A30055" s="2"/>
      <c r="B30055" s="2"/>
      <c r="C30055" s="2"/>
    </row>
    <row r="30056" spans="1:3" ht="19.2">
      <c r="A30056" s="2"/>
      <c r="B30056" s="2"/>
      <c r="C30056" s="2"/>
    </row>
    <row r="30057" spans="1:3" ht="19.2">
      <c r="A30057" s="2"/>
      <c r="B30057" s="2"/>
      <c r="C30057" s="2"/>
    </row>
    <row r="30058" spans="1:3" ht="19.2">
      <c r="A30058" s="2"/>
      <c r="B30058" s="2"/>
      <c r="C30058" s="2"/>
    </row>
    <row r="30059" spans="1:3" ht="19.2">
      <c r="A30059" s="2"/>
      <c r="B30059" s="2"/>
      <c r="C30059" s="2"/>
    </row>
    <row r="30060" spans="1:3" ht="19.2">
      <c r="A30060" s="2"/>
      <c r="B30060" s="2"/>
      <c r="C30060" s="2"/>
    </row>
    <row r="30061" spans="1:3" ht="19.2">
      <c r="A30061" s="2"/>
      <c r="B30061" s="2"/>
      <c r="C30061" s="2"/>
    </row>
    <row r="30062" spans="1:3" ht="19.2">
      <c r="A30062" s="2"/>
      <c r="B30062" s="2"/>
      <c r="C30062" s="2"/>
    </row>
    <row r="30063" spans="1:3" ht="19.2">
      <c r="A30063" s="2"/>
      <c r="B30063" s="2"/>
      <c r="C30063" s="2"/>
    </row>
    <row r="30064" spans="1:3" ht="19.2">
      <c r="A30064" s="2"/>
      <c r="B30064" s="2"/>
      <c r="C30064" s="2"/>
    </row>
    <row r="30065" spans="1:3" ht="19.2">
      <c r="A30065" s="2"/>
      <c r="B30065" s="2"/>
      <c r="C30065" s="2"/>
    </row>
    <row r="30066" spans="1:3" ht="19.2">
      <c r="A30066" s="2"/>
      <c r="B30066" s="2"/>
      <c r="C30066" s="2"/>
    </row>
    <row r="30067" spans="1:3" ht="19.2">
      <c r="A30067" s="2"/>
      <c r="B30067" s="2"/>
      <c r="C30067" s="2"/>
    </row>
    <row r="30068" spans="1:3" ht="19.2">
      <c r="A30068" s="2"/>
      <c r="B30068" s="2"/>
      <c r="C30068" s="2"/>
    </row>
    <row r="30069" spans="1:3" ht="19.2">
      <c r="A30069" s="2"/>
      <c r="B30069" s="2"/>
      <c r="C30069" s="2"/>
    </row>
    <row r="30070" spans="1:3" ht="19.2">
      <c r="A30070" s="2"/>
      <c r="B30070" s="2"/>
      <c r="C30070" s="2"/>
    </row>
    <row r="30071" spans="1:3" ht="19.2">
      <c r="A30071" s="2"/>
      <c r="B30071" s="2"/>
      <c r="C30071" s="2"/>
    </row>
    <row r="30072" spans="1:3" ht="19.2">
      <c r="A30072" s="2"/>
      <c r="B30072" s="2"/>
      <c r="C30072" s="2"/>
    </row>
    <row r="30073" spans="1:3" ht="19.2">
      <c r="A30073" s="2"/>
      <c r="B30073" s="2"/>
      <c r="C30073" s="2"/>
    </row>
    <row r="30074" spans="1:3" ht="19.2">
      <c r="A30074" s="2"/>
      <c r="B30074" s="2"/>
      <c r="C30074" s="2"/>
    </row>
    <row r="30075" spans="1:3" ht="19.2">
      <c r="A30075" s="2"/>
      <c r="B30075" s="2"/>
      <c r="C30075" s="2"/>
    </row>
    <row r="30076" spans="1:3" ht="19.2">
      <c r="A30076" s="2"/>
      <c r="B30076" s="2"/>
      <c r="C30076" s="2"/>
    </row>
    <row r="30077" spans="1:3" ht="19.2">
      <c r="A30077" s="2"/>
      <c r="B30077" s="2"/>
      <c r="C30077" s="2"/>
    </row>
    <row r="30078" spans="1:3" ht="19.2">
      <c r="A30078" s="2"/>
      <c r="B30078" s="2"/>
      <c r="C30078" s="2"/>
    </row>
    <row r="30079" spans="1:3" ht="19.2">
      <c r="A30079" s="2"/>
      <c r="B30079" s="2"/>
      <c r="C30079" s="2"/>
    </row>
    <row r="30080" spans="1:3" ht="19.2">
      <c r="A30080" s="2"/>
      <c r="B30080" s="2"/>
      <c r="C30080" s="2"/>
    </row>
    <row r="30081" spans="1:3" ht="19.2">
      <c r="A30081" s="2"/>
      <c r="B30081" s="2"/>
      <c r="C30081" s="2"/>
    </row>
    <row r="30082" spans="1:3" ht="19.2">
      <c r="A30082" s="2"/>
      <c r="B30082" s="2"/>
      <c r="C30082" s="2"/>
    </row>
    <row r="30083" spans="1:3" ht="19.2">
      <c r="A30083" s="2"/>
      <c r="B30083" s="2"/>
      <c r="C30083" s="2"/>
    </row>
    <row r="30084" spans="1:3" ht="19.2">
      <c r="A30084" s="2"/>
      <c r="B30084" s="2"/>
      <c r="C30084" s="2"/>
    </row>
    <row r="30085" spans="1:3" ht="19.2">
      <c r="A30085" s="2"/>
      <c r="B30085" s="2"/>
      <c r="C30085" s="2"/>
    </row>
    <row r="30086" spans="1:3" ht="19.2">
      <c r="A30086" s="2"/>
      <c r="B30086" s="2"/>
      <c r="C30086" s="2"/>
    </row>
    <row r="30087" spans="1:3" ht="19.2">
      <c r="A30087" s="2"/>
      <c r="B30087" s="2"/>
      <c r="C30087" s="2"/>
    </row>
    <row r="30088" spans="1:3" ht="19.2">
      <c r="A30088" s="2"/>
      <c r="B30088" s="2"/>
      <c r="C30088" s="2"/>
    </row>
    <row r="30089" spans="1:3" ht="19.2">
      <c r="A30089" s="2"/>
      <c r="B30089" s="2"/>
      <c r="C30089" s="2"/>
    </row>
    <row r="30090" spans="1:3" ht="19.2">
      <c r="A30090" s="2"/>
      <c r="B30090" s="2"/>
      <c r="C30090" s="2"/>
    </row>
    <row r="30091" spans="1:3" ht="19.2">
      <c r="A30091" s="2"/>
      <c r="B30091" s="2"/>
      <c r="C30091" s="2"/>
    </row>
    <row r="30092" spans="1:3" ht="19.2">
      <c r="A30092" s="2"/>
      <c r="B30092" s="2"/>
      <c r="C30092" s="2"/>
    </row>
    <row r="30093" spans="1:3" ht="19.2">
      <c r="A30093" s="2"/>
      <c r="B30093" s="2"/>
      <c r="C30093" s="2"/>
    </row>
    <row r="30094" spans="1:3" ht="19.2">
      <c r="A30094" s="2"/>
      <c r="B30094" s="2"/>
      <c r="C30094" s="2"/>
    </row>
    <row r="30095" spans="1:3" ht="19.2">
      <c r="A30095" s="2"/>
      <c r="B30095" s="2"/>
      <c r="C30095" s="2"/>
    </row>
    <row r="30096" spans="1:3" ht="19.2">
      <c r="A30096" s="2"/>
      <c r="B30096" s="2"/>
      <c r="C30096" s="2"/>
    </row>
    <row r="30097" spans="1:3" ht="19.2">
      <c r="A30097" s="2"/>
      <c r="B30097" s="2"/>
      <c r="C30097" s="2"/>
    </row>
    <row r="30098" spans="1:3" ht="19.2">
      <c r="A30098" s="2"/>
      <c r="B30098" s="2"/>
      <c r="C30098" s="2"/>
    </row>
    <row r="30099" spans="1:3" ht="19.2">
      <c r="A30099" s="2"/>
      <c r="B30099" s="2"/>
      <c r="C30099" s="2"/>
    </row>
    <row r="30100" spans="1:3" ht="19.2">
      <c r="A30100" s="2"/>
      <c r="B30100" s="2"/>
      <c r="C30100" s="2"/>
    </row>
    <row r="30101" spans="1:3" ht="19.2">
      <c r="A30101" s="2"/>
      <c r="B30101" s="2"/>
      <c r="C30101" s="2"/>
    </row>
    <row r="30102" spans="1:3" ht="19.2">
      <c r="A30102" s="2"/>
      <c r="B30102" s="2"/>
      <c r="C30102" s="2"/>
    </row>
    <row r="30103" spans="1:3" ht="19.2">
      <c r="A30103" s="2"/>
      <c r="B30103" s="2"/>
      <c r="C30103" s="2"/>
    </row>
    <row r="30104" spans="1:3" ht="19.2">
      <c r="A30104" s="2"/>
      <c r="B30104" s="2"/>
      <c r="C30104" s="2"/>
    </row>
    <row r="30105" spans="1:3" ht="19.2">
      <c r="A30105" s="2"/>
      <c r="B30105" s="2"/>
      <c r="C30105" s="2"/>
    </row>
    <row r="30106" spans="1:3" ht="19.2">
      <c r="A30106" s="2"/>
      <c r="B30106" s="2"/>
      <c r="C30106" s="2"/>
    </row>
    <row r="30107" spans="1:3" ht="19.2">
      <c r="A30107" s="2"/>
      <c r="B30107" s="2"/>
      <c r="C30107" s="2"/>
    </row>
    <row r="30108" spans="1:3" ht="19.2">
      <c r="A30108" s="2"/>
      <c r="B30108" s="2"/>
      <c r="C30108" s="2"/>
    </row>
    <row r="30109" spans="1:3" ht="19.2">
      <c r="A30109" s="2"/>
      <c r="B30109" s="2"/>
      <c r="C30109" s="2"/>
    </row>
    <row r="30110" spans="1:3" ht="19.2">
      <c r="A30110" s="2"/>
      <c r="B30110" s="2"/>
      <c r="C30110" s="2"/>
    </row>
    <row r="30111" spans="1:3" ht="19.2">
      <c r="A30111" s="2"/>
      <c r="B30111" s="2"/>
      <c r="C30111" s="2"/>
    </row>
    <row r="30112" spans="1:3" ht="19.2">
      <c r="A30112" s="2"/>
      <c r="B30112" s="2"/>
      <c r="C30112" s="2"/>
    </row>
    <row r="30113" spans="1:3" ht="19.2">
      <c r="A30113" s="2"/>
      <c r="B30113" s="2"/>
      <c r="C30113" s="2"/>
    </row>
    <row r="30114" spans="1:3" ht="19.2">
      <c r="A30114" s="2"/>
      <c r="B30114" s="2"/>
      <c r="C30114" s="2"/>
    </row>
    <row r="30115" spans="1:3" ht="19.2">
      <c r="A30115" s="2"/>
      <c r="B30115" s="2"/>
      <c r="C30115" s="2"/>
    </row>
    <row r="30116" spans="1:3" ht="19.2">
      <c r="A30116" s="2"/>
      <c r="B30116" s="2"/>
      <c r="C30116" s="2"/>
    </row>
    <row r="30117" spans="1:3" ht="19.2">
      <c r="A30117" s="2"/>
      <c r="B30117" s="2"/>
      <c r="C30117" s="2"/>
    </row>
    <row r="30118" spans="1:3" ht="19.2">
      <c r="A30118" s="2"/>
      <c r="B30118" s="2"/>
      <c r="C30118" s="2"/>
    </row>
    <row r="30119" spans="1:3" ht="19.2">
      <c r="A30119" s="2"/>
      <c r="B30119" s="2"/>
      <c r="C30119" s="2"/>
    </row>
    <row r="30120" spans="1:3" ht="19.2">
      <c r="A30120" s="2"/>
      <c r="B30120" s="2"/>
      <c r="C30120" s="2"/>
    </row>
    <row r="30121" spans="1:3" ht="19.2">
      <c r="A30121" s="2"/>
      <c r="B30121" s="2"/>
      <c r="C30121" s="2"/>
    </row>
    <row r="30122" spans="1:3" ht="19.2">
      <c r="A30122" s="2"/>
      <c r="B30122" s="2"/>
      <c r="C30122" s="2"/>
    </row>
    <row r="30123" spans="1:3" ht="19.2">
      <c r="A30123" s="2"/>
      <c r="B30123" s="2"/>
      <c r="C30123" s="2"/>
    </row>
    <row r="30124" spans="1:3" ht="19.2">
      <c r="A30124" s="2"/>
      <c r="B30124" s="2"/>
      <c r="C30124" s="2"/>
    </row>
    <row r="30125" spans="1:3" ht="19.2">
      <c r="A30125" s="2"/>
      <c r="B30125" s="2"/>
      <c r="C30125" s="2"/>
    </row>
    <row r="30126" spans="1:3" ht="19.2">
      <c r="A30126" s="2"/>
      <c r="B30126" s="2"/>
      <c r="C30126" s="2"/>
    </row>
    <row r="30127" spans="1:3" ht="19.2">
      <c r="A30127" s="2"/>
      <c r="B30127" s="2"/>
      <c r="C30127" s="2"/>
    </row>
    <row r="30128" spans="1:3" ht="19.2">
      <c r="A30128" s="2"/>
      <c r="B30128" s="2"/>
      <c r="C30128" s="2"/>
    </row>
    <row r="30129" spans="1:3" ht="19.2">
      <c r="A30129" s="2"/>
      <c r="B30129" s="2"/>
      <c r="C30129" s="2"/>
    </row>
    <row r="30130" spans="1:3" ht="19.2">
      <c r="A30130" s="2"/>
      <c r="B30130" s="2"/>
      <c r="C30130" s="2"/>
    </row>
    <row r="30131" spans="1:3" ht="19.2">
      <c r="A30131" s="2"/>
      <c r="B30131" s="2"/>
      <c r="C30131" s="2"/>
    </row>
    <row r="30132" spans="1:3" ht="19.2">
      <c r="A30132" s="2"/>
      <c r="B30132" s="2"/>
      <c r="C30132" s="2"/>
    </row>
    <row r="30133" spans="1:3" ht="19.2">
      <c r="A30133" s="2"/>
      <c r="B30133" s="2"/>
      <c r="C30133" s="2"/>
    </row>
    <row r="30134" spans="1:3" ht="19.2">
      <c r="A30134" s="2"/>
      <c r="B30134" s="2"/>
      <c r="C30134" s="2"/>
    </row>
    <row r="30135" spans="1:3" ht="19.2">
      <c r="A30135" s="2"/>
      <c r="B30135" s="2"/>
      <c r="C30135" s="2"/>
    </row>
    <row r="30136" spans="1:3" ht="19.2">
      <c r="A30136" s="2"/>
      <c r="B30136" s="2"/>
      <c r="C30136" s="2"/>
    </row>
    <row r="30137" spans="1:3" ht="19.2">
      <c r="A30137" s="2"/>
      <c r="B30137" s="2"/>
      <c r="C30137" s="2"/>
    </row>
    <row r="30138" spans="1:3" ht="19.2">
      <c r="A30138" s="2"/>
      <c r="B30138" s="2"/>
      <c r="C30138" s="2"/>
    </row>
    <row r="30139" spans="1:3" ht="19.2">
      <c r="A30139" s="2"/>
      <c r="B30139" s="2"/>
      <c r="C30139" s="2"/>
    </row>
    <row r="30140" spans="1:3" ht="19.2">
      <c r="A30140" s="2"/>
      <c r="B30140" s="2"/>
      <c r="C30140" s="2"/>
    </row>
    <row r="30141" spans="1:3" ht="19.2">
      <c r="A30141" s="2"/>
      <c r="B30141" s="2"/>
      <c r="C30141" s="2"/>
    </row>
    <row r="30142" spans="1:3" ht="19.2">
      <c r="A30142" s="2"/>
      <c r="B30142" s="2"/>
      <c r="C30142" s="2"/>
    </row>
    <row r="30143" spans="1:3" ht="19.2">
      <c r="A30143" s="2"/>
      <c r="B30143" s="2"/>
      <c r="C30143" s="2"/>
    </row>
    <row r="30144" spans="1:3" ht="19.2">
      <c r="A30144" s="2"/>
      <c r="B30144" s="2"/>
      <c r="C30144" s="2"/>
    </row>
    <row r="30145" spans="1:3" ht="19.2">
      <c r="A30145" s="2"/>
      <c r="B30145" s="2"/>
      <c r="C30145" s="2"/>
    </row>
    <row r="30146" spans="1:3" ht="19.2">
      <c r="A30146" s="2"/>
      <c r="B30146" s="2"/>
      <c r="C30146" s="2"/>
    </row>
    <row r="30147" spans="1:3" ht="19.2">
      <c r="A30147" s="2"/>
      <c r="B30147" s="2"/>
      <c r="C30147" s="2"/>
    </row>
    <row r="30148" spans="1:3" ht="19.2">
      <c r="A30148" s="2"/>
      <c r="B30148" s="2"/>
      <c r="C30148" s="2"/>
    </row>
    <row r="30149" spans="1:3" ht="19.2">
      <c r="A30149" s="2"/>
      <c r="B30149" s="2"/>
      <c r="C30149" s="2"/>
    </row>
    <row r="30150" spans="1:3" ht="19.2">
      <c r="A30150" s="2"/>
      <c r="B30150" s="2"/>
      <c r="C30150" s="2"/>
    </row>
    <row r="30151" spans="1:3" ht="19.2">
      <c r="A30151" s="2"/>
      <c r="B30151" s="2"/>
      <c r="C30151" s="2"/>
    </row>
    <row r="30152" spans="1:3" ht="19.2">
      <c r="A30152" s="2"/>
      <c r="B30152" s="2"/>
      <c r="C30152" s="2"/>
    </row>
    <row r="30153" spans="1:3" ht="19.2">
      <c r="A30153" s="2"/>
      <c r="B30153" s="2"/>
      <c r="C30153" s="2"/>
    </row>
    <row r="30154" spans="1:3" ht="19.2">
      <c r="A30154" s="2"/>
      <c r="B30154" s="2"/>
      <c r="C30154" s="2"/>
    </row>
    <row r="30155" spans="1:3" ht="19.2">
      <c r="A30155" s="2"/>
      <c r="B30155" s="2"/>
      <c r="C30155" s="2"/>
    </row>
    <row r="30156" spans="1:3" ht="19.2">
      <c r="A30156" s="2"/>
      <c r="B30156" s="2"/>
      <c r="C30156" s="2"/>
    </row>
    <row r="30157" spans="1:3" ht="19.2">
      <c r="A30157" s="2"/>
      <c r="B30157" s="2"/>
      <c r="C30157" s="2"/>
    </row>
    <row r="30158" spans="1:3" ht="19.2">
      <c r="A30158" s="2"/>
      <c r="B30158" s="2"/>
      <c r="C30158" s="2"/>
    </row>
    <row r="30159" spans="1:3" ht="19.2">
      <c r="A30159" s="2"/>
      <c r="B30159" s="2"/>
      <c r="C30159" s="2"/>
    </row>
    <row r="30160" spans="1:3" ht="19.2">
      <c r="A30160" s="2"/>
      <c r="B30160" s="2"/>
      <c r="C30160" s="2"/>
    </row>
    <row r="30161" spans="1:3" ht="19.2">
      <c r="A30161" s="2"/>
      <c r="B30161" s="2"/>
      <c r="C30161" s="2"/>
    </row>
    <row r="30162" spans="1:3" ht="19.2">
      <c r="A30162" s="2"/>
      <c r="B30162" s="2"/>
      <c r="C30162" s="2"/>
    </row>
    <row r="30163" spans="1:3" ht="19.2">
      <c r="A30163" s="2"/>
      <c r="B30163" s="2"/>
      <c r="C30163" s="2"/>
    </row>
    <row r="30164" spans="1:3" ht="19.2">
      <c r="A30164" s="2"/>
      <c r="B30164" s="2"/>
      <c r="C30164" s="2"/>
    </row>
    <row r="30165" spans="1:3" ht="19.2">
      <c r="A30165" s="2"/>
      <c r="B30165" s="2"/>
      <c r="C30165" s="2"/>
    </row>
    <row r="30166" spans="1:3" ht="19.2">
      <c r="A30166" s="2"/>
      <c r="B30166" s="2"/>
      <c r="C30166" s="2"/>
    </row>
    <row r="30167" spans="1:3" ht="19.2">
      <c r="A30167" s="2"/>
      <c r="B30167" s="2"/>
      <c r="C30167" s="2"/>
    </row>
    <row r="30168" spans="1:3" ht="19.2">
      <c r="A30168" s="2"/>
      <c r="B30168" s="2"/>
      <c r="C30168" s="2"/>
    </row>
    <row r="30169" spans="1:3" ht="19.2">
      <c r="A30169" s="2"/>
      <c r="B30169" s="2"/>
      <c r="C30169" s="2"/>
    </row>
    <row r="30170" spans="1:3" ht="19.2">
      <c r="A30170" s="2"/>
      <c r="B30170" s="2"/>
      <c r="C30170" s="2"/>
    </row>
    <row r="30171" spans="1:3" ht="19.2">
      <c r="A30171" s="2"/>
      <c r="B30171" s="2"/>
      <c r="C30171" s="2"/>
    </row>
    <row r="30172" spans="1:3" ht="19.2">
      <c r="A30172" s="2"/>
      <c r="B30172" s="2"/>
      <c r="C30172" s="2"/>
    </row>
    <row r="30173" spans="1:3" ht="19.2">
      <c r="A30173" s="2"/>
      <c r="B30173" s="2"/>
      <c r="C30173" s="2"/>
    </row>
    <row r="30174" spans="1:3" ht="19.2">
      <c r="A30174" s="2"/>
      <c r="B30174" s="2"/>
      <c r="C30174" s="2"/>
    </row>
    <row r="30175" spans="1:3" ht="19.2">
      <c r="A30175" s="2"/>
      <c r="B30175" s="2"/>
      <c r="C30175" s="2"/>
    </row>
    <row r="30176" spans="1:3" ht="19.2">
      <c r="A30176" s="2"/>
      <c r="B30176" s="2"/>
      <c r="C30176" s="2"/>
    </row>
    <row r="30177" spans="1:3" ht="19.2">
      <c r="A30177" s="2"/>
      <c r="B30177" s="2"/>
      <c r="C30177" s="2"/>
    </row>
    <row r="30178" spans="1:3" ht="19.2">
      <c r="A30178" s="2"/>
      <c r="B30178" s="2"/>
      <c r="C30178" s="2"/>
    </row>
    <row r="30179" spans="1:3" ht="19.2">
      <c r="A30179" s="2"/>
      <c r="B30179" s="2"/>
      <c r="C30179" s="2"/>
    </row>
    <row r="30180" spans="1:3" ht="19.2">
      <c r="A30180" s="2"/>
      <c r="B30180" s="2"/>
      <c r="C30180" s="2"/>
    </row>
    <row r="30181" spans="1:3" ht="19.2">
      <c r="A30181" s="2"/>
      <c r="B30181" s="2"/>
      <c r="C30181" s="2"/>
    </row>
    <row r="30182" spans="1:3" ht="19.2">
      <c r="A30182" s="2"/>
      <c r="B30182" s="2"/>
      <c r="C30182" s="2"/>
    </row>
    <row r="30183" spans="1:3" ht="19.2">
      <c r="A30183" s="2"/>
      <c r="B30183" s="2"/>
      <c r="C30183" s="2"/>
    </row>
    <row r="30184" spans="1:3" ht="19.2">
      <c r="A30184" s="2"/>
      <c r="B30184" s="2"/>
      <c r="C30184" s="2"/>
    </row>
    <row r="30185" spans="1:3" ht="19.2">
      <c r="A30185" s="2"/>
      <c r="B30185" s="2"/>
      <c r="C30185" s="2"/>
    </row>
    <row r="30186" spans="1:3" ht="19.2">
      <c r="A30186" s="2"/>
      <c r="B30186" s="2"/>
      <c r="C30186" s="2"/>
    </row>
    <row r="30187" spans="1:3" ht="19.2">
      <c r="A30187" s="2"/>
      <c r="B30187" s="2"/>
      <c r="C30187" s="2"/>
    </row>
    <row r="30188" spans="1:3" ht="19.2">
      <c r="A30188" s="2"/>
      <c r="B30188" s="2"/>
      <c r="C30188" s="2"/>
    </row>
    <row r="30189" spans="1:3" ht="19.2">
      <c r="A30189" s="2"/>
      <c r="B30189" s="2"/>
      <c r="C30189" s="2"/>
    </row>
    <row r="30190" spans="1:3" ht="19.2">
      <c r="A30190" s="2"/>
      <c r="B30190" s="2"/>
      <c r="C30190" s="2"/>
    </row>
    <row r="30191" spans="1:3" ht="19.2">
      <c r="A30191" s="2"/>
      <c r="B30191" s="2"/>
      <c r="C30191" s="2"/>
    </row>
    <row r="30192" spans="1:3" ht="19.2">
      <c r="A30192" s="2"/>
      <c r="B30192" s="2"/>
      <c r="C30192" s="2"/>
    </row>
    <row r="30193" spans="1:3" ht="19.2">
      <c r="A30193" s="2"/>
      <c r="B30193" s="2"/>
      <c r="C30193" s="2"/>
    </row>
    <row r="30194" spans="1:3" ht="19.2">
      <c r="A30194" s="2"/>
      <c r="B30194" s="2"/>
      <c r="C30194" s="2"/>
    </row>
    <row r="30195" spans="1:3" ht="19.2">
      <c r="A30195" s="2"/>
      <c r="B30195" s="2"/>
      <c r="C30195" s="2"/>
    </row>
    <row r="30196" spans="1:3" ht="19.2">
      <c r="A30196" s="2"/>
      <c r="B30196" s="2"/>
      <c r="C30196" s="2"/>
    </row>
    <row r="30197" spans="1:3" ht="19.2">
      <c r="A30197" s="2"/>
      <c r="B30197" s="2"/>
      <c r="C30197" s="2"/>
    </row>
    <row r="30198" spans="1:3" ht="19.2">
      <c r="A30198" s="2"/>
      <c r="B30198" s="2"/>
      <c r="C30198" s="2"/>
    </row>
    <row r="30199" spans="1:3" ht="19.2">
      <c r="A30199" s="2"/>
      <c r="B30199" s="2"/>
      <c r="C30199" s="2"/>
    </row>
    <row r="30200" spans="1:3" ht="19.2">
      <c r="A30200" s="2"/>
      <c r="B30200" s="2"/>
      <c r="C30200" s="2"/>
    </row>
    <row r="30201" spans="1:3" ht="19.2">
      <c r="A30201" s="2"/>
      <c r="B30201" s="2"/>
      <c r="C30201" s="2"/>
    </row>
    <row r="30202" spans="1:3" ht="19.2">
      <c r="A30202" s="2"/>
      <c r="B30202" s="2"/>
      <c r="C30202" s="2"/>
    </row>
    <row r="30203" spans="1:3" ht="19.2">
      <c r="A30203" s="2"/>
      <c r="B30203" s="2"/>
      <c r="C30203" s="2"/>
    </row>
    <row r="30204" spans="1:3" ht="19.2">
      <c r="A30204" s="2"/>
      <c r="B30204" s="2"/>
      <c r="C30204" s="2"/>
    </row>
    <row r="30205" spans="1:3" ht="19.2">
      <c r="A30205" s="2"/>
      <c r="B30205" s="2"/>
      <c r="C30205" s="2"/>
    </row>
    <row r="30206" spans="1:3" ht="19.2">
      <c r="A30206" s="2"/>
      <c r="B30206" s="2"/>
      <c r="C30206" s="2"/>
    </row>
    <row r="30207" spans="1:3" ht="19.2">
      <c r="A30207" s="2"/>
      <c r="B30207" s="2"/>
      <c r="C30207" s="2"/>
    </row>
    <row r="30208" spans="1:3" ht="19.2">
      <c r="A30208" s="2"/>
      <c r="B30208" s="2"/>
      <c r="C30208" s="2"/>
    </row>
    <row r="30209" spans="1:3" ht="19.2">
      <c r="A30209" s="2"/>
      <c r="B30209" s="2"/>
      <c r="C30209" s="2"/>
    </row>
    <row r="30210" spans="1:3" ht="19.2">
      <c r="A30210" s="2"/>
      <c r="B30210" s="2"/>
      <c r="C30210" s="2"/>
    </row>
    <row r="30211" spans="1:3" ht="19.2">
      <c r="A30211" s="2"/>
      <c r="B30211" s="2"/>
      <c r="C30211" s="2"/>
    </row>
    <row r="30212" spans="1:3" ht="19.2">
      <c r="A30212" s="2"/>
      <c r="B30212" s="2"/>
      <c r="C30212" s="2"/>
    </row>
    <row r="30213" spans="1:3" ht="19.2">
      <c r="A30213" s="2"/>
      <c r="B30213" s="2"/>
      <c r="C30213" s="2"/>
    </row>
    <row r="30214" spans="1:3" ht="19.2">
      <c r="A30214" s="2"/>
      <c r="B30214" s="2"/>
      <c r="C30214" s="2"/>
    </row>
    <row r="30215" spans="1:3" ht="19.2">
      <c r="A30215" s="2"/>
      <c r="B30215" s="2"/>
      <c r="C30215" s="2"/>
    </row>
    <row r="30216" spans="1:3" ht="19.2">
      <c r="A30216" s="2"/>
      <c r="B30216" s="2"/>
      <c r="C30216" s="2"/>
    </row>
    <row r="30217" spans="1:3" ht="19.2">
      <c r="A30217" s="2"/>
      <c r="B30217" s="2"/>
      <c r="C30217" s="2"/>
    </row>
    <row r="30218" spans="1:3" ht="19.2">
      <c r="A30218" s="2"/>
      <c r="B30218" s="2"/>
      <c r="C30218" s="2"/>
    </row>
    <row r="30219" spans="1:3" ht="19.2">
      <c r="A30219" s="2"/>
      <c r="B30219" s="2"/>
      <c r="C30219" s="2"/>
    </row>
    <row r="30220" spans="1:3" ht="19.2">
      <c r="A30220" s="2"/>
      <c r="B30220" s="2"/>
      <c r="C30220" s="2"/>
    </row>
    <row r="30221" spans="1:3" ht="19.2">
      <c r="A30221" s="2"/>
      <c r="B30221" s="2"/>
      <c r="C30221" s="2"/>
    </row>
    <row r="30222" spans="1:3" ht="19.2">
      <c r="A30222" s="2"/>
      <c r="B30222" s="2"/>
      <c r="C30222" s="2"/>
    </row>
    <row r="30223" spans="1:3" ht="19.2">
      <c r="A30223" s="2"/>
      <c r="B30223" s="2"/>
      <c r="C30223" s="2"/>
    </row>
    <row r="30224" spans="1:3" ht="19.2">
      <c r="A30224" s="2"/>
      <c r="B30224" s="2"/>
      <c r="C30224" s="2"/>
    </row>
    <row r="30225" spans="1:3" ht="19.2">
      <c r="A30225" s="2"/>
      <c r="B30225" s="2"/>
      <c r="C30225" s="2"/>
    </row>
    <row r="30226" spans="1:3" ht="19.2">
      <c r="A30226" s="2"/>
      <c r="B30226" s="2"/>
      <c r="C30226" s="2"/>
    </row>
    <row r="30227" spans="1:3" ht="19.2">
      <c r="A30227" s="2"/>
      <c r="B30227" s="2"/>
      <c r="C30227" s="2"/>
    </row>
    <row r="30228" spans="1:3" ht="19.2">
      <c r="A30228" s="2"/>
      <c r="B30228" s="2"/>
      <c r="C30228" s="2"/>
    </row>
    <row r="30229" spans="1:3" ht="19.2">
      <c r="A30229" s="2"/>
      <c r="B30229" s="2"/>
      <c r="C30229" s="2"/>
    </row>
    <row r="30230" spans="1:3" ht="19.2">
      <c r="A30230" s="2"/>
      <c r="B30230" s="2"/>
      <c r="C30230" s="2"/>
    </row>
    <row r="30231" spans="1:3" ht="19.2">
      <c r="A30231" s="2"/>
      <c r="B30231" s="2"/>
      <c r="C30231" s="2"/>
    </row>
    <row r="30232" spans="1:3" ht="19.2">
      <c r="A30232" s="2"/>
      <c r="B30232" s="2"/>
      <c r="C30232" s="2"/>
    </row>
    <row r="30233" spans="1:3" ht="19.2">
      <c r="A30233" s="2"/>
      <c r="B30233" s="2"/>
      <c r="C30233" s="2"/>
    </row>
    <row r="30234" spans="1:3" ht="19.2">
      <c r="A30234" s="2"/>
      <c r="B30234" s="2"/>
      <c r="C30234" s="2"/>
    </row>
    <row r="30235" spans="1:3" ht="19.2">
      <c r="A30235" s="2"/>
      <c r="B30235" s="2"/>
      <c r="C30235" s="2"/>
    </row>
    <row r="30236" spans="1:3" ht="19.2">
      <c r="A30236" s="2"/>
      <c r="B30236" s="2"/>
      <c r="C30236" s="2"/>
    </row>
    <row r="30237" spans="1:3" ht="19.2">
      <c r="A30237" s="2"/>
      <c r="B30237" s="2"/>
      <c r="C30237" s="2"/>
    </row>
    <row r="30238" spans="1:3" ht="19.2">
      <c r="A30238" s="2"/>
      <c r="B30238" s="2"/>
      <c r="C30238" s="2"/>
    </row>
    <row r="30239" spans="1:3" ht="19.2">
      <c r="A30239" s="2"/>
      <c r="B30239" s="2"/>
      <c r="C30239" s="2"/>
    </row>
    <row r="30240" spans="1:3" ht="19.2">
      <c r="A30240" s="2"/>
      <c r="B30240" s="2"/>
      <c r="C30240" s="2"/>
    </row>
    <row r="30241" spans="1:3" ht="19.2">
      <c r="A30241" s="2"/>
      <c r="B30241" s="2"/>
      <c r="C30241" s="2"/>
    </row>
    <row r="30242" spans="1:3" ht="19.2">
      <c r="A30242" s="2"/>
      <c r="B30242" s="2"/>
      <c r="C30242" s="2"/>
    </row>
    <row r="30243" spans="1:3" ht="19.2">
      <c r="A30243" s="2"/>
      <c r="B30243" s="2"/>
      <c r="C30243" s="2"/>
    </row>
    <row r="30244" spans="1:3" ht="19.2">
      <c r="A30244" s="2"/>
      <c r="B30244" s="2"/>
      <c r="C30244" s="2"/>
    </row>
    <row r="30245" spans="1:3" ht="19.2">
      <c r="A30245" s="2"/>
      <c r="B30245" s="2"/>
      <c r="C30245" s="2"/>
    </row>
    <row r="30246" spans="1:3" ht="19.2">
      <c r="A30246" s="2"/>
      <c r="B30246" s="2"/>
      <c r="C30246" s="2"/>
    </row>
    <row r="30247" spans="1:3" ht="19.2">
      <c r="A30247" s="2"/>
      <c r="B30247" s="2"/>
      <c r="C30247" s="2"/>
    </row>
    <row r="30248" spans="1:3" ht="19.2">
      <c r="A30248" s="2"/>
      <c r="B30248" s="2"/>
      <c r="C30248" s="2"/>
    </row>
    <row r="30249" spans="1:3" ht="19.2">
      <c r="A30249" s="2"/>
      <c r="B30249" s="2"/>
      <c r="C30249" s="2"/>
    </row>
    <row r="30250" spans="1:3" ht="19.2">
      <c r="A30250" s="2"/>
      <c r="B30250" s="2"/>
      <c r="C30250" s="2"/>
    </row>
    <row r="30251" spans="1:3" ht="19.2">
      <c r="A30251" s="2"/>
      <c r="B30251" s="2"/>
      <c r="C30251" s="2"/>
    </row>
    <row r="30252" spans="1:3" ht="19.2">
      <c r="A30252" s="2"/>
      <c r="B30252" s="2"/>
      <c r="C30252" s="2"/>
    </row>
    <row r="30253" spans="1:3" ht="19.2">
      <c r="A30253" s="2"/>
      <c r="B30253" s="2"/>
      <c r="C30253" s="2"/>
    </row>
    <row r="30254" spans="1:3" ht="19.2">
      <c r="A30254" s="2"/>
      <c r="B30254" s="2"/>
      <c r="C30254" s="2"/>
    </row>
    <row r="30255" spans="1:3" ht="19.2">
      <c r="A30255" s="2"/>
      <c r="B30255" s="2"/>
      <c r="C30255" s="2"/>
    </row>
    <row r="30256" spans="1:3" ht="19.2">
      <c r="A30256" s="2"/>
      <c r="B30256" s="2"/>
      <c r="C30256" s="2"/>
    </row>
    <row r="30257" spans="1:3" ht="19.2">
      <c r="A30257" s="2"/>
      <c r="B30257" s="2"/>
      <c r="C30257" s="2"/>
    </row>
    <row r="30258" spans="1:3" ht="19.2">
      <c r="A30258" s="2"/>
      <c r="B30258" s="2"/>
      <c r="C30258" s="2"/>
    </row>
    <row r="30259" spans="1:3" ht="19.2">
      <c r="A30259" s="2"/>
      <c r="B30259" s="2"/>
      <c r="C30259" s="2"/>
    </row>
    <row r="30260" spans="1:3" ht="19.2">
      <c r="A30260" s="2"/>
      <c r="B30260" s="2"/>
      <c r="C30260" s="2"/>
    </row>
    <row r="30261" spans="1:3" ht="19.2">
      <c r="A30261" s="2"/>
      <c r="B30261" s="2"/>
      <c r="C30261" s="2"/>
    </row>
    <row r="30262" spans="1:3" ht="19.2">
      <c r="A30262" s="2"/>
      <c r="B30262" s="2"/>
      <c r="C30262" s="2"/>
    </row>
    <row r="30263" spans="1:3" ht="19.2">
      <c r="A30263" s="2"/>
      <c r="B30263" s="2"/>
      <c r="C30263" s="2"/>
    </row>
    <row r="30264" spans="1:3" ht="19.2">
      <c r="A30264" s="2"/>
      <c r="B30264" s="2"/>
      <c r="C30264" s="2"/>
    </row>
    <row r="30265" spans="1:3" ht="19.2">
      <c r="A30265" s="2"/>
      <c r="B30265" s="2"/>
      <c r="C30265" s="2"/>
    </row>
    <row r="30266" spans="1:3" ht="19.2">
      <c r="A30266" s="2"/>
      <c r="B30266" s="2"/>
      <c r="C30266" s="2"/>
    </row>
    <row r="30267" spans="1:3" ht="19.2">
      <c r="A30267" s="2"/>
      <c r="B30267" s="2"/>
      <c r="C30267" s="2"/>
    </row>
    <row r="30268" spans="1:3" ht="19.2">
      <c r="A30268" s="2"/>
      <c r="B30268" s="2"/>
      <c r="C30268" s="2"/>
    </row>
    <row r="30269" spans="1:3" ht="19.2">
      <c r="A30269" s="2"/>
      <c r="B30269" s="2"/>
      <c r="C30269" s="2"/>
    </row>
    <row r="30270" spans="1:3" ht="19.2">
      <c r="A30270" s="2"/>
      <c r="B30270" s="2"/>
      <c r="C30270" s="2"/>
    </row>
    <row r="30271" spans="1:3" ht="19.2">
      <c r="A30271" s="2"/>
      <c r="B30271" s="2"/>
      <c r="C30271" s="2"/>
    </row>
    <row r="30272" spans="1:3" ht="19.2">
      <c r="A30272" s="2"/>
      <c r="B30272" s="2"/>
      <c r="C30272" s="2"/>
    </row>
    <row r="30273" spans="1:3" ht="19.2">
      <c r="A30273" s="2"/>
      <c r="B30273" s="2"/>
      <c r="C30273" s="2"/>
    </row>
    <row r="30274" spans="1:3" ht="19.2">
      <c r="A30274" s="2"/>
      <c r="B30274" s="2"/>
      <c r="C30274" s="2"/>
    </row>
    <row r="30275" spans="1:3" ht="19.2">
      <c r="A30275" s="2"/>
      <c r="B30275" s="2"/>
      <c r="C30275" s="2"/>
    </row>
    <row r="30276" spans="1:3" ht="19.2">
      <c r="A30276" s="2"/>
      <c r="B30276" s="2"/>
      <c r="C30276" s="2"/>
    </row>
    <row r="30277" spans="1:3" ht="19.2">
      <c r="A30277" s="2"/>
      <c r="B30277" s="2"/>
      <c r="C30277" s="2"/>
    </row>
    <row r="30278" spans="1:3" ht="19.2">
      <c r="A30278" s="2"/>
      <c r="B30278" s="2"/>
      <c r="C30278" s="2"/>
    </row>
    <row r="30279" spans="1:3" ht="19.2">
      <c r="A30279" s="2"/>
      <c r="B30279" s="2"/>
      <c r="C30279" s="2"/>
    </row>
    <row r="30280" spans="1:3" ht="19.2">
      <c r="A30280" s="2"/>
      <c r="B30280" s="2"/>
      <c r="C30280" s="2"/>
    </row>
    <row r="30281" spans="1:3" ht="19.2">
      <c r="A30281" s="2"/>
      <c r="B30281" s="2"/>
      <c r="C30281" s="2"/>
    </row>
    <row r="30282" spans="1:3" ht="19.2">
      <c r="A30282" s="2"/>
      <c r="B30282" s="2"/>
      <c r="C30282" s="2"/>
    </row>
    <row r="30283" spans="1:3" ht="19.2">
      <c r="A30283" s="2"/>
      <c r="B30283" s="2"/>
      <c r="C30283" s="2"/>
    </row>
    <row r="30284" spans="1:3" ht="19.2">
      <c r="A30284" s="2"/>
      <c r="B30284" s="2"/>
      <c r="C30284" s="2"/>
    </row>
    <row r="30285" spans="1:3" ht="19.2">
      <c r="A30285" s="2"/>
      <c r="B30285" s="2"/>
      <c r="C30285" s="2"/>
    </row>
    <row r="30286" spans="1:3" ht="19.2">
      <c r="A30286" s="2"/>
      <c r="B30286" s="2"/>
      <c r="C30286" s="2"/>
    </row>
    <row r="30287" spans="1:3" ht="19.2">
      <c r="A30287" s="2"/>
      <c r="B30287" s="2"/>
      <c r="C30287" s="2"/>
    </row>
    <row r="30288" spans="1:3" ht="19.2">
      <c r="A30288" s="2"/>
      <c r="B30288" s="2"/>
      <c r="C30288" s="2"/>
    </row>
    <row r="30289" spans="1:3" ht="19.2">
      <c r="A30289" s="2"/>
      <c r="B30289" s="2"/>
      <c r="C30289" s="2"/>
    </row>
    <row r="30290" spans="1:3" ht="19.2">
      <c r="A30290" s="2"/>
      <c r="B30290" s="2"/>
      <c r="C30290" s="2"/>
    </row>
    <row r="30291" spans="1:3" ht="19.2">
      <c r="A30291" s="2"/>
      <c r="B30291" s="2"/>
      <c r="C30291" s="2"/>
    </row>
    <row r="30292" spans="1:3" ht="19.2">
      <c r="A30292" s="2"/>
      <c r="B30292" s="2"/>
      <c r="C30292" s="2"/>
    </row>
    <row r="30293" spans="1:3" ht="19.2">
      <c r="A30293" s="2"/>
      <c r="B30293" s="2"/>
      <c r="C30293" s="2"/>
    </row>
    <row r="30294" spans="1:3" ht="19.2">
      <c r="A30294" s="2"/>
      <c r="B30294" s="2"/>
      <c r="C30294" s="2"/>
    </row>
    <row r="30295" spans="1:3" ht="19.2">
      <c r="A30295" s="2"/>
      <c r="B30295" s="2"/>
      <c r="C30295" s="2"/>
    </row>
    <row r="30296" spans="1:3" ht="19.2">
      <c r="A30296" s="2"/>
      <c r="B30296" s="2"/>
      <c r="C30296" s="2"/>
    </row>
    <row r="30297" spans="1:3" ht="19.2">
      <c r="A30297" s="2"/>
      <c r="B30297" s="2"/>
      <c r="C30297" s="2"/>
    </row>
    <row r="30298" spans="1:3" ht="19.2">
      <c r="A30298" s="2"/>
      <c r="B30298" s="2"/>
      <c r="C30298" s="2"/>
    </row>
    <row r="30299" spans="1:3" ht="19.2">
      <c r="A30299" s="2"/>
      <c r="B30299" s="2"/>
      <c r="C30299" s="2"/>
    </row>
    <row r="30300" spans="1:3" ht="19.2">
      <c r="A30300" s="2"/>
      <c r="B30300" s="2"/>
      <c r="C30300" s="2"/>
    </row>
    <row r="30301" spans="1:3" ht="19.2">
      <c r="A30301" s="2"/>
      <c r="B30301" s="2"/>
      <c r="C30301" s="2"/>
    </row>
    <row r="30302" spans="1:3" ht="19.2">
      <c r="A30302" s="2"/>
      <c r="B30302" s="2"/>
      <c r="C30302" s="2"/>
    </row>
    <row r="30303" spans="1:3" ht="19.2">
      <c r="A30303" s="2"/>
      <c r="B30303" s="2"/>
      <c r="C30303" s="2"/>
    </row>
    <row r="30304" spans="1:3" ht="19.2">
      <c r="A30304" s="2"/>
      <c r="B30304" s="2"/>
      <c r="C30304" s="2"/>
    </row>
    <row r="30305" spans="1:3" ht="19.2">
      <c r="A30305" s="2"/>
      <c r="B30305" s="2"/>
      <c r="C30305" s="2"/>
    </row>
    <row r="30306" spans="1:3" ht="19.2">
      <c r="A30306" s="2"/>
      <c r="B30306" s="2"/>
      <c r="C30306" s="2"/>
    </row>
    <row r="30307" spans="1:3" ht="19.2">
      <c r="A30307" s="2"/>
      <c r="B30307" s="2"/>
      <c r="C30307" s="2"/>
    </row>
    <row r="30308" spans="1:3" ht="19.2">
      <c r="A30308" s="2"/>
      <c r="B30308" s="2"/>
      <c r="C30308" s="2"/>
    </row>
    <row r="30309" spans="1:3" ht="19.2">
      <c r="A30309" s="2"/>
      <c r="B30309" s="2"/>
      <c r="C30309" s="2"/>
    </row>
    <row r="30310" spans="1:3" ht="19.2">
      <c r="A30310" s="2"/>
      <c r="B30310" s="2"/>
      <c r="C30310" s="2"/>
    </row>
    <row r="30311" spans="1:3" ht="19.2">
      <c r="A30311" s="2"/>
      <c r="B30311" s="2"/>
      <c r="C30311" s="2"/>
    </row>
    <row r="30312" spans="1:3" ht="19.2">
      <c r="A30312" s="2"/>
      <c r="B30312" s="2"/>
      <c r="C30312" s="2"/>
    </row>
    <row r="30313" spans="1:3" ht="19.2">
      <c r="A30313" s="2"/>
      <c r="B30313" s="2"/>
      <c r="C30313" s="2"/>
    </row>
    <row r="30314" spans="1:3" ht="19.2">
      <c r="A30314" s="2"/>
      <c r="B30314" s="2"/>
      <c r="C30314" s="2"/>
    </row>
    <row r="30315" spans="1:3" ht="19.2">
      <c r="A30315" s="2"/>
      <c r="B30315" s="2"/>
      <c r="C30315" s="2"/>
    </row>
    <row r="30316" spans="1:3" ht="19.2">
      <c r="A30316" s="2"/>
      <c r="B30316" s="2"/>
      <c r="C30316" s="2"/>
    </row>
    <row r="30317" spans="1:3" ht="19.2">
      <c r="A30317" s="2"/>
      <c r="B30317" s="2"/>
      <c r="C30317" s="2"/>
    </row>
    <row r="30318" spans="1:3" ht="19.2">
      <c r="A30318" s="2"/>
      <c r="B30318" s="2"/>
      <c r="C30318" s="2"/>
    </row>
    <row r="30319" spans="1:3" ht="19.2">
      <c r="A30319" s="2"/>
      <c r="B30319" s="2"/>
      <c r="C30319" s="2"/>
    </row>
    <row r="30320" spans="1:3" ht="19.2">
      <c r="A30320" s="2"/>
      <c r="B30320" s="2"/>
      <c r="C30320" s="2"/>
    </row>
    <row r="30321" spans="1:3" ht="19.2">
      <c r="A30321" s="2"/>
      <c r="B30321" s="2"/>
      <c r="C30321" s="2"/>
    </row>
    <row r="30322" spans="1:3" ht="19.2">
      <c r="A30322" s="2"/>
      <c r="B30322" s="2"/>
      <c r="C30322" s="2"/>
    </row>
    <row r="30323" spans="1:3" ht="19.2">
      <c r="A30323" s="2"/>
      <c r="B30323" s="2"/>
      <c r="C30323" s="2"/>
    </row>
    <row r="30324" spans="1:3" ht="19.2">
      <c r="A30324" s="2"/>
      <c r="B30324" s="2"/>
      <c r="C30324" s="2"/>
    </row>
    <row r="30325" spans="1:3" ht="19.2">
      <c r="A30325" s="2"/>
      <c r="B30325" s="2"/>
      <c r="C30325" s="2"/>
    </row>
    <row r="30326" spans="1:3" ht="19.2">
      <c r="A30326" s="2"/>
      <c r="B30326" s="2"/>
      <c r="C30326" s="2"/>
    </row>
    <row r="30327" spans="1:3" ht="19.2">
      <c r="A30327" s="2"/>
      <c r="B30327" s="2"/>
      <c r="C30327" s="2"/>
    </row>
    <row r="30328" spans="1:3" ht="19.2">
      <c r="A30328" s="2"/>
      <c r="B30328" s="2"/>
      <c r="C30328" s="2"/>
    </row>
    <row r="30329" spans="1:3" ht="19.2">
      <c r="A30329" s="2"/>
      <c r="B30329" s="2"/>
      <c r="C30329" s="2"/>
    </row>
    <row r="30330" spans="1:3" ht="19.2">
      <c r="A30330" s="2"/>
      <c r="B30330" s="2"/>
      <c r="C30330" s="2"/>
    </row>
    <row r="30331" spans="1:3" ht="19.2">
      <c r="A30331" s="2"/>
      <c r="B30331" s="2"/>
      <c r="C30331" s="2"/>
    </row>
    <row r="30332" spans="1:3" ht="19.2">
      <c r="A30332" s="2"/>
      <c r="B30332" s="2"/>
      <c r="C30332" s="2"/>
    </row>
    <row r="30333" spans="1:3" ht="19.2">
      <c r="A30333" s="2"/>
      <c r="B30333" s="2"/>
      <c r="C30333" s="2"/>
    </row>
    <row r="30334" spans="1:3" ht="19.2">
      <c r="A30334" s="2"/>
      <c r="B30334" s="2"/>
      <c r="C30334" s="2"/>
    </row>
    <row r="30335" spans="1:3" ht="19.2">
      <c r="A30335" s="2"/>
      <c r="B30335" s="2"/>
      <c r="C30335" s="2"/>
    </row>
    <row r="30336" spans="1:3" ht="19.2">
      <c r="A30336" s="2"/>
      <c r="B30336" s="2"/>
      <c r="C30336" s="2"/>
    </row>
    <row r="30337" spans="1:3" ht="19.2">
      <c r="A30337" s="2"/>
      <c r="B30337" s="2"/>
      <c r="C30337" s="2"/>
    </row>
    <row r="30338" spans="1:3" ht="19.2">
      <c r="A30338" s="2"/>
      <c r="B30338" s="2"/>
      <c r="C30338" s="2"/>
    </row>
    <row r="30339" spans="1:3" ht="19.2">
      <c r="A30339" s="2"/>
      <c r="B30339" s="2"/>
      <c r="C30339" s="2"/>
    </row>
    <row r="30340" spans="1:3" ht="19.2">
      <c r="A30340" s="2"/>
      <c r="B30340" s="2"/>
      <c r="C30340" s="2"/>
    </row>
    <row r="30341" spans="1:3" ht="19.2">
      <c r="A30341" s="2"/>
      <c r="B30341" s="2"/>
      <c r="C30341" s="2"/>
    </row>
    <row r="30342" spans="1:3" ht="19.2">
      <c r="A30342" s="2"/>
      <c r="B30342" s="2"/>
      <c r="C30342" s="2"/>
    </row>
    <row r="30343" spans="1:3" ht="19.2">
      <c r="A30343" s="2"/>
      <c r="B30343" s="2"/>
      <c r="C30343" s="2"/>
    </row>
    <row r="30344" spans="1:3" ht="19.2">
      <c r="A30344" s="2"/>
      <c r="B30344" s="2"/>
      <c r="C30344" s="2"/>
    </row>
    <row r="30345" spans="1:3" ht="19.2">
      <c r="A30345" s="2"/>
      <c r="B30345" s="2"/>
      <c r="C30345" s="2"/>
    </row>
    <row r="30346" spans="1:3" ht="19.2">
      <c r="A30346" s="2"/>
      <c r="B30346" s="2"/>
      <c r="C30346" s="2"/>
    </row>
    <row r="30347" spans="1:3" ht="19.2">
      <c r="A30347" s="2"/>
      <c r="B30347" s="2"/>
      <c r="C30347" s="2"/>
    </row>
    <row r="30348" spans="1:3" ht="19.2">
      <c r="A30348" s="2"/>
      <c r="B30348" s="2"/>
      <c r="C30348" s="2"/>
    </row>
    <row r="30349" spans="1:3" ht="19.2">
      <c r="A30349" s="2"/>
      <c r="B30349" s="2"/>
      <c r="C30349" s="2"/>
    </row>
    <row r="30350" spans="1:3" ht="19.2">
      <c r="A30350" s="2"/>
      <c r="B30350" s="2"/>
      <c r="C30350" s="2"/>
    </row>
    <row r="30351" spans="1:3" ht="19.2">
      <c r="A30351" s="2"/>
      <c r="B30351" s="2"/>
      <c r="C30351" s="2"/>
    </row>
    <row r="30352" spans="1:3" ht="19.2">
      <c r="A30352" s="2"/>
      <c r="B30352" s="2"/>
      <c r="C30352" s="2"/>
    </row>
    <row r="30353" spans="1:3" ht="19.2">
      <c r="A30353" s="2"/>
      <c r="B30353" s="2"/>
      <c r="C30353" s="2"/>
    </row>
    <row r="30354" spans="1:3" ht="19.2">
      <c r="A30354" s="2"/>
      <c r="B30354" s="2"/>
      <c r="C30354" s="2"/>
    </row>
    <row r="30355" spans="1:3" ht="19.2">
      <c r="A30355" s="2"/>
      <c r="B30355" s="2"/>
      <c r="C30355" s="2"/>
    </row>
    <row r="30356" spans="1:3" ht="19.2">
      <c r="A30356" s="2"/>
      <c r="B30356" s="2"/>
      <c r="C30356" s="2"/>
    </row>
    <row r="30357" spans="1:3" ht="19.2">
      <c r="A30357" s="2"/>
      <c r="B30357" s="2"/>
      <c r="C30357" s="2"/>
    </row>
    <row r="30358" spans="1:3" ht="19.2">
      <c r="A30358" s="2"/>
      <c r="B30358" s="2"/>
      <c r="C30358" s="2"/>
    </row>
    <row r="30359" spans="1:3" ht="19.2">
      <c r="A30359" s="2"/>
      <c r="B30359" s="2"/>
      <c r="C30359" s="2"/>
    </row>
    <row r="30360" spans="1:3" ht="19.2">
      <c r="A30360" s="2"/>
      <c r="B30360" s="2"/>
      <c r="C30360" s="2"/>
    </row>
    <row r="30361" spans="1:3" ht="19.2">
      <c r="A30361" s="2"/>
      <c r="B30361" s="2"/>
      <c r="C30361" s="2"/>
    </row>
    <row r="30362" spans="1:3" ht="19.2">
      <c r="A30362" s="2"/>
      <c r="B30362" s="2"/>
      <c r="C30362" s="2"/>
    </row>
    <row r="30363" spans="1:3" ht="19.2">
      <c r="A30363" s="2"/>
      <c r="B30363" s="2"/>
      <c r="C30363" s="2"/>
    </row>
    <row r="30364" spans="1:3" ht="19.2">
      <c r="A30364" s="2"/>
      <c r="B30364" s="2"/>
      <c r="C30364" s="2"/>
    </row>
    <row r="30365" spans="1:3" ht="19.2">
      <c r="A30365" s="2"/>
      <c r="B30365" s="2"/>
      <c r="C30365" s="2"/>
    </row>
    <row r="30366" spans="1:3" ht="19.2">
      <c r="A30366" s="2"/>
      <c r="B30366" s="2"/>
      <c r="C30366" s="2"/>
    </row>
    <row r="30367" spans="1:3" ht="19.2">
      <c r="A30367" s="2"/>
      <c r="B30367" s="2"/>
      <c r="C30367" s="2"/>
    </row>
    <row r="30368" spans="1:3" ht="19.2">
      <c r="A30368" s="2"/>
      <c r="B30368" s="2"/>
      <c r="C30368" s="2"/>
    </row>
    <row r="30369" spans="1:3" ht="19.2">
      <c r="A30369" s="2"/>
      <c r="B30369" s="2"/>
      <c r="C30369" s="2"/>
    </row>
    <row r="30370" spans="1:3" ht="19.2">
      <c r="A30370" s="2"/>
      <c r="B30370" s="2"/>
      <c r="C30370" s="2"/>
    </row>
    <row r="30371" spans="1:3" ht="19.2">
      <c r="A30371" s="2"/>
      <c r="B30371" s="2"/>
      <c r="C30371" s="2"/>
    </row>
    <row r="30372" spans="1:3" ht="19.2">
      <c r="A30372" s="2"/>
      <c r="B30372" s="2"/>
      <c r="C30372" s="2"/>
    </row>
    <row r="30373" spans="1:3" ht="19.2">
      <c r="A30373" s="2"/>
      <c r="B30373" s="2"/>
      <c r="C30373" s="2"/>
    </row>
    <row r="30374" spans="1:3" ht="19.2">
      <c r="A30374" s="2"/>
      <c r="B30374" s="2"/>
      <c r="C30374" s="2"/>
    </row>
    <row r="30375" spans="1:3" ht="19.2">
      <c r="A30375" s="2"/>
      <c r="B30375" s="2"/>
      <c r="C30375" s="2"/>
    </row>
    <row r="30376" spans="1:3" ht="19.2">
      <c r="A30376" s="2"/>
      <c r="B30376" s="2"/>
      <c r="C30376" s="2"/>
    </row>
    <row r="30377" spans="1:3" ht="19.2">
      <c r="A30377" s="2"/>
      <c r="B30377" s="2"/>
      <c r="C30377" s="2"/>
    </row>
    <row r="30378" spans="1:3" ht="19.2">
      <c r="A30378" s="2"/>
      <c r="B30378" s="2"/>
      <c r="C30378" s="2"/>
    </row>
    <row r="30379" spans="1:3" ht="19.2">
      <c r="A30379" s="2"/>
      <c r="B30379" s="2"/>
      <c r="C30379" s="2"/>
    </row>
    <row r="30380" spans="1:3" ht="19.2">
      <c r="A30380" s="2"/>
      <c r="B30380" s="2"/>
      <c r="C30380" s="2"/>
    </row>
    <row r="30381" spans="1:3" ht="19.2">
      <c r="A30381" s="2"/>
      <c r="B30381" s="2"/>
      <c r="C30381" s="2"/>
    </row>
    <row r="30382" spans="1:3" ht="19.2">
      <c r="A30382" s="2"/>
      <c r="B30382" s="2"/>
      <c r="C30382" s="2"/>
    </row>
    <row r="30383" spans="1:3" ht="19.2">
      <c r="A30383" s="2"/>
      <c r="B30383" s="2"/>
      <c r="C30383" s="2"/>
    </row>
    <row r="30384" spans="1:3" ht="19.2">
      <c r="A30384" s="2"/>
      <c r="B30384" s="2"/>
      <c r="C30384" s="2"/>
    </row>
    <row r="30385" spans="1:3" ht="19.2">
      <c r="A30385" s="2"/>
      <c r="B30385" s="2"/>
      <c r="C30385" s="2"/>
    </row>
    <row r="30386" spans="1:3" ht="19.2">
      <c r="A30386" s="2"/>
      <c r="B30386" s="2"/>
      <c r="C30386" s="2"/>
    </row>
    <row r="30387" spans="1:3" ht="19.2">
      <c r="A30387" s="2"/>
      <c r="B30387" s="2"/>
      <c r="C30387" s="2"/>
    </row>
    <row r="30388" spans="1:3" ht="19.2">
      <c r="A30388" s="2"/>
      <c r="B30388" s="2"/>
      <c r="C30388" s="2"/>
    </row>
    <row r="30389" spans="1:3" ht="19.2">
      <c r="A30389" s="2"/>
      <c r="B30389" s="2"/>
      <c r="C30389" s="2"/>
    </row>
    <row r="30390" spans="1:3" ht="19.2">
      <c r="A30390" s="2"/>
      <c r="B30390" s="2"/>
      <c r="C30390" s="2"/>
    </row>
    <row r="30391" spans="1:3" ht="19.2">
      <c r="A30391" s="2"/>
      <c r="B30391" s="2"/>
      <c r="C30391" s="2"/>
    </row>
    <row r="30392" spans="1:3" ht="19.2">
      <c r="A30392" s="2"/>
      <c r="B30392" s="2"/>
      <c r="C30392" s="2"/>
    </row>
    <row r="30393" spans="1:3" ht="19.2">
      <c r="A30393" s="2"/>
      <c r="B30393" s="2"/>
      <c r="C30393" s="2"/>
    </row>
    <row r="30394" spans="1:3" ht="19.2">
      <c r="A30394" s="2"/>
      <c r="B30394" s="2"/>
      <c r="C30394" s="2"/>
    </row>
    <row r="30395" spans="1:3" ht="19.2">
      <c r="A30395" s="2"/>
      <c r="B30395" s="2"/>
      <c r="C30395" s="2"/>
    </row>
    <row r="30396" spans="1:3" ht="19.2">
      <c r="A30396" s="2"/>
      <c r="B30396" s="2"/>
      <c r="C30396" s="2"/>
    </row>
    <row r="30397" spans="1:3" ht="19.2">
      <c r="A30397" s="2"/>
      <c r="B30397" s="2"/>
      <c r="C30397" s="2"/>
    </row>
    <row r="30398" spans="1:3" ht="19.2">
      <c r="A30398" s="2"/>
      <c r="B30398" s="2"/>
      <c r="C30398" s="2"/>
    </row>
    <row r="30399" spans="1:3" ht="19.2">
      <c r="A30399" s="2"/>
      <c r="B30399" s="2"/>
      <c r="C30399" s="2"/>
    </row>
    <row r="30400" spans="1:3" ht="19.2">
      <c r="A30400" s="2"/>
      <c r="B30400" s="2"/>
      <c r="C30400" s="2"/>
    </row>
    <row r="30401" spans="1:3" ht="19.2">
      <c r="A30401" s="2"/>
      <c r="B30401" s="2"/>
      <c r="C30401" s="2"/>
    </row>
    <row r="30402" spans="1:3" ht="19.2">
      <c r="A30402" s="2"/>
      <c r="B30402" s="2"/>
      <c r="C30402" s="2"/>
    </row>
    <row r="30403" spans="1:3" ht="19.2">
      <c r="A30403" s="2"/>
      <c r="B30403" s="2"/>
      <c r="C30403" s="2"/>
    </row>
    <row r="30404" spans="1:3" ht="19.2">
      <c r="A30404" s="2"/>
      <c r="B30404" s="2"/>
      <c r="C30404" s="2"/>
    </row>
    <row r="30405" spans="1:3" ht="19.2">
      <c r="A30405" s="2"/>
      <c r="B30405" s="2"/>
      <c r="C30405" s="2"/>
    </row>
    <row r="30406" spans="1:3" ht="19.2">
      <c r="A30406" s="2"/>
      <c r="B30406" s="2"/>
      <c r="C30406" s="2"/>
    </row>
    <row r="30407" spans="1:3" ht="19.2">
      <c r="A30407" s="2"/>
      <c r="B30407" s="2"/>
      <c r="C30407" s="2"/>
    </row>
    <row r="30408" spans="1:3" ht="19.2">
      <c r="A30408" s="2"/>
      <c r="B30408" s="2"/>
      <c r="C30408" s="2"/>
    </row>
    <row r="30409" spans="1:3" ht="19.2">
      <c r="A30409" s="2"/>
      <c r="B30409" s="2"/>
      <c r="C30409" s="2"/>
    </row>
    <row r="30410" spans="1:3" ht="19.2">
      <c r="A30410" s="2"/>
      <c r="B30410" s="2"/>
      <c r="C30410" s="2"/>
    </row>
    <row r="30411" spans="1:3" ht="19.2">
      <c r="A30411" s="2"/>
      <c r="B30411" s="2"/>
      <c r="C30411" s="2"/>
    </row>
    <row r="30412" spans="1:3" ht="19.2">
      <c r="A30412" s="2"/>
      <c r="B30412" s="2"/>
      <c r="C30412" s="2"/>
    </row>
    <row r="30413" spans="1:3" ht="19.2">
      <c r="A30413" s="2"/>
      <c r="B30413" s="2"/>
      <c r="C30413" s="2"/>
    </row>
    <row r="30414" spans="1:3" ht="19.2">
      <c r="A30414" s="2"/>
      <c r="B30414" s="2"/>
      <c r="C30414" s="2"/>
    </row>
    <row r="30415" spans="1:3" ht="19.2">
      <c r="A30415" s="2"/>
      <c r="B30415" s="2"/>
      <c r="C30415" s="2"/>
    </row>
    <row r="30416" spans="1:3" ht="19.2">
      <c r="A30416" s="2"/>
      <c r="B30416" s="2"/>
      <c r="C30416" s="2"/>
    </row>
    <row r="30417" spans="1:3" ht="19.2">
      <c r="A30417" s="2"/>
      <c r="B30417" s="2"/>
      <c r="C30417" s="2"/>
    </row>
    <row r="30418" spans="1:3" ht="19.2">
      <c r="A30418" s="2"/>
      <c r="B30418" s="2"/>
      <c r="C30418" s="2"/>
    </row>
    <row r="30419" spans="1:3" ht="19.2">
      <c r="A30419" s="2"/>
      <c r="B30419" s="2"/>
      <c r="C30419" s="2"/>
    </row>
    <row r="30420" spans="1:3" ht="19.2">
      <c r="A30420" s="2"/>
      <c r="B30420" s="2"/>
      <c r="C30420" s="2"/>
    </row>
    <row r="30421" spans="1:3" ht="19.2">
      <c r="A30421" s="2"/>
      <c r="B30421" s="2"/>
      <c r="C30421" s="2"/>
    </row>
    <row r="30422" spans="1:3" ht="19.2">
      <c r="A30422" s="2"/>
      <c r="B30422" s="2"/>
      <c r="C30422" s="2"/>
    </row>
    <row r="30423" spans="1:3" ht="19.2">
      <c r="A30423" s="2"/>
      <c r="B30423" s="2"/>
      <c r="C30423" s="2"/>
    </row>
    <row r="30424" spans="1:3" ht="19.2">
      <c r="A30424" s="2"/>
      <c r="B30424" s="2"/>
      <c r="C30424" s="2"/>
    </row>
    <row r="30425" spans="1:3" ht="19.2">
      <c r="A30425" s="2"/>
      <c r="B30425" s="2"/>
      <c r="C30425" s="2"/>
    </row>
    <row r="30426" spans="1:3" ht="19.2">
      <c r="A30426" s="2"/>
      <c r="B30426" s="2"/>
      <c r="C30426" s="2"/>
    </row>
    <row r="30427" spans="1:3" ht="19.2">
      <c r="A30427" s="2"/>
      <c r="B30427" s="2"/>
      <c r="C30427" s="2"/>
    </row>
    <row r="30428" spans="1:3" ht="19.2">
      <c r="A30428" s="2"/>
      <c r="B30428" s="2"/>
      <c r="C30428" s="2"/>
    </row>
    <row r="30429" spans="1:3" ht="19.2">
      <c r="A30429" s="2"/>
      <c r="B30429" s="2"/>
      <c r="C30429" s="2"/>
    </row>
    <row r="30430" spans="1:3" ht="19.2">
      <c r="A30430" s="2"/>
      <c r="B30430" s="2"/>
      <c r="C30430" s="2"/>
    </row>
    <row r="30431" spans="1:3" ht="19.2">
      <c r="A30431" s="2"/>
      <c r="B30431" s="2"/>
      <c r="C30431" s="2"/>
    </row>
    <row r="30432" spans="1:3" ht="19.2">
      <c r="A30432" s="2"/>
      <c r="B30432" s="2"/>
      <c r="C30432" s="2"/>
    </row>
    <row r="30433" spans="1:3" ht="19.2">
      <c r="A30433" s="2"/>
      <c r="B30433" s="2"/>
      <c r="C30433" s="2"/>
    </row>
    <row r="30434" spans="1:3" ht="19.2">
      <c r="A30434" s="2"/>
      <c r="B30434" s="2"/>
      <c r="C30434" s="2"/>
    </row>
    <row r="30435" spans="1:3" ht="19.2">
      <c r="A30435" s="2"/>
      <c r="B30435" s="2"/>
      <c r="C30435" s="2"/>
    </row>
    <row r="30436" spans="1:3" ht="19.2">
      <c r="A30436" s="2"/>
      <c r="B30436" s="2"/>
      <c r="C30436" s="2"/>
    </row>
    <row r="30437" spans="1:3" ht="19.2">
      <c r="A30437" s="2"/>
      <c r="B30437" s="2"/>
      <c r="C30437" s="2"/>
    </row>
    <row r="30438" spans="1:3" ht="19.2">
      <c r="A30438" s="2"/>
      <c r="B30438" s="2"/>
      <c r="C30438" s="2"/>
    </row>
    <row r="30439" spans="1:3" ht="19.2">
      <c r="A30439" s="2"/>
      <c r="B30439" s="2"/>
      <c r="C30439" s="2"/>
    </row>
    <row r="30440" spans="1:3" ht="19.2">
      <c r="A30440" s="2"/>
      <c r="B30440" s="2"/>
      <c r="C30440" s="2"/>
    </row>
    <row r="30441" spans="1:3" ht="19.2">
      <c r="A30441" s="2"/>
      <c r="B30441" s="2"/>
      <c r="C30441" s="2"/>
    </row>
    <row r="30442" spans="1:3" ht="19.2">
      <c r="A30442" s="2"/>
      <c r="B30442" s="2"/>
      <c r="C30442" s="2"/>
    </row>
    <row r="30443" spans="1:3" ht="19.2">
      <c r="A30443" s="2"/>
      <c r="B30443" s="2"/>
      <c r="C30443" s="2"/>
    </row>
    <row r="30444" spans="1:3" ht="19.2">
      <c r="A30444" s="2"/>
      <c r="B30444" s="2"/>
      <c r="C30444" s="2"/>
    </row>
    <row r="30445" spans="1:3" ht="19.2">
      <c r="A30445" s="2"/>
      <c r="B30445" s="2"/>
      <c r="C30445" s="2"/>
    </row>
    <row r="30446" spans="1:3" ht="19.2">
      <c r="A30446" s="2"/>
      <c r="B30446" s="2"/>
      <c r="C30446" s="2"/>
    </row>
    <row r="30447" spans="1:3" ht="19.2">
      <c r="A30447" s="2"/>
      <c r="B30447" s="2"/>
      <c r="C30447" s="2"/>
    </row>
    <row r="30448" spans="1:3" ht="19.2">
      <c r="A30448" s="2"/>
      <c r="B30448" s="2"/>
      <c r="C30448" s="2"/>
    </row>
    <row r="30449" spans="1:3" ht="19.2">
      <c r="A30449" s="2"/>
      <c r="B30449" s="2"/>
      <c r="C30449" s="2"/>
    </row>
    <row r="30450" spans="1:3" ht="19.2">
      <c r="A30450" s="2"/>
      <c r="B30450" s="2"/>
      <c r="C30450" s="2"/>
    </row>
    <row r="30451" spans="1:3" ht="19.2">
      <c r="A30451" s="2"/>
      <c r="B30451" s="2"/>
      <c r="C30451" s="2"/>
    </row>
    <row r="30452" spans="1:3" ht="19.2">
      <c r="A30452" s="2"/>
      <c r="B30452" s="2"/>
      <c r="C30452" s="2"/>
    </row>
    <row r="30453" spans="1:3" ht="19.2">
      <c r="A30453" s="2"/>
      <c r="B30453" s="2"/>
      <c r="C30453" s="2"/>
    </row>
    <row r="30454" spans="1:3" ht="19.2">
      <c r="A30454" s="2"/>
      <c r="B30454" s="2"/>
      <c r="C30454" s="2"/>
    </row>
    <row r="30455" spans="1:3" ht="19.2">
      <c r="A30455" s="2"/>
      <c r="B30455" s="2"/>
      <c r="C30455" s="2"/>
    </row>
    <row r="30456" spans="1:3" ht="19.2">
      <c r="A30456" s="2"/>
      <c r="B30456" s="2"/>
      <c r="C30456" s="2"/>
    </row>
    <row r="30457" spans="1:3" ht="19.2">
      <c r="A30457" s="2"/>
      <c r="B30457" s="2"/>
      <c r="C30457" s="2"/>
    </row>
    <row r="30458" spans="1:3" ht="19.2">
      <c r="A30458" s="2"/>
      <c r="B30458" s="2"/>
      <c r="C30458" s="2"/>
    </row>
    <row r="30459" spans="1:3" ht="19.2">
      <c r="A30459" s="2"/>
      <c r="B30459" s="2"/>
      <c r="C30459" s="2"/>
    </row>
    <row r="30460" spans="1:3" ht="19.2">
      <c r="A30460" s="2"/>
      <c r="B30460" s="2"/>
      <c r="C30460" s="2"/>
    </row>
    <row r="30461" spans="1:3" ht="19.2">
      <c r="A30461" s="2"/>
      <c r="B30461" s="2"/>
      <c r="C30461" s="2"/>
    </row>
    <row r="30462" spans="1:3" ht="19.2">
      <c r="A30462" s="2"/>
      <c r="B30462" s="2"/>
      <c r="C30462" s="2"/>
    </row>
    <row r="30463" spans="1:3" ht="19.2">
      <c r="A30463" s="2"/>
      <c r="B30463" s="2"/>
      <c r="C30463" s="2"/>
    </row>
    <row r="30464" spans="1:3" ht="19.2">
      <c r="A30464" s="2"/>
      <c r="B30464" s="2"/>
      <c r="C30464" s="2"/>
    </row>
    <row r="30465" spans="1:3" ht="19.2">
      <c r="A30465" s="2"/>
      <c r="B30465" s="2"/>
      <c r="C30465" s="2"/>
    </row>
    <row r="30466" spans="1:3" ht="19.2">
      <c r="A30466" s="2"/>
      <c r="B30466" s="2"/>
      <c r="C30466" s="2"/>
    </row>
    <row r="30467" spans="1:3" ht="19.2">
      <c r="A30467" s="2"/>
      <c r="B30467" s="2"/>
      <c r="C30467" s="2"/>
    </row>
    <row r="30468" spans="1:3" ht="19.2">
      <c r="A30468" s="2"/>
      <c r="B30468" s="2"/>
      <c r="C30468" s="2"/>
    </row>
    <row r="30469" spans="1:3" ht="19.2">
      <c r="A30469" s="2"/>
      <c r="B30469" s="2"/>
      <c r="C30469" s="2"/>
    </row>
    <row r="30470" spans="1:3" ht="19.2">
      <c r="A30470" s="2"/>
      <c r="B30470" s="2"/>
      <c r="C30470" s="2"/>
    </row>
    <row r="30471" spans="1:3" ht="19.2">
      <c r="A30471" s="2"/>
      <c r="B30471" s="2"/>
      <c r="C30471" s="2"/>
    </row>
    <row r="30472" spans="1:3" ht="19.2">
      <c r="A30472" s="2"/>
      <c r="B30472" s="2"/>
      <c r="C30472" s="2"/>
    </row>
    <row r="30473" spans="1:3" ht="19.2">
      <c r="A30473" s="2"/>
      <c r="B30473" s="2"/>
      <c r="C30473" s="2"/>
    </row>
    <row r="30474" spans="1:3" ht="19.2">
      <c r="A30474" s="2"/>
      <c r="B30474" s="2"/>
      <c r="C30474" s="2"/>
    </row>
    <row r="30475" spans="1:3" ht="19.2">
      <c r="A30475" s="2"/>
      <c r="B30475" s="2"/>
      <c r="C30475" s="2"/>
    </row>
    <row r="30476" spans="1:3" ht="19.2">
      <c r="A30476" s="2"/>
      <c r="B30476" s="2"/>
      <c r="C30476" s="2"/>
    </row>
    <row r="30477" spans="1:3" ht="19.2">
      <c r="A30477" s="2"/>
      <c r="B30477" s="2"/>
      <c r="C30477" s="2"/>
    </row>
    <row r="30478" spans="1:3" ht="19.2">
      <c r="A30478" s="2"/>
      <c r="B30478" s="2"/>
      <c r="C30478" s="2"/>
    </row>
    <row r="30479" spans="1:3" ht="19.2">
      <c r="A30479" s="2"/>
      <c r="B30479" s="2"/>
      <c r="C30479" s="2"/>
    </row>
    <row r="30480" spans="1:3" ht="19.2">
      <c r="A30480" s="2"/>
      <c r="B30480" s="2"/>
      <c r="C30480" s="2"/>
    </row>
    <row r="30481" spans="1:3" ht="19.2">
      <c r="A30481" s="2"/>
      <c r="B30481" s="2"/>
      <c r="C30481" s="2"/>
    </row>
    <row r="30482" spans="1:3" ht="19.2">
      <c r="A30482" s="2"/>
      <c r="B30482" s="2"/>
      <c r="C30482" s="2"/>
    </row>
    <row r="30483" spans="1:3" ht="19.2">
      <c r="A30483" s="2"/>
      <c r="B30483" s="2"/>
      <c r="C30483" s="2"/>
    </row>
    <row r="30484" spans="1:3" ht="19.2">
      <c r="A30484" s="2"/>
      <c r="B30484" s="2"/>
      <c r="C30484" s="2"/>
    </row>
    <row r="30485" spans="1:3" ht="19.2">
      <c r="A30485" s="2"/>
      <c r="B30485" s="2"/>
      <c r="C30485" s="2"/>
    </row>
    <row r="30486" spans="1:3" ht="19.2">
      <c r="A30486" s="2"/>
      <c r="B30486" s="2"/>
      <c r="C30486" s="2"/>
    </row>
    <row r="30487" spans="1:3" ht="19.2">
      <c r="A30487" s="2"/>
      <c r="B30487" s="2"/>
      <c r="C30487" s="2"/>
    </row>
    <row r="30488" spans="1:3" ht="19.2">
      <c r="A30488" s="2"/>
      <c r="B30488" s="2"/>
      <c r="C30488" s="2"/>
    </row>
    <row r="30489" spans="1:3" ht="19.2">
      <c r="A30489" s="2"/>
      <c r="B30489" s="2"/>
      <c r="C30489" s="2"/>
    </row>
    <row r="30490" spans="1:3" ht="19.2">
      <c r="A30490" s="2"/>
      <c r="B30490" s="2"/>
      <c r="C30490" s="2"/>
    </row>
    <row r="30491" spans="1:3" ht="19.2">
      <c r="A30491" s="2"/>
      <c r="B30491" s="2"/>
      <c r="C30491" s="2"/>
    </row>
    <row r="30492" spans="1:3" ht="19.2">
      <c r="A30492" s="2"/>
      <c r="B30492" s="2"/>
      <c r="C30492" s="2"/>
    </row>
    <row r="30493" spans="1:3" ht="19.2">
      <c r="A30493" s="2"/>
      <c r="B30493" s="2"/>
      <c r="C30493" s="2"/>
    </row>
    <row r="30494" spans="1:3" ht="19.2">
      <c r="A30494" s="2"/>
      <c r="B30494" s="2"/>
      <c r="C30494" s="2"/>
    </row>
    <row r="30495" spans="1:3" ht="19.2">
      <c r="A30495" s="2"/>
      <c r="B30495" s="2"/>
      <c r="C30495" s="2"/>
    </row>
    <row r="30496" spans="1:3" ht="19.2">
      <c r="A30496" s="2"/>
      <c r="B30496" s="2"/>
      <c r="C30496" s="2"/>
    </row>
    <row r="30497" spans="1:3" ht="19.2">
      <c r="A30497" s="2"/>
      <c r="B30497" s="2"/>
      <c r="C30497" s="2"/>
    </row>
    <row r="30498" spans="1:3" ht="19.2">
      <c r="A30498" s="2"/>
      <c r="B30498" s="2"/>
      <c r="C30498" s="2"/>
    </row>
    <row r="30499" spans="1:3" ht="19.2">
      <c r="A30499" s="2"/>
      <c r="B30499" s="2"/>
      <c r="C30499" s="2"/>
    </row>
    <row r="30500" spans="1:3" ht="19.2">
      <c r="A30500" s="2"/>
      <c r="B30500" s="2"/>
      <c r="C30500" s="2"/>
    </row>
    <row r="30501" spans="1:3" ht="19.2">
      <c r="A30501" s="2"/>
      <c r="B30501" s="2"/>
      <c r="C30501" s="2"/>
    </row>
    <row r="30502" spans="1:3" ht="19.2">
      <c r="A30502" s="2"/>
      <c r="B30502" s="2"/>
      <c r="C30502" s="2"/>
    </row>
    <row r="30503" spans="1:3" ht="19.2">
      <c r="A30503" s="2"/>
      <c r="B30503" s="2"/>
      <c r="C30503" s="2"/>
    </row>
    <row r="30504" spans="1:3" ht="19.2">
      <c r="A30504" s="2"/>
      <c r="B30504" s="2"/>
      <c r="C30504" s="2"/>
    </row>
    <row r="30505" spans="1:3" ht="19.2">
      <c r="A30505" s="2"/>
      <c r="B30505" s="2"/>
      <c r="C30505" s="2"/>
    </row>
    <row r="30506" spans="1:3" ht="19.2">
      <c r="A30506" s="2"/>
      <c r="B30506" s="2"/>
      <c r="C30506" s="2"/>
    </row>
    <row r="30507" spans="1:3" ht="19.2">
      <c r="A30507" s="2"/>
      <c r="B30507" s="2"/>
      <c r="C30507" s="2"/>
    </row>
    <row r="30508" spans="1:3" ht="19.2">
      <c r="A30508" s="2"/>
      <c r="B30508" s="2"/>
      <c r="C30508" s="2"/>
    </row>
    <row r="30509" spans="1:3" ht="19.2">
      <c r="A30509" s="2"/>
      <c r="B30509" s="2"/>
      <c r="C30509" s="2"/>
    </row>
    <row r="30510" spans="1:3" ht="19.2">
      <c r="A30510" s="2"/>
      <c r="B30510" s="2"/>
      <c r="C30510" s="2"/>
    </row>
    <row r="30511" spans="1:3" ht="19.2">
      <c r="A30511" s="2"/>
      <c r="B30511" s="2"/>
      <c r="C30511" s="2"/>
    </row>
    <row r="30512" spans="1:3" ht="19.2">
      <c r="A30512" s="2"/>
      <c r="B30512" s="2"/>
      <c r="C30512" s="2"/>
    </row>
    <row r="30513" spans="1:3" ht="19.2">
      <c r="A30513" s="2"/>
      <c r="B30513" s="2"/>
      <c r="C30513" s="2"/>
    </row>
    <row r="30514" spans="1:3" ht="19.2">
      <c r="A30514" s="2"/>
      <c r="B30514" s="2"/>
      <c r="C30514" s="2"/>
    </row>
    <row r="30515" spans="1:3" ht="19.2">
      <c r="A30515" s="2"/>
      <c r="B30515" s="2"/>
      <c r="C30515" s="2"/>
    </row>
    <row r="30516" spans="1:3" ht="19.2">
      <c r="A30516" s="2"/>
      <c r="B30516" s="2"/>
      <c r="C30516" s="2"/>
    </row>
    <row r="30517" spans="1:3" ht="19.2">
      <c r="A30517" s="2"/>
      <c r="B30517" s="2"/>
      <c r="C30517" s="2"/>
    </row>
    <row r="30518" spans="1:3" ht="19.2">
      <c r="A30518" s="2"/>
      <c r="B30518" s="2"/>
      <c r="C30518" s="2"/>
    </row>
    <row r="30519" spans="1:3" ht="19.2">
      <c r="A30519" s="2"/>
      <c r="B30519" s="2"/>
      <c r="C30519" s="2"/>
    </row>
    <row r="30520" spans="1:3" ht="19.2">
      <c r="A30520" s="2"/>
      <c r="B30520" s="2"/>
      <c r="C30520" s="2"/>
    </row>
    <row r="30521" spans="1:3" ht="19.2">
      <c r="A30521" s="2"/>
      <c r="B30521" s="2"/>
      <c r="C30521" s="2"/>
    </row>
    <row r="30522" spans="1:3" ht="19.2">
      <c r="A30522" s="2"/>
      <c r="B30522" s="2"/>
      <c r="C30522" s="2"/>
    </row>
    <row r="30523" spans="1:3" ht="19.2">
      <c r="A30523" s="2"/>
      <c r="B30523" s="2"/>
      <c r="C30523" s="2"/>
    </row>
    <row r="30524" spans="1:3" ht="19.2">
      <c r="A30524" s="2"/>
      <c r="B30524" s="2"/>
      <c r="C30524" s="2"/>
    </row>
    <row r="30525" spans="1:3" ht="19.2">
      <c r="A30525" s="2"/>
      <c r="B30525" s="2"/>
      <c r="C30525" s="2"/>
    </row>
    <row r="30526" spans="1:3" ht="19.2">
      <c r="A30526" s="2"/>
      <c r="B30526" s="2"/>
      <c r="C30526" s="2"/>
    </row>
    <row r="30527" spans="1:3" ht="19.2">
      <c r="A30527" s="2"/>
      <c r="B30527" s="2"/>
      <c r="C30527" s="2"/>
    </row>
    <row r="30528" spans="1:3" ht="19.2">
      <c r="A30528" s="2"/>
      <c r="B30528" s="2"/>
      <c r="C30528" s="2"/>
    </row>
    <row r="30529" spans="1:3" ht="19.2">
      <c r="A30529" s="2"/>
      <c r="B30529" s="2"/>
      <c r="C30529" s="2"/>
    </row>
    <row r="30530" spans="1:3" ht="19.2">
      <c r="A30530" s="2"/>
      <c r="B30530" s="2"/>
      <c r="C30530" s="2"/>
    </row>
    <row r="30531" spans="1:3" ht="19.2">
      <c r="A30531" s="2"/>
      <c r="B30531" s="2"/>
      <c r="C30531" s="2"/>
    </row>
    <row r="30532" spans="1:3" ht="19.2">
      <c r="A30532" s="2"/>
      <c r="B30532" s="2"/>
      <c r="C30532" s="2"/>
    </row>
    <row r="30533" spans="1:3" ht="19.2">
      <c r="A30533" s="2"/>
      <c r="B30533" s="2"/>
      <c r="C30533" s="2"/>
    </row>
    <row r="30534" spans="1:3" ht="19.2">
      <c r="A30534" s="2"/>
      <c r="B30534" s="2"/>
      <c r="C30534" s="2"/>
    </row>
    <row r="30535" spans="1:3" ht="19.2">
      <c r="A30535" s="2"/>
      <c r="B30535" s="2"/>
      <c r="C30535" s="2"/>
    </row>
    <row r="30536" spans="1:3" ht="19.2">
      <c r="A30536" s="2"/>
      <c r="B30536" s="2"/>
      <c r="C30536" s="2"/>
    </row>
    <row r="30537" spans="1:3" ht="19.2">
      <c r="A30537" s="2"/>
      <c r="B30537" s="2"/>
      <c r="C30537" s="2"/>
    </row>
    <row r="30538" spans="1:3" ht="19.2">
      <c r="A30538" s="2"/>
      <c r="B30538" s="2"/>
      <c r="C30538" s="2"/>
    </row>
    <row r="30539" spans="1:3" ht="19.2">
      <c r="A30539" s="2"/>
      <c r="B30539" s="2"/>
      <c r="C30539" s="2"/>
    </row>
    <row r="30540" spans="1:3" ht="19.2">
      <c r="A30540" s="2"/>
      <c r="B30540" s="2"/>
      <c r="C30540" s="2"/>
    </row>
    <row r="30541" spans="1:3" ht="19.2">
      <c r="A30541" s="2"/>
      <c r="B30541" s="2"/>
      <c r="C30541" s="2"/>
    </row>
    <row r="30542" spans="1:3" ht="19.2">
      <c r="A30542" s="2"/>
      <c r="B30542" s="2"/>
      <c r="C30542" s="2"/>
    </row>
    <row r="30543" spans="1:3" ht="19.2">
      <c r="A30543" s="2"/>
      <c r="B30543" s="2"/>
      <c r="C30543" s="2"/>
    </row>
    <row r="30544" spans="1:3" ht="19.2">
      <c r="A30544" s="2"/>
      <c r="B30544" s="2"/>
      <c r="C30544" s="2"/>
    </row>
    <row r="30545" spans="1:3" ht="19.2">
      <c r="A30545" s="2"/>
      <c r="B30545" s="2"/>
      <c r="C30545" s="2"/>
    </row>
    <row r="30546" spans="1:3" ht="19.2">
      <c r="A30546" s="2"/>
      <c r="B30546" s="2"/>
      <c r="C30546" s="2"/>
    </row>
    <row r="30547" spans="1:3" ht="19.2">
      <c r="A30547" s="2"/>
      <c r="B30547" s="2"/>
      <c r="C30547" s="2"/>
    </row>
    <row r="30548" spans="1:3" ht="19.2">
      <c r="A30548" s="2"/>
      <c r="B30548" s="2"/>
      <c r="C30548" s="2"/>
    </row>
    <row r="30549" spans="1:3" ht="19.2">
      <c r="A30549" s="2"/>
      <c r="B30549" s="2"/>
      <c r="C30549" s="2"/>
    </row>
    <row r="30550" spans="1:3" ht="19.2">
      <c r="A30550" s="2"/>
      <c r="B30550" s="2"/>
      <c r="C30550" s="2"/>
    </row>
    <row r="30551" spans="1:3" ht="19.2">
      <c r="A30551" s="2"/>
      <c r="B30551" s="2"/>
      <c r="C30551" s="2"/>
    </row>
    <row r="30552" spans="1:3" ht="19.2">
      <c r="A30552" s="2"/>
      <c r="B30552" s="2"/>
      <c r="C30552" s="2"/>
    </row>
    <row r="30553" spans="1:3" ht="19.2">
      <c r="A30553" s="2"/>
      <c r="B30553" s="2"/>
      <c r="C30553" s="2"/>
    </row>
    <row r="30554" spans="1:3" ht="19.2">
      <c r="A30554" s="2"/>
      <c r="B30554" s="2"/>
      <c r="C30554" s="2"/>
    </row>
    <row r="30555" spans="1:3" ht="19.2">
      <c r="A30555" s="2"/>
      <c r="B30555" s="2"/>
      <c r="C30555" s="2"/>
    </row>
    <row r="30556" spans="1:3" ht="19.2">
      <c r="A30556" s="2"/>
      <c r="B30556" s="2"/>
      <c r="C30556" s="2"/>
    </row>
    <row r="30557" spans="1:3" ht="19.2">
      <c r="A30557" s="2"/>
      <c r="B30557" s="2"/>
      <c r="C30557" s="2"/>
    </row>
    <row r="30558" spans="1:3" ht="19.2">
      <c r="A30558" s="2"/>
      <c r="B30558" s="2"/>
      <c r="C30558" s="2"/>
    </row>
    <row r="30559" spans="1:3" ht="19.2">
      <c r="A30559" s="2"/>
      <c r="B30559" s="2"/>
      <c r="C30559" s="2"/>
    </row>
    <row r="30560" spans="1:3" ht="19.2">
      <c r="A30560" s="2"/>
      <c r="B30560" s="2"/>
      <c r="C30560" s="2"/>
    </row>
    <row r="30561" spans="1:3" ht="19.2">
      <c r="A30561" s="2"/>
      <c r="B30561" s="2"/>
      <c r="C30561" s="2"/>
    </row>
    <row r="30562" spans="1:3" ht="19.2">
      <c r="A30562" s="2"/>
      <c r="B30562" s="2"/>
      <c r="C30562" s="2"/>
    </row>
    <row r="30563" spans="1:3" ht="19.2">
      <c r="A30563" s="2"/>
      <c r="B30563" s="2"/>
      <c r="C30563" s="2"/>
    </row>
    <row r="30564" spans="1:3" ht="19.2">
      <c r="A30564" s="2"/>
      <c r="B30564" s="2"/>
      <c r="C30564" s="2"/>
    </row>
    <row r="30565" spans="1:3" ht="19.2">
      <c r="A30565" s="2"/>
      <c r="B30565" s="2"/>
      <c r="C30565" s="2"/>
    </row>
    <row r="30566" spans="1:3" ht="19.2">
      <c r="A30566" s="2"/>
      <c r="B30566" s="2"/>
      <c r="C30566" s="2"/>
    </row>
    <row r="30567" spans="1:3" ht="19.2">
      <c r="A30567" s="2"/>
      <c r="B30567" s="2"/>
      <c r="C30567" s="2"/>
    </row>
    <row r="30568" spans="1:3" ht="19.2">
      <c r="A30568" s="2"/>
      <c r="B30568" s="2"/>
      <c r="C30568" s="2"/>
    </row>
    <row r="30569" spans="1:3" ht="19.2">
      <c r="A30569" s="2"/>
      <c r="B30569" s="2"/>
      <c r="C30569" s="2"/>
    </row>
    <row r="30570" spans="1:3" ht="19.2">
      <c r="A30570" s="2"/>
      <c r="B30570" s="2"/>
      <c r="C30570" s="2"/>
    </row>
    <row r="30571" spans="1:3" ht="19.2">
      <c r="A30571" s="2"/>
      <c r="B30571" s="2"/>
      <c r="C30571" s="2"/>
    </row>
    <row r="30572" spans="1:3" ht="19.2">
      <c r="A30572" s="2"/>
      <c r="B30572" s="2"/>
      <c r="C30572" s="2"/>
    </row>
    <row r="30573" spans="1:3" ht="19.2">
      <c r="A30573" s="2"/>
      <c r="B30573" s="2"/>
      <c r="C30573" s="2"/>
    </row>
    <row r="30574" spans="1:3" ht="19.2">
      <c r="A30574" s="2"/>
      <c r="B30574" s="2"/>
      <c r="C30574" s="2"/>
    </row>
    <row r="30575" spans="1:3" ht="19.2">
      <c r="A30575" s="2"/>
      <c r="B30575" s="2"/>
      <c r="C30575" s="2"/>
    </row>
    <row r="30576" spans="1:3" ht="19.2">
      <c r="A30576" s="2"/>
      <c r="B30576" s="2"/>
      <c r="C30576" s="2"/>
    </row>
    <row r="30577" spans="1:3" ht="19.2">
      <c r="A30577" s="2"/>
      <c r="B30577" s="2"/>
      <c r="C30577" s="2"/>
    </row>
    <row r="30578" spans="1:3" ht="19.2">
      <c r="A30578" s="2"/>
      <c r="B30578" s="2"/>
      <c r="C30578" s="2"/>
    </row>
    <row r="30579" spans="1:3" ht="19.2">
      <c r="A30579" s="2"/>
      <c r="B30579" s="2"/>
      <c r="C30579" s="2"/>
    </row>
    <row r="30580" spans="1:3" ht="19.2">
      <c r="A30580" s="2"/>
      <c r="B30580" s="2"/>
      <c r="C30580" s="2"/>
    </row>
    <row r="30581" spans="1:3" ht="19.2">
      <c r="A30581" s="2"/>
      <c r="B30581" s="2"/>
      <c r="C30581" s="2"/>
    </row>
    <row r="30582" spans="1:3" ht="19.2">
      <c r="A30582" s="2"/>
      <c r="B30582" s="2"/>
      <c r="C30582" s="2"/>
    </row>
    <row r="30583" spans="1:3" ht="19.2">
      <c r="A30583" s="2"/>
      <c r="B30583" s="2"/>
      <c r="C30583" s="2"/>
    </row>
    <row r="30584" spans="1:3" ht="19.2">
      <c r="A30584" s="2"/>
      <c r="B30584" s="2"/>
      <c r="C30584" s="2"/>
    </row>
    <row r="30585" spans="1:3" ht="19.2">
      <c r="A30585" s="2"/>
      <c r="B30585" s="2"/>
      <c r="C30585" s="2"/>
    </row>
    <row r="30586" spans="1:3" ht="19.2">
      <c r="A30586" s="2"/>
      <c r="B30586" s="2"/>
      <c r="C30586" s="2"/>
    </row>
    <row r="30587" spans="1:3" ht="19.2">
      <c r="A30587" s="2"/>
      <c r="B30587" s="2"/>
      <c r="C30587" s="2"/>
    </row>
    <row r="30588" spans="1:3" ht="19.2">
      <c r="A30588" s="2"/>
      <c r="B30588" s="2"/>
      <c r="C30588" s="2"/>
    </row>
    <row r="30589" spans="1:3" ht="19.2">
      <c r="A30589" s="2"/>
      <c r="B30589" s="2"/>
      <c r="C30589" s="2"/>
    </row>
    <row r="30590" spans="1:3" ht="19.2">
      <c r="A30590" s="2"/>
      <c r="B30590" s="2"/>
      <c r="C30590" s="2"/>
    </row>
    <row r="30591" spans="1:3" ht="19.2">
      <c r="A30591" s="2"/>
      <c r="B30591" s="2"/>
      <c r="C30591" s="2"/>
    </row>
    <row r="30592" spans="1:3" ht="19.2">
      <c r="A30592" s="2"/>
      <c r="B30592" s="2"/>
      <c r="C30592" s="2"/>
    </row>
    <row r="30593" spans="1:3" ht="19.2">
      <c r="A30593" s="2"/>
      <c r="B30593" s="2"/>
      <c r="C30593" s="2"/>
    </row>
    <row r="30594" spans="1:3" ht="19.2">
      <c r="A30594" s="2"/>
      <c r="B30594" s="2"/>
      <c r="C30594" s="2"/>
    </row>
    <row r="30595" spans="1:3" ht="19.2">
      <c r="A30595" s="2"/>
      <c r="B30595" s="2"/>
      <c r="C30595" s="2"/>
    </row>
    <row r="30596" spans="1:3" ht="19.2">
      <c r="A30596" s="2"/>
      <c r="B30596" s="2"/>
      <c r="C30596" s="2"/>
    </row>
    <row r="30597" spans="1:3" ht="19.2">
      <c r="A30597" s="2"/>
      <c r="B30597" s="2"/>
      <c r="C30597" s="2"/>
    </row>
    <row r="30598" spans="1:3" ht="19.2">
      <c r="A30598" s="2"/>
      <c r="B30598" s="2"/>
      <c r="C30598" s="2"/>
    </row>
    <row r="30599" spans="1:3" ht="19.2">
      <c r="A30599" s="2"/>
      <c r="B30599" s="2"/>
      <c r="C30599" s="2"/>
    </row>
    <row r="30600" spans="1:3" ht="19.2">
      <c r="A30600" s="2"/>
      <c r="B30600" s="2"/>
      <c r="C30600" s="2"/>
    </row>
    <row r="30601" spans="1:3" ht="19.2">
      <c r="A30601" s="2"/>
      <c r="B30601" s="2"/>
      <c r="C30601" s="2"/>
    </row>
    <row r="30602" spans="1:3" ht="19.2">
      <c r="A30602" s="2"/>
      <c r="B30602" s="2"/>
      <c r="C30602" s="2"/>
    </row>
    <row r="30603" spans="1:3" ht="19.2">
      <c r="A30603" s="2"/>
      <c r="B30603" s="2"/>
      <c r="C30603" s="2"/>
    </row>
    <row r="30604" spans="1:3" ht="19.2">
      <c r="A30604" s="2"/>
      <c r="B30604" s="2"/>
      <c r="C30604" s="2"/>
    </row>
    <row r="30605" spans="1:3" ht="19.2">
      <c r="A30605" s="2"/>
      <c r="B30605" s="2"/>
      <c r="C30605" s="2"/>
    </row>
    <row r="30606" spans="1:3" ht="19.2">
      <c r="A30606" s="2"/>
      <c r="B30606" s="2"/>
      <c r="C30606" s="2"/>
    </row>
    <row r="30607" spans="1:3" ht="19.2">
      <c r="A30607" s="2"/>
      <c r="B30607" s="2"/>
      <c r="C30607" s="2"/>
    </row>
    <row r="30608" spans="1:3" ht="19.2">
      <c r="A30608" s="2"/>
      <c r="B30608" s="2"/>
      <c r="C30608" s="2"/>
    </row>
    <row r="30609" spans="1:3" ht="19.2">
      <c r="A30609" s="2"/>
      <c r="B30609" s="2"/>
      <c r="C30609" s="2"/>
    </row>
    <row r="30610" spans="1:3" ht="19.2">
      <c r="A30610" s="2"/>
      <c r="B30610" s="2"/>
      <c r="C30610" s="2"/>
    </row>
    <row r="30611" spans="1:3" ht="19.2">
      <c r="A30611" s="2"/>
      <c r="B30611" s="2"/>
      <c r="C30611" s="2"/>
    </row>
    <row r="30612" spans="1:3" ht="19.2">
      <c r="A30612" s="2"/>
      <c r="B30612" s="2"/>
      <c r="C30612" s="2"/>
    </row>
    <row r="30613" spans="1:3" ht="19.2">
      <c r="A30613" s="2"/>
      <c r="B30613" s="2"/>
      <c r="C30613" s="2"/>
    </row>
    <row r="30614" spans="1:3" ht="19.2">
      <c r="A30614" s="2"/>
      <c r="B30614" s="2"/>
      <c r="C30614" s="2"/>
    </row>
    <row r="30615" spans="1:3" ht="19.2">
      <c r="A30615" s="2"/>
      <c r="B30615" s="2"/>
      <c r="C30615" s="2"/>
    </row>
    <row r="30616" spans="1:3" ht="19.2">
      <c r="A30616" s="2"/>
      <c r="B30616" s="2"/>
      <c r="C30616" s="2"/>
    </row>
    <row r="30617" spans="1:3" ht="19.2">
      <c r="A30617" s="2"/>
      <c r="B30617" s="2"/>
      <c r="C30617" s="2"/>
    </row>
    <row r="30618" spans="1:3" ht="19.2">
      <c r="A30618" s="2"/>
      <c r="B30618" s="2"/>
      <c r="C30618" s="2"/>
    </row>
    <row r="30619" spans="1:3" ht="19.2">
      <c r="A30619" s="2"/>
      <c r="B30619" s="2"/>
      <c r="C30619" s="2"/>
    </row>
    <row r="30620" spans="1:3" ht="19.2">
      <c r="A30620" s="2"/>
      <c r="B30620" s="2"/>
      <c r="C30620" s="2"/>
    </row>
    <row r="30621" spans="1:3" ht="19.2">
      <c r="A30621" s="2"/>
      <c r="B30621" s="2"/>
      <c r="C30621" s="2"/>
    </row>
    <row r="30622" spans="1:3" ht="19.2">
      <c r="A30622" s="2"/>
      <c r="B30622" s="2"/>
      <c r="C30622" s="2"/>
    </row>
    <row r="30623" spans="1:3" ht="19.2">
      <c r="A30623" s="2"/>
      <c r="B30623" s="2"/>
      <c r="C30623" s="2"/>
    </row>
    <row r="30624" spans="1:3" ht="19.2">
      <c r="A30624" s="2"/>
      <c r="B30624" s="2"/>
      <c r="C30624" s="2"/>
    </row>
    <row r="30625" spans="1:3" ht="19.2">
      <c r="A30625" s="2"/>
      <c r="B30625" s="2"/>
      <c r="C30625" s="2"/>
    </row>
    <row r="30626" spans="1:3" ht="19.2">
      <c r="A30626" s="2"/>
      <c r="B30626" s="2"/>
      <c r="C30626" s="2"/>
    </row>
    <row r="30627" spans="1:3" ht="19.2">
      <c r="A30627" s="2"/>
      <c r="B30627" s="2"/>
      <c r="C30627" s="2"/>
    </row>
    <row r="30628" spans="1:3" ht="19.2">
      <c r="A30628" s="2"/>
      <c r="B30628" s="2"/>
      <c r="C30628" s="2"/>
    </row>
    <row r="30629" spans="1:3" ht="19.2">
      <c r="A30629" s="2"/>
      <c r="B30629" s="2"/>
      <c r="C30629" s="2"/>
    </row>
    <row r="30630" spans="1:3" ht="19.2">
      <c r="A30630" s="2"/>
      <c r="B30630" s="2"/>
      <c r="C30630" s="2"/>
    </row>
    <row r="30631" spans="1:3" ht="19.2">
      <c r="A30631" s="2"/>
      <c r="B30631" s="2"/>
      <c r="C30631" s="2"/>
    </row>
    <row r="30632" spans="1:3" ht="19.2">
      <c r="A30632" s="2"/>
      <c r="B30632" s="2"/>
      <c r="C30632" s="2"/>
    </row>
    <row r="30633" spans="1:3" ht="19.2">
      <c r="A30633" s="2"/>
      <c r="B30633" s="2"/>
      <c r="C30633" s="2"/>
    </row>
    <row r="30634" spans="1:3" ht="19.2">
      <c r="A30634" s="2"/>
      <c r="B30634" s="2"/>
      <c r="C30634" s="2"/>
    </row>
    <row r="30635" spans="1:3" ht="19.2">
      <c r="A30635" s="2"/>
      <c r="B30635" s="2"/>
      <c r="C30635" s="2"/>
    </row>
    <row r="30636" spans="1:3" ht="19.2">
      <c r="A30636" s="2"/>
      <c r="B30636" s="2"/>
      <c r="C30636" s="2"/>
    </row>
    <row r="30637" spans="1:3" ht="19.2">
      <c r="A30637" s="2"/>
      <c r="B30637" s="2"/>
      <c r="C30637" s="2"/>
    </row>
    <row r="30638" spans="1:3" ht="19.2">
      <c r="A30638" s="2"/>
      <c r="B30638" s="2"/>
      <c r="C30638" s="2"/>
    </row>
    <row r="30639" spans="1:3" ht="19.2">
      <c r="A30639" s="2"/>
      <c r="B30639" s="2"/>
      <c r="C30639" s="2"/>
    </row>
    <row r="30640" spans="1:3" ht="19.2">
      <c r="A30640" s="2"/>
      <c r="B30640" s="2"/>
      <c r="C30640" s="2"/>
    </row>
    <row r="30641" spans="1:3" ht="19.2">
      <c r="A30641" s="2"/>
      <c r="B30641" s="2"/>
      <c r="C30641" s="2"/>
    </row>
    <row r="30642" spans="1:3" ht="19.2">
      <c r="A30642" s="2"/>
      <c r="B30642" s="2"/>
      <c r="C30642" s="2"/>
    </row>
    <row r="30643" spans="1:3" ht="19.2">
      <c r="A30643" s="2"/>
      <c r="B30643" s="2"/>
      <c r="C30643" s="2"/>
    </row>
    <row r="30644" spans="1:3" ht="19.2">
      <c r="A30644" s="2"/>
      <c r="B30644" s="2"/>
      <c r="C30644" s="2"/>
    </row>
    <row r="30645" spans="1:3" ht="19.2">
      <c r="A30645" s="2"/>
      <c r="B30645" s="2"/>
      <c r="C30645" s="2"/>
    </row>
    <row r="30646" spans="1:3" ht="19.2">
      <c r="A30646" s="2"/>
      <c r="B30646" s="2"/>
      <c r="C30646" s="2"/>
    </row>
    <row r="30647" spans="1:3" ht="19.2">
      <c r="A30647" s="2"/>
      <c r="B30647" s="2"/>
      <c r="C30647" s="2"/>
    </row>
    <row r="30648" spans="1:3" ht="19.2">
      <c r="A30648" s="2"/>
      <c r="B30648" s="2"/>
      <c r="C30648" s="2"/>
    </row>
    <row r="30649" spans="1:3" ht="19.2">
      <c r="A30649" s="2"/>
      <c r="B30649" s="2"/>
      <c r="C30649" s="2"/>
    </row>
    <row r="30650" spans="1:3" ht="19.2">
      <c r="A30650" s="2"/>
      <c r="B30650" s="2"/>
      <c r="C30650" s="2"/>
    </row>
    <row r="30651" spans="1:3" ht="19.2">
      <c r="A30651" s="2"/>
      <c r="B30651" s="2"/>
      <c r="C30651" s="2"/>
    </row>
    <row r="30652" spans="1:3" ht="19.2">
      <c r="A30652" s="2"/>
      <c r="B30652" s="2"/>
      <c r="C30652" s="2"/>
    </row>
    <row r="30653" spans="1:3" ht="19.2">
      <c r="A30653" s="2"/>
      <c r="B30653" s="2"/>
      <c r="C30653" s="2"/>
    </row>
    <row r="30654" spans="1:3" ht="19.2">
      <c r="A30654" s="2"/>
      <c r="B30654" s="2"/>
      <c r="C30654" s="2"/>
    </row>
    <row r="30655" spans="1:3" ht="19.2">
      <c r="A30655" s="2"/>
      <c r="B30655" s="2"/>
      <c r="C30655" s="2"/>
    </row>
    <row r="30656" spans="1:3" ht="19.2">
      <c r="A30656" s="2"/>
      <c r="B30656" s="2"/>
      <c r="C30656" s="2"/>
    </row>
    <row r="30657" spans="1:3" ht="19.2">
      <c r="A30657" s="2"/>
      <c r="B30657" s="2"/>
      <c r="C30657" s="2"/>
    </row>
    <row r="30658" spans="1:3" ht="19.2">
      <c r="A30658" s="2"/>
      <c r="B30658" s="2"/>
      <c r="C30658" s="2"/>
    </row>
    <row r="30659" spans="1:3" ht="19.2">
      <c r="A30659" s="2"/>
      <c r="B30659" s="2"/>
      <c r="C30659" s="2"/>
    </row>
    <row r="30660" spans="1:3" ht="19.2">
      <c r="A30660" s="2"/>
      <c r="B30660" s="2"/>
      <c r="C30660" s="2"/>
    </row>
    <row r="30661" spans="1:3" ht="19.2">
      <c r="A30661" s="2"/>
      <c r="B30661" s="2"/>
      <c r="C30661" s="2"/>
    </row>
    <row r="30662" spans="1:3" ht="19.2">
      <c r="A30662" s="2"/>
      <c r="B30662" s="2"/>
      <c r="C30662" s="2"/>
    </row>
    <row r="30663" spans="1:3" ht="19.2">
      <c r="A30663" s="2"/>
      <c r="B30663" s="2"/>
      <c r="C30663" s="2"/>
    </row>
    <row r="30664" spans="1:3" ht="19.2">
      <c r="A30664" s="2"/>
      <c r="B30664" s="2"/>
      <c r="C30664" s="2"/>
    </row>
    <row r="30665" spans="1:3" ht="19.2">
      <c r="A30665" s="2"/>
      <c r="B30665" s="2"/>
      <c r="C30665" s="2"/>
    </row>
    <row r="30666" spans="1:3" ht="19.2">
      <c r="A30666" s="2"/>
      <c r="B30666" s="2"/>
      <c r="C30666" s="2"/>
    </row>
    <row r="30667" spans="1:3" ht="19.2">
      <c r="A30667" s="2"/>
      <c r="B30667" s="2"/>
      <c r="C30667" s="2"/>
    </row>
    <row r="30668" spans="1:3" ht="19.2">
      <c r="A30668" s="2"/>
      <c r="B30668" s="2"/>
      <c r="C30668" s="2"/>
    </row>
    <row r="30669" spans="1:3" ht="19.2">
      <c r="A30669" s="2"/>
      <c r="B30669" s="2"/>
      <c r="C30669" s="2"/>
    </row>
    <row r="30670" spans="1:3" ht="19.2">
      <c r="A30670" s="2"/>
      <c r="B30670" s="2"/>
      <c r="C30670" s="2"/>
    </row>
    <row r="30671" spans="1:3" ht="19.2">
      <c r="A30671" s="2"/>
      <c r="B30671" s="2"/>
      <c r="C30671" s="2"/>
    </row>
    <row r="30672" spans="1:3" ht="19.2">
      <c r="A30672" s="2"/>
      <c r="B30672" s="2"/>
      <c r="C30672" s="2"/>
    </row>
    <row r="30673" spans="1:3" ht="19.2">
      <c r="A30673" s="2"/>
      <c r="B30673" s="2"/>
      <c r="C30673" s="2"/>
    </row>
    <row r="30674" spans="1:3" ht="19.2">
      <c r="A30674" s="2"/>
      <c r="B30674" s="2"/>
      <c r="C30674" s="2"/>
    </row>
    <row r="30675" spans="1:3" ht="19.2">
      <c r="A30675" s="2"/>
      <c r="B30675" s="2"/>
      <c r="C30675" s="2"/>
    </row>
    <row r="30676" spans="1:3" ht="19.2">
      <c r="A30676" s="2"/>
      <c r="B30676" s="2"/>
      <c r="C30676" s="2"/>
    </row>
    <row r="30677" spans="1:3" ht="19.2">
      <c r="A30677" s="2"/>
      <c r="B30677" s="2"/>
      <c r="C30677" s="2"/>
    </row>
    <row r="30678" spans="1:3" ht="19.2">
      <c r="A30678" s="2"/>
      <c r="B30678" s="2"/>
      <c r="C30678" s="2"/>
    </row>
    <row r="30679" spans="1:3" ht="19.2">
      <c r="A30679" s="2"/>
      <c r="B30679" s="2"/>
      <c r="C30679" s="2"/>
    </row>
    <row r="30680" spans="1:3" ht="19.2">
      <c r="A30680" s="2"/>
      <c r="B30680" s="2"/>
      <c r="C30680" s="2"/>
    </row>
    <row r="30681" spans="1:3" ht="19.2">
      <c r="A30681" s="2"/>
      <c r="B30681" s="2"/>
      <c r="C30681" s="2"/>
    </row>
    <row r="30682" spans="1:3" ht="19.2">
      <c r="A30682" s="2"/>
      <c r="B30682" s="2"/>
      <c r="C30682" s="2"/>
    </row>
    <row r="30683" spans="1:3" ht="19.2">
      <c r="A30683" s="2"/>
      <c r="B30683" s="2"/>
      <c r="C30683" s="2"/>
    </row>
    <row r="30684" spans="1:3" ht="19.2">
      <c r="A30684" s="2"/>
      <c r="B30684" s="2"/>
      <c r="C30684" s="2"/>
    </row>
    <row r="30685" spans="1:3" ht="19.2">
      <c r="A30685" s="2"/>
      <c r="B30685" s="2"/>
      <c r="C30685" s="2"/>
    </row>
    <row r="30686" spans="1:3" ht="19.2">
      <c r="A30686" s="2"/>
      <c r="B30686" s="2"/>
      <c r="C30686" s="2"/>
    </row>
    <row r="30687" spans="1:3" ht="19.2">
      <c r="A30687" s="2"/>
      <c r="B30687" s="2"/>
      <c r="C30687" s="2"/>
    </row>
    <row r="30688" spans="1:3" ht="19.2">
      <c r="A30688" s="2"/>
      <c r="B30688" s="2"/>
      <c r="C30688" s="2"/>
    </row>
    <row r="30689" spans="1:3" ht="19.2">
      <c r="A30689" s="2"/>
      <c r="B30689" s="2"/>
      <c r="C30689" s="2"/>
    </row>
    <row r="30690" spans="1:3" ht="19.2">
      <c r="A30690" s="2"/>
      <c r="B30690" s="2"/>
      <c r="C30690" s="2"/>
    </row>
    <row r="30691" spans="1:3" ht="19.2">
      <c r="A30691" s="2"/>
      <c r="B30691" s="2"/>
      <c r="C30691" s="2"/>
    </row>
    <row r="30692" spans="1:3" ht="19.2">
      <c r="A30692" s="2"/>
      <c r="B30692" s="2"/>
      <c r="C30692" s="2"/>
    </row>
    <row r="30693" spans="1:3" ht="19.2">
      <c r="A30693" s="2"/>
      <c r="B30693" s="2"/>
      <c r="C30693" s="2"/>
    </row>
    <row r="30694" spans="1:3" ht="19.2">
      <c r="A30694" s="2"/>
      <c r="B30694" s="2"/>
      <c r="C30694" s="2"/>
    </row>
    <row r="30695" spans="1:3" ht="19.2">
      <c r="A30695" s="2"/>
      <c r="B30695" s="2"/>
      <c r="C30695" s="2"/>
    </row>
    <row r="30696" spans="1:3" ht="19.2">
      <c r="A30696" s="2"/>
      <c r="B30696" s="2"/>
      <c r="C30696" s="2"/>
    </row>
    <row r="30697" spans="1:3" ht="19.2">
      <c r="A30697" s="2"/>
      <c r="B30697" s="2"/>
      <c r="C30697" s="2"/>
    </row>
    <row r="30698" spans="1:3" ht="19.2">
      <c r="A30698" s="2"/>
      <c r="B30698" s="2"/>
      <c r="C30698" s="2"/>
    </row>
    <row r="30699" spans="1:3" ht="19.2">
      <c r="A30699" s="2"/>
      <c r="B30699" s="2"/>
      <c r="C30699" s="2"/>
    </row>
    <row r="30700" spans="1:3" ht="19.2">
      <c r="A30700" s="2"/>
      <c r="B30700" s="2"/>
      <c r="C30700" s="2"/>
    </row>
    <row r="30701" spans="1:3" ht="19.2">
      <c r="A30701" s="2"/>
      <c r="B30701" s="2"/>
      <c r="C30701" s="2"/>
    </row>
    <row r="30702" spans="1:3" ht="19.2">
      <c r="A30702" s="2"/>
      <c r="B30702" s="2"/>
      <c r="C30702" s="2"/>
    </row>
    <row r="30703" spans="1:3" ht="19.2">
      <c r="A30703" s="2"/>
      <c r="B30703" s="2"/>
      <c r="C30703" s="2"/>
    </row>
    <row r="30704" spans="1:3" ht="19.2">
      <c r="A30704" s="2"/>
      <c r="B30704" s="2"/>
      <c r="C30704" s="2"/>
    </row>
    <row r="30705" spans="1:3" ht="19.2">
      <c r="A30705" s="2"/>
      <c r="B30705" s="2"/>
      <c r="C30705" s="2"/>
    </row>
    <row r="30706" spans="1:3" ht="19.2">
      <c r="A30706" s="2"/>
      <c r="B30706" s="2"/>
      <c r="C30706" s="2"/>
    </row>
    <row r="30707" spans="1:3" ht="19.2">
      <c r="A30707" s="2"/>
      <c r="B30707" s="2"/>
      <c r="C30707" s="2"/>
    </row>
    <row r="30708" spans="1:3" ht="19.2">
      <c r="A30708" s="2"/>
      <c r="B30708" s="2"/>
      <c r="C30708" s="2"/>
    </row>
    <row r="30709" spans="1:3" ht="19.2">
      <c r="A30709" s="2"/>
      <c r="B30709" s="2"/>
      <c r="C30709" s="2"/>
    </row>
    <row r="30710" spans="1:3" ht="19.2">
      <c r="A30710" s="2"/>
      <c r="B30710" s="2"/>
      <c r="C30710" s="2"/>
    </row>
    <row r="30711" spans="1:3" ht="19.2">
      <c r="A30711" s="2"/>
      <c r="B30711" s="2"/>
      <c r="C30711" s="2"/>
    </row>
    <row r="30712" spans="1:3" ht="19.2">
      <c r="A30712" s="2"/>
      <c r="B30712" s="2"/>
      <c r="C30712" s="2"/>
    </row>
    <row r="30713" spans="1:3" ht="19.2">
      <c r="A30713" s="2"/>
      <c r="B30713" s="2"/>
      <c r="C30713" s="2"/>
    </row>
    <row r="30714" spans="1:3" ht="19.2">
      <c r="A30714" s="2"/>
      <c r="B30714" s="2"/>
      <c r="C30714" s="2"/>
    </row>
    <row r="30715" spans="1:3" ht="19.2">
      <c r="A30715" s="2"/>
      <c r="B30715" s="2"/>
      <c r="C30715" s="2"/>
    </row>
    <row r="30716" spans="1:3" ht="19.2">
      <c r="A30716" s="2"/>
      <c r="B30716" s="2"/>
      <c r="C30716" s="2"/>
    </row>
    <row r="30717" spans="1:3" ht="19.2">
      <c r="A30717" s="2"/>
      <c r="B30717" s="2"/>
      <c r="C30717" s="2"/>
    </row>
    <row r="30718" spans="1:3" ht="19.2">
      <c r="A30718" s="2"/>
      <c r="B30718" s="2"/>
      <c r="C30718" s="2"/>
    </row>
    <row r="30719" spans="1:3" ht="19.2">
      <c r="A30719" s="2"/>
      <c r="B30719" s="2"/>
      <c r="C30719" s="2"/>
    </row>
    <row r="30720" spans="1:3" ht="19.2">
      <c r="A30720" s="2"/>
      <c r="B30720" s="2"/>
      <c r="C30720" s="2"/>
    </row>
    <row r="30721" spans="1:3" ht="19.2">
      <c r="A30721" s="2"/>
      <c r="B30721" s="2"/>
      <c r="C30721" s="2"/>
    </row>
    <row r="30722" spans="1:3" ht="19.2">
      <c r="A30722" s="2"/>
      <c r="B30722" s="2"/>
      <c r="C30722" s="2"/>
    </row>
    <row r="30723" spans="1:3" ht="19.2">
      <c r="A30723" s="2"/>
      <c r="B30723" s="2"/>
      <c r="C30723" s="2"/>
    </row>
    <row r="30724" spans="1:3" ht="19.2">
      <c r="A30724" s="2"/>
      <c r="B30724" s="2"/>
      <c r="C30724" s="2"/>
    </row>
    <row r="30725" spans="1:3" ht="19.2">
      <c r="A30725" s="2"/>
      <c r="B30725" s="2"/>
      <c r="C30725" s="2"/>
    </row>
    <row r="30726" spans="1:3" ht="19.2">
      <c r="A30726" s="2"/>
      <c r="B30726" s="2"/>
      <c r="C30726" s="2"/>
    </row>
    <row r="30727" spans="1:3" ht="19.2">
      <c r="A30727" s="2"/>
      <c r="B30727" s="2"/>
      <c r="C30727" s="2"/>
    </row>
    <row r="30728" spans="1:3" ht="19.2">
      <c r="A30728" s="2"/>
      <c r="B30728" s="2"/>
      <c r="C30728" s="2"/>
    </row>
    <row r="30729" spans="1:3" ht="19.2">
      <c r="A30729" s="2"/>
      <c r="B30729" s="2"/>
      <c r="C30729" s="2"/>
    </row>
    <row r="30730" spans="1:3" ht="19.2">
      <c r="A30730" s="2"/>
      <c r="B30730" s="2"/>
      <c r="C30730" s="2"/>
    </row>
    <row r="30731" spans="1:3" ht="19.2">
      <c r="A30731" s="2"/>
      <c r="B30731" s="2"/>
      <c r="C30731" s="2"/>
    </row>
    <row r="30732" spans="1:3" ht="19.2">
      <c r="A30732" s="2"/>
      <c r="B30732" s="2"/>
      <c r="C30732" s="2"/>
    </row>
    <row r="30733" spans="1:3" ht="19.2">
      <c r="A30733" s="2"/>
      <c r="B30733" s="2"/>
      <c r="C30733" s="2"/>
    </row>
    <row r="30734" spans="1:3" ht="19.2">
      <c r="A30734" s="2"/>
      <c r="B30734" s="2"/>
      <c r="C30734" s="2"/>
    </row>
    <row r="30735" spans="1:3" ht="19.2">
      <c r="A30735" s="2"/>
      <c r="B30735" s="2"/>
      <c r="C30735" s="2"/>
    </row>
    <row r="30736" spans="1:3" ht="19.2">
      <c r="A30736" s="2"/>
      <c r="B30736" s="2"/>
      <c r="C30736" s="2"/>
    </row>
    <row r="30737" spans="1:3" ht="19.2">
      <c r="A30737" s="2"/>
      <c r="B30737" s="2"/>
      <c r="C30737" s="2"/>
    </row>
    <row r="30738" spans="1:3" ht="19.2">
      <c r="A30738" s="2"/>
      <c r="B30738" s="2"/>
      <c r="C30738" s="2"/>
    </row>
    <row r="30739" spans="1:3" ht="19.2">
      <c r="A30739" s="2"/>
      <c r="B30739" s="2"/>
      <c r="C30739" s="2"/>
    </row>
    <row r="30740" spans="1:3" ht="19.2">
      <c r="A30740" s="2"/>
      <c r="B30740" s="2"/>
      <c r="C30740" s="2"/>
    </row>
    <row r="30741" spans="1:3" ht="19.2">
      <c r="A30741" s="2"/>
      <c r="B30741" s="2"/>
      <c r="C30741" s="2"/>
    </row>
    <row r="30742" spans="1:3" ht="19.2">
      <c r="A30742" s="2"/>
      <c r="B30742" s="2"/>
      <c r="C30742" s="2"/>
    </row>
    <row r="30743" spans="1:3" ht="19.2">
      <c r="A30743" s="2"/>
      <c r="B30743" s="2"/>
      <c r="C30743" s="2"/>
    </row>
    <row r="30744" spans="1:3" ht="19.2">
      <c r="A30744" s="2"/>
      <c r="B30744" s="2"/>
      <c r="C30744" s="2"/>
    </row>
    <row r="30745" spans="1:3" ht="19.2">
      <c r="A30745" s="2"/>
      <c r="B30745" s="2"/>
      <c r="C30745" s="2"/>
    </row>
    <row r="30746" spans="1:3" ht="19.2">
      <c r="A30746" s="2"/>
      <c r="B30746" s="2"/>
      <c r="C30746" s="2"/>
    </row>
    <row r="30747" spans="1:3" ht="19.2">
      <c r="A30747" s="2"/>
      <c r="B30747" s="2"/>
      <c r="C30747" s="2"/>
    </row>
    <row r="30748" spans="1:3" ht="19.2">
      <c r="A30748" s="2"/>
      <c r="B30748" s="2"/>
      <c r="C30748" s="2"/>
    </row>
    <row r="30749" spans="1:3" ht="19.2">
      <c r="A30749" s="2"/>
      <c r="B30749" s="2"/>
      <c r="C30749" s="2"/>
    </row>
    <row r="30750" spans="1:3" ht="19.2">
      <c r="A30750" s="2"/>
      <c r="B30750" s="2"/>
      <c r="C30750" s="2"/>
    </row>
    <row r="30751" spans="1:3" ht="19.2">
      <c r="A30751" s="2"/>
      <c r="B30751" s="2"/>
      <c r="C30751" s="2"/>
    </row>
    <row r="30752" spans="1:3" ht="19.2">
      <c r="A30752" s="2"/>
      <c r="B30752" s="2"/>
      <c r="C30752" s="2"/>
    </row>
    <row r="30753" spans="1:3" ht="19.2">
      <c r="A30753" s="2"/>
      <c r="B30753" s="2"/>
      <c r="C30753" s="2"/>
    </row>
    <row r="30754" spans="1:3" ht="19.2">
      <c r="A30754" s="2"/>
      <c r="B30754" s="2"/>
      <c r="C30754" s="2"/>
    </row>
    <row r="30755" spans="1:3" ht="19.2">
      <c r="A30755" s="2"/>
      <c r="B30755" s="2"/>
      <c r="C30755" s="2"/>
    </row>
    <row r="30756" spans="1:3" ht="19.2">
      <c r="A30756" s="2"/>
      <c r="B30756" s="2"/>
      <c r="C30756" s="2"/>
    </row>
    <row r="30757" spans="1:3" ht="19.2">
      <c r="A30757" s="2"/>
      <c r="B30757" s="2"/>
      <c r="C30757" s="2"/>
    </row>
    <row r="30758" spans="1:3" ht="19.2">
      <c r="A30758" s="2"/>
      <c r="B30758" s="2"/>
      <c r="C30758" s="2"/>
    </row>
    <row r="30759" spans="1:3" ht="19.2">
      <c r="A30759" s="2"/>
      <c r="B30759" s="2"/>
      <c r="C30759" s="2"/>
    </row>
    <row r="30760" spans="1:3" ht="19.2">
      <c r="A30760" s="2"/>
      <c r="B30760" s="2"/>
      <c r="C30760" s="2"/>
    </row>
    <row r="30761" spans="1:3" ht="19.2">
      <c r="A30761" s="2"/>
      <c r="B30761" s="2"/>
      <c r="C30761" s="2"/>
    </row>
    <row r="30762" spans="1:3" ht="19.2">
      <c r="A30762" s="2"/>
      <c r="B30762" s="2"/>
      <c r="C30762" s="2"/>
    </row>
    <row r="30763" spans="1:3" ht="19.2">
      <c r="A30763" s="2"/>
      <c r="B30763" s="2"/>
      <c r="C30763" s="2"/>
    </row>
    <row r="30764" spans="1:3" ht="19.2">
      <c r="A30764" s="2"/>
      <c r="B30764" s="2"/>
      <c r="C30764" s="2"/>
    </row>
    <row r="30765" spans="1:3" ht="19.2">
      <c r="A30765" s="2"/>
      <c r="B30765" s="2"/>
      <c r="C30765" s="2"/>
    </row>
    <row r="30766" spans="1:3" ht="19.2">
      <c r="A30766" s="2"/>
      <c r="B30766" s="2"/>
      <c r="C30766" s="2"/>
    </row>
    <row r="30767" spans="1:3" ht="19.2">
      <c r="A30767" s="2"/>
      <c r="B30767" s="2"/>
      <c r="C30767" s="2"/>
    </row>
    <row r="30768" spans="1:3" ht="19.2">
      <c r="A30768" s="2"/>
      <c r="B30768" s="2"/>
      <c r="C30768" s="2"/>
    </row>
    <row r="30769" spans="1:3" ht="19.2">
      <c r="A30769" s="2"/>
      <c r="B30769" s="2"/>
      <c r="C30769" s="2"/>
    </row>
    <row r="30770" spans="1:3" ht="19.2">
      <c r="A30770" s="2"/>
      <c r="B30770" s="2"/>
      <c r="C30770" s="2"/>
    </row>
    <row r="30771" spans="1:3" ht="19.2">
      <c r="A30771" s="2"/>
      <c r="B30771" s="2"/>
      <c r="C30771" s="2"/>
    </row>
    <row r="30772" spans="1:3" ht="19.2">
      <c r="A30772" s="2"/>
      <c r="B30772" s="2"/>
      <c r="C30772" s="2"/>
    </row>
    <row r="30773" spans="1:3" ht="19.2">
      <c r="A30773" s="2"/>
      <c r="B30773" s="2"/>
      <c r="C30773" s="2"/>
    </row>
    <row r="30774" spans="1:3" ht="19.2">
      <c r="A30774" s="2"/>
      <c r="B30774" s="2"/>
      <c r="C30774" s="2"/>
    </row>
    <row r="30775" spans="1:3" ht="19.2">
      <c r="A30775" s="2"/>
      <c r="B30775" s="2"/>
      <c r="C30775" s="2"/>
    </row>
    <row r="30776" spans="1:3" ht="19.2">
      <c r="A30776" s="2"/>
      <c r="B30776" s="2"/>
      <c r="C30776" s="2"/>
    </row>
    <row r="30777" spans="1:3" ht="19.2">
      <c r="A30777" s="2"/>
      <c r="B30777" s="2"/>
      <c r="C30777" s="2"/>
    </row>
    <row r="30778" spans="1:3" ht="19.2">
      <c r="A30778" s="2"/>
      <c r="B30778" s="2"/>
      <c r="C30778" s="2"/>
    </row>
    <row r="30779" spans="1:3" ht="19.2">
      <c r="A30779" s="2"/>
      <c r="B30779" s="2"/>
      <c r="C30779" s="2"/>
    </row>
    <row r="30780" spans="1:3" ht="19.2">
      <c r="A30780" s="2"/>
      <c r="B30780" s="2"/>
      <c r="C30780" s="2"/>
    </row>
    <row r="30781" spans="1:3" ht="19.2">
      <c r="A30781" s="2"/>
      <c r="B30781" s="2"/>
      <c r="C30781" s="2"/>
    </row>
    <row r="30782" spans="1:3" ht="19.2">
      <c r="A30782" s="2"/>
      <c r="B30782" s="2"/>
      <c r="C30782" s="2"/>
    </row>
    <row r="30783" spans="1:3" ht="19.2">
      <c r="A30783" s="2"/>
      <c r="B30783" s="2"/>
      <c r="C30783" s="2"/>
    </row>
    <row r="30784" spans="1:3" ht="19.2">
      <c r="A30784" s="2"/>
      <c r="B30784" s="2"/>
      <c r="C30784" s="2"/>
    </row>
    <row r="30785" spans="1:3" ht="19.2">
      <c r="A30785" s="2"/>
      <c r="B30785" s="2"/>
      <c r="C30785" s="2"/>
    </row>
    <row r="30786" spans="1:3" ht="19.2">
      <c r="A30786" s="2"/>
      <c r="B30786" s="2"/>
      <c r="C30786" s="2"/>
    </row>
    <row r="30787" spans="1:3" ht="19.2">
      <c r="A30787" s="2"/>
      <c r="B30787" s="2"/>
      <c r="C30787" s="2"/>
    </row>
    <row r="30788" spans="1:3" ht="19.2">
      <c r="A30788" s="2"/>
      <c r="B30788" s="2"/>
      <c r="C30788" s="2"/>
    </row>
    <row r="30789" spans="1:3" ht="19.2">
      <c r="A30789" s="2"/>
      <c r="B30789" s="2"/>
      <c r="C30789" s="2"/>
    </row>
    <row r="30790" spans="1:3" ht="19.2">
      <c r="A30790" s="2"/>
      <c r="B30790" s="2"/>
      <c r="C30790" s="2"/>
    </row>
    <row r="30791" spans="1:3" ht="19.2">
      <c r="A30791" s="2"/>
      <c r="B30791" s="2"/>
      <c r="C30791" s="2"/>
    </row>
    <row r="30792" spans="1:3" ht="19.2">
      <c r="A30792" s="2"/>
      <c r="B30792" s="2"/>
      <c r="C30792" s="2"/>
    </row>
    <row r="30793" spans="1:3" ht="19.2">
      <c r="A30793" s="2"/>
      <c r="B30793" s="2"/>
      <c r="C30793" s="2"/>
    </row>
    <row r="30794" spans="1:3" ht="19.2">
      <c r="A30794" s="2"/>
      <c r="B30794" s="2"/>
      <c r="C30794" s="2"/>
    </row>
    <row r="30795" spans="1:3" ht="19.2">
      <c r="A30795" s="2"/>
      <c r="B30795" s="2"/>
      <c r="C30795" s="2"/>
    </row>
    <row r="30796" spans="1:3" ht="19.2">
      <c r="A30796" s="2"/>
      <c r="B30796" s="2"/>
      <c r="C30796" s="2"/>
    </row>
    <row r="30797" spans="1:3" ht="19.2">
      <c r="A30797" s="2"/>
      <c r="B30797" s="2"/>
      <c r="C30797" s="2"/>
    </row>
    <row r="30798" spans="1:3" ht="19.2">
      <c r="A30798" s="2"/>
      <c r="B30798" s="2"/>
      <c r="C30798" s="2"/>
    </row>
    <row r="30799" spans="1:3" ht="19.2">
      <c r="A30799" s="2"/>
      <c r="B30799" s="2"/>
      <c r="C30799" s="2"/>
    </row>
    <row r="30800" spans="1:3" ht="19.2">
      <c r="A30800" s="2"/>
      <c r="B30800" s="2"/>
      <c r="C30800" s="2"/>
    </row>
    <row r="30801" spans="1:3" ht="19.2">
      <c r="A30801" s="2"/>
      <c r="B30801" s="2"/>
      <c r="C30801" s="2"/>
    </row>
    <row r="30802" spans="1:3" ht="19.2">
      <c r="A30802" s="2"/>
      <c r="B30802" s="2"/>
      <c r="C30802" s="2"/>
    </row>
    <row r="30803" spans="1:3" ht="19.2">
      <c r="A30803" s="2"/>
      <c r="B30803" s="2"/>
      <c r="C30803" s="2"/>
    </row>
    <row r="30804" spans="1:3" ht="19.2">
      <c r="A30804" s="2"/>
      <c r="B30804" s="2"/>
      <c r="C30804" s="2"/>
    </row>
    <row r="30805" spans="1:3" ht="19.2">
      <c r="A30805" s="2"/>
      <c r="B30805" s="2"/>
      <c r="C30805" s="2"/>
    </row>
    <row r="30806" spans="1:3" ht="19.2">
      <c r="A30806" s="2"/>
      <c r="B30806" s="2"/>
      <c r="C30806" s="2"/>
    </row>
    <row r="30807" spans="1:3" ht="19.2">
      <c r="A30807" s="2"/>
      <c r="B30807" s="2"/>
      <c r="C30807" s="2"/>
    </row>
    <row r="30808" spans="1:3" ht="19.2">
      <c r="A30808" s="2"/>
      <c r="B30808" s="2"/>
      <c r="C30808" s="2"/>
    </row>
    <row r="30809" spans="1:3" ht="19.2">
      <c r="A30809" s="2"/>
      <c r="B30809" s="2"/>
      <c r="C30809" s="2"/>
    </row>
    <row r="30810" spans="1:3" ht="19.2">
      <c r="A30810" s="2"/>
      <c r="B30810" s="2"/>
      <c r="C30810" s="2"/>
    </row>
    <row r="30811" spans="1:3" ht="19.2">
      <c r="A30811" s="2"/>
      <c r="B30811" s="2"/>
      <c r="C30811" s="2"/>
    </row>
    <row r="30812" spans="1:3" ht="19.2">
      <c r="A30812" s="2"/>
      <c r="B30812" s="2"/>
      <c r="C30812" s="2"/>
    </row>
    <row r="30813" spans="1:3" ht="19.2">
      <c r="A30813" s="2"/>
      <c r="B30813" s="2"/>
      <c r="C30813" s="2"/>
    </row>
    <row r="30814" spans="1:3" ht="19.2">
      <c r="A30814" s="2"/>
      <c r="B30814" s="2"/>
      <c r="C30814" s="2"/>
    </row>
    <row r="30815" spans="1:3" ht="19.2">
      <c r="A30815" s="2"/>
      <c r="B30815" s="2"/>
      <c r="C30815" s="2"/>
    </row>
    <row r="30816" spans="1:3" ht="19.2">
      <c r="A30816" s="2"/>
      <c r="B30816" s="2"/>
      <c r="C30816" s="2"/>
    </row>
    <row r="30817" spans="1:3" ht="19.2">
      <c r="A30817" s="2"/>
      <c r="B30817" s="2"/>
      <c r="C30817" s="2"/>
    </row>
    <row r="30818" spans="1:3" ht="19.2">
      <c r="A30818" s="2"/>
      <c r="B30818" s="2"/>
      <c r="C30818" s="2"/>
    </row>
    <row r="30819" spans="1:3" ht="19.2">
      <c r="A30819" s="2"/>
      <c r="B30819" s="2"/>
      <c r="C30819" s="2"/>
    </row>
    <row r="30820" spans="1:3" ht="19.2">
      <c r="A30820" s="2"/>
      <c r="B30820" s="2"/>
      <c r="C30820" s="2"/>
    </row>
    <row r="30821" spans="1:3" ht="19.2">
      <c r="A30821" s="2"/>
      <c r="B30821" s="2"/>
      <c r="C30821" s="2"/>
    </row>
    <row r="30822" spans="1:3" ht="19.2">
      <c r="A30822" s="2"/>
      <c r="B30822" s="2"/>
      <c r="C30822" s="2"/>
    </row>
    <row r="30823" spans="1:3" ht="19.2">
      <c r="A30823" s="2"/>
      <c r="B30823" s="2"/>
      <c r="C30823" s="2"/>
    </row>
    <row r="30824" spans="1:3" ht="19.2">
      <c r="A30824" s="2"/>
      <c r="B30824" s="2"/>
      <c r="C30824" s="2"/>
    </row>
    <row r="30825" spans="1:3" ht="19.2">
      <c r="A30825" s="2"/>
      <c r="B30825" s="2"/>
      <c r="C30825" s="2"/>
    </row>
    <row r="30826" spans="1:3" ht="19.2">
      <c r="A30826" s="2"/>
      <c r="B30826" s="2"/>
      <c r="C30826" s="2"/>
    </row>
    <row r="30827" spans="1:3" ht="19.2">
      <c r="A30827" s="2"/>
      <c r="B30827" s="2"/>
      <c r="C30827" s="2"/>
    </row>
    <row r="30828" spans="1:3" ht="19.2">
      <c r="A30828" s="2"/>
      <c r="B30828" s="2"/>
      <c r="C30828" s="2"/>
    </row>
    <row r="30829" spans="1:3" ht="19.2">
      <c r="A30829" s="2"/>
      <c r="B30829" s="2"/>
      <c r="C30829" s="2"/>
    </row>
    <row r="30830" spans="1:3" ht="19.2">
      <c r="A30830" s="2"/>
      <c r="B30830" s="2"/>
      <c r="C30830" s="2"/>
    </row>
    <row r="30831" spans="1:3" ht="19.2">
      <c r="A30831" s="2"/>
      <c r="B30831" s="2"/>
      <c r="C30831" s="2"/>
    </row>
    <row r="30832" spans="1:3" ht="19.2">
      <c r="A30832" s="2"/>
      <c r="B30832" s="2"/>
      <c r="C30832" s="2"/>
    </row>
    <row r="30833" spans="1:3" ht="19.2">
      <c r="A30833" s="2"/>
      <c r="B30833" s="2"/>
      <c r="C30833" s="2"/>
    </row>
    <row r="30834" spans="1:3" ht="19.2">
      <c r="A30834" s="2"/>
      <c r="B30834" s="2"/>
      <c r="C30834" s="2"/>
    </row>
    <row r="30835" spans="1:3" ht="19.2">
      <c r="A30835" s="2"/>
      <c r="B30835" s="2"/>
      <c r="C30835" s="2"/>
    </row>
    <row r="30836" spans="1:3" ht="19.2">
      <c r="A30836" s="2"/>
      <c r="B30836" s="2"/>
      <c r="C30836" s="2"/>
    </row>
    <row r="30837" spans="1:3" ht="19.2">
      <c r="A30837" s="2"/>
      <c r="B30837" s="2"/>
      <c r="C30837" s="2"/>
    </row>
    <row r="30838" spans="1:3" ht="19.2">
      <c r="A30838" s="2"/>
      <c r="B30838" s="2"/>
      <c r="C30838" s="2"/>
    </row>
    <row r="30839" spans="1:3" ht="19.2">
      <c r="A30839" s="2"/>
      <c r="B30839" s="2"/>
      <c r="C30839" s="2"/>
    </row>
    <row r="30840" spans="1:3" ht="19.2">
      <c r="A30840" s="2"/>
      <c r="B30840" s="2"/>
      <c r="C30840" s="2"/>
    </row>
    <row r="30841" spans="1:3" ht="19.2">
      <c r="A30841" s="2"/>
      <c r="B30841" s="2"/>
      <c r="C30841" s="2"/>
    </row>
    <row r="30842" spans="1:3" ht="19.2">
      <c r="A30842" s="2"/>
      <c r="B30842" s="2"/>
      <c r="C30842" s="2"/>
    </row>
    <row r="30843" spans="1:3" ht="19.2">
      <c r="A30843" s="2"/>
      <c r="B30843" s="2"/>
      <c r="C30843" s="2"/>
    </row>
    <row r="30844" spans="1:3" ht="19.2">
      <c r="A30844" s="2"/>
      <c r="B30844" s="2"/>
      <c r="C30844" s="2"/>
    </row>
    <row r="30845" spans="1:3" ht="19.2">
      <c r="A30845" s="2"/>
      <c r="B30845" s="2"/>
      <c r="C30845" s="2"/>
    </row>
    <row r="30846" spans="1:3" ht="19.2">
      <c r="A30846" s="2"/>
      <c r="B30846" s="2"/>
      <c r="C30846" s="2"/>
    </row>
    <row r="30847" spans="1:3" ht="19.2">
      <c r="A30847" s="2"/>
      <c r="B30847" s="2"/>
      <c r="C30847" s="2"/>
    </row>
    <row r="30848" spans="1:3" ht="19.2">
      <c r="A30848" s="2"/>
      <c r="B30848" s="2"/>
      <c r="C30848" s="2"/>
    </row>
    <row r="30849" spans="1:3" ht="19.2">
      <c r="A30849" s="2"/>
      <c r="B30849" s="2"/>
      <c r="C30849" s="2"/>
    </row>
    <row r="30850" spans="1:3" ht="19.2">
      <c r="A30850" s="2"/>
      <c r="B30850" s="2"/>
      <c r="C30850" s="2"/>
    </row>
    <row r="30851" spans="1:3" ht="19.2">
      <c r="A30851" s="2"/>
      <c r="B30851" s="2"/>
      <c r="C30851" s="2"/>
    </row>
    <row r="30852" spans="1:3" ht="19.2">
      <c r="A30852" s="2"/>
      <c r="B30852" s="2"/>
      <c r="C30852" s="2"/>
    </row>
    <row r="30853" spans="1:3" ht="19.2">
      <c r="A30853" s="2"/>
      <c r="B30853" s="2"/>
      <c r="C30853" s="2"/>
    </row>
    <row r="30854" spans="1:3" ht="19.2">
      <c r="A30854" s="2"/>
      <c r="B30854" s="2"/>
      <c r="C30854" s="2"/>
    </row>
    <row r="30855" spans="1:3" ht="19.2">
      <c r="A30855" s="2"/>
      <c r="B30855" s="2"/>
      <c r="C30855" s="2"/>
    </row>
    <row r="30856" spans="1:3" ht="19.2">
      <c r="A30856" s="2"/>
      <c r="B30856" s="2"/>
      <c r="C30856" s="2"/>
    </row>
    <row r="30857" spans="1:3" ht="19.2">
      <c r="A30857" s="2"/>
      <c r="B30857" s="2"/>
      <c r="C30857" s="2"/>
    </row>
    <row r="30858" spans="1:3" ht="19.2">
      <c r="A30858" s="2"/>
      <c r="B30858" s="2"/>
      <c r="C30858" s="2"/>
    </row>
    <row r="30859" spans="1:3" ht="19.2">
      <c r="A30859" s="2"/>
      <c r="B30859" s="2"/>
      <c r="C30859" s="2"/>
    </row>
    <row r="30860" spans="1:3" ht="19.2">
      <c r="A30860" s="2"/>
      <c r="B30860" s="2"/>
      <c r="C30860" s="2"/>
    </row>
    <row r="30861" spans="1:3" ht="19.2">
      <c r="A30861" s="2"/>
      <c r="B30861" s="2"/>
      <c r="C30861" s="2"/>
    </row>
    <row r="30862" spans="1:3" ht="19.2">
      <c r="A30862" s="2"/>
      <c r="B30862" s="2"/>
      <c r="C30862" s="2"/>
    </row>
    <row r="30863" spans="1:3" ht="19.2">
      <c r="A30863" s="2"/>
      <c r="B30863" s="2"/>
      <c r="C30863" s="2"/>
    </row>
    <row r="30864" spans="1:3" ht="19.2">
      <c r="A30864" s="2"/>
      <c r="B30864" s="2"/>
      <c r="C30864" s="2"/>
    </row>
    <row r="30865" spans="1:3" ht="19.2">
      <c r="A30865" s="2"/>
      <c r="B30865" s="2"/>
      <c r="C30865" s="2"/>
    </row>
    <row r="30866" spans="1:3" ht="19.2">
      <c r="A30866" s="2"/>
      <c r="B30866" s="2"/>
      <c r="C30866" s="2"/>
    </row>
    <row r="30867" spans="1:3" ht="19.2">
      <c r="A30867" s="2"/>
      <c r="B30867" s="2"/>
      <c r="C30867" s="2"/>
    </row>
    <row r="30868" spans="1:3" ht="19.2">
      <c r="A30868" s="2"/>
      <c r="B30868" s="2"/>
      <c r="C30868" s="2"/>
    </row>
    <row r="30869" spans="1:3" ht="19.2">
      <c r="A30869" s="2"/>
      <c r="B30869" s="2"/>
      <c r="C30869" s="2"/>
    </row>
    <row r="30870" spans="1:3" ht="19.2">
      <c r="A30870" s="2"/>
      <c r="B30870" s="2"/>
      <c r="C30870" s="2"/>
    </row>
    <row r="30871" spans="1:3" ht="19.2">
      <c r="A30871" s="2"/>
      <c r="B30871" s="2"/>
      <c r="C30871" s="2"/>
    </row>
    <row r="30872" spans="1:3" ht="19.2">
      <c r="A30872" s="2"/>
      <c r="B30872" s="2"/>
      <c r="C30872" s="2"/>
    </row>
    <row r="30873" spans="1:3" ht="19.2">
      <c r="A30873" s="2"/>
      <c r="B30873" s="2"/>
      <c r="C30873" s="2"/>
    </row>
    <row r="30874" spans="1:3" ht="19.2">
      <c r="A30874" s="2"/>
      <c r="B30874" s="2"/>
      <c r="C30874" s="2"/>
    </row>
    <row r="30875" spans="1:3" ht="19.2">
      <c r="A30875" s="2"/>
      <c r="B30875" s="2"/>
      <c r="C30875" s="2"/>
    </row>
    <row r="30876" spans="1:3" ht="19.2">
      <c r="A30876" s="2"/>
      <c r="B30876" s="2"/>
      <c r="C30876" s="2"/>
    </row>
    <row r="30877" spans="1:3" ht="19.2">
      <c r="A30877" s="2"/>
      <c r="B30877" s="2"/>
      <c r="C30877" s="2"/>
    </row>
    <row r="30878" spans="1:3" ht="19.2">
      <c r="A30878" s="2"/>
      <c r="B30878" s="2"/>
      <c r="C30878" s="2"/>
    </row>
    <row r="30879" spans="1:3" ht="19.2">
      <c r="A30879" s="2"/>
      <c r="B30879" s="2"/>
      <c r="C30879" s="2"/>
    </row>
    <row r="30880" spans="1:3" ht="19.2">
      <c r="A30880" s="2"/>
      <c r="B30880" s="2"/>
      <c r="C30880" s="2"/>
    </row>
    <row r="30881" spans="1:3" ht="19.2">
      <c r="A30881" s="2"/>
      <c r="B30881" s="2"/>
      <c r="C30881" s="2"/>
    </row>
    <row r="30882" spans="1:3" ht="19.2">
      <c r="A30882" s="2"/>
      <c r="B30882" s="2"/>
      <c r="C30882" s="2"/>
    </row>
    <row r="30883" spans="1:3" ht="19.2">
      <c r="A30883" s="2"/>
      <c r="B30883" s="2"/>
      <c r="C30883" s="2"/>
    </row>
    <row r="30884" spans="1:3" ht="19.2">
      <c r="A30884" s="2"/>
      <c r="B30884" s="2"/>
      <c r="C30884" s="2"/>
    </row>
    <row r="30885" spans="1:3" ht="19.2">
      <c r="A30885" s="2"/>
      <c r="B30885" s="2"/>
      <c r="C30885" s="2"/>
    </row>
    <row r="30886" spans="1:3" ht="19.2">
      <c r="A30886" s="2"/>
      <c r="B30886" s="2"/>
      <c r="C30886" s="2"/>
    </row>
    <row r="30887" spans="1:3" ht="19.2">
      <c r="A30887" s="2"/>
      <c r="B30887" s="2"/>
      <c r="C30887" s="2"/>
    </row>
    <row r="30888" spans="1:3" ht="19.2">
      <c r="A30888" s="2"/>
      <c r="B30888" s="2"/>
      <c r="C30888" s="2"/>
    </row>
    <row r="30889" spans="1:3" ht="19.2">
      <c r="A30889" s="2"/>
      <c r="B30889" s="2"/>
      <c r="C30889" s="2"/>
    </row>
    <row r="30890" spans="1:3" ht="19.2">
      <c r="A30890" s="2"/>
      <c r="B30890" s="2"/>
      <c r="C30890" s="2"/>
    </row>
    <row r="30891" spans="1:3" ht="19.2">
      <c r="A30891" s="2"/>
      <c r="B30891" s="2"/>
      <c r="C30891" s="2"/>
    </row>
    <row r="30892" spans="1:3" ht="19.2">
      <c r="A30892" s="2"/>
      <c r="B30892" s="2"/>
      <c r="C30892" s="2"/>
    </row>
    <row r="30893" spans="1:3" ht="19.2">
      <c r="A30893" s="2"/>
      <c r="B30893" s="2"/>
      <c r="C30893" s="2"/>
    </row>
    <row r="30894" spans="1:3" ht="19.2">
      <c r="A30894" s="2"/>
      <c r="B30894" s="2"/>
      <c r="C30894" s="2"/>
    </row>
    <row r="30895" spans="1:3" ht="19.2">
      <c r="A30895" s="2"/>
      <c r="B30895" s="2"/>
      <c r="C30895" s="2"/>
    </row>
    <row r="30896" spans="1:3" ht="19.2">
      <c r="A30896" s="2"/>
      <c r="B30896" s="2"/>
      <c r="C30896" s="2"/>
    </row>
    <row r="30897" spans="1:3" ht="19.2">
      <c r="A30897" s="2"/>
      <c r="B30897" s="2"/>
      <c r="C30897" s="2"/>
    </row>
    <row r="30898" spans="1:3" ht="19.2">
      <c r="A30898" s="2"/>
      <c r="B30898" s="2"/>
      <c r="C30898" s="2"/>
    </row>
    <row r="30899" spans="1:3" ht="19.2">
      <c r="A30899" s="2"/>
      <c r="B30899" s="2"/>
      <c r="C30899" s="2"/>
    </row>
    <row r="30900" spans="1:3" ht="19.2">
      <c r="A30900" s="2"/>
      <c r="B30900" s="2"/>
      <c r="C30900" s="2"/>
    </row>
    <row r="30901" spans="1:3" ht="19.2">
      <c r="A30901" s="2"/>
      <c r="B30901" s="2"/>
      <c r="C30901" s="2"/>
    </row>
    <row r="30902" spans="1:3" ht="19.2">
      <c r="A30902" s="2"/>
      <c r="B30902" s="2"/>
      <c r="C30902" s="2"/>
    </row>
    <row r="30903" spans="1:3" ht="19.2">
      <c r="A30903" s="2"/>
      <c r="B30903" s="2"/>
      <c r="C30903" s="2"/>
    </row>
    <row r="30904" spans="1:3" ht="19.2">
      <c r="A30904" s="2"/>
      <c r="B30904" s="2"/>
      <c r="C30904" s="2"/>
    </row>
    <row r="30905" spans="1:3" ht="19.2">
      <c r="A30905" s="2"/>
      <c r="B30905" s="2"/>
      <c r="C30905" s="2"/>
    </row>
    <row r="30906" spans="1:3" ht="19.2">
      <c r="A30906" s="2"/>
      <c r="B30906" s="2"/>
      <c r="C30906" s="2"/>
    </row>
    <row r="30907" spans="1:3" ht="19.2">
      <c r="A30907" s="2"/>
      <c r="B30907" s="2"/>
      <c r="C30907" s="2"/>
    </row>
    <row r="30908" spans="1:3" ht="19.2">
      <c r="A30908" s="2"/>
      <c r="B30908" s="2"/>
      <c r="C30908" s="2"/>
    </row>
    <row r="30909" spans="1:3" ht="19.2">
      <c r="A30909" s="2"/>
      <c r="B30909" s="2"/>
      <c r="C30909" s="2"/>
    </row>
    <row r="30910" spans="1:3" ht="19.2">
      <c r="A30910" s="2"/>
      <c r="B30910" s="2"/>
      <c r="C30910" s="2"/>
    </row>
    <row r="30911" spans="1:3" ht="19.2">
      <c r="A30911" s="2"/>
      <c r="B30911" s="2"/>
      <c r="C30911" s="2"/>
    </row>
    <row r="30912" spans="1:3" ht="19.2">
      <c r="A30912" s="2"/>
      <c r="B30912" s="2"/>
      <c r="C30912" s="2"/>
    </row>
    <row r="30913" spans="1:3" ht="19.2">
      <c r="A30913" s="2"/>
      <c r="B30913" s="2"/>
      <c r="C30913" s="2"/>
    </row>
    <row r="30914" spans="1:3" ht="19.2">
      <c r="A30914" s="2"/>
      <c r="B30914" s="2"/>
      <c r="C30914" s="2"/>
    </row>
    <row r="30915" spans="1:3" ht="19.2">
      <c r="A30915" s="2"/>
      <c r="B30915" s="2"/>
      <c r="C30915" s="2"/>
    </row>
    <row r="30916" spans="1:3" ht="19.2">
      <c r="A30916" s="2"/>
      <c r="B30916" s="2"/>
      <c r="C30916" s="2"/>
    </row>
    <row r="30917" spans="1:3" ht="19.2">
      <c r="A30917" s="2"/>
      <c r="B30917" s="2"/>
      <c r="C30917" s="2"/>
    </row>
    <row r="30918" spans="1:3" ht="19.2">
      <c r="A30918" s="2"/>
      <c r="B30918" s="2"/>
      <c r="C30918" s="2"/>
    </row>
    <row r="30919" spans="1:3" ht="19.2">
      <c r="A30919" s="2"/>
      <c r="B30919" s="2"/>
      <c r="C30919" s="2"/>
    </row>
    <row r="30920" spans="1:3" ht="19.2">
      <c r="A30920" s="2"/>
      <c r="B30920" s="2"/>
      <c r="C30920" s="2"/>
    </row>
    <row r="30921" spans="1:3" ht="19.2">
      <c r="A30921" s="2"/>
      <c r="B30921" s="2"/>
      <c r="C30921" s="2"/>
    </row>
    <row r="30922" spans="1:3" ht="19.2">
      <c r="A30922" s="2"/>
      <c r="B30922" s="2"/>
      <c r="C30922" s="2"/>
    </row>
    <row r="30923" spans="1:3" ht="19.2">
      <c r="A30923" s="2"/>
      <c r="B30923" s="2"/>
      <c r="C30923" s="2"/>
    </row>
    <row r="30924" spans="1:3" ht="19.2">
      <c r="A30924" s="2"/>
      <c r="B30924" s="2"/>
      <c r="C30924" s="2"/>
    </row>
    <row r="30925" spans="1:3" ht="19.2">
      <c r="A30925" s="2"/>
      <c r="B30925" s="2"/>
      <c r="C30925" s="2"/>
    </row>
    <row r="30926" spans="1:3" ht="19.2">
      <c r="A30926" s="2"/>
      <c r="B30926" s="2"/>
      <c r="C30926" s="2"/>
    </row>
    <row r="30927" spans="1:3" ht="19.2">
      <c r="A30927" s="2"/>
      <c r="B30927" s="2"/>
      <c r="C30927" s="2"/>
    </row>
    <row r="30928" spans="1:3" ht="19.2">
      <c r="A30928" s="2"/>
      <c r="B30928" s="2"/>
      <c r="C30928" s="2"/>
    </row>
    <row r="30929" spans="1:3" ht="19.2">
      <c r="A30929" s="2"/>
      <c r="B30929" s="2"/>
      <c r="C30929" s="2"/>
    </row>
    <row r="30930" spans="1:3" ht="19.2">
      <c r="A30930" s="2"/>
      <c r="B30930" s="2"/>
      <c r="C30930" s="2"/>
    </row>
    <row r="30931" spans="1:3" ht="19.2">
      <c r="A30931" s="2"/>
      <c r="B30931" s="2"/>
      <c r="C30931" s="2"/>
    </row>
    <row r="30932" spans="1:3" ht="19.2">
      <c r="A30932" s="2"/>
      <c r="B30932" s="2"/>
      <c r="C30932" s="2"/>
    </row>
    <row r="30933" spans="1:3" ht="19.2">
      <c r="A30933" s="2"/>
      <c r="B30933" s="2"/>
      <c r="C30933" s="2"/>
    </row>
    <row r="30934" spans="1:3" ht="19.2">
      <c r="A30934" s="2"/>
      <c r="B30934" s="2"/>
      <c r="C30934" s="2"/>
    </row>
    <row r="30935" spans="1:3" ht="19.2">
      <c r="A30935" s="2"/>
      <c r="B30935" s="2"/>
      <c r="C30935" s="2"/>
    </row>
    <row r="30936" spans="1:3" ht="19.2">
      <c r="A30936" s="2"/>
      <c r="B30936" s="2"/>
      <c r="C30936" s="2"/>
    </row>
    <row r="30937" spans="1:3" ht="19.2">
      <c r="A30937" s="2"/>
      <c r="B30937" s="2"/>
      <c r="C30937" s="2"/>
    </row>
    <row r="30938" spans="1:3" ht="19.2">
      <c r="A30938" s="2"/>
      <c r="B30938" s="2"/>
      <c r="C30938" s="2"/>
    </row>
    <row r="30939" spans="1:3" ht="19.2">
      <c r="A30939" s="2"/>
      <c r="B30939" s="2"/>
      <c r="C30939" s="2"/>
    </row>
    <row r="30940" spans="1:3" ht="19.2">
      <c r="A30940" s="2"/>
      <c r="B30940" s="2"/>
      <c r="C30940" s="2"/>
    </row>
    <row r="30941" spans="1:3" ht="19.2">
      <c r="A30941" s="2"/>
      <c r="B30941" s="2"/>
      <c r="C30941" s="2"/>
    </row>
    <row r="30942" spans="1:3" ht="19.2">
      <c r="A30942" s="2"/>
      <c r="B30942" s="2"/>
      <c r="C30942" s="2"/>
    </row>
    <row r="30943" spans="1:3" ht="19.2">
      <c r="A30943" s="2"/>
      <c r="B30943" s="2"/>
      <c r="C30943" s="2"/>
    </row>
    <row r="30944" spans="1:3" ht="19.2">
      <c r="A30944" s="2"/>
      <c r="B30944" s="2"/>
      <c r="C30944" s="2"/>
    </row>
    <row r="30945" spans="1:3" ht="19.2">
      <c r="A30945" s="2"/>
      <c r="B30945" s="2"/>
      <c r="C30945" s="2"/>
    </row>
    <row r="30946" spans="1:3" ht="19.2">
      <c r="A30946" s="2"/>
      <c r="B30946" s="2"/>
      <c r="C30946" s="2"/>
    </row>
    <row r="30947" spans="1:3" ht="19.2">
      <c r="A30947" s="2"/>
      <c r="B30947" s="2"/>
      <c r="C30947" s="2"/>
    </row>
    <row r="30948" spans="1:3" ht="19.2">
      <c r="A30948" s="2"/>
      <c r="B30948" s="2"/>
      <c r="C30948" s="2"/>
    </row>
    <row r="30949" spans="1:3" ht="19.2">
      <c r="A30949" s="2"/>
      <c r="B30949" s="2"/>
      <c r="C30949" s="2"/>
    </row>
    <row r="30950" spans="1:3" ht="19.2">
      <c r="A30950" s="2"/>
      <c r="B30950" s="2"/>
      <c r="C30950" s="2"/>
    </row>
    <row r="30951" spans="1:3" ht="19.2">
      <c r="A30951" s="2"/>
      <c r="B30951" s="2"/>
      <c r="C30951" s="2"/>
    </row>
    <row r="30952" spans="1:3" ht="19.2">
      <c r="A30952" s="2"/>
      <c r="B30952" s="2"/>
      <c r="C30952" s="2"/>
    </row>
    <row r="30953" spans="1:3" ht="19.2">
      <c r="A30953" s="2"/>
      <c r="B30953" s="2"/>
      <c r="C30953" s="2"/>
    </row>
    <row r="30954" spans="1:3" ht="19.2">
      <c r="A30954" s="2"/>
      <c r="B30954" s="2"/>
      <c r="C30954" s="2"/>
    </row>
    <row r="30955" spans="1:3" ht="19.2">
      <c r="A30955" s="2"/>
      <c r="B30955" s="2"/>
      <c r="C30955" s="2"/>
    </row>
    <row r="30956" spans="1:3" ht="19.2">
      <c r="A30956" s="2"/>
      <c r="B30956" s="2"/>
      <c r="C30956" s="2"/>
    </row>
    <row r="30957" spans="1:3" ht="19.2">
      <c r="A30957" s="2"/>
      <c r="B30957" s="2"/>
      <c r="C30957" s="2"/>
    </row>
    <row r="30958" spans="1:3" ht="19.2">
      <c r="A30958" s="2"/>
      <c r="B30958" s="2"/>
      <c r="C30958" s="2"/>
    </row>
    <row r="30959" spans="1:3" ht="19.2">
      <c r="A30959" s="2"/>
      <c r="B30959" s="2"/>
      <c r="C30959" s="2"/>
    </row>
    <row r="30960" spans="1:3" ht="19.2">
      <c r="A30960" s="2"/>
      <c r="B30960" s="2"/>
      <c r="C30960" s="2"/>
    </row>
    <row r="30961" spans="1:3" ht="19.2">
      <c r="A30961" s="2"/>
      <c r="B30961" s="2"/>
      <c r="C30961" s="2"/>
    </row>
    <row r="30962" spans="1:3" ht="19.2">
      <c r="A30962" s="2"/>
      <c r="B30962" s="2"/>
      <c r="C30962" s="2"/>
    </row>
    <row r="30963" spans="1:3" ht="19.2">
      <c r="A30963" s="2"/>
      <c r="B30963" s="2"/>
      <c r="C30963" s="2"/>
    </row>
    <row r="30964" spans="1:3" ht="19.2">
      <c r="A30964" s="2"/>
      <c r="B30964" s="2"/>
      <c r="C30964" s="2"/>
    </row>
    <row r="30965" spans="1:3" ht="19.2">
      <c r="A30965" s="2"/>
      <c r="B30965" s="2"/>
      <c r="C30965" s="2"/>
    </row>
    <row r="30966" spans="1:3" ht="19.2">
      <c r="A30966" s="2"/>
      <c r="B30966" s="2"/>
      <c r="C30966" s="2"/>
    </row>
    <row r="30967" spans="1:3" ht="19.2">
      <c r="A30967" s="2"/>
      <c r="B30967" s="2"/>
      <c r="C30967" s="2"/>
    </row>
    <row r="30968" spans="1:3" ht="19.2">
      <c r="A30968" s="2"/>
      <c r="B30968" s="2"/>
      <c r="C30968" s="2"/>
    </row>
    <row r="30969" spans="1:3" ht="19.2">
      <c r="A30969" s="2"/>
      <c r="B30969" s="2"/>
      <c r="C30969" s="2"/>
    </row>
    <row r="30970" spans="1:3" ht="19.2">
      <c r="A30970" s="2"/>
      <c r="B30970" s="2"/>
      <c r="C30970" s="2"/>
    </row>
    <row r="30971" spans="1:3" ht="19.2">
      <c r="A30971" s="2"/>
      <c r="B30971" s="2"/>
      <c r="C30971" s="2"/>
    </row>
    <row r="30972" spans="1:3" ht="19.2">
      <c r="A30972" s="2"/>
      <c r="B30972" s="2"/>
      <c r="C30972" s="2"/>
    </row>
    <row r="30973" spans="1:3" ht="19.2">
      <c r="A30973" s="2"/>
      <c r="B30973" s="2"/>
      <c r="C30973" s="2"/>
    </row>
    <row r="30974" spans="1:3" ht="19.2">
      <c r="A30974" s="2"/>
      <c r="B30974" s="2"/>
      <c r="C30974" s="2"/>
    </row>
    <row r="30975" spans="1:3" ht="19.2">
      <c r="A30975" s="2"/>
      <c r="B30975" s="2"/>
      <c r="C30975" s="2"/>
    </row>
    <row r="30976" spans="1:3" ht="19.2">
      <c r="A30976" s="2"/>
      <c r="B30976" s="2"/>
      <c r="C30976" s="2"/>
    </row>
    <row r="30977" spans="1:3" ht="19.2">
      <c r="A30977" s="2"/>
      <c r="B30977" s="2"/>
      <c r="C30977" s="2"/>
    </row>
    <row r="30978" spans="1:3" ht="19.2">
      <c r="A30978" s="2"/>
      <c r="B30978" s="2"/>
      <c r="C30978" s="2"/>
    </row>
    <row r="30979" spans="1:3" ht="19.2">
      <c r="A30979" s="2"/>
      <c r="B30979" s="2"/>
      <c r="C30979" s="2"/>
    </row>
    <row r="30980" spans="1:3" ht="19.2">
      <c r="A30980" s="2"/>
      <c r="B30980" s="2"/>
      <c r="C30980" s="2"/>
    </row>
    <row r="30981" spans="1:3" ht="19.2">
      <c r="A30981" s="2"/>
      <c r="B30981" s="2"/>
      <c r="C30981" s="2"/>
    </row>
    <row r="30982" spans="1:3" ht="19.2">
      <c r="A30982" s="2"/>
      <c r="B30982" s="2"/>
      <c r="C30982" s="2"/>
    </row>
    <row r="30983" spans="1:3" ht="19.2">
      <c r="A30983" s="2"/>
      <c r="B30983" s="2"/>
      <c r="C30983" s="2"/>
    </row>
    <row r="30984" spans="1:3" ht="19.2">
      <c r="A30984" s="2"/>
      <c r="B30984" s="2"/>
      <c r="C30984" s="2"/>
    </row>
    <row r="30985" spans="1:3" ht="19.2">
      <c r="A30985" s="2"/>
      <c r="B30985" s="2"/>
      <c r="C30985" s="2"/>
    </row>
    <row r="30986" spans="1:3" ht="19.2">
      <c r="A30986" s="2"/>
      <c r="B30986" s="2"/>
      <c r="C30986" s="2"/>
    </row>
    <row r="30987" spans="1:3" ht="19.2">
      <c r="A30987" s="2"/>
      <c r="B30987" s="2"/>
      <c r="C30987" s="2"/>
    </row>
    <row r="30988" spans="1:3" ht="19.2">
      <c r="A30988" s="2"/>
      <c r="B30988" s="2"/>
      <c r="C30988" s="2"/>
    </row>
    <row r="30989" spans="1:3" ht="19.2">
      <c r="A30989" s="2"/>
      <c r="B30989" s="2"/>
      <c r="C30989" s="2"/>
    </row>
    <row r="30990" spans="1:3" ht="19.2">
      <c r="A30990" s="2"/>
      <c r="B30990" s="2"/>
      <c r="C30990" s="2"/>
    </row>
    <row r="30991" spans="1:3" ht="19.2">
      <c r="A30991" s="2"/>
      <c r="B30991" s="2"/>
      <c r="C30991" s="2"/>
    </row>
    <row r="30992" spans="1:3" ht="19.2">
      <c r="A30992" s="2"/>
      <c r="B30992" s="2"/>
      <c r="C30992" s="2"/>
    </row>
    <row r="30993" spans="1:3" ht="19.2">
      <c r="A30993" s="2"/>
      <c r="B30993" s="2"/>
      <c r="C30993" s="2"/>
    </row>
    <row r="30994" spans="1:3" ht="19.2">
      <c r="A30994" s="2"/>
      <c r="B30994" s="2"/>
      <c r="C30994" s="2"/>
    </row>
    <row r="30995" spans="1:3" ht="19.2">
      <c r="A30995" s="2"/>
      <c r="B30995" s="2"/>
      <c r="C30995" s="2"/>
    </row>
    <row r="30996" spans="1:3" ht="19.2">
      <c r="A30996" s="2"/>
      <c r="B30996" s="2"/>
      <c r="C30996" s="2"/>
    </row>
    <row r="30997" spans="1:3" ht="19.2">
      <c r="A30997" s="2"/>
      <c r="B30997" s="2"/>
      <c r="C30997" s="2"/>
    </row>
    <row r="30998" spans="1:3" ht="19.2">
      <c r="A30998" s="2"/>
      <c r="B30998" s="2"/>
      <c r="C30998" s="2"/>
    </row>
    <row r="30999" spans="1:3" ht="19.2">
      <c r="A30999" s="2"/>
      <c r="B30999" s="2"/>
      <c r="C30999" s="2"/>
    </row>
    <row r="31000" spans="1:3" ht="19.2">
      <c r="A31000" s="2"/>
      <c r="B31000" s="2"/>
      <c r="C31000" s="2"/>
    </row>
    <row r="31001" spans="1:3" ht="19.2">
      <c r="A31001" s="2"/>
      <c r="B31001" s="2"/>
      <c r="C31001" s="2"/>
    </row>
    <row r="31002" spans="1:3" ht="19.2">
      <c r="A31002" s="2"/>
      <c r="B31002" s="2"/>
      <c r="C31002" s="2"/>
    </row>
    <row r="31003" spans="1:3" ht="19.2">
      <c r="A31003" s="2"/>
      <c r="B31003" s="2"/>
      <c r="C31003" s="2"/>
    </row>
    <row r="31004" spans="1:3" ht="19.2">
      <c r="A31004" s="2"/>
      <c r="B31004" s="2"/>
      <c r="C31004" s="2"/>
    </row>
    <row r="31005" spans="1:3" ht="19.2">
      <c r="A31005" s="2"/>
      <c r="B31005" s="2"/>
      <c r="C31005" s="2"/>
    </row>
    <row r="31006" spans="1:3" ht="19.2">
      <c r="A31006" s="2"/>
      <c r="B31006" s="2"/>
      <c r="C31006" s="2"/>
    </row>
    <row r="31007" spans="1:3" ht="19.2">
      <c r="A31007" s="2"/>
      <c r="B31007" s="2"/>
      <c r="C31007" s="2"/>
    </row>
    <row r="31008" spans="1:3" ht="19.2">
      <c r="A31008" s="2"/>
      <c r="B31008" s="2"/>
      <c r="C31008" s="2"/>
    </row>
    <row r="31009" spans="1:3" ht="19.2">
      <c r="A31009" s="2"/>
      <c r="B31009" s="2"/>
      <c r="C31009" s="2"/>
    </row>
    <row r="31010" spans="1:3" ht="19.2">
      <c r="A31010" s="2"/>
      <c r="B31010" s="2"/>
      <c r="C31010" s="2"/>
    </row>
    <row r="31011" spans="1:3" ht="19.2">
      <c r="A31011" s="2"/>
      <c r="B31011" s="2"/>
      <c r="C31011" s="2"/>
    </row>
    <row r="31012" spans="1:3" ht="19.2">
      <c r="A31012" s="2"/>
      <c r="B31012" s="2"/>
      <c r="C31012" s="2"/>
    </row>
    <row r="31013" spans="1:3" ht="19.2">
      <c r="A31013" s="2"/>
      <c r="B31013" s="2"/>
      <c r="C31013" s="2"/>
    </row>
    <row r="31014" spans="1:3" ht="19.2">
      <c r="A31014" s="2"/>
      <c r="B31014" s="2"/>
      <c r="C31014" s="2"/>
    </row>
    <row r="31015" spans="1:3" ht="19.2">
      <c r="A31015" s="2"/>
      <c r="B31015" s="2"/>
      <c r="C31015" s="2"/>
    </row>
    <row r="31016" spans="1:3" ht="19.2">
      <c r="A31016" s="2"/>
      <c r="B31016" s="2"/>
      <c r="C31016" s="2"/>
    </row>
    <row r="31017" spans="1:3" ht="19.2">
      <c r="A31017" s="2"/>
      <c r="B31017" s="2"/>
      <c r="C31017" s="2"/>
    </row>
    <row r="31018" spans="1:3" ht="19.2">
      <c r="A31018" s="2"/>
      <c r="B31018" s="2"/>
      <c r="C31018" s="2"/>
    </row>
    <row r="31019" spans="1:3" ht="19.2">
      <c r="A31019" s="2"/>
      <c r="B31019" s="2"/>
      <c r="C31019" s="2"/>
    </row>
    <row r="31020" spans="1:3" ht="19.2">
      <c r="A31020" s="2"/>
      <c r="B31020" s="2"/>
      <c r="C31020" s="2"/>
    </row>
    <row r="31021" spans="1:3" ht="19.2">
      <c r="A31021" s="2"/>
      <c r="B31021" s="2"/>
      <c r="C31021" s="2"/>
    </row>
    <row r="31022" spans="1:3" ht="19.2">
      <c r="A31022" s="2"/>
      <c r="B31022" s="2"/>
      <c r="C31022" s="2"/>
    </row>
    <row r="31023" spans="1:3" ht="19.2">
      <c r="A31023" s="2"/>
      <c r="B31023" s="2"/>
      <c r="C31023" s="2"/>
    </row>
    <row r="31024" spans="1:3" ht="19.2">
      <c r="A31024" s="2"/>
      <c r="B31024" s="2"/>
      <c r="C31024" s="2"/>
    </row>
    <row r="31025" spans="1:3" ht="19.2">
      <c r="A31025" s="2"/>
      <c r="B31025" s="2"/>
      <c r="C31025" s="2"/>
    </row>
    <row r="31026" spans="1:3" ht="19.2">
      <c r="A31026" s="2"/>
      <c r="B31026" s="2"/>
      <c r="C31026" s="2"/>
    </row>
    <row r="31027" spans="1:3" ht="19.2">
      <c r="A31027" s="2"/>
      <c r="B31027" s="2"/>
      <c r="C31027" s="2"/>
    </row>
    <row r="31028" spans="1:3" ht="19.2">
      <c r="A31028" s="2"/>
      <c r="B31028" s="2"/>
      <c r="C31028" s="2"/>
    </row>
    <row r="31029" spans="1:3" ht="19.2">
      <c r="A31029" s="2"/>
      <c r="B31029" s="2"/>
      <c r="C31029" s="2"/>
    </row>
    <row r="31030" spans="1:3" ht="19.2">
      <c r="A31030" s="2"/>
      <c r="B31030" s="2"/>
      <c r="C31030" s="2"/>
    </row>
    <row r="31031" spans="1:3" ht="19.2">
      <c r="A31031" s="2"/>
      <c r="B31031" s="2"/>
      <c r="C31031" s="2"/>
    </row>
    <row r="31032" spans="1:3" ht="19.2">
      <c r="A31032" s="2"/>
      <c r="B31032" s="2"/>
      <c r="C31032" s="2"/>
    </row>
    <row r="31033" spans="1:3" ht="19.2">
      <c r="A31033" s="2"/>
      <c r="B31033" s="2"/>
      <c r="C31033" s="2"/>
    </row>
    <row r="31034" spans="1:3" ht="19.2">
      <c r="A31034" s="2"/>
      <c r="B31034" s="2"/>
      <c r="C31034" s="2"/>
    </row>
    <row r="31035" spans="1:3" ht="19.2">
      <c r="A31035" s="2"/>
      <c r="B31035" s="2"/>
      <c r="C31035" s="2"/>
    </row>
    <row r="31036" spans="1:3" ht="19.2">
      <c r="A31036" s="2"/>
      <c r="B31036" s="2"/>
      <c r="C31036" s="2"/>
    </row>
    <row r="31037" spans="1:3" ht="19.2">
      <c r="A31037" s="2"/>
      <c r="B31037" s="2"/>
      <c r="C31037" s="2"/>
    </row>
    <row r="31038" spans="1:3" ht="19.2">
      <c r="A31038" s="2"/>
      <c r="B31038" s="2"/>
      <c r="C31038" s="2"/>
    </row>
    <row r="31039" spans="1:3" ht="19.2">
      <c r="A31039" s="2"/>
      <c r="B31039" s="2"/>
      <c r="C31039" s="2"/>
    </row>
    <row r="31040" spans="1:3" ht="19.2">
      <c r="A31040" s="2"/>
      <c r="B31040" s="2"/>
      <c r="C31040" s="2"/>
    </row>
    <row r="31041" spans="1:3" ht="19.2">
      <c r="A31041" s="2"/>
      <c r="B31041" s="2"/>
      <c r="C31041" s="2"/>
    </row>
    <row r="31042" spans="1:3" ht="19.2">
      <c r="A31042" s="2"/>
      <c r="B31042" s="2"/>
      <c r="C31042" s="2"/>
    </row>
    <row r="31043" spans="1:3" ht="19.2">
      <c r="A31043" s="2"/>
      <c r="B31043" s="2"/>
      <c r="C31043" s="2"/>
    </row>
    <row r="31044" spans="1:3" ht="19.2">
      <c r="A31044" s="2"/>
      <c r="B31044" s="2"/>
      <c r="C31044" s="2"/>
    </row>
    <row r="31045" spans="1:3" ht="19.2">
      <c r="A31045" s="2"/>
      <c r="B31045" s="2"/>
      <c r="C31045" s="2"/>
    </row>
    <row r="31046" spans="1:3" ht="19.2">
      <c r="A31046" s="2"/>
      <c r="B31046" s="2"/>
      <c r="C31046" s="2"/>
    </row>
    <row r="31047" spans="1:3" ht="19.2">
      <c r="A31047" s="2"/>
      <c r="B31047" s="2"/>
      <c r="C31047" s="2"/>
    </row>
    <row r="31048" spans="1:3" ht="19.2">
      <c r="A31048" s="2"/>
      <c r="B31048" s="2"/>
      <c r="C31048" s="2"/>
    </row>
    <row r="31049" spans="1:3" ht="19.2">
      <c r="A31049" s="2"/>
      <c r="B31049" s="2"/>
      <c r="C31049" s="2"/>
    </row>
    <row r="31050" spans="1:3" ht="19.2">
      <c r="A31050" s="2"/>
      <c r="B31050" s="2"/>
      <c r="C31050" s="2"/>
    </row>
    <row r="31051" spans="1:3" ht="19.2">
      <c r="A31051" s="2"/>
      <c r="B31051" s="2"/>
      <c r="C31051" s="2"/>
    </row>
    <row r="31052" spans="1:3" ht="19.2">
      <c r="A31052" s="2"/>
      <c r="B31052" s="2"/>
      <c r="C31052" s="2"/>
    </row>
    <row r="31053" spans="1:3" ht="19.2">
      <c r="A31053" s="2"/>
      <c r="B31053" s="2"/>
      <c r="C31053" s="2"/>
    </row>
    <row r="31054" spans="1:3" ht="19.2">
      <c r="A31054" s="2"/>
      <c r="B31054" s="2"/>
      <c r="C31054" s="2"/>
    </row>
    <row r="31055" spans="1:3" ht="19.2">
      <c r="A31055" s="2"/>
      <c r="B31055" s="2"/>
      <c r="C31055" s="2"/>
    </row>
    <row r="31056" spans="1:3" ht="19.2">
      <c r="A31056" s="2"/>
      <c r="B31056" s="2"/>
      <c r="C31056" s="2"/>
    </row>
    <row r="31057" spans="1:3" ht="19.2">
      <c r="A31057" s="2"/>
      <c r="B31057" s="2"/>
      <c r="C31057" s="2"/>
    </row>
    <row r="31058" spans="1:3" ht="19.2">
      <c r="A31058" s="2"/>
      <c r="B31058" s="2"/>
      <c r="C31058" s="2"/>
    </row>
    <row r="31059" spans="1:3" ht="19.2">
      <c r="A31059" s="2"/>
      <c r="B31059" s="2"/>
      <c r="C31059" s="2"/>
    </row>
    <row r="31060" spans="1:3" ht="19.2">
      <c r="A31060" s="2"/>
      <c r="B31060" s="2"/>
      <c r="C31060" s="2"/>
    </row>
    <row r="31061" spans="1:3" ht="19.2">
      <c r="A31061" s="2"/>
      <c r="B31061" s="2"/>
      <c r="C31061" s="2"/>
    </row>
    <row r="31062" spans="1:3" ht="19.2">
      <c r="A31062" s="2"/>
      <c r="B31062" s="2"/>
      <c r="C31062" s="2"/>
    </row>
    <row r="31063" spans="1:3" ht="19.2">
      <c r="A31063" s="2"/>
      <c r="B31063" s="2"/>
      <c r="C31063" s="2"/>
    </row>
    <row r="31064" spans="1:3" ht="19.2">
      <c r="A31064" s="2"/>
      <c r="B31064" s="2"/>
      <c r="C31064" s="2"/>
    </row>
    <row r="31065" spans="1:3" ht="19.2">
      <c r="A31065" s="2"/>
      <c r="B31065" s="2"/>
      <c r="C31065" s="2"/>
    </row>
    <row r="31066" spans="1:3" ht="19.2">
      <c r="A31066" s="2"/>
      <c r="B31066" s="2"/>
      <c r="C31066" s="2"/>
    </row>
    <row r="31067" spans="1:3" ht="19.2">
      <c r="A31067" s="2"/>
      <c r="B31067" s="2"/>
      <c r="C31067" s="2"/>
    </row>
    <row r="31068" spans="1:3" ht="19.2">
      <c r="A31068" s="2"/>
      <c r="B31068" s="2"/>
      <c r="C31068" s="2"/>
    </row>
    <row r="31069" spans="1:3" ht="19.2">
      <c r="A31069" s="2"/>
      <c r="B31069" s="2"/>
      <c r="C31069" s="2"/>
    </row>
    <row r="31070" spans="1:3" ht="19.2">
      <c r="A31070" s="2"/>
      <c r="B31070" s="2"/>
      <c r="C31070" s="2"/>
    </row>
    <row r="31071" spans="1:3" ht="19.2">
      <c r="A31071" s="2"/>
      <c r="B31071" s="2"/>
      <c r="C31071" s="2"/>
    </row>
    <row r="31072" spans="1:3" ht="19.2">
      <c r="A31072" s="2"/>
      <c r="B31072" s="2"/>
      <c r="C31072" s="2"/>
    </row>
    <row r="31073" spans="1:3" ht="19.2">
      <c r="A31073" s="2"/>
      <c r="B31073" s="2"/>
      <c r="C31073" s="2"/>
    </row>
    <row r="31074" spans="1:3" ht="19.2">
      <c r="A31074" s="2"/>
      <c r="B31074" s="2"/>
      <c r="C31074" s="2"/>
    </row>
    <row r="31075" spans="1:3" ht="19.2">
      <c r="A31075" s="2"/>
      <c r="B31075" s="2"/>
      <c r="C31075" s="2"/>
    </row>
    <row r="31076" spans="1:3" ht="19.2">
      <c r="A31076" s="2"/>
      <c r="B31076" s="2"/>
      <c r="C31076" s="2"/>
    </row>
    <row r="31077" spans="1:3" ht="19.2">
      <c r="A31077" s="2"/>
      <c r="B31077" s="2"/>
      <c r="C31077" s="2"/>
    </row>
    <row r="31078" spans="1:3" ht="19.2">
      <c r="A31078" s="2"/>
      <c r="B31078" s="2"/>
      <c r="C31078" s="2"/>
    </row>
    <row r="31079" spans="1:3" ht="19.2">
      <c r="A31079" s="2"/>
      <c r="B31079" s="2"/>
      <c r="C31079" s="2"/>
    </row>
    <row r="31080" spans="1:3" ht="19.2">
      <c r="A31080" s="2"/>
      <c r="B31080" s="2"/>
      <c r="C31080" s="2"/>
    </row>
    <row r="31081" spans="1:3" ht="19.2">
      <c r="A31081" s="2"/>
      <c r="B31081" s="2"/>
      <c r="C31081" s="2"/>
    </row>
    <row r="31082" spans="1:3" ht="19.2">
      <c r="A31082" s="2"/>
      <c r="B31082" s="2"/>
      <c r="C31082" s="2"/>
    </row>
    <row r="31083" spans="1:3" ht="19.2">
      <c r="A31083" s="2"/>
      <c r="B31083" s="2"/>
      <c r="C31083" s="2"/>
    </row>
    <row r="31084" spans="1:3" ht="19.2">
      <c r="A31084" s="2"/>
      <c r="B31084" s="2"/>
      <c r="C31084" s="2"/>
    </row>
    <row r="31085" spans="1:3" ht="19.2">
      <c r="A31085" s="2"/>
      <c r="B31085" s="2"/>
      <c r="C31085" s="2"/>
    </row>
    <row r="31086" spans="1:3" ht="19.2">
      <c r="A31086" s="2"/>
      <c r="B31086" s="2"/>
      <c r="C31086" s="2"/>
    </row>
    <row r="31087" spans="1:3" ht="19.2">
      <c r="A31087" s="2"/>
      <c r="B31087" s="2"/>
      <c r="C31087" s="2"/>
    </row>
    <row r="31088" spans="1:3" ht="19.2">
      <c r="A31088" s="2"/>
      <c r="B31088" s="2"/>
      <c r="C31088" s="2"/>
    </row>
    <row r="31089" spans="1:3" ht="19.2">
      <c r="A31089" s="2"/>
      <c r="B31089" s="2"/>
      <c r="C31089" s="2"/>
    </row>
    <row r="31090" spans="1:3" ht="19.2">
      <c r="A31090" s="2"/>
      <c r="B31090" s="2"/>
      <c r="C31090" s="2"/>
    </row>
    <row r="31091" spans="1:3" ht="19.2">
      <c r="A31091" s="2"/>
      <c r="B31091" s="2"/>
      <c r="C31091" s="2"/>
    </row>
    <row r="31092" spans="1:3" ht="19.2">
      <c r="A31092" s="2"/>
      <c r="B31092" s="2"/>
      <c r="C31092" s="2"/>
    </row>
    <row r="31093" spans="1:3" ht="19.2">
      <c r="A31093" s="2"/>
      <c r="B31093" s="2"/>
      <c r="C31093" s="2"/>
    </row>
    <row r="31094" spans="1:3" ht="19.2">
      <c r="A31094" s="2"/>
      <c r="B31094" s="2"/>
      <c r="C31094" s="2"/>
    </row>
    <row r="31095" spans="1:3" ht="19.2">
      <c r="A31095" s="2"/>
      <c r="B31095" s="2"/>
      <c r="C31095" s="2"/>
    </row>
    <row r="31096" spans="1:3" ht="19.2">
      <c r="A31096" s="2"/>
      <c r="B31096" s="2"/>
      <c r="C31096" s="2"/>
    </row>
    <row r="31097" spans="1:3" ht="19.2">
      <c r="A31097" s="2"/>
      <c r="B31097" s="2"/>
      <c r="C31097" s="2"/>
    </row>
    <row r="31098" spans="1:3" ht="19.2">
      <c r="A31098" s="2"/>
      <c r="B31098" s="2"/>
      <c r="C31098" s="2"/>
    </row>
    <row r="31099" spans="1:3" ht="19.2">
      <c r="A31099" s="2"/>
      <c r="B31099" s="2"/>
      <c r="C31099" s="2"/>
    </row>
    <row r="31100" spans="1:3" ht="19.2">
      <c r="A31100" s="2"/>
      <c r="B31100" s="2"/>
      <c r="C31100" s="2"/>
    </row>
    <row r="31101" spans="1:3" ht="19.2">
      <c r="A31101" s="2"/>
      <c r="B31101" s="2"/>
      <c r="C31101" s="2"/>
    </row>
    <row r="31102" spans="1:3" ht="19.2">
      <c r="A31102" s="2"/>
      <c r="B31102" s="2"/>
      <c r="C31102" s="2"/>
    </row>
    <row r="31103" spans="1:3" ht="19.2">
      <c r="A31103" s="2"/>
      <c r="B31103" s="2"/>
      <c r="C31103" s="2"/>
    </row>
    <row r="31104" spans="1:3" ht="19.2">
      <c r="A31104" s="2"/>
      <c r="B31104" s="2"/>
      <c r="C31104" s="2"/>
    </row>
    <row r="31105" spans="1:3" ht="19.2">
      <c r="A31105" s="2"/>
      <c r="B31105" s="2"/>
      <c r="C31105" s="2"/>
    </row>
    <row r="31106" spans="1:3" ht="19.2">
      <c r="A31106" s="2"/>
      <c r="B31106" s="2"/>
      <c r="C31106" s="2"/>
    </row>
    <row r="31107" spans="1:3" ht="19.2">
      <c r="A31107" s="2"/>
      <c r="B31107" s="2"/>
      <c r="C31107" s="2"/>
    </row>
    <row r="31108" spans="1:3" ht="19.2">
      <c r="A31108" s="2"/>
      <c r="B31108" s="2"/>
      <c r="C31108" s="2"/>
    </row>
    <row r="31109" spans="1:3" ht="19.2">
      <c r="A31109" s="2"/>
      <c r="B31109" s="2"/>
      <c r="C31109" s="2"/>
    </row>
    <row r="31110" spans="1:3" ht="19.2">
      <c r="A31110" s="2"/>
      <c r="B31110" s="2"/>
      <c r="C31110" s="2"/>
    </row>
    <row r="31111" spans="1:3" ht="19.2">
      <c r="A31111" s="2"/>
      <c r="B31111" s="2"/>
      <c r="C31111" s="2"/>
    </row>
    <row r="31112" spans="1:3" ht="19.2">
      <c r="A31112" s="2"/>
      <c r="B31112" s="2"/>
      <c r="C31112" s="2"/>
    </row>
    <row r="31113" spans="1:3" ht="19.2">
      <c r="A31113" s="2"/>
      <c r="B31113" s="2"/>
      <c r="C31113" s="2"/>
    </row>
    <row r="31114" spans="1:3" ht="19.2">
      <c r="A31114" s="2"/>
      <c r="B31114" s="2"/>
      <c r="C31114" s="2"/>
    </row>
    <row r="31115" spans="1:3" ht="19.2">
      <c r="A31115" s="2"/>
      <c r="B31115" s="2"/>
      <c r="C31115" s="2"/>
    </row>
    <row r="31116" spans="1:3" ht="19.2">
      <c r="A31116" s="2"/>
      <c r="B31116" s="2"/>
      <c r="C31116" s="2"/>
    </row>
    <row r="31117" spans="1:3" ht="19.2">
      <c r="A31117" s="2"/>
      <c r="B31117" s="2"/>
      <c r="C31117" s="2"/>
    </row>
    <row r="31118" spans="1:3" ht="19.2">
      <c r="A31118" s="2"/>
      <c r="B31118" s="2"/>
      <c r="C31118" s="2"/>
    </row>
    <row r="31119" spans="1:3" ht="19.2">
      <c r="A31119" s="2"/>
      <c r="B31119" s="2"/>
      <c r="C31119" s="2"/>
    </row>
    <row r="31120" spans="1:3" ht="19.2">
      <c r="A31120" s="2"/>
      <c r="B31120" s="2"/>
      <c r="C31120" s="2"/>
    </row>
    <row r="31121" spans="1:3" ht="19.2">
      <c r="A31121" s="2"/>
      <c r="B31121" s="2"/>
      <c r="C31121" s="2"/>
    </row>
    <row r="31122" spans="1:3" ht="19.2">
      <c r="A31122" s="2"/>
      <c r="B31122" s="2"/>
      <c r="C31122" s="2"/>
    </row>
    <row r="31123" spans="1:3" ht="19.2">
      <c r="A31123" s="2"/>
      <c r="B31123" s="2"/>
      <c r="C31123" s="2"/>
    </row>
    <row r="31124" spans="1:3" ht="19.2">
      <c r="A31124" s="2"/>
      <c r="B31124" s="2"/>
      <c r="C31124" s="2"/>
    </row>
    <row r="31125" spans="1:3" ht="19.2">
      <c r="A31125" s="2"/>
      <c r="B31125" s="2"/>
      <c r="C31125" s="2"/>
    </row>
    <row r="31126" spans="1:3" ht="19.2">
      <c r="A31126" s="2"/>
      <c r="B31126" s="2"/>
      <c r="C31126" s="2"/>
    </row>
    <row r="31127" spans="1:3" ht="19.2">
      <c r="A31127" s="2"/>
      <c r="B31127" s="2"/>
      <c r="C31127" s="2"/>
    </row>
    <row r="31128" spans="1:3" ht="19.2">
      <c r="A31128" s="2"/>
      <c r="B31128" s="2"/>
      <c r="C31128" s="2"/>
    </row>
    <row r="31129" spans="1:3" ht="19.2">
      <c r="A31129" s="2"/>
      <c r="B31129" s="2"/>
      <c r="C31129" s="2"/>
    </row>
    <row r="31130" spans="1:3" ht="19.2">
      <c r="A31130" s="2"/>
      <c r="B31130" s="2"/>
      <c r="C31130" s="2"/>
    </row>
    <row r="31131" spans="1:3" ht="19.2">
      <c r="A31131" s="2"/>
      <c r="B31131" s="2"/>
      <c r="C31131" s="2"/>
    </row>
    <row r="31132" spans="1:3" ht="19.2">
      <c r="A31132" s="2"/>
      <c r="B31132" s="2"/>
      <c r="C31132" s="2"/>
    </row>
    <row r="31133" spans="1:3" ht="19.2">
      <c r="A31133" s="2"/>
      <c r="B31133" s="2"/>
      <c r="C31133" s="2"/>
    </row>
    <row r="31134" spans="1:3" ht="19.2">
      <c r="A31134" s="2"/>
      <c r="B31134" s="2"/>
      <c r="C31134" s="2"/>
    </row>
    <row r="31135" spans="1:3" ht="19.2">
      <c r="A31135" s="2"/>
      <c r="B31135" s="2"/>
      <c r="C31135" s="2"/>
    </row>
    <row r="31136" spans="1:3" ht="19.2">
      <c r="A31136" s="2"/>
      <c r="B31136" s="2"/>
      <c r="C31136" s="2"/>
    </row>
    <row r="31137" spans="1:3" ht="19.2">
      <c r="A31137" s="2"/>
      <c r="B31137" s="2"/>
      <c r="C31137" s="2"/>
    </row>
    <row r="31138" spans="1:3" ht="19.2">
      <c r="A31138" s="2"/>
      <c r="B31138" s="2"/>
      <c r="C31138" s="2"/>
    </row>
    <row r="31139" spans="1:3" ht="19.2">
      <c r="A31139" s="2"/>
      <c r="B31139" s="2"/>
      <c r="C31139" s="2"/>
    </row>
    <row r="31140" spans="1:3" ht="19.2">
      <c r="A31140" s="2"/>
      <c r="B31140" s="2"/>
      <c r="C31140" s="2"/>
    </row>
    <row r="31141" spans="1:3" ht="19.2">
      <c r="A31141" s="2"/>
      <c r="B31141" s="2"/>
      <c r="C31141" s="2"/>
    </row>
    <row r="31142" spans="1:3" ht="19.2">
      <c r="A31142" s="2"/>
      <c r="B31142" s="2"/>
      <c r="C31142" s="2"/>
    </row>
    <row r="31143" spans="1:3" ht="19.2">
      <c r="A31143" s="2"/>
      <c r="B31143" s="2"/>
      <c r="C31143" s="2"/>
    </row>
    <row r="31144" spans="1:3" ht="19.2">
      <c r="A31144" s="2"/>
      <c r="B31144" s="2"/>
      <c r="C31144" s="2"/>
    </row>
    <row r="31145" spans="1:3" ht="19.2">
      <c r="A31145" s="2"/>
      <c r="B31145" s="2"/>
      <c r="C31145" s="2"/>
    </row>
    <row r="31146" spans="1:3" ht="19.2">
      <c r="A31146" s="2"/>
      <c r="B31146" s="2"/>
      <c r="C31146" s="2"/>
    </row>
    <row r="31147" spans="1:3" ht="19.2">
      <c r="A31147" s="2"/>
      <c r="B31147" s="2"/>
      <c r="C31147" s="2"/>
    </row>
    <row r="31148" spans="1:3" ht="19.2">
      <c r="A31148" s="2"/>
      <c r="B31148" s="2"/>
      <c r="C31148" s="2"/>
    </row>
    <row r="31149" spans="1:3" ht="19.2">
      <c r="A31149" s="2"/>
      <c r="B31149" s="2"/>
      <c r="C31149" s="2"/>
    </row>
    <row r="31150" spans="1:3" ht="19.2">
      <c r="A31150" s="2"/>
      <c r="B31150" s="2"/>
      <c r="C31150" s="2"/>
    </row>
    <row r="31151" spans="1:3" ht="19.2">
      <c r="A31151" s="2"/>
      <c r="B31151" s="2"/>
      <c r="C31151" s="2"/>
    </row>
    <row r="31152" spans="1:3" ht="19.2">
      <c r="A31152" s="2"/>
      <c r="B31152" s="2"/>
      <c r="C31152" s="2"/>
    </row>
    <row r="31153" spans="1:3" ht="19.2">
      <c r="A31153" s="2"/>
      <c r="B31153" s="2"/>
      <c r="C31153" s="2"/>
    </row>
    <row r="31154" spans="1:3" ht="19.2">
      <c r="A31154" s="2"/>
      <c r="B31154" s="2"/>
      <c r="C31154" s="2"/>
    </row>
    <row r="31155" spans="1:3" ht="19.2">
      <c r="A31155" s="2"/>
      <c r="B31155" s="2"/>
      <c r="C31155" s="2"/>
    </row>
    <row r="31156" spans="1:3" ht="19.2">
      <c r="A31156" s="2"/>
      <c r="B31156" s="2"/>
      <c r="C31156" s="2"/>
    </row>
    <row r="31157" spans="1:3" ht="19.2">
      <c r="A31157" s="2"/>
      <c r="B31157" s="2"/>
      <c r="C31157" s="2"/>
    </row>
    <row r="31158" spans="1:3" ht="19.2">
      <c r="A31158" s="2"/>
      <c r="B31158" s="2"/>
      <c r="C31158" s="2"/>
    </row>
    <row r="31159" spans="1:3" ht="19.2">
      <c r="A31159" s="2"/>
      <c r="B31159" s="2"/>
      <c r="C31159" s="2"/>
    </row>
    <row r="31160" spans="1:3" ht="19.2">
      <c r="A31160" s="2"/>
      <c r="B31160" s="2"/>
      <c r="C31160" s="2"/>
    </row>
    <row r="31161" spans="1:3" ht="19.2">
      <c r="A31161" s="2"/>
      <c r="B31161" s="2"/>
      <c r="C31161" s="2"/>
    </row>
    <row r="31162" spans="1:3" ht="19.2">
      <c r="A31162" s="2"/>
      <c r="B31162" s="2"/>
      <c r="C31162" s="2"/>
    </row>
    <row r="31163" spans="1:3" ht="19.2">
      <c r="A31163" s="2"/>
      <c r="B31163" s="2"/>
      <c r="C31163" s="2"/>
    </row>
    <row r="31164" spans="1:3" ht="19.2">
      <c r="A31164" s="2"/>
      <c r="B31164" s="2"/>
      <c r="C31164" s="2"/>
    </row>
    <row r="31165" spans="1:3" ht="19.2">
      <c r="A31165" s="2"/>
      <c r="B31165" s="2"/>
      <c r="C31165" s="2"/>
    </row>
    <row r="31166" spans="1:3" ht="19.2">
      <c r="A31166" s="2"/>
      <c r="B31166" s="2"/>
      <c r="C31166" s="2"/>
    </row>
    <row r="31167" spans="1:3" ht="19.2">
      <c r="A31167" s="2"/>
      <c r="B31167" s="2"/>
      <c r="C31167" s="2"/>
    </row>
    <row r="31168" spans="1:3" ht="19.2">
      <c r="A31168" s="2"/>
      <c r="B31168" s="2"/>
      <c r="C31168" s="2"/>
    </row>
    <row r="31169" spans="1:3" ht="19.2">
      <c r="A31169" s="2"/>
      <c r="B31169" s="2"/>
      <c r="C31169" s="2"/>
    </row>
    <row r="31170" spans="1:3" ht="19.2">
      <c r="A31170" s="2"/>
      <c r="B31170" s="2"/>
      <c r="C31170" s="2"/>
    </row>
    <row r="31171" spans="1:3" ht="19.2">
      <c r="A31171" s="2"/>
      <c r="B31171" s="2"/>
      <c r="C31171" s="2"/>
    </row>
    <row r="31172" spans="1:3" ht="19.2">
      <c r="A31172" s="2"/>
      <c r="B31172" s="2"/>
      <c r="C31172" s="2"/>
    </row>
    <row r="31173" spans="1:3" ht="19.2">
      <c r="A31173" s="2"/>
      <c r="B31173" s="2"/>
      <c r="C31173" s="2"/>
    </row>
    <row r="31174" spans="1:3" ht="19.2">
      <c r="A31174" s="2"/>
      <c r="B31174" s="2"/>
      <c r="C31174" s="2"/>
    </row>
    <row r="31175" spans="1:3" ht="19.2">
      <c r="A31175" s="2"/>
      <c r="B31175" s="2"/>
      <c r="C31175" s="2"/>
    </row>
    <row r="31176" spans="1:3" ht="19.2">
      <c r="A31176" s="2"/>
      <c r="B31176" s="2"/>
      <c r="C31176" s="2"/>
    </row>
    <row r="31177" spans="1:3" ht="19.2">
      <c r="A31177" s="2"/>
      <c r="B31177" s="2"/>
      <c r="C31177" s="2"/>
    </row>
    <row r="31178" spans="1:3" ht="19.2">
      <c r="A31178" s="2"/>
      <c r="B31178" s="2"/>
      <c r="C31178" s="2"/>
    </row>
    <row r="31179" spans="1:3" ht="19.2">
      <c r="A31179" s="2"/>
      <c r="B31179" s="2"/>
      <c r="C31179" s="2"/>
    </row>
    <row r="31180" spans="1:3" ht="19.2">
      <c r="A31180" s="2"/>
      <c r="B31180" s="2"/>
      <c r="C31180" s="2"/>
    </row>
    <row r="31181" spans="1:3" ht="19.2">
      <c r="A31181" s="2"/>
      <c r="B31181" s="2"/>
      <c r="C31181" s="2"/>
    </row>
    <row r="31182" spans="1:3" ht="19.2">
      <c r="A31182" s="2"/>
      <c r="B31182" s="2"/>
      <c r="C31182" s="2"/>
    </row>
    <row r="31183" spans="1:3" ht="19.2">
      <c r="A31183" s="2"/>
      <c r="B31183" s="2"/>
      <c r="C31183" s="2"/>
    </row>
    <row r="31184" spans="1:3" ht="19.2">
      <c r="A31184" s="2"/>
      <c r="B31184" s="2"/>
      <c r="C31184" s="2"/>
    </row>
    <row r="31185" spans="1:3" ht="19.2">
      <c r="A31185" s="2"/>
      <c r="B31185" s="2"/>
      <c r="C31185" s="2"/>
    </row>
    <row r="31186" spans="1:3" ht="19.2">
      <c r="A31186" s="2"/>
      <c r="B31186" s="2"/>
      <c r="C31186" s="2"/>
    </row>
    <row r="31187" spans="1:3" ht="19.2">
      <c r="A31187" s="2"/>
      <c r="B31187" s="2"/>
      <c r="C31187" s="2"/>
    </row>
    <row r="31188" spans="1:3" ht="19.2">
      <c r="A31188" s="2"/>
      <c r="B31188" s="2"/>
      <c r="C31188" s="2"/>
    </row>
    <row r="31189" spans="1:3" ht="19.2">
      <c r="A31189" s="2"/>
      <c r="B31189" s="2"/>
      <c r="C31189" s="2"/>
    </row>
    <row r="31190" spans="1:3" ht="19.2">
      <c r="A31190" s="2"/>
      <c r="B31190" s="2"/>
      <c r="C31190" s="2"/>
    </row>
    <row r="31191" spans="1:3" ht="19.2">
      <c r="A31191" s="2"/>
      <c r="B31191" s="2"/>
      <c r="C31191" s="2"/>
    </row>
    <row r="31192" spans="1:3" ht="19.2">
      <c r="A31192" s="2"/>
      <c r="B31192" s="2"/>
      <c r="C31192" s="2"/>
    </row>
    <row r="31193" spans="1:3" ht="19.2">
      <c r="A31193" s="2"/>
      <c r="B31193" s="2"/>
      <c r="C31193" s="2"/>
    </row>
    <row r="31194" spans="1:3" ht="19.2">
      <c r="A31194" s="2"/>
      <c r="B31194" s="2"/>
      <c r="C31194" s="2"/>
    </row>
    <row r="31195" spans="1:3" ht="19.2">
      <c r="A31195" s="2"/>
      <c r="B31195" s="2"/>
      <c r="C31195" s="2"/>
    </row>
    <row r="31196" spans="1:3" ht="19.2">
      <c r="A31196" s="2"/>
      <c r="B31196" s="2"/>
      <c r="C31196" s="2"/>
    </row>
    <row r="31197" spans="1:3" ht="19.2">
      <c r="A31197" s="2"/>
      <c r="B31197" s="2"/>
      <c r="C31197" s="2"/>
    </row>
    <row r="31198" spans="1:3" ht="19.2">
      <c r="A31198" s="2"/>
      <c r="B31198" s="2"/>
      <c r="C31198" s="2"/>
    </row>
    <row r="31199" spans="1:3" ht="19.2">
      <c r="A31199" s="2"/>
      <c r="B31199" s="2"/>
      <c r="C31199" s="2"/>
    </row>
    <row r="31200" spans="1:3" ht="19.2">
      <c r="A31200" s="2"/>
      <c r="B31200" s="2"/>
      <c r="C31200" s="2"/>
    </row>
    <row r="31201" spans="1:3" ht="19.2">
      <c r="A31201" s="2"/>
      <c r="B31201" s="2"/>
      <c r="C31201" s="2"/>
    </row>
    <row r="31202" spans="1:3" ht="19.2">
      <c r="A31202" s="2"/>
      <c r="B31202" s="2"/>
      <c r="C31202" s="2"/>
    </row>
    <row r="31203" spans="1:3" ht="19.2">
      <c r="A31203" s="2"/>
      <c r="B31203" s="2"/>
      <c r="C31203" s="2"/>
    </row>
    <row r="31204" spans="1:3" ht="19.2">
      <c r="A31204" s="2"/>
      <c r="B31204" s="2"/>
      <c r="C31204" s="2"/>
    </row>
    <row r="31205" spans="1:3" ht="19.2">
      <c r="A31205" s="2"/>
      <c r="B31205" s="2"/>
      <c r="C31205" s="2"/>
    </row>
    <row r="31206" spans="1:3" ht="19.2">
      <c r="A31206" s="2"/>
      <c r="B31206" s="2"/>
      <c r="C31206" s="2"/>
    </row>
    <row r="31207" spans="1:3" ht="19.2">
      <c r="A31207" s="2"/>
      <c r="B31207" s="2"/>
      <c r="C31207" s="2"/>
    </row>
    <row r="31208" spans="1:3" ht="19.2">
      <c r="A31208" s="2"/>
      <c r="B31208" s="2"/>
      <c r="C31208" s="2"/>
    </row>
    <row r="31209" spans="1:3" ht="19.2">
      <c r="A31209" s="2"/>
      <c r="B31209" s="2"/>
      <c r="C31209" s="2"/>
    </row>
    <row r="31210" spans="1:3" ht="19.2">
      <c r="A31210" s="2"/>
      <c r="B31210" s="2"/>
      <c r="C31210" s="2"/>
    </row>
    <row r="31211" spans="1:3" ht="19.2">
      <c r="A31211" s="2"/>
      <c r="B31211" s="2"/>
      <c r="C31211" s="2"/>
    </row>
    <row r="31212" spans="1:3" ht="19.2">
      <c r="A31212" s="2"/>
      <c r="B31212" s="2"/>
      <c r="C31212" s="2"/>
    </row>
    <row r="31213" spans="1:3" ht="19.2">
      <c r="A31213" s="2"/>
      <c r="B31213" s="2"/>
      <c r="C31213" s="2"/>
    </row>
    <row r="31214" spans="1:3" ht="19.2">
      <c r="A31214" s="2"/>
      <c r="B31214" s="2"/>
      <c r="C31214" s="2"/>
    </row>
    <row r="31215" spans="1:3" ht="19.2">
      <c r="A31215" s="2"/>
      <c r="B31215" s="2"/>
      <c r="C31215" s="2"/>
    </row>
    <row r="31216" spans="1:3" ht="19.2">
      <c r="A31216" s="2"/>
      <c r="B31216" s="2"/>
      <c r="C31216" s="2"/>
    </row>
    <row r="31217" spans="1:3" ht="19.2">
      <c r="A31217" s="2"/>
      <c r="B31217" s="2"/>
      <c r="C31217" s="2"/>
    </row>
    <row r="31218" spans="1:3" ht="19.2">
      <c r="A31218" s="2"/>
      <c r="B31218" s="2"/>
      <c r="C31218" s="2"/>
    </row>
    <row r="31219" spans="1:3" ht="19.2">
      <c r="A31219" s="2"/>
      <c r="B31219" s="2"/>
      <c r="C31219" s="2"/>
    </row>
    <row r="31220" spans="1:3" ht="19.2">
      <c r="A31220" s="2"/>
      <c r="B31220" s="2"/>
      <c r="C31220" s="2"/>
    </row>
    <row r="31221" spans="1:3" ht="19.2">
      <c r="A31221" s="2"/>
      <c r="B31221" s="2"/>
      <c r="C31221" s="2"/>
    </row>
    <row r="31222" spans="1:3" ht="19.2">
      <c r="A31222" s="2"/>
      <c r="B31222" s="2"/>
      <c r="C31222" s="2"/>
    </row>
    <row r="31223" spans="1:3" ht="19.2">
      <c r="A31223" s="2"/>
      <c r="B31223" s="2"/>
      <c r="C31223" s="2"/>
    </row>
    <row r="31224" spans="1:3" ht="19.2">
      <c r="A31224" s="2"/>
      <c r="B31224" s="2"/>
      <c r="C31224" s="2"/>
    </row>
    <row r="31225" spans="1:3" ht="19.2">
      <c r="A31225" s="2"/>
      <c r="B31225" s="2"/>
      <c r="C31225" s="2"/>
    </row>
    <row r="31226" spans="1:3" ht="19.2">
      <c r="A31226" s="2"/>
      <c r="B31226" s="2"/>
      <c r="C31226" s="2"/>
    </row>
    <row r="31227" spans="1:3" ht="19.2">
      <c r="A31227" s="2"/>
      <c r="B31227" s="2"/>
      <c r="C31227" s="2"/>
    </row>
    <row r="31228" spans="1:3" ht="19.2">
      <c r="A31228" s="2"/>
      <c r="B31228" s="2"/>
      <c r="C31228" s="2"/>
    </row>
    <row r="31229" spans="1:3" ht="19.2">
      <c r="A31229" s="2"/>
      <c r="B31229" s="2"/>
      <c r="C31229" s="2"/>
    </row>
    <row r="31230" spans="1:3" ht="19.2">
      <c r="A31230" s="2"/>
      <c r="B31230" s="2"/>
      <c r="C31230" s="2"/>
    </row>
    <row r="31231" spans="1:3" ht="19.2">
      <c r="A31231" s="2"/>
      <c r="B31231" s="2"/>
      <c r="C31231" s="2"/>
    </row>
    <row r="31232" spans="1:3" ht="19.2">
      <c r="A31232" s="2"/>
      <c r="B31232" s="2"/>
      <c r="C31232" s="2"/>
    </row>
    <row r="31233" spans="1:3" ht="19.2">
      <c r="A31233" s="2"/>
      <c r="B31233" s="2"/>
      <c r="C31233" s="2"/>
    </row>
    <row r="31234" spans="1:3" ht="19.2">
      <c r="A31234" s="2"/>
      <c r="B31234" s="2"/>
      <c r="C31234" s="2"/>
    </row>
    <row r="31235" spans="1:3" ht="19.2">
      <c r="A31235" s="2"/>
      <c r="B31235" s="2"/>
      <c r="C31235" s="2"/>
    </row>
    <row r="31236" spans="1:3" ht="19.2">
      <c r="A31236" s="2"/>
      <c r="B31236" s="2"/>
      <c r="C31236" s="2"/>
    </row>
    <row r="31237" spans="1:3" ht="19.2">
      <c r="A31237" s="2"/>
      <c r="B31237" s="2"/>
      <c r="C31237" s="2"/>
    </row>
    <row r="31238" spans="1:3" ht="19.2">
      <c r="A31238" s="2"/>
      <c r="B31238" s="2"/>
      <c r="C31238" s="2"/>
    </row>
    <row r="31239" spans="1:3" ht="19.2">
      <c r="A31239" s="2"/>
      <c r="B31239" s="2"/>
      <c r="C31239" s="2"/>
    </row>
    <row r="31240" spans="1:3" ht="19.2">
      <c r="A31240" s="2"/>
      <c r="B31240" s="2"/>
      <c r="C31240" s="2"/>
    </row>
    <row r="31241" spans="1:3" ht="19.2">
      <c r="A31241" s="2"/>
      <c r="B31241" s="2"/>
      <c r="C31241" s="2"/>
    </row>
    <row r="31242" spans="1:3" ht="19.2">
      <c r="A31242" s="2"/>
      <c r="B31242" s="2"/>
      <c r="C31242" s="2"/>
    </row>
    <row r="31243" spans="1:3" ht="19.2">
      <c r="A31243" s="2"/>
      <c r="B31243" s="2"/>
      <c r="C31243" s="2"/>
    </row>
    <row r="31244" spans="1:3" ht="19.2">
      <c r="A31244" s="2"/>
      <c r="B31244" s="2"/>
      <c r="C31244" s="2"/>
    </row>
    <row r="31245" spans="1:3" ht="19.2">
      <c r="A31245" s="2"/>
      <c r="B31245" s="2"/>
      <c r="C31245" s="2"/>
    </row>
    <row r="31246" spans="1:3" ht="19.2">
      <c r="A31246" s="2"/>
      <c r="B31246" s="2"/>
      <c r="C31246" s="2"/>
    </row>
    <row r="31247" spans="1:3" ht="19.2">
      <c r="A31247" s="2"/>
      <c r="B31247" s="2"/>
      <c r="C31247" s="2"/>
    </row>
    <row r="31248" spans="1:3" ht="19.2">
      <c r="A31248" s="2"/>
      <c r="B31248" s="2"/>
      <c r="C31248" s="2"/>
    </row>
    <row r="31249" spans="1:3" ht="19.2">
      <c r="A31249" s="2"/>
      <c r="B31249" s="2"/>
      <c r="C31249" s="2"/>
    </row>
    <row r="31250" spans="1:3" ht="19.2">
      <c r="A31250" s="2"/>
      <c r="B31250" s="2"/>
      <c r="C31250" s="2"/>
    </row>
    <row r="31251" spans="1:3" ht="19.2">
      <c r="A31251" s="2"/>
      <c r="B31251" s="2"/>
      <c r="C31251" s="2"/>
    </row>
    <row r="31252" spans="1:3" ht="19.2">
      <c r="A31252" s="2"/>
      <c r="B31252" s="2"/>
      <c r="C31252" s="2"/>
    </row>
    <row r="31253" spans="1:3" ht="19.2">
      <c r="A31253" s="2"/>
      <c r="B31253" s="2"/>
      <c r="C31253" s="2"/>
    </row>
    <row r="31254" spans="1:3" ht="19.2">
      <c r="A31254" s="2"/>
      <c r="B31254" s="2"/>
      <c r="C31254" s="2"/>
    </row>
    <row r="31255" spans="1:3" ht="19.2">
      <c r="A31255" s="2"/>
      <c r="B31255" s="2"/>
      <c r="C31255" s="2"/>
    </row>
    <row r="31256" spans="1:3" ht="19.2">
      <c r="A31256" s="2"/>
      <c r="B31256" s="2"/>
      <c r="C31256" s="2"/>
    </row>
    <row r="31257" spans="1:3" ht="19.2">
      <c r="A31257" s="2"/>
      <c r="B31257" s="2"/>
      <c r="C31257" s="2"/>
    </row>
    <row r="31258" spans="1:3" ht="19.2">
      <c r="A31258" s="2"/>
      <c r="B31258" s="2"/>
      <c r="C31258" s="2"/>
    </row>
    <row r="31259" spans="1:3" ht="19.2">
      <c r="A31259" s="2"/>
      <c r="B31259" s="2"/>
      <c r="C31259" s="2"/>
    </row>
    <row r="31260" spans="1:3" ht="19.2">
      <c r="A31260" s="2"/>
      <c r="B31260" s="2"/>
      <c r="C31260" s="2"/>
    </row>
    <row r="31261" spans="1:3" ht="19.2">
      <c r="A31261" s="2"/>
      <c r="B31261" s="2"/>
      <c r="C31261" s="2"/>
    </row>
    <row r="31262" spans="1:3" ht="19.2">
      <c r="A31262" s="2"/>
      <c r="B31262" s="2"/>
      <c r="C31262" s="2"/>
    </row>
    <row r="31263" spans="1:3" ht="19.2">
      <c r="A31263" s="2"/>
      <c r="B31263" s="2"/>
      <c r="C31263" s="2"/>
    </row>
    <row r="31264" spans="1:3" ht="19.2">
      <c r="A31264" s="2"/>
      <c r="B31264" s="2"/>
      <c r="C31264" s="2"/>
    </row>
    <row r="31265" spans="1:3" ht="19.2">
      <c r="A31265" s="2"/>
      <c r="B31265" s="2"/>
      <c r="C31265" s="2"/>
    </row>
    <row r="31266" spans="1:3" ht="19.2">
      <c r="A31266" s="2"/>
      <c r="B31266" s="2"/>
      <c r="C31266" s="2"/>
    </row>
    <row r="31267" spans="1:3" ht="19.2">
      <c r="A31267" s="2"/>
      <c r="B31267" s="2"/>
      <c r="C31267" s="2"/>
    </row>
    <row r="31268" spans="1:3" ht="19.2">
      <c r="A31268" s="2"/>
      <c r="B31268" s="2"/>
      <c r="C31268" s="2"/>
    </row>
    <row r="31269" spans="1:3" ht="19.2">
      <c r="A31269" s="2"/>
      <c r="B31269" s="2"/>
      <c r="C31269" s="2"/>
    </row>
    <row r="31270" spans="1:3" ht="19.2">
      <c r="A31270" s="2"/>
      <c r="B31270" s="2"/>
      <c r="C31270" s="2"/>
    </row>
    <row r="31271" spans="1:3" ht="19.2">
      <c r="A31271" s="2"/>
      <c r="B31271" s="2"/>
      <c r="C31271" s="2"/>
    </row>
    <row r="31272" spans="1:3" ht="19.2">
      <c r="A31272" s="2"/>
      <c r="B31272" s="2"/>
      <c r="C31272" s="2"/>
    </row>
    <row r="31273" spans="1:3" ht="19.2">
      <c r="A31273" s="2"/>
      <c r="B31273" s="2"/>
      <c r="C31273" s="2"/>
    </row>
    <row r="31274" spans="1:3" ht="19.2">
      <c r="A31274" s="2"/>
      <c r="B31274" s="2"/>
      <c r="C31274" s="2"/>
    </row>
    <row r="31275" spans="1:3" ht="19.2">
      <c r="A31275" s="2"/>
      <c r="B31275" s="2"/>
      <c r="C31275" s="2"/>
    </row>
    <row r="31276" spans="1:3" ht="19.2">
      <c r="A31276" s="2"/>
      <c r="B31276" s="2"/>
      <c r="C31276" s="2"/>
    </row>
    <row r="31277" spans="1:3" ht="19.2">
      <c r="A31277" s="2"/>
      <c r="B31277" s="2"/>
      <c r="C31277" s="2"/>
    </row>
    <row r="31278" spans="1:3" ht="19.2">
      <c r="A31278" s="2"/>
      <c r="B31278" s="2"/>
      <c r="C31278" s="2"/>
    </row>
    <row r="31279" spans="1:3" ht="19.2">
      <c r="A31279" s="2"/>
      <c r="B31279" s="2"/>
      <c r="C31279" s="2"/>
    </row>
    <row r="31280" spans="1:3" ht="19.2">
      <c r="A31280" s="2"/>
      <c r="B31280" s="2"/>
      <c r="C31280" s="2"/>
    </row>
    <row r="31281" spans="1:3" ht="19.2">
      <c r="A31281" s="2"/>
      <c r="B31281" s="2"/>
      <c r="C31281" s="2"/>
    </row>
    <row r="31282" spans="1:3" ht="19.2">
      <c r="A31282" s="2"/>
      <c r="B31282" s="2"/>
      <c r="C31282" s="2"/>
    </row>
    <row r="31283" spans="1:3" ht="19.2">
      <c r="A31283" s="2"/>
      <c r="B31283" s="2"/>
      <c r="C31283" s="2"/>
    </row>
    <row r="31284" spans="1:3" ht="19.2">
      <c r="A31284" s="2"/>
      <c r="B31284" s="2"/>
      <c r="C31284" s="2"/>
    </row>
    <row r="31285" spans="1:3" ht="19.2">
      <c r="A31285" s="2"/>
      <c r="B31285" s="2"/>
      <c r="C31285" s="2"/>
    </row>
    <row r="31286" spans="1:3" ht="19.2">
      <c r="A31286" s="2"/>
      <c r="B31286" s="2"/>
      <c r="C31286" s="2"/>
    </row>
    <row r="31287" spans="1:3" ht="19.2">
      <c r="A31287" s="2"/>
      <c r="B31287" s="2"/>
      <c r="C31287" s="2"/>
    </row>
    <row r="31288" spans="1:3" ht="19.2">
      <c r="A31288" s="2"/>
      <c r="B31288" s="2"/>
      <c r="C31288" s="2"/>
    </row>
    <row r="31289" spans="1:3" ht="19.2">
      <c r="A31289" s="2"/>
      <c r="B31289" s="2"/>
      <c r="C31289" s="2"/>
    </row>
    <row r="31290" spans="1:3" ht="19.2">
      <c r="A31290" s="2"/>
      <c r="B31290" s="2"/>
      <c r="C31290" s="2"/>
    </row>
    <row r="31291" spans="1:3" ht="19.2">
      <c r="A31291" s="2"/>
      <c r="B31291" s="2"/>
      <c r="C31291" s="2"/>
    </row>
    <row r="31292" spans="1:3" ht="19.2">
      <c r="A31292" s="2"/>
      <c r="B31292" s="2"/>
      <c r="C31292" s="2"/>
    </row>
    <row r="31293" spans="1:3" ht="19.2">
      <c r="A31293" s="2"/>
      <c r="B31293" s="2"/>
      <c r="C31293" s="2"/>
    </row>
    <row r="31294" spans="1:3" ht="19.2">
      <c r="A31294" s="2"/>
      <c r="B31294" s="2"/>
      <c r="C31294" s="2"/>
    </row>
    <row r="31295" spans="1:3" ht="19.2">
      <c r="A31295" s="2"/>
      <c r="B31295" s="2"/>
      <c r="C31295" s="2"/>
    </row>
    <row r="31296" spans="1:3" ht="19.2">
      <c r="A31296" s="2"/>
      <c r="B31296" s="2"/>
      <c r="C31296" s="2"/>
    </row>
    <row r="31297" spans="1:3" ht="19.2">
      <c r="A31297" s="2"/>
      <c r="B31297" s="2"/>
      <c r="C31297" s="2"/>
    </row>
    <row r="31298" spans="1:3" ht="19.2">
      <c r="A31298" s="2"/>
      <c r="B31298" s="2"/>
      <c r="C31298" s="2"/>
    </row>
    <row r="31299" spans="1:3" ht="19.2">
      <c r="A31299" s="2"/>
      <c r="B31299" s="2"/>
      <c r="C31299" s="2"/>
    </row>
    <row r="31300" spans="1:3" ht="19.2">
      <c r="A31300" s="2"/>
      <c r="B31300" s="2"/>
      <c r="C31300" s="2"/>
    </row>
    <row r="31301" spans="1:3" ht="19.2">
      <c r="A31301" s="2"/>
      <c r="B31301" s="2"/>
      <c r="C31301" s="2"/>
    </row>
    <row r="31302" spans="1:3" ht="19.2">
      <c r="A31302" s="2"/>
      <c r="B31302" s="2"/>
      <c r="C31302" s="2"/>
    </row>
    <row r="31303" spans="1:3" ht="19.2">
      <c r="A31303" s="2"/>
      <c r="B31303" s="2"/>
      <c r="C31303" s="2"/>
    </row>
    <row r="31304" spans="1:3" ht="19.2">
      <c r="A31304" s="2"/>
      <c r="B31304" s="2"/>
      <c r="C31304" s="2"/>
    </row>
    <row r="31305" spans="1:3" ht="19.2">
      <c r="A31305" s="2"/>
      <c r="B31305" s="2"/>
      <c r="C31305" s="2"/>
    </row>
    <row r="31306" spans="1:3" ht="19.2">
      <c r="A31306" s="2"/>
      <c r="B31306" s="2"/>
      <c r="C31306" s="2"/>
    </row>
    <row r="31307" spans="1:3" ht="19.2">
      <c r="A31307" s="2"/>
      <c r="B31307" s="2"/>
      <c r="C31307" s="2"/>
    </row>
    <row r="31308" spans="1:3" ht="19.2">
      <c r="A31308" s="2"/>
      <c r="B31308" s="2"/>
      <c r="C31308" s="2"/>
    </row>
    <row r="31309" spans="1:3" ht="19.2">
      <c r="A31309" s="2"/>
      <c r="B31309" s="2"/>
      <c r="C31309" s="2"/>
    </row>
    <row r="31310" spans="1:3" ht="19.2">
      <c r="A31310" s="2"/>
      <c r="B31310" s="2"/>
      <c r="C31310" s="2"/>
    </row>
    <row r="31311" spans="1:3" ht="19.2">
      <c r="A31311" s="2"/>
      <c r="B31311" s="2"/>
      <c r="C31311" s="2"/>
    </row>
    <row r="31312" spans="1:3" ht="19.2">
      <c r="A31312" s="2"/>
      <c r="B31312" s="2"/>
      <c r="C31312" s="2"/>
    </row>
    <row r="31313" spans="1:3" ht="19.2">
      <c r="A31313" s="2"/>
      <c r="B31313" s="2"/>
      <c r="C31313" s="2"/>
    </row>
    <row r="31314" spans="1:3" ht="19.2">
      <c r="A31314" s="2"/>
      <c r="B31314" s="2"/>
      <c r="C31314" s="2"/>
    </row>
    <row r="31315" spans="1:3" ht="19.2">
      <c r="A31315" s="2"/>
      <c r="B31315" s="2"/>
      <c r="C31315" s="2"/>
    </row>
    <row r="31316" spans="1:3" ht="19.2">
      <c r="A31316" s="2"/>
      <c r="B31316" s="2"/>
      <c r="C31316" s="2"/>
    </row>
    <row r="31317" spans="1:3" ht="19.2">
      <c r="A31317" s="2"/>
      <c r="B31317" s="2"/>
      <c r="C31317" s="2"/>
    </row>
    <row r="31318" spans="1:3" ht="19.2">
      <c r="A31318" s="2"/>
      <c r="B31318" s="2"/>
      <c r="C31318" s="2"/>
    </row>
    <row r="31319" spans="1:3" ht="19.2">
      <c r="A31319" s="2"/>
      <c r="B31319" s="2"/>
      <c r="C31319" s="2"/>
    </row>
    <row r="31320" spans="1:3" ht="19.2">
      <c r="A31320" s="2"/>
      <c r="B31320" s="2"/>
      <c r="C31320" s="2"/>
    </row>
    <row r="31321" spans="1:3" ht="19.2">
      <c r="A31321" s="2"/>
      <c r="B31321" s="2"/>
      <c r="C31321" s="2"/>
    </row>
    <row r="31322" spans="1:3" ht="19.2">
      <c r="A31322" s="2"/>
      <c r="B31322" s="2"/>
      <c r="C31322" s="2"/>
    </row>
    <row r="31323" spans="1:3" ht="19.2">
      <c r="A31323" s="2"/>
      <c r="B31323" s="2"/>
      <c r="C31323" s="2"/>
    </row>
    <row r="31324" spans="1:3" ht="19.2">
      <c r="A31324" s="2"/>
      <c r="B31324" s="2"/>
      <c r="C31324" s="2"/>
    </row>
    <row r="31325" spans="1:3" ht="19.2">
      <c r="A31325" s="2"/>
      <c r="B31325" s="2"/>
      <c r="C31325" s="2"/>
    </row>
    <row r="31326" spans="1:3" ht="19.2">
      <c r="A31326" s="2"/>
      <c r="B31326" s="2"/>
      <c r="C31326" s="2"/>
    </row>
    <row r="31327" spans="1:3" ht="19.2">
      <c r="A31327" s="2"/>
      <c r="B31327" s="2"/>
      <c r="C31327" s="2"/>
    </row>
    <row r="31328" spans="1:3" ht="19.2">
      <c r="A31328" s="2"/>
      <c r="B31328" s="2"/>
      <c r="C31328" s="2"/>
    </row>
    <row r="31329" spans="1:3" ht="19.2">
      <c r="A31329" s="2"/>
      <c r="B31329" s="2"/>
      <c r="C31329" s="2"/>
    </row>
    <row r="31330" spans="1:3" ht="19.2">
      <c r="A31330" s="2"/>
      <c r="B31330" s="2"/>
      <c r="C31330" s="2"/>
    </row>
    <row r="31331" spans="1:3" ht="19.2">
      <c r="A31331" s="2"/>
      <c r="B31331" s="2"/>
      <c r="C31331" s="2"/>
    </row>
    <row r="31332" spans="1:3" ht="19.2">
      <c r="A31332" s="2"/>
      <c r="B31332" s="2"/>
      <c r="C31332" s="2"/>
    </row>
    <row r="31333" spans="1:3" ht="19.2">
      <c r="A31333" s="2"/>
      <c r="B31333" s="2"/>
      <c r="C31333" s="2"/>
    </row>
    <row r="31334" spans="1:3" ht="19.2">
      <c r="A31334" s="2"/>
      <c r="B31334" s="2"/>
      <c r="C31334" s="2"/>
    </row>
    <row r="31335" spans="1:3" ht="19.2">
      <c r="A31335" s="2"/>
      <c r="B31335" s="2"/>
      <c r="C31335" s="2"/>
    </row>
    <row r="31336" spans="1:3" ht="19.2">
      <c r="A31336" s="2"/>
      <c r="B31336" s="2"/>
      <c r="C31336" s="2"/>
    </row>
    <row r="31337" spans="1:3" ht="19.2">
      <c r="A31337" s="2"/>
      <c r="B31337" s="2"/>
      <c r="C31337" s="2"/>
    </row>
    <row r="31338" spans="1:3" ht="19.2">
      <c r="A31338" s="2"/>
      <c r="B31338" s="2"/>
      <c r="C31338" s="2"/>
    </row>
    <row r="31339" spans="1:3" ht="19.2">
      <c r="A31339" s="2"/>
      <c r="B31339" s="2"/>
      <c r="C31339" s="2"/>
    </row>
    <row r="31340" spans="1:3" ht="19.2">
      <c r="A31340" s="2"/>
      <c r="B31340" s="2"/>
      <c r="C31340" s="2"/>
    </row>
    <row r="31341" spans="1:3" ht="19.2">
      <c r="A31341" s="2"/>
      <c r="B31341" s="2"/>
      <c r="C31341" s="2"/>
    </row>
    <row r="31342" spans="1:3" ht="19.2">
      <c r="A31342" s="2"/>
      <c r="B31342" s="2"/>
      <c r="C31342" s="2"/>
    </row>
    <row r="31343" spans="1:3" ht="19.2">
      <c r="A31343" s="2"/>
      <c r="B31343" s="2"/>
      <c r="C31343" s="2"/>
    </row>
    <row r="31344" spans="1:3" ht="19.2">
      <c r="A31344" s="2"/>
      <c r="B31344" s="2"/>
      <c r="C31344" s="2"/>
    </row>
    <row r="31345" spans="1:3" ht="19.2">
      <c r="A31345" s="2"/>
      <c r="B31345" s="2"/>
      <c r="C31345" s="2"/>
    </row>
    <row r="31346" spans="1:3" ht="19.2">
      <c r="A31346" s="2"/>
      <c r="B31346" s="2"/>
      <c r="C31346" s="2"/>
    </row>
    <row r="31347" spans="1:3" ht="19.2">
      <c r="A31347" s="2"/>
      <c r="B31347" s="2"/>
      <c r="C31347" s="2"/>
    </row>
    <row r="31348" spans="1:3" ht="19.2">
      <c r="A31348" s="2"/>
      <c r="B31348" s="2"/>
      <c r="C31348" s="2"/>
    </row>
    <row r="31349" spans="1:3" ht="19.2">
      <c r="A31349" s="2"/>
      <c r="B31349" s="2"/>
      <c r="C31349" s="2"/>
    </row>
    <row r="31350" spans="1:3" ht="19.2">
      <c r="A31350" s="2"/>
      <c r="B31350" s="2"/>
      <c r="C31350" s="2"/>
    </row>
    <row r="31351" spans="1:3" ht="19.2">
      <c r="A31351" s="2"/>
      <c r="B31351" s="2"/>
      <c r="C31351" s="2"/>
    </row>
    <row r="31352" spans="1:3" ht="19.2">
      <c r="A31352" s="2"/>
      <c r="B31352" s="2"/>
      <c r="C31352" s="2"/>
    </row>
    <row r="31353" spans="1:3" ht="19.2">
      <c r="A31353" s="2"/>
      <c r="B31353" s="2"/>
      <c r="C31353" s="2"/>
    </row>
    <row r="31354" spans="1:3" ht="19.2">
      <c r="A31354" s="2"/>
      <c r="B31354" s="2"/>
      <c r="C31354" s="2"/>
    </row>
    <row r="31355" spans="1:3" ht="19.2">
      <c r="A31355" s="2"/>
      <c r="B31355" s="2"/>
      <c r="C31355" s="2"/>
    </row>
    <row r="31356" spans="1:3" ht="19.2">
      <c r="A31356" s="2"/>
      <c r="B31356" s="2"/>
      <c r="C31356" s="2"/>
    </row>
    <row r="31357" spans="1:3" ht="19.2">
      <c r="A31357" s="2"/>
      <c r="B31357" s="2"/>
      <c r="C31357" s="2"/>
    </row>
    <row r="31358" spans="1:3" ht="19.2">
      <c r="A31358" s="2"/>
      <c r="B31358" s="2"/>
      <c r="C31358" s="2"/>
    </row>
    <row r="31359" spans="1:3" ht="19.2">
      <c r="A31359" s="2"/>
      <c r="B31359" s="2"/>
      <c r="C31359" s="2"/>
    </row>
    <row r="31360" spans="1:3" ht="19.2">
      <c r="A31360" s="2"/>
      <c r="B31360" s="2"/>
      <c r="C31360" s="2"/>
    </row>
    <row r="31361" spans="1:3" ht="19.2">
      <c r="A31361" s="2"/>
      <c r="B31361" s="2"/>
      <c r="C31361" s="2"/>
    </row>
    <row r="31362" spans="1:3" ht="19.2">
      <c r="A31362" s="2"/>
      <c r="B31362" s="2"/>
      <c r="C31362" s="2"/>
    </row>
    <row r="31363" spans="1:3" ht="19.2">
      <c r="A31363" s="2"/>
      <c r="B31363" s="2"/>
      <c r="C31363" s="2"/>
    </row>
    <row r="31364" spans="1:3" ht="19.2">
      <c r="A31364" s="2"/>
      <c r="B31364" s="2"/>
      <c r="C31364" s="2"/>
    </row>
    <row r="31365" spans="1:3" ht="19.2">
      <c r="A31365" s="2"/>
      <c r="B31365" s="2"/>
      <c r="C31365" s="2"/>
    </row>
    <row r="31366" spans="1:3" ht="19.2">
      <c r="A31366" s="2"/>
      <c r="B31366" s="2"/>
      <c r="C31366" s="2"/>
    </row>
    <row r="31367" spans="1:3" ht="19.2">
      <c r="A31367" s="2"/>
      <c r="B31367" s="2"/>
      <c r="C31367" s="2"/>
    </row>
    <row r="31368" spans="1:3" ht="19.2">
      <c r="A31368" s="2"/>
      <c r="B31368" s="2"/>
      <c r="C31368" s="2"/>
    </row>
    <row r="31369" spans="1:3" ht="19.2">
      <c r="A31369" s="2"/>
      <c r="B31369" s="2"/>
      <c r="C31369" s="2"/>
    </row>
    <row r="31370" spans="1:3" ht="19.2">
      <c r="A31370" s="2"/>
      <c r="B31370" s="2"/>
      <c r="C31370" s="2"/>
    </row>
    <row r="31371" spans="1:3" ht="19.2">
      <c r="A31371" s="2"/>
      <c r="B31371" s="2"/>
      <c r="C31371" s="2"/>
    </row>
    <row r="31372" spans="1:3" ht="19.2">
      <c r="A31372" s="2"/>
      <c r="B31372" s="2"/>
      <c r="C31372" s="2"/>
    </row>
    <row r="31373" spans="1:3" ht="19.2">
      <c r="A31373" s="2"/>
      <c r="B31373" s="2"/>
      <c r="C31373" s="2"/>
    </row>
    <row r="31374" spans="1:3" ht="19.2">
      <c r="A31374" s="2"/>
      <c r="B31374" s="2"/>
      <c r="C31374" s="2"/>
    </row>
    <row r="31375" spans="1:3" ht="19.2">
      <c r="A31375" s="2"/>
      <c r="B31375" s="2"/>
      <c r="C31375" s="2"/>
    </row>
    <row r="31376" spans="1:3" ht="19.2">
      <c r="A31376" s="2"/>
      <c r="B31376" s="2"/>
      <c r="C31376" s="2"/>
    </row>
    <row r="31377" spans="1:3" ht="19.2">
      <c r="A31377" s="2"/>
      <c r="B31377" s="2"/>
      <c r="C31377" s="2"/>
    </row>
    <row r="31378" spans="1:3" ht="19.2">
      <c r="A31378" s="2"/>
      <c r="B31378" s="2"/>
      <c r="C31378" s="2"/>
    </row>
    <row r="31379" spans="1:3" ht="19.2">
      <c r="A31379" s="2"/>
      <c r="B31379" s="2"/>
      <c r="C31379" s="2"/>
    </row>
    <row r="31380" spans="1:3" ht="19.2">
      <c r="A31380" s="2"/>
      <c r="B31380" s="2"/>
      <c r="C31380" s="2"/>
    </row>
    <row r="31381" spans="1:3" ht="19.2">
      <c r="A31381" s="2"/>
      <c r="B31381" s="2"/>
      <c r="C31381" s="2"/>
    </row>
    <row r="31382" spans="1:3" ht="19.2">
      <c r="A31382" s="2"/>
      <c r="B31382" s="2"/>
      <c r="C31382" s="2"/>
    </row>
    <row r="31383" spans="1:3" ht="19.2">
      <c r="A31383" s="2"/>
      <c r="B31383" s="2"/>
      <c r="C31383" s="2"/>
    </row>
    <row r="31384" spans="1:3" ht="19.2">
      <c r="A31384" s="2"/>
      <c r="B31384" s="2"/>
      <c r="C31384" s="2"/>
    </row>
    <row r="31385" spans="1:3" ht="19.2">
      <c r="A31385" s="2"/>
      <c r="B31385" s="2"/>
      <c r="C31385" s="2"/>
    </row>
    <row r="31386" spans="1:3" ht="19.2">
      <c r="A31386" s="2"/>
      <c r="B31386" s="2"/>
      <c r="C31386" s="2"/>
    </row>
    <row r="31387" spans="1:3" ht="19.2">
      <c r="A31387" s="2"/>
      <c r="B31387" s="2"/>
      <c r="C31387" s="2"/>
    </row>
    <row r="31388" spans="1:3" ht="19.2">
      <c r="A31388" s="2"/>
      <c r="B31388" s="2"/>
      <c r="C31388" s="2"/>
    </row>
    <row r="31389" spans="1:3" ht="19.2">
      <c r="A31389" s="2"/>
      <c r="B31389" s="2"/>
      <c r="C31389" s="2"/>
    </row>
    <row r="31390" spans="1:3" ht="19.2">
      <c r="A31390" s="2"/>
      <c r="B31390" s="2"/>
      <c r="C31390" s="2"/>
    </row>
    <row r="31391" spans="1:3" ht="19.2">
      <c r="A31391" s="2"/>
      <c r="B31391" s="2"/>
      <c r="C31391" s="2"/>
    </row>
    <row r="31392" spans="1:3" ht="19.2">
      <c r="A31392" s="2"/>
      <c r="B31392" s="2"/>
      <c r="C31392" s="2"/>
    </row>
    <row r="31393" spans="1:3" ht="19.2">
      <c r="A31393" s="2"/>
      <c r="B31393" s="2"/>
      <c r="C31393" s="2"/>
    </row>
    <row r="31394" spans="1:3" ht="19.2">
      <c r="A31394" s="2"/>
      <c r="B31394" s="2"/>
      <c r="C31394" s="2"/>
    </row>
    <row r="31395" spans="1:3" ht="19.2">
      <c r="A31395" s="2"/>
      <c r="B31395" s="2"/>
      <c r="C31395" s="2"/>
    </row>
    <row r="31396" spans="1:3" ht="19.2">
      <c r="A31396" s="2"/>
      <c r="B31396" s="2"/>
      <c r="C31396" s="2"/>
    </row>
    <row r="31397" spans="1:3" ht="19.2">
      <c r="A31397" s="2"/>
      <c r="B31397" s="2"/>
      <c r="C31397" s="2"/>
    </row>
    <row r="31398" spans="1:3" ht="19.2">
      <c r="A31398" s="2"/>
      <c r="B31398" s="2"/>
      <c r="C31398" s="2"/>
    </row>
    <row r="31399" spans="1:3" ht="19.2">
      <c r="A31399" s="2"/>
      <c r="B31399" s="2"/>
      <c r="C31399" s="2"/>
    </row>
    <row r="31400" spans="1:3" ht="19.2">
      <c r="A31400" s="2"/>
      <c r="B31400" s="2"/>
      <c r="C31400" s="2"/>
    </row>
    <row r="31401" spans="1:3" ht="19.2">
      <c r="A31401" s="2"/>
      <c r="B31401" s="2"/>
      <c r="C31401" s="2"/>
    </row>
    <row r="31402" spans="1:3" ht="19.2">
      <c r="A31402" s="2"/>
      <c r="B31402" s="2"/>
      <c r="C31402" s="2"/>
    </row>
    <row r="31403" spans="1:3" ht="19.2">
      <c r="A31403" s="2"/>
      <c r="B31403" s="2"/>
      <c r="C31403" s="2"/>
    </row>
    <row r="31404" spans="1:3" ht="19.2">
      <c r="A31404" s="2"/>
      <c r="B31404" s="2"/>
      <c r="C31404" s="2"/>
    </row>
    <row r="31405" spans="1:3" ht="19.2">
      <c r="A31405" s="2"/>
      <c r="B31405" s="2"/>
      <c r="C31405" s="2"/>
    </row>
    <row r="31406" spans="1:3" ht="19.2">
      <c r="A31406" s="2"/>
      <c r="B31406" s="2"/>
      <c r="C31406" s="2"/>
    </row>
    <row r="31407" spans="1:3" ht="19.2">
      <c r="A31407" s="2"/>
      <c r="B31407" s="2"/>
      <c r="C31407" s="2"/>
    </row>
    <row r="31408" spans="1:3" ht="19.2">
      <c r="A31408" s="2"/>
      <c r="B31408" s="2"/>
      <c r="C31408" s="2"/>
    </row>
    <row r="31409" spans="1:3" ht="19.2">
      <c r="A31409" s="2"/>
      <c r="B31409" s="2"/>
      <c r="C31409" s="2"/>
    </row>
    <row r="31410" spans="1:3" ht="19.2">
      <c r="A31410" s="2"/>
      <c r="B31410" s="2"/>
      <c r="C31410" s="2"/>
    </row>
    <row r="31411" spans="1:3" ht="19.2">
      <c r="A31411" s="2"/>
      <c r="B31411" s="2"/>
      <c r="C31411" s="2"/>
    </row>
    <row r="31412" spans="1:3" ht="19.2">
      <c r="A31412" s="2"/>
      <c r="B31412" s="2"/>
      <c r="C31412" s="2"/>
    </row>
    <row r="31413" spans="1:3" ht="19.2">
      <c r="A31413" s="2"/>
      <c r="B31413" s="2"/>
      <c r="C31413" s="2"/>
    </row>
    <row r="31414" spans="1:3" ht="19.2">
      <c r="A31414" s="2"/>
      <c r="B31414" s="2"/>
      <c r="C31414" s="2"/>
    </row>
    <row r="31415" spans="1:3" ht="19.2">
      <c r="A31415" s="2"/>
      <c r="B31415" s="2"/>
      <c r="C31415" s="2"/>
    </row>
    <row r="31416" spans="1:3" ht="19.2">
      <c r="A31416" s="2"/>
      <c r="B31416" s="2"/>
      <c r="C31416" s="2"/>
    </row>
    <row r="31417" spans="1:3" ht="19.2">
      <c r="A31417" s="2"/>
      <c r="B31417" s="2"/>
      <c r="C31417" s="2"/>
    </row>
    <row r="31418" spans="1:3" ht="19.2">
      <c r="A31418" s="2"/>
      <c r="B31418" s="2"/>
      <c r="C31418" s="2"/>
    </row>
    <row r="31419" spans="1:3" ht="19.2">
      <c r="A31419" s="2"/>
      <c r="B31419" s="2"/>
      <c r="C31419" s="2"/>
    </row>
    <row r="31420" spans="1:3" ht="19.2">
      <c r="A31420" s="2"/>
      <c r="B31420" s="2"/>
      <c r="C31420" s="2"/>
    </row>
    <row r="31421" spans="1:3" ht="19.2">
      <c r="A31421" s="2"/>
      <c r="B31421" s="2"/>
      <c r="C31421" s="2"/>
    </row>
    <row r="31422" spans="1:3" ht="19.2">
      <c r="A31422" s="2"/>
      <c r="B31422" s="2"/>
      <c r="C31422" s="2"/>
    </row>
    <row r="31423" spans="1:3" ht="19.2">
      <c r="A31423" s="2"/>
      <c r="B31423" s="2"/>
      <c r="C31423" s="2"/>
    </row>
    <row r="31424" spans="1:3" ht="19.2">
      <c r="A31424" s="2"/>
      <c r="B31424" s="2"/>
      <c r="C31424" s="2"/>
    </row>
    <row r="31425" spans="1:3" ht="19.2">
      <c r="A31425" s="2"/>
      <c r="B31425" s="2"/>
      <c r="C31425" s="2"/>
    </row>
    <row r="31426" spans="1:3" ht="19.2">
      <c r="A31426" s="2"/>
      <c r="B31426" s="2"/>
      <c r="C31426" s="2"/>
    </row>
    <row r="31427" spans="1:3" ht="19.2">
      <c r="A31427" s="2"/>
      <c r="B31427" s="2"/>
      <c r="C31427" s="2"/>
    </row>
    <row r="31428" spans="1:3" ht="19.2">
      <c r="A31428" s="2"/>
      <c r="B31428" s="2"/>
      <c r="C31428" s="2"/>
    </row>
    <row r="31429" spans="1:3" ht="19.2">
      <c r="A31429" s="2"/>
      <c r="B31429" s="2"/>
      <c r="C31429" s="2"/>
    </row>
    <row r="31430" spans="1:3" ht="19.2">
      <c r="A31430" s="2"/>
      <c r="B31430" s="2"/>
      <c r="C31430" s="2"/>
    </row>
    <row r="31431" spans="1:3" ht="19.2">
      <c r="A31431" s="2"/>
      <c r="B31431" s="2"/>
      <c r="C31431" s="2"/>
    </row>
    <row r="31432" spans="1:3" ht="19.2">
      <c r="A31432" s="2"/>
      <c r="B31432" s="2"/>
      <c r="C31432" s="2"/>
    </row>
    <row r="31433" spans="1:3" ht="19.2">
      <c r="A31433" s="2"/>
      <c r="B31433" s="2"/>
      <c r="C31433" s="2"/>
    </row>
    <row r="31434" spans="1:3" ht="19.2">
      <c r="A31434" s="2"/>
      <c r="B31434" s="2"/>
      <c r="C31434" s="2"/>
    </row>
    <row r="31435" spans="1:3" ht="19.2">
      <c r="A31435" s="2"/>
      <c r="B31435" s="2"/>
      <c r="C31435" s="2"/>
    </row>
    <row r="31436" spans="1:3" ht="19.2">
      <c r="A31436" s="2"/>
      <c r="B31436" s="2"/>
      <c r="C31436" s="2"/>
    </row>
    <row r="31437" spans="1:3" ht="19.2">
      <c r="A31437" s="2"/>
      <c r="B31437" s="2"/>
      <c r="C31437" s="2"/>
    </row>
    <row r="31438" spans="1:3" ht="19.2">
      <c r="A31438" s="2"/>
      <c r="B31438" s="2"/>
      <c r="C31438" s="2"/>
    </row>
    <row r="31439" spans="1:3" ht="19.2">
      <c r="A31439" s="2"/>
      <c r="B31439" s="2"/>
      <c r="C31439" s="2"/>
    </row>
    <row r="31440" spans="1:3" ht="19.2">
      <c r="A31440" s="2"/>
      <c r="B31440" s="2"/>
      <c r="C31440" s="2"/>
    </row>
    <row r="31441" spans="1:3" ht="19.2">
      <c r="A31441" s="2"/>
      <c r="B31441" s="2"/>
      <c r="C31441" s="2"/>
    </row>
    <row r="31442" spans="1:3" ht="19.2">
      <c r="A31442" s="2"/>
      <c r="B31442" s="2"/>
      <c r="C31442" s="2"/>
    </row>
    <row r="31443" spans="1:3" ht="19.2">
      <c r="A31443" s="2"/>
      <c r="B31443" s="2"/>
      <c r="C31443" s="2"/>
    </row>
    <row r="31444" spans="1:3" ht="19.2">
      <c r="A31444" s="2"/>
      <c r="B31444" s="2"/>
      <c r="C31444" s="2"/>
    </row>
    <row r="31445" spans="1:3" ht="19.2">
      <c r="A31445" s="2"/>
      <c r="B31445" s="2"/>
      <c r="C31445" s="2"/>
    </row>
    <row r="31446" spans="1:3" ht="19.2">
      <c r="A31446" s="2"/>
      <c r="B31446" s="2"/>
      <c r="C31446" s="2"/>
    </row>
    <row r="31447" spans="1:3" ht="19.2">
      <c r="A31447" s="2"/>
      <c r="B31447" s="2"/>
      <c r="C31447" s="2"/>
    </row>
    <row r="31448" spans="1:3" ht="19.2">
      <c r="A31448" s="2"/>
      <c r="B31448" s="2"/>
      <c r="C31448" s="2"/>
    </row>
    <row r="31449" spans="1:3" ht="19.2">
      <c r="A31449" s="2"/>
      <c r="B31449" s="2"/>
      <c r="C31449" s="2"/>
    </row>
    <row r="31450" spans="1:3" ht="19.2">
      <c r="A31450" s="2"/>
      <c r="B31450" s="2"/>
      <c r="C31450" s="2"/>
    </row>
    <row r="31451" spans="1:3" ht="19.2">
      <c r="A31451" s="2"/>
      <c r="B31451" s="2"/>
      <c r="C31451" s="2"/>
    </row>
    <row r="31452" spans="1:3" ht="19.2">
      <c r="A31452" s="2"/>
      <c r="B31452" s="2"/>
      <c r="C31452" s="2"/>
    </row>
    <row r="31453" spans="1:3" ht="19.2">
      <c r="A31453" s="2"/>
      <c r="B31453" s="2"/>
      <c r="C31453" s="2"/>
    </row>
    <row r="31454" spans="1:3" ht="19.2">
      <c r="A31454" s="2"/>
      <c r="B31454" s="2"/>
      <c r="C31454" s="2"/>
    </row>
    <row r="31455" spans="1:3" ht="19.2">
      <c r="A31455" s="2"/>
      <c r="B31455" s="2"/>
      <c r="C31455" s="2"/>
    </row>
    <row r="31456" spans="1:3" ht="19.2">
      <c r="A31456" s="2"/>
      <c r="B31456" s="2"/>
      <c r="C31456" s="2"/>
    </row>
    <row r="31457" spans="1:3" ht="19.2">
      <c r="A31457" s="2"/>
      <c r="B31457" s="2"/>
      <c r="C31457" s="2"/>
    </row>
    <row r="31458" spans="1:3" ht="19.2">
      <c r="A31458" s="2"/>
      <c r="B31458" s="2"/>
      <c r="C31458" s="2"/>
    </row>
    <row r="31459" spans="1:3" ht="19.2">
      <c r="A31459" s="2"/>
      <c r="B31459" s="2"/>
      <c r="C31459" s="2"/>
    </row>
    <row r="31460" spans="1:3" ht="19.2">
      <c r="A31460" s="2"/>
      <c r="B31460" s="2"/>
      <c r="C31460" s="2"/>
    </row>
    <row r="31461" spans="1:3" ht="19.2">
      <c r="A31461" s="2"/>
      <c r="B31461" s="2"/>
      <c r="C31461" s="2"/>
    </row>
    <row r="31462" spans="1:3" ht="19.2">
      <c r="A31462" s="2"/>
      <c r="B31462" s="2"/>
      <c r="C31462" s="2"/>
    </row>
    <row r="31463" spans="1:3" ht="19.2">
      <c r="A31463" s="2"/>
      <c r="B31463" s="2"/>
      <c r="C31463" s="2"/>
    </row>
    <row r="31464" spans="1:3" ht="19.2">
      <c r="A31464" s="2"/>
      <c r="B31464" s="2"/>
      <c r="C31464" s="2"/>
    </row>
    <row r="31465" spans="1:3" ht="19.2">
      <c r="A31465" s="2"/>
      <c r="B31465" s="2"/>
      <c r="C31465" s="2"/>
    </row>
    <row r="31466" spans="1:3" ht="19.2">
      <c r="A31466" s="2"/>
      <c r="B31466" s="2"/>
      <c r="C31466" s="2"/>
    </row>
    <row r="31467" spans="1:3" ht="19.2">
      <c r="A31467" s="2"/>
      <c r="B31467" s="2"/>
      <c r="C31467" s="2"/>
    </row>
    <row r="31468" spans="1:3" ht="19.2">
      <c r="A31468" s="2"/>
      <c r="B31468" s="2"/>
      <c r="C31468" s="2"/>
    </row>
    <row r="31469" spans="1:3" ht="19.2">
      <c r="A31469" s="2"/>
      <c r="B31469" s="2"/>
      <c r="C31469" s="2"/>
    </row>
    <row r="31470" spans="1:3" ht="19.2">
      <c r="A31470" s="2"/>
      <c r="B31470" s="2"/>
      <c r="C31470" s="2"/>
    </row>
    <row r="31471" spans="1:3" ht="19.2">
      <c r="A31471" s="2"/>
      <c r="B31471" s="2"/>
      <c r="C31471" s="2"/>
    </row>
    <row r="31472" spans="1:3" ht="19.2">
      <c r="A31472" s="2"/>
      <c r="B31472" s="2"/>
      <c r="C31472" s="2"/>
    </row>
    <row r="31473" spans="1:3" ht="19.2">
      <c r="A31473" s="2"/>
      <c r="B31473" s="2"/>
      <c r="C31473" s="2"/>
    </row>
    <row r="31474" spans="1:3" ht="19.2">
      <c r="A31474" s="2"/>
      <c r="B31474" s="2"/>
      <c r="C31474" s="2"/>
    </row>
    <row r="31475" spans="1:3" ht="19.2">
      <c r="A31475" s="2"/>
      <c r="B31475" s="2"/>
      <c r="C31475" s="2"/>
    </row>
    <row r="31476" spans="1:3" ht="19.2">
      <c r="A31476" s="2"/>
      <c r="B31476" s="2"/>
      <c r="C31476" s="2"/>
    </row>
    <row r="31477" spans="1:3" ht="19.2">
      <c r="A31477" s="2"/>
      <c r="B31477" s="2"/>
      <c r="C31477" s="2"/>
    </row>
    <row r="31478" spans="1:3" ht="19.2">
      <c r="A31478" s="2"/>
      <c r="B31478" s="2"/>
      <c r="C31478" s="2"/>
    </row>
    <row r="31479" spans="1:3" ht="19.2">
      <c r="A31479" s="2"/>
      <c r="B31479" s="2"/>
      <c r="C31479" s="2"/>
    </row>
    <row r="31480" spans="1:3" ht="19.2">
      <c r="A31480" s="2"/>
      <c r="B31480" s="2"/>
      <c r="C31480" s="2"/>
    </row>
    <row r="31481" spans="1:3" ht="19.2">
      <c r="A31481" s="2"/>
      <c r="B31481" s="2"/>
      <c r="C31481" s="2"/>
    </row>
    <row r="31482" spans="1:3" ht="19.2">
      <c r="A31482" s="2"/>
      <c r="B31482" s="2"/>
      <c r="C31482" s="2"/>
    </row>
    <row r="31483" spans="1:3" ht="19.2">
      <c r="A31483" s="2"/>
      <c r="B31483" s="2"/>
      <c r="C31483" s="2"/>
    </row>
    <row r="31484" spans="1:3" ht="19.2">
      <c r="A31484" s="2"/>
      <c r="B31484" s="2"/>
      <c r="C31484" s="2"/>
    </row>
    <row r="31485" spans="1:3" ht="19.2">
      <c r="A31485" s="2"/>
      <c r="B31485" s="2"/>
      <c r="C31485" s="2"/>
    </row>
    <row r="31486" spans="1:3" ht="19.2">
      <c r="A31486" s="2"/>
      <c r="B31486" s="2"/>
      <c r="C31486" s="2"/>
    </row>
    <row r="31487" spans="1:3" ht="19.2">
      <c r="A31487" s="2"/>
      <c r="B31487" s="2"/>
      <c r="C31487" s="2"/>
    </row>
    <row r="31488" spans="1:3" ht="19.2">
      <c r="A31488" s="2"/>
      <c r="B31488" s="2"/>
      <c r="C31488" s="2"/>
    </row>
    <row r="31489" spans="1:3" ht="19.2">
      <c r="A31489" s="2"/>
      <c r="B31489" s="2"/>
      <c r="C31489" s="2"/>
    </row>
    <row r="31490" spans="1:3" ht="19.2">
      <c r="A31490" s="2"/>
      <c r="B31490" s="2"/>
      <c r="C31490" s="2"/>
    </row>
    <row r="31491" spans="1:3" ht="19.2">
      <c r="A31491" s="2"/>
      <c r="B31491" s="2"/>
      <c r="C31491" s="2"/>
    </row>
    <row r="31492" spans="1:3" ht="19.2">
      <c r="A31492" s="2"/>
      <c r="B31492" s="2"/>
      <c r="C31492" s="2"/>
    </row>
    <row r="31493" spans="1:3" ht="19.2">
      <c r="A31493" s="2"/>
      <c r="B31493" s="2"/>
      <c r="C31493" s="2"/>
    </row>
    <row r="31494" spans="1:3" ht="19.2">
      <c r="A31494" s="2"/>
      <c r="B31494" s="2"/>
      <c r="C31494" s="2"/>
    </row>
    <row r="31495" spans="1:3" ht="19.2">
      <c r="A31495" s="2"/>
      <c r="B31495" s="2"/>
      <c r="C31495" s="2"/>
    </row>
    <row r="31496" spans="1:3" ht="19.2">
      <c r="A31496" s="2"/>
      <c r="B31496" s="2"/>
      <c r="C31496" s="2"/>
    </row>
    <row r="31497" spans="1:3" ht="19.2">
      <c r="A31497" s="2"/>
      <c r="B31497" s="2"/>
      <c r="C31497" s="2"/>
    </row>
    <row r="31498" spans="1:3" ht="19.2">
      <c r="A31498" s="2"/>
      <c r="B31498" s="2"/>
      <c r="C31498" s="2"/>
    </row>
    <row r="31499" spans="1:3" ht="19.2">
      <c r="A31499" s="2"/>
      <c r="B31499" s="2"/>
      <c r="C31499" s="2"/>
    </row>
    <row r="31500" spans="1:3" ht="19.2">
      <c r="A31500" s="2"/>
      <c r="B31500" s="2"/>
      <c r="C31500" s="2"/>
    </row>
    <row r="31501" spans="1:3" ht="19.2">
      <c r="A31501" s="2"/>
      <c r="B31501" s="2"/>
      <c r="C31501" s="2"/>
    </row>
    <row r="31502" spans="1:3" ht="19.2">
      <c r="A31502" s="2"/>
      <c r="B31502" s="2"/>
      <c r="C31502" s="2"/>
    </row>
    <row r="31503" spans="1:3" ht="19.2">
      <c r="A31503" s="2"/>
      <c r="B31503" s="2"/>
      <c r="C31503" s="2"/>
    </row>
    <row r="31504" spans="1:3" ht="19.2">
      <c r="A31504" s="2"/>
      <c r="B31504" s="2"/>
      <c r="C31504" s="2"/>
    </row>
    <row r="31505" spans="1:3" ht="19.2">
      <c r="A31505" s="2"/>
      <c r="B31505" s="2"/>
      <c r="C31505" s="2"/>
    </row>
    <row r="31506" spans="1:3" ht="19.2">
      <c r="A31506" s="2"/>
      <c r="B31506" s="2"/>
      <c r="C31506" s="2"/>
    </row>
    <row r="31507" spans="1:3" ht="19.2">
      <c r="A31507" s="2"/>
      <c r="B31507" s="2"/>
      <c r="C31507" s="2"/>
    </row>
    <row r="31508" spans="1:3" ht="19.2">
      <c r="A31508" s="2"/>
      <c r="B31508" s="2"/>
      <c r="C31508" s="2"/>
    </row>
    <row r="31509" spans="1:3" ht="19.2">
      <c r="A31509" s="2"/>
      <c r="B31509" s="2"/>
      <c r="C31509" s="2"/>
    </row>
    <row r="31510" spans="1:3" ht="19.2">
      <c r="A31510" s="2"/>
      <c r="B31510" s="2"/>
      <c r="C31510" s="2"/>
    </row>
    <row r="31511" spans="1:3" ht="19.2">
      <c r="A31511" s="2"/>
      <c r="B31511" s="2"/>
      <c r="C31511" s="2"/>
    </row>
    <row r="31512" spans="1:3" ht="19.2">
      <c r="A31512" s="2"/>
      <c r="B31512" s="2"/>
      <c r="C31512" s="2"/>
    </row>
    <row r="31513" spans="1:3" ht="19.2">
      <c r="A31513" s="2"/>
      <c r="B31513" s="2"/>
      <c r="C31513" s="2"/>
    </row>
    <row r="31514" spans="1:3" ht="19.2">
      <c r="A31514" s="2"/>
      <c r="B31514" s="2"/>
      <c r="C31514" s="2"/>
    </row>
    <row r="31515" spans="1:3" ht="19.2">
      <c r="A31515" s="2"/>
      <c r="B31515" s="2"/>
      <c r="C31515" s="2"/>
    </row>
    <row r="31516" spans="1:3" ht="19.2">
      <c r="A31516" s="2"/>
      <c r="B31516" s="2"/>
      <c r="C31516" s="2"/>
    </row>
    <row r="31517" spans="1:3" ht="19.2">
      <c r="A31517" s="2"/>
      <c r="B31517" s="2"/>
      <c r="C31517" s="2"/>
    </row>
    <row r="31518" spans="1:3" ht="19.2">
      <c r="A31518" s="2"/>
      <c r="B31518" s="2"/>
      <c r="C31518" s="2"/>
    </row>
    <row r="31519" spans="1:3" ht="19.2">
      <c r="A31519" s="2"/>
      <c r="B31519" s="2"/>
      <c r="C31519" s="2"/>
    </row>
    <row r="31520" spans="1:3" ht="19.2">
      <c r="A31520" s="2"/>
      <c r="B31520" s="2"/>
      <c r="C31520" s="2"/>
    </row>
    <row r="31521" spans="1:3" ht="19.2">
      <c r="A31521" s="2"/>
      <c r="B31521" s="2"/>
      <c r="C31521" s="2"/>
    </row>
    <row r="31522" spans="1:3" ht="19.2">
      <c r="A31522" s="2"/>
      <c r="B31522" s="2"/>
      <c r="C31522" s="2"/>
    </row>
    <row r="31523" spans="1:3" ht="19.2">
      <c r="A31523" s="2"/>
      <c r="B31523" s="2"/>
      <c r="C31523" s="2"/>
    </row>
    <row r="31524" spans="1:3" ht="19.2">
      <c r="A31524" s="2"/>
      <c r="B31524" s="2"/>
      <c r="C31524" s="2"/>
    </row>
    <row r="31525" spans="1:3" ht="19.2">
      <c r="A31525" s="2"/>
      <c r="B31525" s="2"/>
      <c r="C31525" s="2"/>
    </row>
    <row r="31526" spans="1:3" ht="19.2">
      <c r="A31526" s="2"/>
      <c r="B31526" s="2"/>
      <c r="C31526" s="2"/>
    </row>
    <row r="31527" spans="1:3" ht="19.2">
      <c r="A31527" s="2"/>
      <c r="B31527" s="2"/>
      <c r="C31527" s="2"/>
    </row>
    <row r="31528" spans="1:3" ht="19.2">
      <c r="A31528" s="2"/>
      <c r="B31528" s="2"/>
      <c r="C31528" s="2"/>
    </row>
    <row r="31529" spans="1:3" ht="19.2">
      <c r="A31529" s="2"/>
      <c r="B31529" s="2"/>
      <c r="C31529" s="2"/>
    </row>
    <row r="31530" spans="1:3" ht="19.2">
      <c r="A31530" s="2"/>
      <c r="B31530" s="2"/>
      <c r="C31530" s="2"/>
    </row>
    <row r="31531" spans="1:3" ht="19.2">
      <c r="A31531" s="2"/>
      <c r="B31531" s="2"/>
      <c r="C31531" s="2"/>
    </row>
    <row r="31532" spans="1:3" ht="19.2">
      <c r="A31532" s="2"/>
      <c r="B31532" s="2"/>
      <c r="C31532" s="2"/>
    </row>
    <row r="31533" spans="1:3" ht="19.2">
      <c r="A31533" s="2"/>
      <c r="B31533" s="2"/>
      <c r="C31533" s="2"/>
    </row>
    <row r="31534" spans="1:3" ht="19.2">
      <c r="A31534" s="2"/>
      <c r="B31534" s="2"/>
      <c r="C31534" s="2"/>
    </row>
    <row r="31535" spans="1:3" ht="19.2">
      <c r="A31535" s="2"/>
      <c r="B31535" s="2"/>
      <c r="C31535" s="2"/>
    </row>
    <row r="31536" spans="1:3" ht="19.2">
      <c r="A31536" s="2"/>
      <c r="B31536" s="2"/>
      <c r="C31536" s="2"/>
    </row>
    <row r="31537" spans="1:3" ht="19.2">
      <c r="A31537" s="2"/>
      <c r="B31537" s="2"/>
      <c r="C31537" s="2"/>
    </row>
    <row r="31538" spans="1:3" ht="19.2">
      <c r="A31538" s="2"/>
      <c r="B31538" s="2"/>
      <c r="C31538" s="2"/>
    </row>
    <row r="31539" spans="1:3" ht="19.2">
      <c r="A31539" s="2"/>
      <c r="B31539" s="2"/>
      <c r="C31539" s="2"/>
    </row>
    <row r="31540" spans="1:3" ht="19.2">
      <c r="A31540" s="2"/>
      <c r="B31540" s="2"/>
      <c r="C31540" s="2"/>
    </row>
    <row r="31541" spans="1:3" ht="19.2">
      <c r="A31541" s="2"/>
      <c r="B31541" s="2"/>
      <c r="C31541" s="2"/>
    </row>
    <row r="31542" spans="1:3" ht="19.2">
      <c r="A31542" s="2"/>
      <c r="B31542" s="2"/>
      <c r="C31542" s="2"/>
    </row>
    <row r="31543" spans="1:3" ht="19.2">
      <c r="A31543" s="2"/>
      <c r="B31543" s="2"/>
      <c r="C31543" s="2"/>
    </row>
    <row r="31544" spans="1:3" ht="19.2">
      <c r="A31544" s="2"/>
      <c r="B31544" s="2"/>
      <c r="C31544" s="2"/>
    </row>
    <row r="31545" spans="1:3" ht="19.2">
      <c r="A31545" s="2"/>
      <c r="B31545" s="2"/>
      <c r="C31545" s="2"/>
    </row>
    <row r="31546" spans="1:3" ht="19.2">
      <c r="A31546" s="2"/>
      <c r="B31546" s="2"/>
      <c r="C31546" s="2"/>
    </row>
    <row r="31547" spans="1:3" ht="19.2">
      <c r="A31547" s="2"/>
      <c r="B31547" s="2"/>
      <c r="C31547" s="2"/>
    </row>
    <row r="31548" spans="1:3" ht="19.2">
      <c r="A31548" s="2"/>
      <c r="B31548" s="2"/>
      <c r="C31548" s="2"/>
    </row>
    <row r="31549" spans="1:3" ht="19.2">
      <c r="A31549" s="2"/>
      <c r="B31549" s="2"/>
      <c r="C31549" s="2"/>
    </row>
    <row r="31550" spans="1:3" ht="19.2">
      <c r="A31550" s="2"/>
      <c r="B31550" s="2"/>
      <c r="C31550" s="2"/>
    </row>
    <row r="31551" spans="1:3" ht="19.2">
      <c r="A31551" s="2"/>
      <c r="B31551" s="2"/>
      <c r="C31551" s="2"/>
    </row>
    <row r="31552" spans="1:3" ht="19.2">
      <c r="A31552" s="2"/>
      <c r="B31552" s="2"/>
      <c r="C31552" s="2"/>
    </row>
    <row r="31553" spans="1:3" ht="19.2">
      <c r="A31553" s="2"/>
      <c r="B31553" s="2"/>
      <c r="C31553" s="2"/>
    </row>
    <row r="31554" spans="1:3" ht="19.2">
      <c r="A31554" s="2"/>
      <c r="B31554" s="2"/>
      <c r="C31554" s="2"/>
    </row>
    <row r="31555" spans="1:3" ht="19.2">
      <c r="A31555" s="2"/>
      <c r="B31555" s="2"/>
      <c r="C31555" s="2"/>
    </row>
    <row r="31556" spans="1:3" ht="19.2">
      <c r="A31556" s="2"/>
      <c r="B31556" s="2"/>
      <c r="C31556" s="2"/>
    </row>
    <row r="31557" spans="1:3" ht="19.2">
      <c r="A31557" s="2"/>
      <c r="B31557" s="2"/>
      <c r="C31557" s="2"/>
    </row>
    <row r="31558" spans="1:3" ht="19.2">
      <c r="A31558" s="2"/>
      <c r="B31558" s="2"/>
      <c r="C31558" s="2"/>
    </row>
    <row r="31559" spans="1:3" ht="19.2">
      <c r="A31559" s="2"/>
      <c r="B31559" s="2"/>
      <c r="C31559" s="2"/>
    </row>
    <row r="31560" spans="1:3" ht="19.2">
      <c r="A31560" s="2"/>
      <c r="B31560" s="2"/>
      <c r="C31560" s="2"/>
    </row>
    <row r="31561" spans="1:3" ht="19.2">
      <c r="A31561" s="2"/>
      <c r="B31561" s="2"/>
      <c r="C31561" s="2"/>
    </row>
    <row r="31562" spans="1:3" ht="19.2">
      <c r="A31562" s="2"/>
      <c r="B31562" s="2"/>
      <c r="C31562" s="2"/>
    </row>
    <row r="31563" spans="1:3" ht="19.2">
      <c r="A31563" s="2"/>
      <c r="B31563" s="2"/>
      <c r="C31563" s="2"/>
    </row>
    <row r="31564" spans="1:3" ht="19.2">
      <c r="A31564" s="2"/>
      <c r="B31564" s="2"/>
      <c r="C31564" s="2"/>
    </row>
    <row r="31565" spans="1:3" ht="19.2">
      <c r="A31565" s="2"/>
      <c r="B31565" s="2"/>
      <c r="C31565" s="2"/>
    </row>
    <row r="31566" spans="1:3" ht="19.2">
      <c r="A31566" s="2"/>
      <c r="B31566" s="2"/>
      <c r="C31566" s="2"/>
    </row>
    <row r="31567" spans="1:3" ht="19.2">
      <c r="A31567" s="2"/>
      <c r="B31567" s="2"/>
      <c r="C31567" s="2"/>
    </row>
    <row r="31568" spans="1:3" ht="19.2">
      <c r="A31568" s="2"/>
      <c r="B31568" s="2"/>
      <c r="C31568" s="2"/>
    </row>
    <row r="31569" spans="1:3" ht="19.2">
      <c r="A31569" s="2"/>
      <c r="B31569" s="2"/>
      <c r="C31569" s="2"/>
    </row>
    <row r="31570" spans="1:3" ht="19.2">
      <c r="A31570" s="2"/>
      <c r="B31570" s="2"/>
      <c r="C31570" s="2"/>
    </row>
    <row r="31571" spans="1:3" ht="19.2">
      <c r="A31571" s="2"/>
      <c r="B31571" s="2"/>
      <c r="C31571" s="2"/>
    </row>
    <row r="31572" spans="1:3" ht="19.2">
      <c r="A31572" s="2"/>
      <c r="B31572" s="2"/>
      <c r="C31572" s="2"/>
    </row>
    <row r="31573" spans="1:3" ht="19.2">
      <c r="A31573" s="2"/>
      <c r="B31573" s="2"/>
      <c r="C31573" s="2"/>
    </row>
    <row r="31574" spans="1:3" ht="19.2">
      <c r="A31574" s="2"/>
      <c r="B31574" s="2"/>
      <c r="C31574" s="2"/>
    </row>
    <row r="31575" spans="1:3" ht="19.2">
      <c r="A31575" s="2"/>
      <c r="B31575" s="2"/>
      <c r="C31575" s="2"/>
    </row>
    <row r="31576" spans="1:3" ht="19.2">
      <c r="A31576" s="2"/>
      <c r="B31576" s="2"/>
      <c r="C31576" s="2"/>
    </row>
    <row r="31577" spans="1:3" ht="19.2">
      <c r="A31577" s="2"/>
      <c r="B31577" s="2"/>
      <c r="C31577" s="2"/>
    </row>
    <row r="31578" spans="1:3" ht="19.2">
      <c r="A31578" s="2"/>
      <c r="B31578" s="2"/>
      <c r="C31578" s="2"/>
    </row>
    <row r="31579" spans="1:3" ht="19.2">
      <c r="A31579" s="2"/>
      <c r="B31579" s="2"/>
      <c r="C31579" s="2"/>
    </row>
    <row r="31580" spans="1:3" ht="19.2">
      <c r="A31580" s="2"/>
      <c r="B31580" s="2"/>
      <c r="C31580" s="2"/>
    </row>
    <row r="31581" spans="1:3" ht="19.2">
      <c r="A31581" s="2"/>
      <c r="B31581" s="2"/>
      <c r="C31581" s="2"/>
    </row>
    <row r="31582" spans="1:3" ht="19.2">
      <c r="A31582" s="2"/>
      <c r="B31582" s="2"/>
      <c r="C31582" s="2"/>
    </row>
    <row r="31583" spans="1:3" ht="19.2">
      <c r="A31583" s="2"/>
      <c r="B31583" s="2"/>
      <c r="C31583" s="2"/>
    </row>
    <row r="31584" spans="1:3" ht="19.2">
      <c r="A31584" s="2"/>
      <c r="B31584" s="2"/>
      <c r="C31584" s="2"/>
    </row>
    <row r="31585" spans="1:3" ht="19.2">
      <c r="A31585" s="2"/>
      <c r="B31585" s="2"/>
      <c r="C31585" s="2"/>
    </row>
    <row r="31586" spans="1:3" ht="19.2">
      <c r="A31586" s="2"/>
      <c r="B31586" s="2"/>
      <c r="C31586" s="2"/>
    </row>
    <row r="31587" spans="1:3" ht="19.2">
      <c r="A31587" s="2"/>
      <c r="B31587" s="2"/>
      <c r="C31587" s="2"/>
    </row>
    <row r="31588" spans="1:3" ht="19.2">
      <c r="A31588" s="2"/>
      <c r="B31588" s="2"/>
      <c r="C31588" s="2"/>
    </row>
    <row r="31589" spans="1:3" ht="19.2">
      <c r="A31589" s="2"/>
      <c r="B31589" s="2"/>
      <c r="C31589" s="2"/>
    </row>
    <row r="31590" spans="1:3" ht="19.2">
      <c r="A31590" s="2"/>
      <c r="B31590" s="2"/>
      <c r="C31590" s="2"/>
    </row>
    <row r="31591" spans="1:3" ht="19.2">
      <c r="A31591" s="2"/>
      <c r="B31591" s="2"/>
      <c r="C31591" s="2"/>
    </row>
    <row r="31592" spans="1:3" ht="19.2">
      <c r="A31592" s="2"/>
      <c r="B31592" s="2"/>
      <c r="C31592" s="2"/>
    </row>
    <row r="31593" spans="1:3" ht="19.2">
      <c r="A31593" s="2"/>
      <c r="B31593" s="2"/>
      <c r="C31593" s="2"/>
    </row>
    <row r="31594" spans="1:3" ht="19.2">
      <c r="A31594" s="2"/>
      <c r="B31594" s="2"/>
      <c r="C31594" s="2"/>
    </row>
    <row r="31595" spans="1:3" ht="19.2">
      <c r="A31595" s="2"/>
      <c r="B31595" s="2"/>
      <c r="C31595" s="2"/>
    </row>
    <row r="31596" spans="1:3" ht="19.2">
      <c r="A31596" s="2"/>
      <c r="B31596" s="2"/>
      <c r="C31596" s="2"/>
    </row>
    <row r="31597" spans="1:3" ht="19.2">
      <c r="A31597" s="2"/>
      <c r="B31597" s="2"/>
      <c r="C31597" s="2"/>
    </row>
    <row r="31598" spans="1:3" ht="19.2">
      <c r="A31598" s="2"/>
      <c r="B31598" s="2"/>
      <c r="C31598" s="2"/>
    </row>
    <row r="31599" spans="1:3" ht="19.2">
      <c r="A31599" s="2"/>
      <c r="B31599" s="2"/>
      <c r="C31599" s="2"/>
    </row>
    <row r="31600" spans="1:3" ht="19.2">
      <c r="A31600" s="2"/>
      <c r="B31600" s="2"/>
      <c r="C31600" s="2"/>
    </row>
    <row r="31601" spans="1:3" ht="19.2">
      <c r="A31601" s="2"/>
      <c r="B31601" s="2"/>
      <c r="C31601" s="2"/>
    </row>
    <row r="31602" spans="1:3" ht="19.2">
      <c r="A31602" s="2"/>
      <c r="B31602" s="2"/>
      <c r="C31602" s="2"/>
    </row>
    <row r="31603" spans="1:3" ht="19.2">
      <c r="A31603" s="2"/>
      <c r="B31603" s="2"/>
      <c r="C31603" s="2"/>
    </row>
    <row r="31604" spans="1:3" ht="19.2">
      <c r="A31604" s="2"/>
      <c r="B31604" s="2"/>
      <c r="C31604" s="2"/>
    </row>
    <row r="31605" spans="1:3" ht="19.2">
      <c r="A31605" s="2"/>
      <c r="B31605" s="2"/>
      <c r="C31605" s="2"/>
    </row>
    <row r="31606" spans="1:3" ht="19.2">
      <c r="A31606" s="2"/>
      <c r="B31606" s="2"/>
      <c r="C31606" s="2"/>
    </row>
    <row r="31607" spans="1:3" ht="19.2">
      <c r="A31607" s="2"/>
      <c r="B31607" s="2"/>
      <c r="C31607" s="2"/>
    </row>
    <row r="31608" spans="1:3" ht="19.2">
      <c r="A31608" s="2"/>
      <c r="B31608" s="2"/>
      <c r="C31608" s="2"/>
    </row>
    <row r="31609" spans="1:3" ht="19.2">
      <c r="A31609" s="2"/>
      <c r="B31609" s="2"/>
      <c r="C31609" s="2"/>
    </row>
    <row r="31610" spans="1:3" ht="19.2">
      <c r="A31610" s="2"/>
      <c r="B31610" s="2"/>
      <c r="C31610" s="2"/>
    </row>
    <row r="31611" spans="1:3" ht="19.2">
      <c r="A31611" s="2"/>
      <c r="B31611" s="2"/>
      <c r="C31611" s="2"/>
    </row>
    <row r="31612" spans="1:3" ht="19.2">
      <c r="A31612" s="2"/>
      <c r="B31612" s="2"/>
      <c r="C31612" s="2"/>
    </row>
    <row r="31613" spans="1:3" ht="19.2">
      <c r="A31613" s="2"/>
      <c r="B31613" s="2"/>
      <c r="C31613" s="2"/>
    </row>
    <row r="31614" spans="1:3" ht="19.2">
      <c r="A31614" s="2"/>
      <c r="B31614" s="2"/>
      <c r="C31614" s="2"/>
    </row>
    <row r="31615" spans="1:3" ht="19.2">
      <c r="A31615" s="2"/>
      <c r="B31615" s="2"/>
      <c r="C31615" s="2"/>
    </row>
    <row r="31616" spans="1:3" ht="19.2">
      <c r="A31616" s="2"/>
      <c r="B31616" s="2"/>
      <c r="C31616" s="2"/>
    </row>
    <row r="31617" spans="1:3" ht="19.2">
      <c r="A31617" s="2"/>
      <c r="B31617" s="2"/>
      <c r="C31617" s="2"/>
    </row>
    <row r="31618" spans="1:3" ht="19.2">
      <c r="A31618" s="2"/>
      <c r="B31618" s="2"/>
      <c r="C31618" s="2"/>
    </row>
    <row r="31619" spans="1:3" ht="19.2">
      <c r="A31619" s="2"/>
      <c r="B31619" s="2"/>
      <c r="C31619" s="2"/>
    </row>
    <row r="31620" spans="1:3" ht="19.2">
      <c r="A31620" s="2"/>
      <c r="B31620" s="2"/>
      <c r="C31620" s="2"/>
    </row>
    <row r="31621" spans="1:3" ht="19.2">
      <c r="A31621" s="2"/>
      <c r="B31621" s="2"/>
      <c r="C31621" s="2"/>
    </row>
    <row r="31622" spans="1:3" ht="19.2">
      <c r="A31622" s="2"/>
      <c r="B31622" s="2"/>
      <c r="C31622" s="2"/>
    </row>
    <row r="31623" spans="1:3" ht="19.2">
      <c r="A31623" s="2"/>
      <c r="B31623" s="2"/>
      <c r="C31623" s="2"/>
    </row>
    <row r="31624" spans="1:3" ht="19.2">
      <c r="A31624" s="2"/>
      <c r="B31624" s="2"/>
      <c r="C31624" s="2"/>
    </row>
    <row r="31625" spans="1:3" ht="19.2">
      <c r="A31625" s="2"/>
      <c r="B31625" s="2"/>
      <c r="C31625" s="2"/>
    </row>
    <row r="31626" spans="1:3" ht="19.2">
      <c r="A31626" s="2"/>
      <c r="B31626" s="2"/>
      <c r="C31626" s="2"/>
    </row>
    <row r="31627" spans="1:3" ht="19.2">
      <c r="A31627" s="2"/>
      <c r="B31627" s="2"/>
      <c r="C31627" s="2"/>
    </row>
    <row r="31628" spans="1:3" ht="19.2">
      <c r="A31628" s="2"/>
      <c r="B31628" s="2"/>
      <c r="C31628" s="2"/>
    </row>
    <row r="31629" spans="1:3" ht="19.2">
      <c r="A31629" s="2"/>
      <c r="B31629" s="2"/>
      <c r="C31629" s="2"/>
    </row>
    <row r="31630" spans="1:3" ht="19.2">
      <c r="A31630" s="2"/>
      <c r="B31630" s="2"/>
      <c r="C31630" s="2"/>
    </row>
    <row r="31631" spans="1:3" ht="19.2">
      <c r="A31631" s="2"/>
      <c r="B31631" s="2"/>
      <c r="C31631" s="2"/>
    </row>
    <row r="31632" spans="1:3" ht="19.2">
      <c r="A31632" s="2"/>
      <c r="B31632" s="2"/>
      <c r="C31632" s="2"/>
    </row>
    <row r="31633" spans="1:3" ht="19.2">
      <c r="A31633" s="2"/>
      <c r="B31633" s="2"/>
      <c r="C31633" s="2"/>
    </row>
    <row r="31634" spans="1:3" ht="19.2">
      <c r="A31634" s="2"/>
      <c r="B31634" s="2"/>
      <c r="C31634" s="2"/>
    </row>
    <row r="31635" spans="1:3" ht="19.2">
      <c r="A31635" s="2"/>
      <c r="B31635" s="2"/>
      <c r="C31635" s="2"/>
    </row>
    <row r="31636" spans="1:3" ht="19.2">
      <c r="A31636" s="2"/>
      <c r="B31636" s="2"/>
      <c r="C31636" s="2"/>
    </row>
    <row r="31637" spans="1:3" ht="19.2">
      <c r="A31637" s="2"/>
      <c r="B31637" s="2"/>
      <c r="C31637" s="2"/>
    </row>
    <row r="31638" spans="1:3" ht="19.2">
      <c r="A31638" s="2"/>
      <c r="B31638" s="2"/>
      <c r="C31638" s="2"/>
    </row>
    <row r="31639" spans="1:3" ht="19.2">
      <c r="A31639" s="2"/>
      <c r="B31639" s="2"/>
      <c r="C31639" s="2"/>
    </row>
    <row r="31640" spans="1:3" ht="19.2">
      <c r="A31640" s="2"/>
      <c r="B31640" s="2"/>
      <c r="C31640" s="2"/>
    </row>
    <row r="31641" spans="1:3" ht="19.2">
      <c r="A31641" s="2"/>
      <c r="B31641" s="2"/>
      <c r="C31641" s="2"/>
    </row>
    <row r="31642" spans="1:3" ht="19.2">
      <c r="A31642" s="2"/>
      <c r="B31642" s="2"/>
      <c r="C31642" s="2"/>
    </row>
    <row r="31643" spans="1:3" ht="19.2">
      <c r="A31643" s="2"/>
      <c r="B31643" s="2"/>
      <c r="C31643" s="2"/>
    </row>
    <row r="31644" spans="1:3" ht="19.2">
      <c r="A31644" s="2"/>
      <c r="B31644" s="2"/>
      <c r="C31644" s="2"/>
    </row>
    <row r="31645" spans="1:3" ht="19.2">
      <c r="A31645" s="2"/>
      <c r="B31645" s="2"/>
      <c r="C31645" s="2"/>
    </row>
    <row r="31646" spans="1:3" ht="19.2">
      <c r="A31646" s="2"/>
      <c r="B31646" s="2"/>
      <c r="C31646" s="2"/>
    </row>
    <row r="31647" spans="1:3" ht="19.2">
      <c r="A31647" s="2"/>
      <c r="B31647" s="2"/>
      <c r="C31647" s="2"/>
    </row>
    <row r="31648" spans="1:3" ht="19.2">
      <c r="A31648" s="2"/>
      <c r="B31648" s="2"/>
      <c r="C31648" s="2"/>
    </row>
    <row r="31649" spans="1:3" ht="19.2">
      <c r="A31649" s="2"/>
      <c r="B31649" s="2"/>
      <c r="C31649" s="2"/>
    </row>
    <row r="31650" spans="1:3" ht="19.2">
      <c r="A31650" s="2"/>
      <c r="B31650" s="2"/>
      <c r="C31650" s="2"/>
    </row>
    <row r="31651" spans="1:3" ht="19.2">
      <c r="A31651" s="2"/>
      <c r="B31651" s="2"/>
      <c r="C31651" s="2"/>
    </row>
    <row r="31652" spans="1:3" ht="19.2">
      <c r="A31652" s="2"/>
      <c r="B31652" s="2"/>
      <c r="C31652" s="2"/>
    </row>
    <row r="31653" spans="1:3" ht="19.2">
      <c r="A31653" s="2"/>
      <c r="B31653" s="2"/>
      <c r="C31653" s="2"/>
    </row>
    <row r="31654" spans="1:3" ht="19.2">
      <c r="A31654" s="2"/>
      <c r="B31654" s="2"/>
      <c r="C31654" s="2"/>
    </row>
    <row r="31655" spans="1:3" ht="19.2">
      <c r="A31655" s="2"/>
      <c r="B31655" s="2"/>
      <c r="C31655" s="2"/>
    </row>
    <row r="31656" spans="1:3" ht="19.2">
      <c r="A31656" s="2"/>
      <c r="B31656" s="2"/>
      <c r="C31656" s="2"/>
    </row>
    <row r="31657" spans="1:3" ht="19.2">
      <c r="A31657" s="2"/>
      <c r="B31657" s="2"/>
      <c r="C31657" s="2"/>
    </row>
    <row r="31658" spans="1:3" ht="19.2">
      <c r="A31658" s="2"/>
      <c r="B31658" s="2"/>
      <c r="C31658" s="2"/>
    </row>
    <row r="31659" spans="1:3" ht="19.2">
      <c r="A31659" s="2"/>
      <c r="B31659" s="2"/>
      <c r="C31659" s="2"/>
    </row>
    <row r="31660" spans="1:3" ht="19.2">
      <c r="A31660" s="2"/>
      <c r="B31660" s="2"/>
      <c r="C31660" s="2"/>
    </row>
    <row r="31661" spans="1:3" ht="19.2">
      <c r="A31661" s="2"/>
      <c r="B31661" s="2"/>
      <c r="C31661" s="2"/>
    </row>
    <row r="31662" spans="1:3" ht="19.2">
      <c r="A31662" s="2"/>
      <c r="B31662" s="2"/>
      <c r="C31662" s="2"/>
    </row>
    <row r="31663" spans="1:3" ht="19.2">
      <c r="A31663" s="2"/>
      <c r="B31663" s="2"/>
      <c r="C31663" s="2"/>
    </row>
    <row r="31664" spans="1:3" ht="19.2">
      <c r="A31664" s="2"/>
      <c r="B31664" s="2"/>
      <c r="C31664" s="2"/>
    </row>
    <row r="31665" spans="1:3" ht="19.2">
      <c r="A31665" s="2"/>
      <c r="B31665" s="2"/>
      <c r="C31665" s="2"/>
    </row>
    <row r="31666" spans="1:3" ht="19.2">
      <c r="A31666" s="2"/>
      <c r="B31666" s="2"/>
      <c r="C31666" s="2"/>
    </row>
    <row r="31667" spans="1:3" ht="19.2">
      <c r="A31667" s="2"/>
      <c r="B31667" s="2"/>
      <c r="C31667" s="2"/>
    </row>
    <row r="31668" spans="1:3" ht="19.2">
      <c r="A31668" s="2"/>
      <c r="B31668" s="2"/>
      <c r="C31668" s="2"/>
    </row>
    <row r="31669" spans="1:3" ht="19.2">
      <c r="A31669" s="2"/>
      <c r="B31669" s="2"/>
      <c r="C31669" s="2"/>
    </row>
    <row r="31670" spans="1:3" ht="19.2">
      <c r="A31670" s="2"/>
      <c r="B31670" s="2"/>
      <c r="C31670" s="2"/>
    </row>
    <row r="31671" spans="1:3" ht="19.2">
      <c r="A31671" s="2"/>
      <c r="B31671" s="2"/>
      <c r="C31671" s="2"/>
    </row>
    <row r="31672" spans="1:3" ht="19.2">
      <c r="A31672" s="2"/>
      <c r="B31672" s="2"/>
      <c r="C31672" s="2"/>
    </row>
    <row r="31673" spans="1:3" ht="19.2">
      <c r="A31673" s="2"/>
      <c r="B31673" s="2"/>
      <c r="C31673" s="2"/>
    </row>
    <row r="31674" spans="1:3" ht="19.2">
      <c r="A31674" s="2"/>
      <c r="B31674" s="2"/>
      <c r="C31674" s="2"/>
    </row>
    <row r="31675" spans="1:3" ht="19.2">
      <c r="A31675" s="2"/>
      <c r="B31675" s="2"/>
      <c r="C31675" s="2"/>
    </row>
    <row r="31676" spans="1:3" ht="19.2">
      <c r="A31676" s="2"/>
      <c r="B31676" s="2"/>
      <c r="C31676" s="2"/>
    </row>
    <row r="31677" spans="1:3" ht="19.2">
      <c r="A31677" s="2"/>
      <c r="B31677" s="2"/>
      <c r="C31677" s="2"/>
    </row>
    <row r="31678" spans="1:3" ht="19.2">
      <c r="A31678" s="2"/>
      <c r="B31678" s="2"/>
      <c r="C31678" s="2"/>
    </row>
    <row r="31679" spans="1:3" ht="19.2">
      <c r="A31679" s="2"/>
      <c r="B31679" s="2"/>
      <c r="C31679" s="2"/>
    </row>
    <row r="31680" spans="1:3" ht="19.2">
      <c r="A31680" s="2"/>
      <c r="B31680" s="2"/>
      <c r="C31680" s="2"/>
    </row>
    <row r="31681" spans="1:3" ht="19.2">
      <c r="A31681" s="2"/>
      <c r="B31681" s="2"/>
      <c r="C31681" s="2"/>
    </row>
    <row r="31682" spans="1:3" ht="19.2">
      <c r="A31682" s="2"/>
      <c r="B31682" s="2"/>
      <c r="C31682" s="2"/>
    </row>
    <row r="31683" spans="1:3" ht="19.2">
      <c r="A31683" s="2"/>
      <c r="B31683" s="2"/>
      <c r="C31683" s="2"/>
    </row>
    <row r="31684" spans="1:3" ht="19.2">
      <c r="A31684" s="2"/>
      <c r="B31684" s="2"/>
      <c r="C31684" s="2"/>
    </row>
    <row r="31685" spans="1:3" ht="19.2">
      <c r="A31685" s="2"/>
      <c r="B31685" s="2"/>
      <c r="C31685" s="2"/>
    </row>
    <row r="31686" spans="1:3" ht="19.2">
      <c r="A31686" s="2"/>
      <c r="B31686" s="2"/>
      <c r="C31686" s="2"/>
    </row>
    <row r="31687" spans="1:3" ht="19.2">
      <c r="A31687" s="2"/>
      <c r="B31687" s="2"/>
      <c r="C31687" s="2"/>
    </row>
    <row r="31688" spans="1:3" ht="19.2">
      <c r="A31688" s="2"/>
      <c r="B31688" s="2"/>
      <c r="C31688" s="2"/>
    </row>
    <row r="31689" spans="1:3" ht="19.2">
      <c r="A31689" s="2"/>
      <c r="B31689" s="2"/>
      <c r="C31689" s="2"/>
    </row>
    <row r="31690" spans="1:3" ht="19.2">
      <c r="A31690" s="2"/>
      <c r="B31690" s="2"/>
      <c r="C31690" s="2"/>
    </row>
    <row r="31691" spans="1:3" ht="19.2">
      <c r="A31691" s="2"/>
      <c r="B31691" s="2"/>
      <c r="C31691" s="2"/>
    </row>
    <row r="31692" spans="1:3" ht="19.2">
      <c r="A31692" s="2"/>
      <c r="B31692" s="2"/>
      <c r="C31692" s="2"/>
    </row>
    <row r="31693" spans="1:3" ht="19.2">
      <c r="A31693" s="2"/>
      <c r="B31693" s="2"/>
      <c r="C31693" s="2"/>
    </row>
    <row r="31694" spans="1:3" ht="19.2">
      <c r="A31694" s="2"/>
      <c r="B31694" s="2"/>
      <c r="C31694" s="2"/>
    </row>
    <row r="31695" spans="1:3" ht="19.2">
      <c r="A31695" s="2"/>
      <c r="B31695" s="2"/>
      <c r="C31695" s="2"/>
    </row>
    <row r="31696" spans="1:3" ht="19.2">
      <c r="A31696" s="2"/>
      <c r="B31696" s="2"/>
      <c r="C31696" s="2"/>
    </row>
    <row r="31697" spans="1:3" ht="19.2">
      <c r="A31697" s="2"/>
      <c r="B31697" s="2"/>
      <c r="C31697" s="2"/>
    </row>
    <row r="31698" spans="1:3" ht="19.2">
      <c r="A31698" s="2"/>
      <c r="B31698" s="2"/>
      <c r="C31698" s="2"/>
    </row>
    <row r="31699" spans="1:3" ht="19.2">
      <c r="A31699" s="2"/>
      <c r="B31699" s="2"/>
      <c r="C31699" s="2"/>
    </row>
    <row r="31700" spans="1:3" ht="19.2">
      <c r="A31700" s="2"/>
      <c r="B31700" s="2"/>
      <c r="C31700" s="2"/>
    </row>
    <row r="31701" spans="1:3" ht="19.2">
      <c r="A31701" s="2"/>
      <c r="B31701" s="2"/>
      <c r="C31701" s="2"/>
    </row>
    <row r="31702" spans="1:3" ht="19.2">
      <c r="A31702" s="2"/>
      <c r="B31702" s="2"/>
      <c r="C31702" s="2"/>
    </row>
    <row r="31703" spans="1:3" ht="19.2">
      <c r="A31703" s="2"/>
      <c r="B31703" s="2"/>
      <c r="C31703" s="2"/>
    </row>
    <row r="31704" spans="1:3" ht="19.2">
      <c r="A31704" s="2"/>
      <c r="B31704" s="2"/>
      <c r="C31704" s="2"/>
    </row>
    <row r="31705" spans="1:3" ht="19.2">
      <c r="A31705" s="2"/>
      <c r="B31705" s="2"/>
      <c r="C31705" s="2"/>
    </row>
    <row r="31706" spans="1:3" ht="19.2">
      <c r="A31706" s="2"/>
      <c r="B31706" s="2"/>
      <c r="C31706" s="2"/>
    </row>
    <row r="31707" spans="1:3" ht="19.2">
      <c r="A31707" s="2"/>
      <c r="B31707" s="2"/>
      <c r="C31707" s="2"/>
    </row>
    <row r="31708" spans="1:3" ht="19.2">
      <c r="A31708" s="2"/>
      <c r="B31708" s="2"/>
      <c r="C31708" s="2"/>
    </row>
    <row r="31709" spans="1:3" ht="19.2">
      <c r="A31709" s="2"/>
      <c r="B31709" s="2"/>
      <c r="C31709" s="2"/>
    </row>
    <row r="31710" spans="1:3" ht="19.2">
      <c r="A31710" s="2"/>
      <c r="B31710" s="2"/>
      <c r="C31710" s="2"/>
    </row>
    <row r="31711" spans="1:3" ht="19.2">
      <c r="A31711" s="2"/>
      <c r="B31711" s="2"/>
      <c r="C31711" s="2"/>
    </row>
    <row r="31712" spans="1:3" ht="19.2">
      <c r="A31712" s="2"/>
      <c r="B31712" s="2"/>
      <c r="C31712" s="2"/>
    </row>
    <row r="31713" spans="1:3" ht="19.2">
      <c r="A31713" s="2"/>
      <c r="B31713" s="2"/>
      <c r="C31713" s="2"/>
    </row>
    <row r="31714" spans="1:3" ht="19.2">
      <c r="A31714" s="2"/>
      <c r="B31714" s="2"/>
      <c r="C31714" s="2"/>
    </row>
    <row r="31715" spans="1:3" ht="19.2">
      <c r="A31715" s="2"/>
      <c r="B31715" s="2"/>
      <c r="C31715" s="2"/>
    </row>
    <row r="31716" spans="1:3" ht="19.2">
      <c r="A31716" s="2"/>
      <c r="B31716" s="2"/>
      <c r="C31716" s="2"/>
    </row>
    <row r="31717" spans="1:3" ht="19.2">
      <c r="A31717" s="2"/>
      <c r="B31717" s="2"/>
      <c r="C31717" s="2"/>
    </row>
    <row r="31718" spans="1:3" ht="19.2">
      <c r="A31718" s="2"/>
      <c r="B31718" s="2"/>
      <c r="C31718" s="2"/>
    </row>
    <row r="31719" spans="1:3" ht="19.2">
      <c r="A31719" s="2"/>
      <c r="B31719" s="2"/>
      <c r="C31719" s="2"/>
    </row>
    <row r="31720" spans="1:3" ht="19.2">
      <c r="A31720" s="2"/>
      <c r="B31720" s="2"/>
      <c r="C31720" s="2"/>
    </row>
    <row r="31721" spans="1:3" ht="19.2">
      <c r="A31721" s="2"/>
      <c r="B31721" s="2"/>
      <c r="C31721" s="2"/>
    </row>
    <row r="31722" spans="1:3" ht="19.2">
      <c r="A31722" s="2"/>
      <c r="B31722" s="2"/>
      <c r="C31722" s="2"/>
    </row>
    <row r="31723" spans="1:3" ht="19.2">
      <c r="A31723" s="2"/>
      <c r="B31723" s="2"/>
      <c r="C31723" s="2"/>
    </row>
    <row r="31724" spans="1:3" ht="19.2">
      <c r="A31724" s="2"/>
      <c r="B31724" s="2"/>
      <c r="C31724" s="2"/>
    </row>
    <row r="31725" spans="1:3" ht="19.2">
      <c r="A31725" s="2"/>
      <c r="B31725" s="2"/>
      <c r="C31725" s="2"/>
    </row>
    <row r="31726" spans="1:3" ht="19.2">
      <c r="A31726" s="2"/>
      <c r="B31726" s="2"/>
      <c r="C31726" s="2"/>
    </row>
    <row r="31727" spans="1:3" ht="19.2">
      <c r="A31727" s="2"/>
      <c r="B31727" s="2"/>
      <c r="C31727" s="2"/>
    </row>
    <row r="31728" spans="1:3" ht="19.2">
      <c r="A31728" s="2"/>
      <c r="B31728" s="2"/>
      <c r="C31728" s="2"/>
    </row>
    <row r="31729" spans="1:3" ht="19.2">
      <c r="A31729" s="2"/>
      <c r="B31729" s="2"/>
      <c r="C31729" s="2"/>
    </row>
    <row r="31730" spans="1:3" ht="19.2">
      <c r="A31730" s="2"/>
      <c r="B31730" s="2"/>
      <c r="C31730" s="2"/>
    </row>
    <row r="31731" spans="1:3" ht="19.2">
      <c r="A31731" s="2"/>
      <c r="B31731" s="2"/>
      <c r="C31731" s="2"/>
    </row>
    <row r="31732" spans="1:3" ht="19.2">
      <c r="A31732" s="2"/>
      <c r="B31732" s="2"/>
      <c r="C31732" s="2"/>
    </row>
    <row r="31733" spans="1:3" ht="19.2">
      <c r="A31733" s="2"/>
      <c r="B31733" s="2"/>
      <c r="C31733" s="2"/>
    </row>
    <row r="31734" spans="1:3" ht="19.2">
      <c r="A31734" s="2"/>
      <c r="B31734" s="2"/>
      <c r="C31734" s="2"/>
    </row>
    <row r="31735" spans="1:3" ht="19.2">
      <c r="A31735" s="2"/>
      <c r="B31735" s="2"/>
      <c r="C31735" s="2"/>
    </row>
    <row r="31736" spans="1:3" ht="19.2">
      <c r="A31736" s="2"/>
      <c r="B31736" s="2"/>
      <c r="C31736" s="2"/>
    </row>
    <row r="31737" spans="1:3" ht="19.2">
      <c r="A31737" s="2"/>
      <c r="B31737" s="2"/>
      <c r="C31737" s="2"/>
    </row>
    <row r="31738" spans="1:3" ht="19.2">
      <c r="A31738" s="2"/>
      <c r="B31738" s="2"/>
      <c r="C31738" s="2"/>
    </row>
    <row r="31739" spans="1:3" ht="19.2">
      <c r="A31739" s="2"/>
      <c r="B31739" s="2"/>
      <c r="C31739" s="2"/>
    </row>
    <row r="31740" spans="1:3" ht="19.2">
      <c r="A31740" s="2"/>
      <c r="B31740" s="2"/>
      <c r="C31740" s="2"/>
    </row>
    <row r="31741" spans="1:3" ht="19.2">
      <c r="A31741" s="2"/>
      <c r="B31741" s="2"/>
      <c r="C31741" s="2"/>
    </row>
    <row r="31742" spans="1:3" ht="19.2">
      <c r="A31742" s="2"/>
      <c r="B31742" s="2"/>
      <c r="C31742" s="2"/>
    </row>
    <row r="31743" spans="1:3" ht="19.2">
      <c r="A31743" s="2"/>
      <c r="B31743" s="2"/>
      <c r="C31743" s="2"/>
    </row>
    <row r="31744" spans="1:3" ht="19.2">
      <c r="A31744" s="2"/>
      <c r="B31744" s="2"/>
      <c r="C31744" s="2"/>
    </row>
    <row r="31745" spans="1:3" ht="19.2">
      <c r="A31745" s="2"/>
      <c r="B31745" s="2"/>
      <c r="C31745" s="2"/>
    </row>
    <row r="31746" spans="1:3" ht="19.2">
      <c r="A31746" s="2"/>
      <c r="B31746" s="2"/>
      <c r="C31746" s="2"/>
    </row>
    <row r="31747" spans="1:3" ht="19.2">
      <c r="A31747" s="2"/>
      <c r="B31747" s="2"/>
      <c r="C31747" s="2"/>
    </row>
    <row r="31748" spans="1:3" ht="19.2">
      <c r="A31748" s="2"/>
      <c r="B31748" s="2"/>
      <c r="C31748" s="2"/>
    </row>
    <row r="31749" spans="1:3" ht="19.2">
      <c r="A31749" s="2"/>
      <c r="B31749" s="2"/>
      <c r="C31749" s="2"/>
    </row>
    <row r="31750" spans="1:3" ht="19.2">
      <c r="A31750" s="2"/>
      <c r="B31750" s="2"/>
      <c r="C31750" s="2"/>
    </row>
    <row r="31751" spans="1:3" ht="19.2">
      <c r="A31751" s="2"/>
      <c r="B31751" s="2"/>
      <c r="C31751" s="2"/>
    </row>
    <row r="31752" spans="1:3" ht="19.2">
      <c r="A31752" s="2"/>
      <c r="B31752" s="2"/>
      <c r="C31752" s="2"/>
    </row>
    <row r="31753" spans="1:3" ht="19.2">
      <c r="A31753" s="2"/>
      <c r="B31753" s="2"/>
      <c r="C31753" s="2"/>
    </row>
    <row r="31754" spans="1:3" ht="19.2">
      <c r="A31754" s="2"/>
      <c r="B31754" s="2"/>
      <c r="C31754" s="2"/>
    </row>
    <row r="31755" spans="1:3" ht="19.2">
      <c r="A31755" s="2"/>
      <c r="B31755" s="2"/>
      <c r="C31755" s="2"/>
    </row>
    <row r="31756" spans="1:3" ht="19.2">
      <c r="A31756" s="2"/>
      <c r="B31756" s="2"/>
      <c r="C31756" s="2"/>
    </row>
    <row r="31757" spans="1:3" ht="19.2">
      <c r="A31757" s="2"/>
      <c r="B31757" s="2"/>
      <c r="C31757" s="2"/>
    </row>
    <row r="31758" spans="1:3" ht="19.2">
      <c r="A31758" s="2"/>
      <c r="B31758" s="2"/>
      <c r="C31758" s="2"/>
    </row>
    <row r="31759" spans="1:3" ht="19.2">
      <c r="A31759" s="2"/>
      <c r="B31759" s="2"/>
      <c r="C31759" s="2"/>
    </row>
    <row r="31760" spans="1:3" ht="19.2">
      <c r="A31760" s="2"/>
      <c r="B31760" s="2"/>
      <c r="C31760" s="2"/>
    </row>
    <row r="31761" spans="1:3" ht="19.2">
      <c r="A31761" s="2"/>
      <c r="B31761" s="2"/>
      <c r="C31761" s="2"/>
    </row>
    <row r="31762" spans="1:3" ht="19.2">
      <c r="A31762" s="2"/>
      <c r="B31762" s="2"/>
      <c r="C31762" s="2"/>
    </row>
    <row r="31763" spans="1:3" ht="19.2">
      <c r="A31763" s="2"/>
      <c r="B31763" s="2"/>
      <c r="C31763" s="2"/>
    </row>
    <row r="31764" spans="1:3" ht="19.2">
      <c r="A31764" s="2"/>
      <c r="B31764" s="2"/>
      <c r="C31764" s="2"/>
    </row>
    <row r="31765" spans="1:3" ht="19.2">
      <c r="A31765" s="2"/>
      <c r="B31765" s="2"/>
      <c r="C31765" s="2"/>
    </row>
    <row r="31766" spans="1:3" ht="19.2">
      <c r="A31766" s="2"/>
      <c r="B31766" s="2"/>
      <c r="C31766" s="2"/>
    </row>
    <row r="31767" spans="1:3" ht="19.2">
      <c r="A31767" s="2"/>
      <c r="B31767" s="2"/>
      <c r="C31767" s="2"/>
    </row>
    <row r="31768" spans="1:3" ht="19.2">
      <c r="A31768" s="2"/>
      <c r="B31768" s="2"/>
      <c r="C31768" s="2"/>
    </row>
    <row r="31769" spans="1:3" ht="19.2">
      <c r="A31769" s="2"/>
      <c r="B31769" s="2"/>
      <c r="C31769" s="2"/>
    </row>
    <row r="31770" spans="1:3" ht="19.2">
      <c r="A31770" s="2"/>
      <c r="B31770" s="2"/>
      <c r="C31770" s="2"/>
    </row>
    <row r="31771" spans="1:3" ht="19.2">
      <c r="A31771" s="2"/>
      <c r="B31771" s="2"/>
      <c r="C31771" s="2"/>
    </row>
    <row r="31772" spans="1:3" ht="19.2">
      <c r="A31772" s="2"/>
      <c r="B31772" s="2"/>
      <c r="C31772" s="2"/>
    </row>
    <row r="31773" spans="1:3" ht="19.2">
      <c r="A31773" s="2"/>
      <c r="B31773" s="2"/>
      <c r="C31773" s="2"/>
    </row>
    <row r="31774" spans="1:3" ht="19.2">
      <c r="A31774" s="2"/>
      <c r="B31774" s="2"/>
      <c r="C31774" s="2"/>
    </row>
    <row r="31775" spans="1:3" ht="19.2">
      <c r="A31775" s="2"/>
      <c r="B31775" s="2"/>
      <c r="C31775" s="2"/>
    </row>
    <row r="31776" spans="1:3" ht="19.2">
      <c r="A31776" s="2"/>
      <c r="B31776" s="2"/>
      <c r="C31776" s="2"/>
    </row>
    <row r="31777" spans="1:3" ht="19.2">
      <c r="A31777" s="2"/>
      <c r="B31777" s="2"/>
      <c r="C31777" s="2"/>
    </row>
    <row r="31778" spans="1:3" ht="19.2">
      <c r="A31778" s="2"/>
      <c r="B31778" s="2"/>
      <c r="C31778" s="2"/>
    </row>
    <row r="31779" spans="1:3" ht="19.2">
      <c r="A31779" s="2"/>
      <c r="B31779" s="2"/>
      <c r="C31779" s="2"/>
    </row>
    <row r="31780" spans="1:3" ht="19.2">
      <c r="A31780" s="2"/>
      <c r="B31780" s="2"/>
      <c r="C31780" s="2"/>
    </row>
    <row r="31781" spans="1:3" ht="19.2">
      <c r="A31781" s="2"/>
      <c r="B31781" s="2"/>
      <c r="C31781" s="2"/>
    </row>
    <row r="31782" spans="1:3" ht="19.2">
      <c r="A31782" s="2"/>
      <c r="B31782" s="2"/>
      <c r="C31782" s="2"/>
    </row>
    <row r="31783" spans="1:3" ht="19.2">
      <c r="A31783" s="2"/>
      <c r="B31783" s="2"/>
      <c r="C31783" s="2"/>
    </row>
    <row r="31784" spans="1:3" ht="19.2">
      <c r="A31784" s="2"/>
      <c r="B31784" s="2"/>
      <c r="C31784" s="2"/>
    </row>
    <row r="31785" spans="1:3" ht="19.2">
      <c r="A31785" s="2"/>
      <c r="B31785" s="2"/>
      <c r="C31785" s="2"/>
    </row>
    <row r="31786" spans="1:3" ht="19.2">
      <c r="A31786" s="2"/>
      <c r="B31786" s="2"/>
      <c r="C31786" s="2"/>
    </row>
    <row r="31787" spans="1:3" ht="19.2">
      <c r="A31787" s="2"/>
      <c r="B31787" s="2"/>
      <c r="C31787" s="2"/>
    </row>
    <row r="31788" spans="1:3" ht="19.2">
      <c r="A31788" s="2"/>
      <c r="B31788" s="2"/>
      <c r="C31788" s="2"/>
    </row>
    <row r="31789" spans="1:3" ht="19.2">
      <c r="A31789" s="2"/>
      <c r="B31789" s="2"/>
      <c r="C31789" s="2"/>
    </row>
    <row r="31790" spans="1:3" ht="19.2">
      <c r="A31790" s="2"/>
      <c r="B31790" s="2"/>
      <c r="C31790" s="2"/>
    </row>
    <row r="31791" spans="1:3" ht="19.2">
      <c r="A31791" s="2"/>
      <c r="B31791" s="2"/>
      <c r="C31791" s="2"/>
    </row>
    <row r="31792" spans="1:3" ht="19.2">
      <c r="A31792" s="2"/>
      <c r="B31792" s="2"/>
      <c r="C31792" s="2"/>
    </row>
    <row r="31793" spans="1:3" ht="19.2">
      <c r="A31793" s="2"/>
      <c r="B31793" s="2"/>
      <c r="C31793" s="2"/>
    </row>
    <row r="31794" spans="1:3" ht="19.2">
      <c r="A31794" s="2"/>
      <c r="B31794" s="2"/>
      <c r="C31794" s="2"/>
    </row>
    <row r="31795" spans="1:3" ht="19.2">
      <c r="A31795" s="2"/>
      <c r="B31795" s="2"/>
      <c r="C31795" s="2"/>
    </row>
    <row r="31796" spans="1:3" ht="19.2">
      <c r="A31796" s="2"/>
      <c r="B31796" s="2"/>
      <c r="C31796" s="2"/>
    </row>
    <row r="31797" spans="1:3" ht="19.2">
      <c r="A31797" s="2"/>
      <c r="B31797" s="2"/>
      <c r="C31797" s="2"/>
    </row>
    <row r="31798" spans="1:3" ht="19.2">
      <c r="A31798" s="2"/>
      <c r="B31798" s="2"/>
      <c r="C31798" s="2"/>
    </row>
    <row r="31799" spans="1:3" ht="19.2">
      <c r="A31799" s="2"/>
      <c r="B31799" s="2"/>
      <c r="C31799" s="2"/>
    </row>
    <row r="31800" spans="1:3" ht="19.2">
      <c r="A31800" s="2"/>
      <c r="B31800" s="2"/>
      <c r="C31800" s="2"/>
    </row>
    <row r="31801" spans="1:3" ht="19.2">
      <c r="A31801" s="2"/>
      <c r="B31801" s="2"/>
      <c r="C31801" s="2"/>
    </row>
    <row r="31802" spans="1:3" ht="19.2">
      <c r="A31802" s="2"/>
      <c r="B31802" s="2"/>
      <c r="C31802" s="2"/>
    </row>
    <row r="31803" spans="1:3" ht="19.2">
      <c r="A31803" s="2"/>
      <c r="B31803" s="2"/>
      <c r="C31803" s="2"/>
    </row>
    <row r="31804" spans="1:3" ht="19.2">
      <c r="A31804" s="2"/>
      <c r="B31804" s="2"/>
      <c r="C31804" s="2"/>
    </row>
    <row r="31805" spans="1:3" ht="19.2">
      <c r="A31805" s="2"/>
      <c r="B31805" s="2"/>
      <c r="C31805" s="2"/>
    </row>
    <row r="31806" spans="1:3" ht="19.2">
      <c r="A31806" s="2"/>
      <c r="B31806" s="2"/>
      <c r="C31806" s="2"/>
    </row>
    <row r="31807" spans="1:3" ht="19.2">
      <c r="A31807" s="2"/>
      <c r="B31807" s="2"/>
      <c r="C31807" s="2"/>
    </row>
    <row r="31808" spans="1:3" ht="19.2">
      <c r="A31808" s="2"/>
      <c r="B31808" s="2"/>
      <c r="C31808" s="2"/>
    </row>
    <row r="31809" spans="1:3" ht="19.2">
      <c r="A31809" s="2"/>
      <c r="B31809" s="2"/>
      <c r="C31809" s="2"/>
    </row>
    <row r="31810" spans="1:3" ht="19.2">
      <c r="A31810" s="2"/>
      <c r="B31810" s="2"/>
      <c r="C31810" s="2"/>
    </row>
    <row r="31811" spans="1:3" ht="19.2">
      <c r="A31811" s="2"/>
      <c r="B31811" s="2"/>
      <c r="C31811" s="2"/>
    </row>
    <row r="31812" spans="1:3" ht="19.2">
      <c r="A31812" s="2"/>
      <c r="B31812" s="2"/>
      <c r="C31812" s="2"/>
    </row>
    <row r="31813" spans="1:3" ht="19.2">
      <c r="A31813" s="2"/>
      <c r="B31813" s="2"/>
      <c r="C31813" s="2"/>
    </row>
    <row r="31814" spans="1:3" ht="19.2">
      <c r="A31814" s="2"/>
      <c r="B31814" s="2"/>
      <c r="C31814" s="2"/>
    </row>
    <row r="31815" spans="1:3" ht="19.2">
      <c r="A31815" s="2"/>
      <c r="B31815" s="2"/>
      <c r="C31815" s="2"/>
    </row>
    <row r="31816" spans="1:3" ht="19.2">
      <c r="A31816" s="2"/>
      <c r="B31816" s="2"/>
      <c r="C31816" s="2"/>
    </row>
    <row r="31817" spans="1:3" ht="19.2">
      <c r="A31817" s="2"/>
      <c r="B31817" s="2"/>
      <c r="C31817" s="2"/>
    </row>
    <row r="31818" spans="1:3" ht="19.2">
      <c r="A31818" s="2"/>
      <c r="B31818" s="2"/>
      <c r="C31818" s="2"/>
    </row>
    <row r="31819" spans="1:3" ht="19.2">
      <c r="A31819" s="2"/>
      <c r="B31819" s="2"/>
      <c r="C31819" s="2"/>
    </row>
    <row r="31820" spans="1:3" ht="19.2">
      <c r="A31820" s="2"/>
      <c r="B31820" s="2"/>
      <c r="C31820" s="2"/>
    </row>
    <row r="31821" spans="1:3" ht="19.2">
      <c r="A31821" s="2"/>
      <c r="B31821" s="2"/>
      <c r="C31821" s="2"/>
    </row>
    <row r="31822" spans="1:3" ht="19.2">
      <c r="A31822" s="2"/>
      <c r="B31822" s="2"/>
      <c r="C31822" s="2"/>
    </row>
    <row r="31823" spans="1:3" ht="19.2">
      <c r="A31823" s="2"/>
      <c r="B31823" s="2"/>
      <c r="C31823" s="2"/>
    </row>
    <row r="31824" spans="1:3" ht="19.2">
      <c r="A31824" s="2"/>
      <c r="B31824" s="2"/>
      <c r="C31824" s="2"/>
    </row>
    <row r="31825" spans="1:3" ht="19.2">
      <c r="A31825" s="2"/>
      <c r="B31825" s="2"/>
      <c r="C31825" s="2"/>
    </row>
    <row r="31826" spans="1:3" ht="19.2">
      <c r="A31826" s="2"/>
      <c r="B31826" s="2"/>
      <c r="C31826" s="2"/>
    </row>
    <row r="31827" spans="1:3" ht="19.2">
      <c r="A31827" s="2"/>
      <c r="B31827" s="2"/>
      <c r="C31827" s="2"/>
    </row>
    <row r="31828" spans="1:3" ht="19.2">
      <c r="A31828" s="2"/>
      <c r="B31828" s="2"/>
      <c r="C31828" s="2"/>
    </row>
    <row r="31829" spans="1:3" ht="19.2">
      <c r="A31829" s="2"/>
      <c r="B31829" s="2"/>
      <c r="C31829" s="2"/>
    </row>
    <row r="31830" spans="1:3" ht="19.2">
      <c r="A31830" s="2"/>
      <c r="B31830" s="2"/>
      <c r="C31830" s="2"/>
    </row>
    <row r="31831" spans="1:3" ht="19.2">
      <c r="A31831" s="2"/>
      <c r="B31831" s="2"/>
      <c r="C31831" s="2"/>
    </row>
    <row r="31832" spans="1:3" ht="19.2">
      <c r="A31832" s="2"/>
      <c r="B31832" s="2"/>
      <c r="C31832" s="2"/>
    </row>
    <row r="31833" spans="1:3" ht="19.2">
      <c r="A31833" s="2"/>
      <c r="B31833" s="2"/>
      <c r="C31833" s="2"/>
    </row>
    <row r="31834" spans="1:3" ht="19.2">
      <c r="A31834" s="2"/>
      <c r="B31834" s="2"/>
      <c r="C31834" s="2"/>
    </row>
    <row r="31835" spans="1:3" ht="19.2">
      <c r="A31835" s="2"/>
      <c r="B31835" s="2"/>
      <c r="C31835" s="2"/>
    </row>
    <row r="31836" spans="1:3" ht="19.2">
      <c r="A31836" s="2"/>
      <c r="B31836" s="2"/>
      <c r="C31836" s="2"/>
    </row>
    <row r="31837" spans="1:3" ht="19.2">
      <c r="A31837" s="2"/>
      <c r="B31837" s="2"/>
      <c r="C31837" s="2"/>
    </row>
    <row r="31838" spans="1:3" ht="19.2">
      <c r="A31838" s="2"/>
      <c r="B31838" s="2"/>
      <c r="C31838" s="2"/>
    </row>
    <row r="31839" spans="1:3" ht="19.2">
      <c r="A31839" s="2"/>
      <c r="B31839" s="2"/>
      <c r="C31839" s="2"/>
    </row>
    <row r="31840" spans="1:3" ht="19.2">
      <c r="A31840" s="2"/>
      <c r="B31840" s="2"/>
      <c r="C31840" s="2"/>
    </row>
    <row r="31841" spans="1:3" ht="19.2">
      <c r="A31841" s="2"/>
      <c r="B31841" s="2"/>
      <c r="C31841" s="2"/>
    </row>
    <row r="31842" spans="1:3" ht="19.2">
      <c r="A31842" s="2"/>
      <c r="B31842" s="2"/>
      <c r="C31842" s="2"/>
    </row>
    <row r="31843" spans="1:3" ht="19.2">
      <c r="A31843" s="2"/>
      <c r="B31843" s="2"/>
      <c r="C31843" s="2"/>
    </row>
    <row r="31844" spans="1:3" ht="19.2">
      <c r="A31844" s="2"/>
      <c r="B31844" s="2"/>
      <c r="C31844" s="2"/>
    </row>
    <row r="31845" spans="1:3" ht="19.2">
      <c r="A31845" s="2"/>
      <c r="B31845" s="2"/>
      <c r="C31845" s="2"/>
    </row>
    <row r="31846" spans="1:3" ht="19.2">
      <c r="A31846" s="2"/>
      <c r="B31846" s="2"/>
      <c r="C31846" s="2"/>
    </row>
    <row r="31847" spans="1:3" ht="19.2">
      <c r="A31847" s="2"/>
      <c r="B31847" s="2"/>
      <c r="C31847" s="2"/>
    </row>
    <row r="31848" spans="1:3" ht="19.2">
      <c r="A31848" s="2"/>
      <c r="B31848" s="2"/>
      <c r="C31848" s="2"/>
    </row>
    <row r="31849" spans="1:3" ht="19.2">
      <c r="A31849" s="2"/>
      <c r="B31849" s="2"/>
      <c r="C31849" s="2"/>
    </row>
    <row r="31850" spans="1:3" ht="19.2">
      <c r="A31850" s="2"/>
      <c r="B31850" s="2"/>
      <c r="C31850" s="2"/>
    </row>
    <row r="31851" spans="1:3" ht="19.2">
      <c r="A31851" s="2"/>
      <c r="B31851" s="2"/>
      <c r="C31851" s="2"/>
    </row>
    <row r="31852" spans="1:3" ht="19.2">
      <c r="A31852" s="2"/>
      <c r="B31852" s="2"/>
      <c r="C31852" s="2"/>
    </row>
    <row r="31853" spans="1:3" ht="19.2">
      <c r="A31853" s="2"/>
      <c r="B31853" s="2"/>
      <c r="C31853" s="2"/>
    </row>
    <row r="31854" spans="1:3" ht="19.2">
      <c r="A31854" s="2"/>
      <c r="B31854" s="2"/>
      <c r="C31854" s="2"/>
    </row>
    <row r="31855" spans="1:3" ht="19.2">
      <c r="A31855" s="2"/>
      <c r="B31855" s="2"/>
      <c r="C31855" s="2"/>
    </row>
    <row r="31856" spans="1:3" ht="19.2">
      <c r="A31856" s="2"/>
      <c r="B31856" s="2"/>
      <c r="C31856" s="2"/>
    </row>
    <row r="31857" spans="1:3" ht="19.2">
      <c r="A31857" s="2"/>
      <c r="B31857" s="2"/>
      <c r="C31857" s="2"/>
    </row>
    <row r="31858" spans="1:3" ht="19.2">
      <c r="A31858" s="2"/>
      <c r="B31858" s="2"/>
      <c r="C31858" s="2"/>
    </row>
    <row r="31859" spans="1:3" ht="19.2">
      <c r="A31859" s="2"/>
      <c r="B31859" s="2"/>
      <c r="C31859" s="2"/>
    </row>
    <row r="31860" spans="1:3" ht="19.2">
      <c r="A31860" s="2"/>
      <c r="B31860" s="2"/>
      <c r="C31860" s="2"/>
    </row>
    <row r="31861" spans="1:3" ht="19.2">
      <c r="A31861" s="2"/>
      <c r="B31861" s="2"/>
      <c r="C31861" s="2"/>
    </row>
    <row r="31862" spans="1:3" ht="19.2">
      <c r="A31862" s="2"/>
      <c r="B31862" s="2"/>
      <c r="C31862" s="2"/>
    </row>
    <row r="31863" spans="1:3" ht="19.2">
      <c r="A31863" s="2"/>
      <c r="B31863" s="2"/>
      <c r="C31863" s="2"/>
    </row>
    <row r="31864" spans="1:3" ht="19.2">
      <c r="A31864" s="2"/>
      <c r="B31864" s="2"/>
      <c r="C31864" s="2"/>
    </row>
    <row r="31865" spans="1:3" ht="19.2">
      <c r="A31865" s="2"/>
      <c r="B31865" s="2"/>
      <c r="C31865" s="2"/>
    </row>
    <row r="31866" spans="1:3" ht="19.2">
      <c r="A31866" s="2"/>
      <c r="B31866" s="2"/>
      <c r="C31866" s="2"/>
    </row>
    <row r="31867" spans="1:3" ht="19.2">
      <c r="A31867" s="2"/>
      <c r="B31867" s="2"/>
      <c r="C31867" s="2"/>
    </row>
    <row r="31868" spans="1:3" ht="19.2">
      <c r="A31868" s="2"/>
      <c r="B31868" s="2"/>
      <c r="C31868" s="2"/>
    </row>
    <row r="31869" spans="1:3" ht="19.2">
      <c r="A31869" s="2"/>
      <c r="B31869" s="2"/>
      <c r="C31869" s="2"/>
    </row>
    <row r="31870" spans="1:3" ht="19.2">
      <c r="A31870" s="2"/>
      <c r="B31870" s="2"/>
      <c r="C31870" s="2"/>
    </row>
    <row r="31871" spans="1:3" ht="19.2">
      <c r="A31871" s="2"/>
      <c r="B31871" s="2"/>
      <c r="C31871" s="2"/>
    </row>
    <row r="31872" spans="1:3" ht="19.2">
      <c r="A31872" s="2"/>
      <c r="B31872" s="2"/>
      <c r="C31872" s="2"/>
    </row>
    <row r="31873" spans="1:3" ht="19.2">
      <c r="A31873" s="2"/>
      <c r="B31873" s="2"/>
      <c r="C31873" s="2"/>
    </row>
    <row r="31874" spans="1:3" ht="19.2">
      <c r="A31874" s="2"/>
      <c r="B31874" s="2"/>
      <c r="C31874" s="2"/>
    </row>
    <row r="31875" spans="1:3" ht="19.2">
      <c r="A31875" s="2"/>
      <c r="B31875" s="2"/>
      <c r="C31875" s="2"/>
    </row>
    <row r="31876" spans="1:3" ht="19.2">
      <c r="A31876" s="2"/>
      <c r="B31876" s="2"/>
      <c r="C31876" s="2"/>
    </row>
    <row r="31877" spans="1:3" ht="19.2">
      <c r="A31877" s="2"/>
      <c r="B31877" s="2"/>
      <c r="C31877" s="2"/>
    </row>
    <row r="31878" spans="1:3" ht="19.2">
      <c r="A31878" s="2"/>
      <c r="B31878" s="2"/>
      <c r="C31878" s="2"/>
    </row>
    <row r="31879" spans="1:3" ht="19.2">
      <c r="A31879" s="2"/>
      <c r="B31879" s="2"/>
      <c r="C31879" s="2"/>
    </row>
    <row r="31880" spans="1:3" ht="19.2">
      <c r="A31880" s="2"/>
      <c r="B31880" s="2"/>
      <c r="C31880" s="2"/>
    </row>
    <row r="31881" spans="1:3" ht="19.2">
      <c r="A31881" s="2"/>
      <c r="B31881" s="2"/>
      <c r="C31881" s="2"/>
    </row>
    <row r="31882" spans="1:3" ht="19.2">
      <c r="A31882" s="2"/>
      <c r="B31882" s="2"/>
      <c r="C31882" s="2"/>
    </row>
    <row r="31883" spans="1:3" ht="19.2">
      <c r="A31883" s="2"/>
      <c r="B31883" s="2"/>
      <c r="C31883" s="2"/>
    </row>
    <row r="31884" spans="1:3" ht="19.2">
      <c r="A31884" s="2"/>
      <c r="B31884" s="2"/>
      <c r="C31884" s="2"/>
    </row>
    <row r="31885" spans="1:3" ht="19.2">
      <c r="A31885" s="2"/>
      <c r="B31885" s="2"/>
      <c r="C31885" s="2"/>
    </row>
    <row r="31886" spans="1:3" ht="19.2">
      <c r="A31886" s="2"/>
      <c r="B31886" s="2"/>
      <c r="C31886" s="2"/>
    </row>
    <row r="31887" spans="1:3" ht="19.2">
      <c r="A31887" s="2"/>
      <c r="B31887" s="2"/>
      <c r="C31887" s="2"/>
    </row>
    <row r="31888" spans="1:3" ht="19.2">
      <c r="A31888" s="2"/>
      <c r="B31888" s="2"/>
      <c r="C31888" s="2"/>
    </row>
    <row r="31889" spans="1:3" ht="19.2">
      <c r="A31889" s="2"/>
      <c r="B31889" s="2"/>
      <c r="C31889" s="2"/>
    </row>
    <row r="31890" spans="1:3" ht="19.2">
      <c r="A31890" s="2"/>
      <c r="B31890" s="2"/>
      <c r="C31890" s="2"/>
    </row>
    <row r="31891" spans="1:3" ht="19.2">
      <c r="A31891" s="2"/>
      <c r="B31891" s="2"/>
      <c r="C31891" s="2"/>
    </row>
    <row r="31892" spans="1:3" ht="19.2">
      <c r="A31892" s="2"/>
      <c r="B31892" s="2"/>
      <c r="C31892" s="2"/>
    </row>
    <row r="31893" spans="1:3" ht="19.2">
      <c r="A31893" s="2"/>
      <c r="B31893" s="2"/>
      <c r="C31893" s="2"/>
    </row>
    <row r="31894" spans="1:3" ht="19.2">
      <c r="A31894" s="2"/>
      <c r="B31894" s="2"/>
      <c r="C31894" s="2"/>
    </row>
    <row r="31895" spans="1:3" ht="19.2">
      <c r="A31895" s="2"/>
      <c r="B31895" s="2"/>
      <c r="C31895" s="2"/>
    </row>
    <row r="31896" spans="1:3" ht="19.2">
      <c r="A31896" s="2"/>
      <c r="B31896" s="2"/>
      <c r="C31896" s="2"/>
    </row>
    <row r="31897" spans="1:3" ht="19.2">
      <c r="A31897" s="2"/>
      <c r="B31897" s="2"/>
      <c r="C31897" s="2"/>
    </row>
    <row r="31898" spans="1:3" ht="19.2">
      <c r="A31898" s="2"/>
      <c r="B31898" s="2"/>
      <c r="C31898" s="2"/>
    </row>
    <row r="31899" spans="1:3" ht="19.2">
      <c r="A31899" s="2"/>
      <c r="B31899" s="2"/>
      <c r="C31899" s="2"/>
    </row>
    <row r="31900" spans="1:3" ht="19.2">
      <c r="A31900" s="2"/>
      <c r="B31900" s="2"/>
      <c r="C31900" s="2"/>
    </row>
    <row r="31901" spans="1:3" ht="19.2">
      <c r="A31901" s="2"/>
      <c r="B31901" s="2"/>
      <c r="C31901" s="2"/>
    </row>
    <row r="31902" spans="1:3" ht="19.2">
      <c r="A31902" s="2"/>
      <c r="B31902" s="2"/>
      <c r="C31902" s="2"/>
    </row>
    <row r="31903" spans="1:3" ht="19.2">
      <c r="A31903" s="2"/>
      <c r="B31903" s="2"/>
      <c r="C31903" s="2"/>
    </row>
    <row r="31904" spans="1:3" ht="19.2">
      <c r="A31904" s="2"/>
      <c r="B31904" s="2"/>
      <c r="C31904" s="2"/>
    </row>
    <row r="31905" spans="1:3" ht="19.2">
      <c r="A31905" s="2"/>
      <c r="B31905" s="2"/>
      <c r="C31905" s="2"/>
    </row>
    <row r="31906" spans="1:3" ht="19.2">
      <c r="A31906" s="2"/>
      <c r="B31906" s="2"/>
      <c r="C31906" s="2"/>
    </row>
    <row r="31907" spans="1:3" ht="19.2">
      <c r="A31907" s="2"/>
      <c r="B31907" s="2"/>
      <c r="C31907" s="2"/>
    </row>
    <row r="31908" spans="1:3" ht="19.2">
      <c r="A31908" s="2"/>
      <c r="B31908" s="2"/>
      <c r="C31908" s="2"/>
    </row>
    <row r="31909" spans="1:3" ht="19.2">
      <c r="A31909" s="2"/>
      <c r="B31909" s="2"/>
      <c r="C31909" s="2"/>
    </row>
    <row r="31910" spans="1:3" ht="19.2">
      <c r="A31910" s="2"/>
      <c r="B31910" s="2"/>
      <c r="C31910" s="2"/>
    </row>
    <row r="31911" spans="1:3" ht="19.2">
      <c r="A31911" s="2"/>
      <c r="B31911" s="2"/>
      <c r="C31911" s="2"/>
    </row>
    <row r="31912" spans="1:3" ht="19.2">
      <c r="A31912" s="2"/>
      <c r="B31912" s="2"/>
      <c r="C31912" s="2"/>
    </row>
    <row r="31913" spans="1:3" ht="19.2">
      <c r="A31913" s="2"/>
      <c r="B31913" s="2"/>
      <c r="C31913" s="2"/>
    </row>
    <row r="31914" spans="1:3" ht="19.2">
      <c r="A31914" s="2"/>
      <c r="B31914" s="2"/>
      <c r="C31914" s="2"/>
    </row>
    <row r="31915" spans="1:3" ht="19.2">
      <c r="A31915" s="2"/>
      <c r="B31915" s="2"/>
      <c r="C31915" s="2"/>
    </row>
    <row r="31916" spans="1:3" ht="19.2">
      <c r="A31916" s="2"/>
      <c r="B31916" s="2"/>
      <c r="C31916" s="2"/>
    </row>
    <row r="31917" spans="1:3" ht="19.2">
      <c r="A31917" s="2"/>
      <c r="B31917" s="2"/>
      <c r="C31917" s="2"/>
    </row>
    <row r="31918" spans="1:3" ht="19.2">
      <c r="A31918" s="2"/>
      <c r="B31918" s="2"/>
      <c r="C31918" s="2"/>
    </row>
    <row r="31919" spans="1:3" ht="19.2">
      <c r="A31919" s="2"/>
      <c r="B31919" s="2"/>
      <c r="C31919" s="2"/>
    </row>
    <row r="31920" spans="1:3" ht="19.2">
      <c r="A31920" s="2"/>
      <c r="B31920" s="2"/>
      <c r="C31920" s="2"/>
    </row>
    <row r="31921" spans="1:3" ht="19.2">
      <c r="A31921" s="2"/>
      <c r="B31921" s="2"/>
      <c r="C31921" s="2"/>
    </row>
    <row r="31922" spans="1:3" ht="19.2">
      <c r="A31922" s="2"/>
      <c r="B31922" s="2"/>
      <c r="C31922" s="2"/>
    </row>
    <row r="31923" spans="1:3" ht="19.2">
      <c r="A31923" s="2"/>
      <c r="B31923" s="2"/>
      <c r="C31923" s="2"/>
    </row>
    <row r="31924" spans="1:3" ht="19.2">
      <c r="A31924" s="2"/>
      <c r="B31924" s="2"/>
      <c r="C31924" s="2"/>
    </row>
    <row r="31925" spans="1:3" ht="19.2">
      <c r="A31925" s="2"/>
      <c r="B31925" s="2"/>
      <c r="C31925" s="2"/>
    </row>
    <row r="31926" spans="1:3" ht="19.2">
      <c r="A31926" s="2"/>
      <c r="B31926" s="2"/>
      <c r="C31926" s="2"/>
    </row>
    <row r="31927" spans="1:3" ht="19.2">
      <c r="A31927" s="2"/>
      <c r="B31927" s="2"/>
      <c r="C31927" s="2"/>
    </row>
    <row r="31928" spans="1:3" ht="19.2">
      <c r="A31928" s="2"/>
      <c r="B31928" s="2"/>
      <c r="C31928" s="2"/>
    </row>
    <row r="31929" spans="1:3" ht="19.2">
      <c r="A31929" s="2"/>
      <c r="B31929" s="2"/>
      <c r="C31929" s="2"/>
    </row>
    <row r="31930" spans="1:3" ht="19.2">
      <c r="A31930" s="2"/>
      <c r="B31930" s="2"/>
      <c r="C31930" s="2"/>
    </row>
    <row r="31931" spans="1:3" ht="19.2">
      <c r="A31931" s="2"/>
      <c r="B31931" s="2"/>
      <c r="C31931" s="2"/>
    </row>
    <row r="31932" spans="1:3" ht="19.2">
      <c r="A31932" s="2"/>
      <c r="B31932" s="2"/>
      <c r="C31932" s="2"/>
    </row>
    <row r="31933" spans="1:3" ht="19.2">
      <c r="A31933" s="2"/>
      <c r="B31933" s="2"/>
      <c r="C31933" s="2"/>
    </row>
    <row r="31934" spans="1:3" ht="19.2">
      <c r="A31934" s="2"/>
      <c r="B31934" s="2"/>
      <c r="C31934" s="2"/>
    </row>
    <row r="31935" spans="1:3" ht="19.2">
      <c r="A31935" s="2"/>
      <c r="B31935" s="2"/>
      <c r="C31935" s="2"/>
    </row>
    <row r="31936" spans="1:3" ht="19.2">
      <c r="A31936" s="2"/>
      <c r="B31936" s="2"/>
      <c r="C31936" s="2"/>
    </row>
    <row r="31937" spans="1:3" ht="19.2">
      <c r="A31937" s="2"/>
      <c r="B31937" s="2"/>
      <c r="C31937" s="2"/>
    </row>
    <row r="31938" spans="1:3" ht="19.2">
      <c r="A31938" s="2"/>
      <c r="B31938" s="2"/>
      <c r="C31938" s="2"/>
    </row>
    <row r="31939" spans="1:3" ht="19.2">
      <c r="A31939" s="2"/>
      <c r="B31939" s="2"/>
      <c r="C31939" s="2"/>
    </row>
    <row r="31940" spans="1:3" ht="19.2">
      <c r="A31940" s="2"/>
      <c r="B31940" s="2"/>
      <c r="C31940" s="2"/>
    </row>
    <row r="31941" spans="1:3" ht="19.2">
      <c r="A31941" s="2"/>
      <c r="B31941" s="2"/>
      <c r="C31941" s="2"/>
    </row>
    <row r="31942" spans="1:3" ht="19.2">
      <c r="A31942" s="2"/>
      <c r="B31942" s="2"/>
      <c r="C31942" s="2"/>
    </row>
    <row r="31943" spans="1:3" ht="19.2">
      <c r="A31943" s="2"/>
      <c r="B31943" s="2"/>
      <c r="C31943" s="2"/>
    </row>
    <row r="31944" spans="1:3" ht="19.2">
      <c r="A31944" s="2"/>
      <c r="B31944" s="2"/>
      <c r="C31944" s="2"/>
    </row>
    <row r="31945" spans="1:3" ht="19.2">
      <c r="A31945" s="2"/>
      <c r="B31945" s="2"/>
      <c r="C31945" s="2"/>
    </row>
    <row r="31946" spans="1:3" ht="19.2">
      <c r="A31946" s="2"/>
      <c r="B31946" s="2"/>
      <c r="C31946" s="2"/>
    </row>
    <row r="31947" spans="1:3" ht="19.2">
      <c r="A31947" s="2"/>
      <c r="B31947" s="2"/>
      <c r="C31947" s="2"/>
    </row>
    <row r="31948" spans="1:3" ht="19.2">
      <c r="A31948" s="2"/>
      <c r="B31948" s="2"/>
      <c r="C31948" s="2"/>
    </row>
    <row r="31949" spans="1:3" ht="19.2">
      <c r="A31949" s="2"/>
      <c r="B31949" s="2"/>
      <c r="C31949" s="2"/>
    </row>
    <row r="31950" spans="1:3" ht="19.2">
      <c r="A31950" s="2"/>
      <c r="B31950" s="2"/>
      <c r="C31950" s="2"/>
    </row>
    <row r="31951" spans="1:3" ht="19.2">
      <c r="A31951" s="2"/>
      <c r="B31951" s="2"/>
      <c r="C31951" s="2"/>
    </row>
    <row r="31952" spans="1:3" ht="19.2">
      <c r="A31952" s="2"/>
      <c r="B31952" s="2"/>
      <c r="C31952" s="2"/>
    </row>
    <row r="31953" spans="1:3" ht="19.2">
      <c r="A31953" s="2"/>
      <c r="B31953" s="2"/>
      <c r="C31953" s="2"/>
    </row>
    <row r="31954" spans="1:3" ht="19.2">
      <c r="A31954" s="2"/>
      <c r="B31954" s="2"/>
      <c r="C31954" s="2"/>
    </row>
    <row r="31955" spans="1:3" ht="19.2">
      <c r="A31955" s="2"/>
      <c r="B31955" s="2"/>
      <c r="C31955" s="2"/>
    </row>
    <row r="31956" spans="1:3" ht="19.2">
      <c r="A31956" s="2"/>
      <c r="B31956" s="2"/>
      <c r="C31956" s="2"/>
    </row>
    <row r="31957" spans="1:3" ht="19.2">
      <c r="A31957" s="2"/>
      <c r="B31957" s="2"/>
      <c r="C31957" s="2"/>
    </row>
    <row r="31958" spans="1:3" ht="19.2">
      <c r="A31958" s="2"/>
      <c r="B31958" s="2"/>
      <c r="C31958" s="2"/>
    </row>
    <row r="31959" spans="1:3" ht="19.2">
      <c r="A31959" s="2"/>
      <c r="B31959" s="2"/>
      <c r="C31959" s="2"/>
    </row>
    <row r="31960" spans="1:3" ht="19.2">
      <c r="A31960" s="2"/>
      <c r="B31960" s="2"/>
      <c r="C31960" s="2"/>
    </row>
    <row r="31961" spans="1:3" ht="19.2">
      <c r="A31961" s="2"/>
      <c r="B31961" s="2"/>
      <c r="C31961" s="2"/>
    </row>
    <row r="31962" spans="1:3" ht="19.2">
      <c r="A31962" s="2"/>
      <c r="B31962" s="2"/>
      <c r="C31962" s="2"/>
    </row>
    <row r="31963" spans="1:3" ht="19.2">
      <c r="A31963" s="2"/>
      <c r="B31963" s="2"/>
      <c r="C31963" s="2"/>
    </row>
    <row r="31964" spans="1:3" ht="19.2">
      <c r="A31964" s="2"/>
      <c r="B31964" s="2"/>
      <c r="C31964" s="2"/>
    </row>
    <row r="31965" spans="1:3" ht="19.2">
      <c r="A31965" s="2"/>
      <c r="B31965" s="2"/>
      <c r="C31965" s="2"/>
    </row>
    <row r="31966" spans="1:3" ht="19.2">
      <c r="A31966" s="2"/>
      <c r="B31966" s="2"/>
      <c r="C31966" s="2"/>
    </row>
    <row r="31967" spans="1:3" ht="19.2">
      <c r="A31967" s="2"/>
      <c r="B31967" s="2"/>
      <c r="C31967" s="2"/>
    </row>
    <row r="31968" spans="1:3" ht="19.2">
      <c r="A31968" s="2"/>
      <c r="B31968" s="2"/>
      <c r="C31968" s="2"/>
    </row>
    <row r="31969" spans="1:3" ht="19.2">
      <c r="A31969" s="2"/>
      <c r="B31969" s="2"/>
      <c r="C31969" s="2"/>
    </row>
    <row r="31970" spans="1:3" ht="19.2">
      <c r="A31970" s="2"/>
      <c r="B31970" s="2"/>
      <c r="C31970" s="2"/>
    </row>
    <row r="31971" spans="1:3" ht="19.2">
      <c r="A31971" s="2"/>
      <c r="B31971" s="2"/>
      <c r="C31971" s="2"/>
    </row>
    <row r="31972" spans="1:3" ht="19.2">
      <c r="A31972" s="2"/>
      <c r="B31972" s="2"/>
      <c r="C31972" s="2"/>
    </row>
    <row r="31973" spans="1:3" ht="19.2">
      <c r="A31973" s="2"/>
      <c r="B31973" s="2"/>
      <c r="C31973" s="2"/>
    </row>
    <row r="31974" spans="1:3" ht="19.2">
      <c r="A31974" s="2"/>
      <c r="B31974" s="2"/>
      <c r="C31974" s="2"/>
    </row>
    <row r="31975" spans="1:3" ht="19.2">
      <c r="A31975" s="2"/>
      <c r="B31975" s="2"/>
      <c r="C31975" s="2"/>
    </row>
    <row r="31976" spans="1:3" ht="19.2">
      <c r="A31976" s="2"/>
      <c r="B31976" s="2"/>
      <c r="C31976" s="2"/>
    </row>
    <row r="31977" spans="1:3" ht="19.2">
      <c r="A31977" s="2"/>
      <c r="B31977" s="2"/>
      <c r="C31977" s="2"/>
    </row>
    <row r="31978" spans="1:3" ht="19.2">
      <c r="A31978" s="2"/>
      <c r="B31978" s="2"/>
      <c r="C31978" s="2"/>
    </row>
    <row r="31979" spans="1:3" ht="19.2">
      <c r="A31979" s="2"/>
      <c r="B31979" s="2"/>
      <c r="C31979" s="2"/>
    </row>
    <row r="31980" spans="1:3" ht="19.2">
      <c r="A31980" s="2"/>
      <c r="B31980" s="2"/>
      <c r="C31980" s="2"/>
    </row>
    <row r="31981" spans="1:3" ht="19.2">
      <c r="A31981" s="2"/>
      <c r="B31981" s="2"/>
      <c r="C31981" s="2"/>
    </row>
    <row r="31982" spans="1:3" ht="19.2">
      <c r="A31982" s="2"/>
      <c r="B31982" s="2"/>
      <c r="C31982" s="2"/>
    </row>
    <row r="31983" spans="1:3" ht="19.2">
      <c r="A31983" s="2"/>
      <c r="B31983" s="2"/>
      <c r="C31983" s="2"/>
    </row>
    <row r="31984" spans="1:3" ht="19.2">
      <c r="A31984" s="2"/>
      <c r="B31984" s="2"/>
      <c r="C31984" s="2"/>
    </row>
    <row r="31985" spans="1:3" ht="19.2">
      <c r="A31985" s="2"/>
      <c r="B31985" s="2"/>
      <c r="C31985" s="2"/>
    </row>
    <row r="31986" spans="1:3" ht="19.2">
      <c r="A31986" s="2"/>
      <c r="B31986" s="2"/>
      <c r="C31986" s="2"/>
    </row>
    <row r="31987" spans="1:3" ht="19.2">
      <c r="A31987" s="2"/>
      <c r="B31987" s="2"/>
      <c r="C31987" s="2"/>
    </row>
    <row r="31988" spans="1:3" ht="19.2">
      <c r="A31988" s="2"/>
      <c r="B31988" s="2"/>
      <c r="C31988" s="2"/>
    </row>
    <row r="31989" spans="1:3" ht="19.2">
      <c r="A31989" s="2"/>
      <c r="B31989" s="2"/>
      <c r="C31989" s="2"/>
    </row>
    <row r="31990" spans="1:3" ht="19.2">
      <c r="A31990" s="2"/>
      <c r="B31990" s="2"/>
      <c r="C31990" s="2"/>
    </row>
    <row r="31991" spans="1:3" ht="19.2">
      <c r="A31991" s="2"/>
      <c r="B31991" s="2"/>
      <c r="C31991" s="2"/>
    </row>
    <row r="31992" spans="1:3" ht="19.2">
      <c r="A31992" s="2"/>
      <c r="B31992" s="2"/>
      <c r="C31992" s="2"/>
    </row>
    <row r="31993" spans="1:3" ht="19.2">
      <c r="A31993" s="2"/>
      <c r="B31993" s="2"/>
      <c r="C31993" s="2"/>
    </row>
    <row r="31994" spans="1:3" ht="19.2">
      <c r="A31994" s="2"/>
      <c r="B31994" s="2"/>
      <c r="C31994" s="2"/>
    </row>
    <row r="31995" spans="1:3" ht="19.2">
      <c r="A31995" s="2"/>
      <c r="B31995" s="2"/>
      <c r="C31995" s="2"/>
    </row>
    <row r="31996" spans="1:3" ht="19.2">
      <c r="A31996" s="2"/>
      <c r="B31996" s="2"/>
      <c r="C31996" s="2"/>
    </row>
    <row r="31997" spans="1:3" ht="19.2">
      <c r="A31997" s="2"/>
      <c r="B31997" s="2"/>
      <c r="C31997" s="2"/>
    </row>
    <row r="31998" spans="1:3" ht="19.2">
      <c r="A31998" s="2"/>
      <c r="B31998" s="2"/>
      <c r="C31998" s="2"/>
    </row>
    <row r="31999" spans="1:3" ht="19.2">
      <c r="A31999" s="2"/>
      <c r="B31999" s="2"/>
      <c r="C31999" s="2"/>
    </row>
    <row r="32000" spans="1:3" ht="19.2">
      <c r="A32000" s="2"/>
      <c r="B32000" s="2"/>
      <c r="C32000" s="2"/>
    </row>
    <row r="32001" spans="1:3" ht="19.2">
      <c r="A32001" s="2"/>
      <c r="B32001" s="2"/>
      <c r="C32001" s="2"/>
    </row>
    <row r="32002" spans="1:3" ht="19.2">
      <c r="A32002" s="2"/>
      <c r="B32002" s="2"/>
      <c r="C32002" s="2"/>
    </row>
    <row r="32003" spans="1:3" ht="19.2">
      <c r="A32003" s="2"/>
      <c r="B32003" s="2"/>
      <c r="C32003" s="2"/>
    </row>
    <row r="32004" spans="1:3" ht="19.2">
      <c r="A32004" s="2"/>
      <c r="B32004" s="2"/>
      <c r="C32004" s="2"/>
    </row>
    <row r="32005" spans="1:3" ht="19.2">
      <c r="A32005" s="2"/>
      <c r="B32005" s="2"/>
      <c r="C32005" s="2"/>
    </row>
    <row r="32006" spans="1:3" ht="19.2">
      <c r="A32006" s="2"/>
      <c r="B32006" s="2"/>
      <c r="C32006" s="2"/>
    </row>
    <row r="32007" spans="1:3" ht="19.2">
      <c r="A32007" s="2"/>
      <c r="B32007" s="2"/>
      <c r="C32007" s="2"/>
    </row>
    <row r="32008" spans="1:3" ht="19.2">
      <c r="A32008" s="2"/>
      <c r="B32008" s="2"/>
      <c r="C32008" s="2"/>
    </row>
    <row r="32009" spans="1:3" ht="19.2">
      <c r="A32009" s="2"/>
      <c r="B32009" s="2"/>
      <c r="C32009" s="2"/>
    </row>
    <row r="32010" spans="1:3" ht="19.2">
      <c r="A32010" s="2"/>
      <c r="B32010" s="2"/>
      <c r="C32010" s="2"/>
    </row>
    <row r="32011" spans="1:3" ht="19.2">
      <c r="A32011" s="2"/>
      <c r="B32011" s="2"/>
      <c r="C32011" s="2"/>
    </row>
    <row r="32012" spans="1:3" ht="19.2">
      <c r="A32012" s="2"/>
      <c r="B32012" s="2"/>
      <c r="C32012" s="2"/>
    </row>
    <row r="32013" spans="1:3" ht="19.2">
      <c r="A32013" s="2"/>
      <c r="B32013" s="2"/>
      <c r="C32013" s="2"/>
    </row>
    <row r="32014" spans="1:3" ht="19.2">
      <c r="A32014" s="2"/>
      <c r="B32014" s="2"/>
      <c r="C32014" s="2"/>
    </row>
    <row r="32015" spans="1:3" ht="19.2">
      <c r="A32015" s="2"/>
      <c r="B32015" s="2"/>
      <c r="C32015" s="2"/>
    </row>
    <row r="32016" spans="1:3" ht="19.2">
      <c r="A32016" s="2"/>
      <c r="B32016" s="2"/>
      <c r="C32016" s="2"/>
    </row>
    <row r="32017" spans="1:3" ht="19.2">
      <c r="A32017" s="2"/>
      <c r="B32017" s="2"/>
      <c r="C32017" s="2"/>
    </row>
    <row r="32018" spans="1:3" ht="19.2">
      <c r="A32018" s="2"/>
      <c r="B32018" s="2"/>
      <c r="C32018" s="2"/>
    </row>
    <row r="32019" spans="1:3" ht="19.2">
      <c r="A32019" s="2"/>
      <c r="B32019" s="2"/>
      <c r="C32019" s="2"/>
    </row>
    <row r="32020" spans="1:3" ht="19.2">
      <c r="A32020" s="2"/>
      <c r="B32020" s="2"/>
      <c r="C32020" s="2"/>
    </row>
    <row r="32021" spans="1:3" ht="19.2">
      <c r="A32021" s="2"/>
      <c r="B32021" s="2"/>
      <c r="C32021" s="2"/>
    </row>
    <row r="32022" spans="1:3" ht="19.2">
      <c r="A32022" s="2"/>
      <c r="B32022" s="2"/>
      <c r="C32022" s="2"/>
    </row>
    <row r="32023" spans="1:3" ht="19.2">
      <c r="A32023" s="2"/>
      <c r="B32023" s="2"/>
      <c r="C32023" s="2"/>
    </row>
    <row r="32024" spans="1:3" ht="19.2">
      <c r="A32024" s="2"/>
      <c r="B32024" s="2"/>
      <c r="C32024" s="2"/>
    </row>
    <row r="32025" spans="1:3" ht="19.2">
      <c r="A32025" s="2"/>
      <c r="B32025" s="2"/>
      <c r="C32025" s="2"/>
    </row>
    <row r="32026" spans="1:3" ht="19.2">
      <c r="A32026" s="2"/>
      <c r="B32026" s="2"/>
      <c r="C32026" s="2"/>
    </row>
    <row r="32027" spans="1:3" ht="19.2">
      <c r="A32027" s="2"/>
      <c r="B32027" s="2"/>
      <c r="C32027" s="2"/>
    </row>
    <row r="32028" spans="1:3" ht="19.2">
      <c r="A32028" s="2"/>
      <c r="B32028" s="2"/>
      <c r="C32028" s="2"/>
    </row>
    <row r="32029" spans="1:3" ht="19.2">
      <c r="A32029" s="2"/>
      <c r="B32029" s="2"/>
      <c r="C32029" s="2"/>
    </row>
    <row r="32030" spans="1:3" ht="19.2">
      <c r="A32030" s="2"/>
      <c r="B32030" s="2"/>
      <c r="C32030" s="2"/>
    </row>
    <row r="32031" spans="1:3" ht="19.2">
      <c r="A32031" s="2"/>
      <c r="B32031" s="2"/>
      <c r="C32031" s="2"/>
    </row>
    <row r="32032" spans="1:3" ht="19.2">
      <c r="A32032" s="2"/>
      <c r="B32032" s="2"/>
      <c r="C32032" s="2"/>
    </row>
    <row r="32033" spans="1:3" ht="19.2">
      <c r="A32033" s="2"/>
      <c r="B32033" s="2"/>
      <c r="C32033" s="2"/>
    </row>
    <row r="32034" spans="1:3" ht="19.2">
      <c r="A32034" s="2"/>
      <c r="B32034" s="2"/>
      <c r="C32034" s="2"/>
    </row>
    <row r="32035" spans="1:3" ht="19.2">
      <c r="A32035" s="2"/>
      <c r="B32035" s="2"/>
      <c r="C32035" s="2"/>
    </row>
    <row r="32036" spans="1:3" ht="19.2">
      <c r="A32036" s="2"/>
      <c r="B32036" s="2"/>
      <c r="C32036" s="2"/>
    </row>
    <row r="32037" spans="1:3" ht="19.2">
      <c r="A32037" s="2"/>
      <c r="B32037" s="2"/>
      <c r="C32037" s="2"/>
    </row>
    <row r="32038" spans="1:3" ht="19.2">
      <c r="A32038" s="2"/>
      <c r="B32038" s="2"/>
      <c r="C32038" s="2"/>
    </row>
    <row r="32039" spans="1:3" ht="19.2">
      <c r="A32039" s="2"/>
      <c r="B32039" s="2"/>
      <c r="C32039" s="2"/>
    </row>
    <row r="32040" spans="1:3" ht="19.2">
      <c r="A32040" s="2"/>
      <c r="B32040" s="2"/>
      <c r="C32040" s="2"/>
    </row>
    <row r="32041" spans="1:3" ht="19.2">
      <c r="A32041" s="2"/>
      <c r="B32041" s="2"/>
      <c r="C32041" s="2"/>
    </row>
    <row r="32042" spans="1:3" ht="19.2">
      <c r="A32042" s="2"/>
      <c r="B32042" s="2"/>
      <c r="C32042" s="2"/>
    </row>
    <row r="32043" spans="1:3" ht="19.2">
      <c r="A32043" s="2"/>
      <c r="B32043" s="2"/>
      <c r="C32043" s="2"/>
    </row>
    <row r="32044" spans="1:3" ht="19.2">
      <c r="A32044" s="2"/>
      <c r="B32044" s="2"/>
      <c r="C32044" s="2"/>
    </row>
    <row r="32045" spans="1:3" ht="19.2">
      <c r="A32045" s="2"/>
      <c r="B32045" s="2"/>
      <c r="C32045" s="2"/>
    </row>
    <row r="32046" spans="1:3" ht="19.2">
      <c r="A32046" s="2"/>
      <c r="B32046" s="2"/>
      <c r="C32046" s="2"/>
    </row>
    <row r="32047" spans="1:3" ht="19.2">
      <c r="A32047" s="2"/>
      <c r="B32047" s="2"/>
      <c r="C32047" s="2"/>
    </row>
    <row r="32048" spans="1:3" ht="19.2">
      <c r="A32048" s="2"/>
      <c r="B32048" s="2"/>
      <c r="C32048" s="2"/>
    </row>
    <row r="32049" spans="1:3" ht="19.2">
      <c r="A32049" s="2"/>
      <c r="B32049" s="2"/>
      <c r="C32049" s="2"/>
    </row>
    <row r="32050" spans="1:3" ht="19.2">
      <c r="A32050" s="2"/>
      <c r="B32050" s="2"/>
      <c r="C32050" s="2"/>
    </row>
    <row r="32051" spans="1:3" ht="19.2">
      <c r="A32051" s="2"/>
      <c r="B32051" s="2"/>
      <c r="C32051" s="2"/>
    </row>
    <row r="32052" spans="1:3" ht="19.2">
      <c r="A32052" s="2"/>
      <c r="B32052" s="2"/>
      <c r="C32052" s="2"/>
    </row>
    <row r="32053" spans="1:3" ht="19.2">
      <c r="A32053" s="2"/>
      <c r="B32053" s="2"/>
      <c r="C32053" s="2"/>
    </row>
    <row r="32054" spans="1:3" ht="19.2">
      <c r="A32054" s="2"/>
      <c r="B32054" s="2"/>
      <c r="C32054" s="2"/>
    </row>
    <row r="32055" spans="1:3" ht="19.2">
      <c r="A32055" s="2"/>
      <c r="B32055" s="2"/>
      <c r="C32055" s="2"/>
    </row>
    <row r="32056" spans="1:3" ht="19.2">
      <c r="A32056" s="2"/>
      <c r="B32056" s="2"/>
      <c r="C32056" s="2"/>
    </row>
    <row r="32057" spans="1:3" ht="19.2">
      <c r="A32057" s="2"/>
      <c r="B32057" s="2"/>
      <c r="C32057" s="2"/>
    </row>
    <row r="32058" spans="1:3" ht="19.2">
      <c r="A32058" s="2"/>
      <c r="B32058" s="2"/>
      <c r="C32058" s="2"/>
    </row>
    <row r="32059" spans="1:3" ht="19.2">
      <c r="A32059" s="2"/>
      <c r="B32059" s="2"/>
      <c r="C32059" s="2"/>
    </row>
    <row r="32060" spans="1:3" ht="19.2">
      <c r="A32060" s="2"/>
      <c r="B32060" s="2"/>
      <c r="C32060" s="2"/>
    </row>
    <row r="32061" spans="1:3" ht="19.2">
      <c r="A32061" s="2"/>
      <c r="B32061" s="2"/>
      <c r="C32061" s="2"/>
    </row>
    <row r="32062" spans="1:3" ht="19.2">
      <c r="A32062" s="2"/>
      <c r="B32062" s="2"/>
      <c r="C32062" s="2"/>
    </row>
    <row r="32063" spans="1:3" ht="19.2">
      <c r="A32063" s="2"/>
      <c r="B32063" s="2"/>
      <c r="C32063" s="2"/>
    </row>
    <row r="32064" spans="1:3" ht="19.2">
      <c r="A32064" s="2"/>
      <c r="B32064" s="2"/>
      <c r="C32064" s="2"/>
    </row>
    <row r="32065" spans="1:3" ht="19.2">
      <c r="A32065" s="2"/>
      <c r="B32065" s="2"/>
      <c r="C32065" s="2"/>
    </row>
    <row r="32066" spans="1:3" ht="19.2">
      <c r="A32066" s="2"/>
      <c r="B32066" s="2"/>
      <c r="C32066" s="2"/>
    </row>
    <row r="32067" spans="1:3" ht="19.2">
      <c r="A32067" s="2"/>
      <c r="B32067" s="2"/>
      <c r="C32067" s="2"/>
    </row>
    <row r="32068" spans="1:3" ht="19.2">
      <c r="A32068" s="2"/>
      <c r="B32068" s="2"/>
      <c r="C32068" s="2"/>
    </row>
    <row r="32069" spans="1:3" ht="19.2">
      <c r="A32069" s="2"/>
      <c r="B32069" s="2"/>
      <c r="C32069" s="2"/>
    </row>
    <row r="32070" spans="1:3" ht="19.2">
      <c r="A32070" s="2"/>
      <c r="B32070" s="2"/>
      <c r="C32070" s="2"/>
    </row>
    <row r="32071" spans="1:3" ht="19.2">
      <c r="A32071" s="2"/>
      <c r="B32071" s="2"/>
      <c r="C32071" s="2"/>
    </row>
    <row r="32072" spans="1:3" ht="19.2">
      <c r="A32072" s="2"/>
      <c r="B32072" s="2"/>
      <c r="C32072" s="2"/>
    </row>
    <row r="32073" spans="1:3" ht="19.2">
      <c r="A32073" s="2"/>
      <c r="B32073" s="2"/>
      <c r="C32073" s="2"/>
    </row>
    <row r="32074" spans="1:3" ht="19.2">
      <c r="A32074" s="2"/>
      <c r="B32074" s="2"/>
      <c r="C32074" s="2"/>
    </row>
    <row r="32075" spans="1:3" ht="19.2">
      <c r="A32075" s="2"/>
      <c r="B32075" s="2"/>
      <c r="C32075" s="2"/>
    </row>
    <row r="32076" spans="1:3" ht="19.2">
      <c r="A32076" s="2"/>
      <c r="B32076" s="2"/>
      <c r="C32076" s="2"/>
    </row>
    <row r="32077" spans="1:3" ht="19.2">
      <c r="A32077" s="2"/>
      <c r="B32077" s="2"/>
      <c r="C32077" s="2"/>
    </row>
    <row r="32078" spans="1:3" ht="19.2">
      <c r="A32078" s="2"/>
      <c r="B32078" s="2"/>
      <c r="C32078" s="2"/>
    </row>
    <row r="32079" spans="1:3" ht="19.2">
      <c r="A32079" s="2"/>
      <c r="B32079" s="2"/>
      <c r="C32079" s="2"/>
    </row>
    <row r="32080" spans="1:3" ht="19.2">
      <c r="A32080" s="2"/>
      <c r="B32080" s="2"/>
      <c r="C32080" s="2"/>
    </row>
    <row r="32081" spans="1:3" ht="19.2">
      <c r="A32081" s="2"/>
      <c r="B32081" s="2"/>
      <c r="C32081" s="2"/>
    </row>
    <row r="32082" spans="1:3" ht="19.2">
      <c r="A32082" s="2"/>
      <c r="B32082" s="2"/>
      <c r="C32082" s="2"/>
    </row>
    <row r="32083" spans="1:3" ht="19.2">
      <c r="A32083" s="2"/>
      <c r="B32083" s="2"/>
      <c r="C32083" s="2"/>
    </row>
    <row r="32084" spans="1:3" ht="19.2">
      <c r="A32084" s="2"/>
      <c r="B32084" s="2"/>
      <c r="C32084" s="2"/>
    </row>
    <row r="32085" spans="1:3" ht="19.2">
      <c r="A32085" s="2"/>
      <c r="B32085" s="2"/>
      <c r="C32085" s="2"/>
    </row>
    <row r="32086" spans="1:3" ht="19.2">
      <c r="A32086" s="2"/>
      <c r="B32086" s="2"/>
      <c r="C32086" s="2"/>
    </row>
    <row r="32087" spans="1:3" ht="19.2">
      <c r="A32087" s="2"/>
      <c r="B32087" s="2"/>
      <c r="C32087" s="2"/>
    </row>
    <row r="32088" spans="1:3" ht="19.2">
      <c r="A32088" s="2"/>
      <c r="B32088" s="2"/>
      <c r="C32088" s="2"/>
    </row>
    <row r="32089" spans="1:3" ht="19.2">
      <c r="A32089" s="2"/>
      <c r="B32089" s="2"/>
      <c r="C32089" s="2"/>
    </row>
    <row r="32090" spans="1:3" ht="19.2">
      <c r="A32090" s="2"/>
      <c r="B32090" s="2"/>
      <c r="C32090" s="2"/>
    </row>
    <row r="32091" spans="1:3" ht="19.2">
      <c r="A32091" s="2"/>
      <c r="B32091" s="2"/>
      <c r="C32091" s="2"/>
    </row>
    <row r="32092" spans="1:3" ht="19.2">
      <c r="A32092" s="2"/>
      <c r="B32092" s="2"/>
      <c r="C32092" s="2"/>
    </row>
    <row r="32093" spans="1:3" ht="19.2">
      <c r="A32093" s="2"/>
      <c r="B32093" s="2"/>
      <c r="C32093" s="2"/>
    </row>
    <row r="32094" spans="1:3" ht="19.2">
      <c r="A32094" s="2"/>
      <c r="B32094" s="2"/>
      <c r="C32094" s="2"/>
    </row>
    <row r="32095" spans="1:3" ht="19.2">
      <c r="A32095" s="2"/>
      <c r="B32095" s="2"/>
      <c r="C32095" s="2"/>
    </row>
    <row r="32096" spans="1:3" ht="19.2">
      <c r="A32096" s="2"/>
      <c r="B32096" s="2"/>
      <c r="C32096" s="2"/>
    </row>
    <row r="32097" spans="1:3" ht="19.2">
      <c r="A32097" s="2"/>
      <c r="B32097" s="2"/>
      <c r="C32097" s="2"/>
    </row>
    <row r="32098" spans="1:3" ht="19.2">
      <c r="A32098" s="2"/>
      <c r="B32098" s="2"/>
      <c r="C32098" s="2"/>
    </row>
    <row r="32099" spans="1:3" ht="19.2">
      <c r="A32099" s="2"/>
      <c r="B32099" s="2"/>
      <c r="C32099" s="2"/>
    </row>
    <row r="32100" spans="1:3" ht="19.2">
      <c r="A32100" s="2"/>
      <c r="B32100" s="2"/>
      <c r="C32100" s="2"/>
    </row>
    <row r="32101" spans="1:3" ht="19.2">
      <c r="A32101" s="2"/>
      <c r="B32101" s="2"/>
      <c r="C32101" s="2"/>
    </row>
    <row r="32102" spans="1:3" ht="19.2">
      <c r="A32102" s="2"/>
      <c r="B32102" s="2"/>
      <c r="C32102" s="2"/>
    </row>
    <row r="32103" spans="1:3" ht="19.2">
      <c r="A32103" s="2"/>
      <c r="B32103" s="2"/>
      <c r="C32103" s="2"/>
    </row>
    <row r="32104" spans="1:3" ht="19.2">
      <c r="A32104" s="2"/>
      <c r="B32104" s="2"/>
      <c r="C32104" s="2"/>
    </row>
    <row r="32105" spans="1:3" ht="19.2">
      <c r="A32105" s="2"/>
      <c r="B32105" s="2"/>
      <c r="C32105" s="2"/>
    </row>
    <row r="32106" spans="1:3" ht="19.2">
      <c r="A32106" s="2"/>
      <c r="B32106" s="2"/>
      <c r="C32106" s="2"/>
    </row>
    <row r="32107" spans="1:3" ht="19.2">
      <c r="A32107" s="2"/>
      <c r="B32107" s="2"/>
      <c r="C32107" s="2"/>
    </row>
    <row r="32108" spans="1:3" ht="19.2">
      <c r="A32108" s="2"/>
      <c r="B32108" s="2"/>
      <c r="C32108" s="2"/>
    </row>
    <row r="32109" spans="1:3" ht="19.2">
      <c r="A32109" s="2"/>
      <c r="B32109" s="2"/>
      <c r="C32109" s="2"/>
    </row>
    <row r="32110" spans="1:3" ht="19.2">
      <c r="A32110" s="2"/>
      <c r="B32110" s="2"/>
      <c r="C32110" s="2"/>
    </row>
    <row r="32111" spans="1:3" ht="19.2">
      <c r="A32111" s="2"/>
      <c r="B32111" s="2"/>
      <c r="C32111" s="2"/>
    </row>
    <row r="32112" spans="1:3" ht="19.2">
      <c r="A32112" s="2"/>
      <c r="B32112" s="2"/>
      <c r="C32112" s="2"/>
    </row>
    <row r="32113" spans="1:3" ht="19.2">
      <c r="A32113" s="2"/>
      <c r="B32113" s="2"/>
      <c r="C32113" s="2"/>
    </row>
    <row r="32114" spans="1:3" ht="19.2">
      <c r="A32114" s="2"/>
      <c r="B32114" s="2"/>
      <c r="C32114" s="2"/>
    </row>
    <row r="32115" spans="1:3" ht="19.2">
      <c r="A32115" s="2"/>
      <c r="B32115" s="2"/>
      <c r="C32115" s="2"/>
    </row>
    <row r="32116" spans="1:3" ht="19.2">
      <c r="A32116" s="2"/>
      <c r="B32116" s="2"/>
      <c r="C32116" s="2"/>
    </row>
    <row r="32117" spans="1:3" ht="19.2">
      <c r="A32117" s="2"/>
      <c r="B32117" s="2"/>
      <c r="C32117" s="2"/>
    </row>
    <row r="32118" spans="1:3" ht="19.2">
      <c r="A32118" s="2"/>
      <c r="B32118" s="2"/>
      <c r="C32118" s="2"/>
    </row>
    <row r="32119" spans="1:3" ht="19.2">
      <c r="A32119" s="2"/>
      <c r="B32119" s="2"/>
      <c r="C32119" s="2"/>
    </row>
    <row r="32120" spans="1:3" ht="19.2">
      <c r="A32120" s="2"/>
      <c r="B32120" s="2"/>
      <c r="C32120" s="2"/>
    </row>
    <row r="32121" spans="1:3" ht="19.2">
      <c r="A32121" s="2"/>
      <c r="B32121" s="2"/>
      <c r="C32121" s="2"/>
    </row>
    <row r="32122" spans="1:3" ht="19.2">
      <c r="A32122" s="2"/>
      <c r="B32122" s="2"/>
      <c r="C32122" s="2"/>
    </row>
    <row r="32123" spans="1:3" ht="19.2">
      <c r="A32123" s="2"/>
      <c r="B32123" s="2"/>
      <c r="C32123" s="2"/>
    </row>
    <row r="32124" spans="1:3" ht="19.2">
      <c r="A32124" s="2"/>
      <c r="B32124" s="2"/>
      <c r="C32124" s="2"/>
    </row>
    <row r="32125" spans="1:3" ht="19.2">
      <c r="A32125" s="2"/>
      <c r="B32125" s="2"/>
      <c r="C32125" s="2"/>
    </row>
    <row r="32126" spans="1:3" ht="19.2">
      <c r="A32126" s="2"/>
      <c r="B32126" s="2"/>
      <c r="C32126" s="2"/>
    </row>
    <row r="32127" spans="1:3" ht="19.2">
      <c r="A32127" s="2"/>
      <c r="B32127" s="2"/>
      <c r="C32127" s="2"/>
    </row>
    <row r="32128" spans="1:3" ht="19.2">
      <c r="A32128" s="2"/>
      <c r="B32128" s="2"/>
      <c r="C32128" s="2"/>
    </row>
    <row r="32129" spans="1:3" ht="19.2">
      <c r="A32129" s="2"/>
      <c r="B32129" s="2"/>
      <c r="C32129" s="2"/>
    </row>
    <row r="32130" spans="1:3" ht="19.2">
      <c r="A32130" s="2"/>
      <c r="B32130" s="2"/>
      <c r="C32130" s="2"/>
    </row>
    <row r="32131" spans="1:3" ht="19.2">
      <c r="A32131" s="2"/>
      <c r="B32131" s="2"/>
      <c r="C32131" s="2"/>
    </row>
    <row r="32132" spans="1:3" ht="19.2">
      <c r="A32132" s="2"/>
      <c r="B32132" s="2"/>
      <c r="C32132" s="2"/>
    </row>
    <row r="32133" spans="1:3" ht="19.2">
      <c r="A32133" s="2"/>
      <c r="B32133" s="2"/>
      <c r="C32133" s="2"/>
    </row>
    <row r="32134" spans="1:3" ht="19.2">
      <c r="A32134" s="2"/>
      <c r="B32134" s="2"/>
      <c r="C32134" s="2"/>
    </row>
    <row r="32135" spans="1:3" ht="19.2">
      <c r="A32135" s="2"/>
      <c r="B32135" s="2"/>
      <c r="C32135" s="2"/>
    </row>
    <row r="32136" spans="1:3" ht="19.2">
      <c r="A32136" s="2"/>
      <c r="B32136" s="2"/>
      <c r="C32136" s="2"/>
    </row>
    <row r="32137" spans="1:3" ht="19.2">
      <c r="A32137" s="2"/>
      <c r="B32137" s="2"/>
      <c r="C32137" s="2"/>
    </row>
    <row r="32138" spans="1:3" ht="19.2">
      <c r="A32138" s="2"/>
      <c r="B32138" s="2"/>
      <c r="C32138" s="2"/>
    </row>
    <row r="32139" spans="1:3" ht="19.2">
      <c r="A32139" s="2"/>
      <c r="B32139" s="2"/>
      <c r="C32139" s="2"/>
    </row>
    <row r="32140" spans="1:3" ht="19.2">
      <c r="A32140" s="2"/>
      <c r="B32140" s="2"/>
      <c r="C32140" s="2"/>
    </row>
    <row r="32141" spans="1:3" ht="19.2">
      <c r="A32141" s="2"/>
      <c r="B32141" s="2"/>
      <c r="C32141" s="2"/>
    </row>
    <row r="32142" spans="1:3" ht="19.2">
      <c r="A32142" s="2"/>
      <c r="B32142" s="2"/>
      <c r="C32142" s="2"/>
    </row>
    <row r="32143" spans="1:3" ht="19.2">
      <c r="A32143" s="2"/>
      <c r="B32143" s="2"/>
      <c r="C32143" s="2"/>
    </row>
    <row r="32144" spans="1:3" ht="19.2">
      <c r="A32144" s="2"/>
      <c r="B32144" s="2"/>
      <c r="C32144" s="2"/>
    </row>
    <row r="32145" spans="1:3" ht="19.2">
      <c r="A32145" s="2"/>
      <c r="B32145" s="2"/>
      <c r="C32145" s="2"/>
    </row>
    <row r="32146" spans="1:3" ht="19.2">
      <c r="A32146" s="2"/>
      <c r="B32146" s="2"/>
      <c r="C32146" s="2"/>
    </row>
    <row r="32147" spans="1:3" ht="19.2">
      <c r="A32147" s="2"/>
      <c r="B32147" s="2"/>
      <c r="C32147" s="2"/>
    </row>
    <row r="32148" spans="1:3" ht="19.2">
      <c r="A32148" s="2"/>
      <c r="B32148" s="2"/>
      <c r="C32148" s="2"/>
    </row>
    <row r="32149" spans="1:3" ht="19.2">
      <c r="A32149" s="2"/>
      <c r="B32149" s="2"/>
      <c r="C32149" s="2"/>
    </row>
    <row r="32150" spans="1:3" ht="19.2">
      <c r="A32150" s="2"/>
      <c r="B32150" s="2"/>
      <c r="C32150" s="2"/>
    </row>
    <row r="32151" spans="1:3" ht="19.2">
      <c r="A32151" s="2"/>
      <c r="B32151" s="2"/>
      <c r="C32151" s="2"/>
    </row>
    <row r="32152" spans="1:3" ht="19.2">
      <c r="A32152" s="2"/>
      <c r="B32152" s="2"/>
      <c r="C32152" s="2"/>
    </row>
    <row r="32153" spans="1:3" ht="19.2">
      <c r="A32153" s="2"/>
      <c r="B32153" s="2"/>
      <c r="C32153" s="2"/>
    </row>
    <row r="32154" spans="1:3" ht="19.2">
      <c r="A32154" s="2"/>
      <c r="B32154" s="2"/>
      <c r="C32154" s="2"/>
    </row>
    <row r="32155" spans="1:3" ht="19.2">
      <c r="A32155" s="2"/>
      <c r="B32155" s="2"/>
      <c r="C32155" s="2"/>
    </row>
    <row r="32156" spans="1:3" ht="19.2">
      <c r="A32156" s="2"/>
      <c r="B32156" s="2"/>
      <c r="C32156" s="2"/>
    </row>
    <row r="32157" spans="1:3" ht="19.2">
      <c r="A32157" s="2"/>
      <c r="B32157" s="2"/>
      <c r="C32157" s="2"/>
    </row>
    <row r="32158" spans="1:3" ht="19.2">
      <c r="A32158" s="2"/>
      <c r="B32158" s="2"/>
      <c r="C32158" s="2"/>
    </row>
    <row r="32159" spans="1:3" ht="19.2">
      <c r="A32159" s="2"/>
      <c r="B32159" s="2"/>
      <c r="C32159" s="2"/>
    </row>
    <row r="32160" spans="1:3" ht="19.2">
      <c r="A32160" s="2"/>
      <c r="B32160" s="2"/>
      <c r="C32160" s="2"/>
    </row>
    <row r="32161" spans="1:3" ht="19.2">
      <c r="A32161" s="2"/>
      <c r="B32161" s="2"/>
      <c r="C32161" s="2"/>
    </row>
    <row r="32162" spans="1:3" ht="19.2">
      <c r="A32162" s="2"/>
      <c r="B32162" s="2"/>
      <c r="C32162" s="2"/>
    </row>
    <row r="32163" spans="1:3" ht="19.2">
      <c r="A32163" s="2"/>
      <c r="B32163" s="2"/>
      <c r="C32163" s="2"/>
    </row>
    <row r="32164" spans="1:3" ht="19.2">
      <c r="A32164" s="2"/>
      <c r="B32164" s="2"/>
      <c r="C32164" s="2"/>
    </row>
    <row r="32165" spans="1:3" ht="19.2">
      <c r="A32165" s="2"/>
      <c r="B32165" s="2"/>
      <c r="C32165" s="2"/>
    </row>
    <row r="32166" spans="1:3" ht="19.2">
      <c r="A32166" s="2"/>
      <c r="B32166" s="2"/>
      <c r="C32166" s="2"/>
    </row>
    <row r="32167" spans="1:3" ht="19.2">
      <c r="A32167" s="2"/>
      <c r="B32167" s="2"/>
      <c r="C32167" s="2"/>
    </row>
    <row r="32168" spans="1:3" ht="19.2">
      <c r="A32168" s="2"/>
      <c r="B32168" s="2"/>
      <c r="C32168" s="2"/>
    </row>
    <row r="32169" spans="1:3" ht="19.2">
      <c r="A32169" s="2"/>
      <c r="B32169" s="2"/>
      <c r="C32169" s="2"/>
    </row>
    <row r="32170" spans="1:3" ht="19.2">
      <c r="A32170" s="2"/>
      <c r="B32170" s="2"/>
      <c r="C32170" s="2"/>
    </row>
    <row r="32171" spans="1:3" ht="19.2">
      <c r="A32171" s="2"/>
      <c r="B32171" s="2"/>
      <c r="C32171" s="2"/>
    </row>
    <row r="32172" spans="1:3" ht="19.2">
      <c r="A32172" s="2"/>
      <c r="B32172" s="2"/>
      <c r="C32172" s="2"/>
    </row>
    <row r="32173" spans="1:3" ht="19.2">
      <c r="A32173" s="2"/>
      <c r="B32173" s="2"/>
      <c r="C32173" s="2"/>
    </row>
    <row r="32174" spans="1:3" ht="19.2">
      <c r="A32174" s="2"/>
      <c r="B32174" s="2"/>
      <c r="C32174" s="2"/>
    </row>
    <row r="32175" spans="1:3" ht="19.2">
      <c r="A32175" s="2"/>
      <c r="B32175" s="2"/>
      <c r="C32175" s="2"/>
    </row>
    <row r="32176" spans="1:3" ht="19.2">
      <c r="A32176" s="2"/>
      <c r="B32176" s="2"/>
      <c r="C32176" s="2"/>
    </row>
    <row r="32177" spans="1:3" ht="19.2">
      <c r="A32177" s="2"/>
      <c r="B32177" s="2"/>
      <c r="C32177" s="2"/>
    </row>
    <row r="32178" spans="1:3" ht="19.2">
      <c r="A32178" s="2"/>
      <c r="B32178" s="2"/>
      <c r="C32178" s="2"/>
    </row>
    <row r="32179" spans="1:3" ht="19.2">
      <c r="A32179" s="2"/>
      <c r="B32179" s="2"/>
      <c r="C32179" s="2"/>
    </row>
    <row r="32180" spans="1:3" ht="19.2">
      <c r="A32180" s="2"/>
      <c r="B32180" s="2"/>
      <c r="C32180" s="2"/>
    </row>
    <row r="32181" spans="1:3" ht="19.2">
      <c r="A32181" s="2"/>
      <c r="B32181" s="2"/>
      <c r="C32181" s="2"/>
    </row>
    <row r="32182" spans="1:3" ht="19.2">
      <c r="A32182" s="2"/>
      <c r="B32182" s="2"/>
      <c r="C32182" s="2"/>
    </row>
    <row r="32183" spans="1:3" ht="19.2">
      <c r="A32183" s="2"/>
      <c r="B32183" s="2"/>
      <c r="C32183" s="2"/>
    </row>
    <row r="32184" spans="1:3" ht="19.2">
      <c r="A32184" s="2"/>
      <c r="B32184" s="2"/>
      <c r="C32184" s="2"/>
    </row>
    <row r="32185" spans="1:3" ht="19.2">
      <c r="A32185" s="2"/>
      <c r="B32185" s="2"/>
      <c r="C32185" s="2"/>
    </row>
    <row r="32186" spans="1:3" ht="19.2">
      <c r="A32186" s="2"/>
      <c r="B32186" s="2"/>
      <c r="C32186" s="2"/>
    </row>
    <row r="32187" spans="1:3" ht="19.2">
      <c r="A32187" s="2"/>
      <c r="B32187" s="2"/>
      <c r="C32187" s="2"/>
    </row>
    <row r="32188" spans="1:3" ht="19.2">
      <c r="A32188" s="2"/>
      <c r="B32188" s="2"/>
      <c r="C32188" s="2"/>
    </row>
    <row r="32189" spans="1:3" ht="19.2">
      <c r="A32189" s="2"/>
      <c r="B32189" s="2"/>
      <c r="C32189" s="2"/>
    </row>
    <row r="32190" spans="1:3" ht="19.2">
      <c r="A32190" s="2"/>
      <c r="B32190" s="2"/>
      <c r="C32190" s="2"/>
    </row>
    <row r="32191" spans="1:3" ht="19.2">
      <c r="A32191" s="2"/>
      <c r="B32191" s="2"/>
      <c r="C32191" s="2"/>
    </row>
    <row r="32192" spans="1:3" ht="19.2">
      <c r="A32192" s="2"/>
      <c r="B32192" s="2"/>
      <c r="C32192" s="2"/>
    </row>
    <row r="32193" spans="1:3" ht="19.2">
      <c r="A32193" s="2"/>
      <c r="B32193" s="2"/>
      <c r="C32193" s="2"/>
    </row>
    <row r="32194" spans="1:3" ht="19.2">
      <c r="A32194" s="2"/>
      <c r="B32194" s="2"/>
      <c r="C32194" s="2"/>
    </row>
    <row r="32195" spans="1:3" ht="19.2">
      <c r="A32195" s="2"/>
      <c r="B32195" s="2"/>
      <c r="C32195" s="2"/>
    </row>
    <row r="32196" spans="1:3" ht="19.2">
      <c r="A32196" s="2"/>
      <c r="B32196" s="2"/>
      <c r="C32196" s="2"/>
    </row>
    <row r="32197" spans="1:3" ht="19.2">
      <c r="A32197" s="2"/>
      <c r="B32197" s="2"/>
      <c r="C32197" s="2"/>
    </row>
    <row r="32198" spans="1:3" ht="19.2">
      <c r="A32198" s="2"/>
      <c r="B32198" s="2"/>
      <c r="C32198" s="2"/>
    </row>
    <row r="32199" spans="1:3" ht="19.2">
      <c r="A32199" s="2"/>
      <c r="B32199" s="2"/>
      <c r="C32199" s="2"/>
    </row>
    <row r="32200" spans="1:3" ht="19.2">
      <c r="A32200" s="2"/>
      <c r="B32200" s="2"/>
      <c r="C32200" s="2"/>
    </row>
    <row r="32201" spans="1:3" ht="19.2">
      <c r="A32201" s="2"/>
      <c r="B32201" s="2"/>
      <c r="C32201" s="2"/>
    </row>
    <row r="32202" spans="1:3" ht="19.2">
      <c r="A32202" s="2"/>
      <c r="B32202" s="2"/>
      <c r="C32202" s="2"/>
    </row>
    <row r="32203" spans="1:3" ht="19.2">
      <c r="A32203" s="2"/>
      <c r="B32203" s="2"/>
      <c r="C32203" s="2"/>
    </row>
    <row r="32204" spans="1:3" ht="19.2">
      <c r="A32204" s="2"/>
      <c r="B32204" s="2"/>
      <c r="C32204" s="2"/>
    </row>
    <row r="32205" spans="1:3" ht="19.2">
      <c r="A32205" s="2"/>
      <c r="B32205" s="2"/>
      <c r="C32205" s="2"/>
    </row>
    <row r="32206" spans="1:3" ht="19.2">
      <c r="A32206" s="2"/>
      <c r="B32206" s="2"/>
      <c r="C32206" s="2"/>
    </row>
    <row r="32207" spans="1:3" ht="19.2">
      <c r="A32207" s="2"/>
      <c r="B32207" s="2"/>
      <c r="C32207" s="2"/>
    </row>
    <row r="32208" spans="1:3" ht="19.2">
      <c r="A32208" s="2"/>
      <c r="B32208" s="2"/>
      <c r="C32208" s="2"/>
    </row>
    <row r="32209" spans="1:3" ht="19.2">
      <c r="A32209" s="2"/>
      <c r="B32209" s="2"/>
      <c r="C32209" s="2"/>
    </row>
    <row r="32210" spans="1:3" ht="19.2">
      <c r="A32210" s="2"/>
      <c r="B32210" s="2"/>
      <c r="C32210" s="2"/>
    </row>
    <row r="32211" spans="1:3" ht="19.2">
      <c r="A32211" s="2"/>
      <c r="B32211" s="2"/>
      <c r="C32211" s="2"/>
    </row>
    <row r="32212" spans="1:3" ht="19.2">
      <c r="A32212" s="2"/>
      <c r="B32212" s="2"/>
      <c r="C32212" s="2"/>
    </row>
    <row r="32213" spans="1:3" ht="19.2">
      <c r="A32213" s="2"/>
      <c r="B32213" s="2"/>
      <c r="C32213" s="2"/>
    </row>
    <row r="32214" spans="1:3" ht="19.2">
      <c r="A32214" s="2"/>
      <c r="B32214" s="2"/>
      <c r="C32214" s="2"/>
    </row>
    <row r="32215" spans="1:3" ht="19.2">
      <c r="A32215" s="2"/>
      <c r="B32215" s="2"/>
      <c r="C32215" s="2"/>
    </row>
    <row r="32216" spans="1:3" ht="19.2">
      <c r="A32216" s="2"/>
      <c r="B32216" s="2"/>
      <c r="C32216" s="2"/>
    </row>
    <row r="32217" spans="1:3" ht="19.2">
      <c r="A32217" s="2"/>
      <c r="B32217" s="2"/>
      <c r="C32217" s="2"/>
    </row>
    <row r="32218" spans="1:3" ht="19.2">
      <c r="A32218" s="2"/>
      <c r="B32218" s="2"/>
      <c r="C32218" s="2"/>
    </row>
    <row r="32219" spans="1:3" ht="19.2">
      <c r="A32219" s="2"/>
      <c r="B32219" s="2"/>
      <c r="C32219" s="2"/>
    </row>
    <row r="32220" spans="1:3" ht="19.2">
      <c r="A32220" s="2"/>
      <c r="B32220" s="2"/>
      <c r="C32220" s="2"/>
    </row>
    <row r="32221" spans="1:3" ht="19.2">
      <c r="A32221" s="2"/>
      <c r="B32221" s="2"/>
      <c r="C32221" s="2"/>
    </row>
    <row r="32222" spans="1:3" ht="19.2">
      <c r="A32222" s="2"/>
      <c r="B32222" s="2"/>
      <c r="C32222" s="2"/>
    </row>
    <row r="32223" spans="1:3" ht="19.2">
      <c r="A32223" s="2"/>
      <c r="B32223" s="2"/>
      <c r="C32223" s="2"/>
    </row>
    <row r="32224" spans="1:3" ht="19.2">
      <c r="A32224" s="2"/>
      <c r="B32224" s="2"/>
      <c r="C32224" s="2"/>
    </row>
    <row r="32225" spans="1:3" ht="19.2">
      <c r="A32225" s="2"/>
      <c r="B32225" s="2"/>
      <c r="C32225" s="2"/>
    </row>
    <row r="32226" spans="1:3" ht="19.2">
      <c r="A32226" s="2"/>
      <c r="B32226" s="2"/>
      <c r="C32226" s="2"/>
    </row>
    <row r="32227" spans="1:3" ht="19.2">
      <c r="A32227" s="2"/>
      <c r="B32227" s="2"/>
      <c r="C32227" s="2"/>
    </row>
    <row r="32228" spans="1:3" ht="19.2">
      <c r="A32228" s="2"/>
      <c r="B32228" s="2"/>
      <c r="C32228" s="2"/>
    </row>
    <row r="32229" spans="1:3" ht="19.2">
      <c r="A32229" s="2"/>
      <c r="B32229" s="2"/>
      <c r="C32229" s="2"/>
    </row>
    <row r="32230" spans="1:3" ht="19.2">
      <c r="A32230" s="2"/>
      <c r="B32230" s="2"/>
      <c r="C32230" s="2"/>
    </row>
    <row r="32231" spans="1:3" ht="19.2">
      <c r="A32231" s="2"/>
      <c r="B32231" s="2"/>
      <c r="C32231" s="2"/>
    </row>
    <row r="32232" spans="1:3" ht="19.2">
      <c r="A32232" s="2"/>
      <c r="B32232" s="2"/>
      <c r="C32232" s="2"/>
    </row>
    <row r="32233" spans="1:3" ht="19.2">
      <c r="A32233" s="2"/>
      <c r="B32233" s="2"/>
      <c r="C32233" s="2"/>
    </row>
    <row r="32234" spans="1:3" ht="19.2">
      <c r="A32234" s="2"/>
      <c r="B32234" s="2"/>
      <c r="C32234" s="2"/>
    </row>
    <row r="32235" spans="1:3" ht="19.2">
      <c r="A32235" s="2"/>
      <c r="B32235" s="2"/>
      <c r="C32235" s="2"/>
    </row>
    <row r="32236" spans="1:3" ht="19.2">
      <c r="A32236" s="2"/>
      <c r="B32236" s="2"/>
      <c r="C32236" s="2"/>
    </row>
    <row r="32237" spans="1:3" ht="19.2">
      <c r="A32237" s="2"/>
      <c r="B32237" s="2"/>
      <c r="C32237" s="2"/>
    </row>
    <row r="32238" spans="1:3" ht="19.2">
      <c r="A32238" s="2"/>
      <c r="B32238" s="2"/>
      <c r="C32238" s="2"/>
    </row>
    <row r="32239" spans="1:3" ht="19.2">
      <c r="A32239" s="2"/>
      <c r="B32239" s="2"/>
      <c r="C32239" s="2"/>
    </row>
    <row r="32240" spans="1:3" ht="19.2">
      <c r="A32240" s="2"/>
      <c r="B32240" s="2"/>
      <c r="C32240" s="2"/>
    </row>
    <row r="32241" spans="1:3" ht="19.2">
      <c r="A32241" s="2"/>
      <c r="B32241" s="2"/>
      <c r="C32241" s="2"/>
    </row>
    <row r="32242" spans="1:3" ht="19.2">
      <c r="A32242" s="2"/>
      <c r="B32242" s="2"/>
      <c r="C32242" s="2"/>
    </row>
    <row r="32243" spans="1:3" ht="19.2">
      <c r="A32243" s="2"/>
      <c r="B32243" s="2"/>
      <c r="C32243" s="2"/>
    </row>
    <row r="32244" spans="1:3" ht="19.2">
      <c r="A32244" s="2"/>
      <c r="B32244" s="2"/>
      <c r="C32244" s="2"/>
    </row>
    <row r="32245" spans="1:3" ht="19.2">
      <c r="A32245" s="2"/>
      <c r="B32245" s="2"/>
      <c r="C32245" s="2"/>
    </row>
    <row r="32246" spans="1:3" ht="19.2">
      <c r="A32246" s="2"/>
      <c r="B32246" s="2"/>
      <c r="C32246" s="2"/>
    </row>
    <row r="32247" spans="1:3" ht="19.2">
      <c r="A32247" s="2"/>
      <c r="B32247" s="2"/>
      <c r="C32247" s="2"/>
    </row>
    <row r="32248" spans="1:3" ht="19.2">
      <c r="A32248" s="2"/>
      <c r="B32248" s="2"/>
      <c r="C32248" s="2"/>
    </row>
    <row r="32249" spans="1:3" ht="19.2">
      <c r="A32249" s="2"/>
      <c r="B32249" s="2"/>
      <c r="C32249" s="2"/>
    </row>
    <row r="32250" spans="1:3" ht="19.2">
      <c r="A32250" s="2"/>
      <c r="B32250" s="2"/>
      <c r="C32250" s="2"/>
    </row>
    <row r="32251" spans="1:3" ht="19.2">
      <c r="A32251" s="2"/>
      <c r="B32251" s="2"/>
      <c r="C32251" s="2"/>
    </row>
    <row r="32252" spans="1:3" ht="19.2">
      <c r="A32252" s="2"/>
      <c r="B32252" s="2"/>
      <c r="C32252" s="2"/>
    </row>
    <row r="32253" spans="1:3" ht="19.2">
      <c r="A32253" s="2"/>
      <c r="B32253" s="2"/>
      <c r="C32253" s="2"/>
    </row>
    <row r="32254" spans="1:3" ht="19.2">
      <c r="A32254" s="2"/>
      <c r="B32254" s="2"/>
      <c r="C32254" s="2"/>
    </row>
    <row r="32255" spans="1:3" ht="19.2">
      <c r="A32255" s="2"/>
      <c r="B32255" s="2"/>
      <c r="C32255" s="2"/>
    </row>
    <row r="32256" spans="1:3" ht="19.2">
      <c r="A32256" s="2"/>
      <c r="B32256" s="2"/>
      <c r="C32256" s="2"/>
    </row>
    <row r="32257" spans="1:3" ht="19.2">
      <c r="A32257" s="2"/>
      <c r="B32257" s="2"/>
      <c r="C32257" s="2"/>
    </row>
    <row r="32258" spans="1:3" ht="19.2">
      <c r="A32258" s="2"/>
      <c r="B32258" s="2"/>
      <c r="C32258" s="2"/>
    </row>
    <row r="32259" spans="1:3" ht="19.2">
      <c r="A32259" s="2"/>
      <c r="B32259" s="2"/>
      <c r="C32259" s="2"/>
    </row>
    <row r="32260" spans="1:3" ht="19.2">
      <c r="A32260" s="2"/>
      <c r="B32260" s="2"/>
      <c r="C32260" s="2"/>
    </row>
    <row r="32261" spans="1:3" ht="19.2">
      <c r="A32261" s="2"/>
      <c r="B32261" s="2"/>
      <c r="C32261" s="2"/>
    </row>
    <row r="32262" spans="1:3" ht="19.2">
      <c r="A32262" s="2"/>
      <c r="B32262" s="2"/>
      <c r="C32262" s="2"/>
    </row>
    <row r="32263" spans="1:3" ht="19.2">
      <c r="A32263" s="2"/>
      <c r="B32263" s="2"/>
      <c r="C32263" s="2"/>
    </row>
    <row r="32264" spans="1:3" ht="19.2">
      <c r="A32264" s="2"/>
      <c r="B32264" s="2"/>
      <c r="C32264" s="2"/>
    </row>
    <row r="32265" spans="1:3" ht="19.2">
      <c r="A32265" s="2"/>
      <c r="B32265" s="2"/>
      <c r="C32265" s="2"/>
    </row>
    <row r="32266" spans="1:3" ht="19.2">
      <c r="A32266" s="2"/>
      <c r="B32266" s="2"/>
      <c r="C32266" s="2"/>
    </row>
    <row r="32267" spans="1:3" ht="19.2">
      <c r="A32267" s="2"/>
      <c r="B32267" s="2"/>
      <c r="C32267" s="2"/>
    </row>
    <row r="32268" spans="1:3" ht="19.2">
      <c r="A32268" s="2"/>
      <c r="B32268" s="2"/>
      <c r="C32268" s="2"/>
    </row>
    <row r="32269" spans="1:3" ht="19.2">
      <c r="A32269" s="2"/>
      <c r="B32269" s="2"/>
      <c r="C32269" s="2"/>
    </row>
    <row r="32270" spans="1:3" ht="19.2">
      <c r="A32270" s="2"/>
      <c r="B32270" s="2"/>
      <c r="C32270" s="2"/>
    </row>
    <row r="32271" spans="1:3" ht="19.2">
      <c r="A32271" s="2"/>
      <c r="B32271" s="2"/>
      <c r="C32271" s="2"/>
    </row>
    <row r="32272" spans="1:3" ht="19.2">
      <c r="A32272" s="2"/>
      <c r="B32272" s="2"/>
      <c r="C32272" s="2"/>
    </row>
    <row r="32273" spans="1:3" ht="19.2">
      <c r="A32273" s="2"/>
      <c r="B32273" s="2"/>
      <c r="C32273" s="2"/>
    </row>
    <row r="32274" spans="1:3" ht="19.2">
      <c r="A32274" s="2"/>
      <c r="B32274" s="2"/>
      <c r="C32274" s="2"/>
    </row>
    <row r="32275" spans="1:3" ht="19.2">
      <c r="A32275" s="2"/>
      <c r="B32275" s="2"/>
      <c r="C32275" s="2"/>
    </row>
    <row r="32276" spans="1:3" ht="19.2">
      <c r="A32276" s="2"/>
      <c r="B32276" s="2"/>
      <c r="C32276" s="2"/>
    </row>
    <row r="32277" spans="1:3" ht="19.2">
      <c r="A32277" s="2"/>
      <c r="B32277" s="2"/>
      <c r="C32277" s="2"/>
    </row>
    <row r="32278" spans="1:3" ht="19.2">
      <c r="A32278" s="2"/>
      <c r="B32278" s="2"/>
      <c r="C32278" s="2"/>
    </row>
    <row r="32279" spans="1:3" ht="19.2">
      <c r="A32279" s="2"/>
      <c r="B32279" s="2"/>
      <c r="C32279" s="2"/>
    </row>
    <row r="32280" spans="1:3" ht="19.2">
      <c r="A32280" s="2"/>
      <c r="B32280" s="2"/>
      <c r="C32280" s="2"/>
    </row>
    <row r="32281" spans="1:3" ht="19.2">
      <c r="A32281" s="2"/>
      <c r="B32281" s="2"/>
      <c r="C32281" s="2"/>
    </row>
    <row r="32282" spans="1:3" ht="19.2">
      <c r="A32282" s="2"/>
      <c r="B32282" s="2"/>
      <c r="C32282" s="2"/>
    </row>
    <row r="32283" spans="1:3" ht="19.2">
      <c r="A32283" s="2"/>
      <c r="B32283" s="2"/>
      <c r="C32283" s="2"/>
    </row>
    <row r="32284" spans="1:3" ht="19.2">
      <c r="A32284" s="2"/>
      <c r="B32284" s="2"/>
      <c r="C32284" s="2"/>
    </row>
    <row r="32285" spans="1:3" ht="19.2">
      <c r="A32285" s="2"/>
      <c r="B32285" s="2"/>
      <c r="C32285" s="2"/>
    </row>
    <row r="32286" spans="1:3" ht="19.2">
      <c r="A32286" s="2"/>
      <c r="B32286" s="2"/>
      <c r="C32286" s="2"/>
    </row>
    <row r="32287" spans="1:3" ht="19.2">
      <c r="A32287" s="2"/>
      <c r="B32287" s="2"/>
      <c r="C32287" s="2"/>
    </row>
    <row r="32288" spans="1:3" ht="19.2">
      <c r="A32288" s="2"/>
      <c r="B32288" s="2"/>
      <c r="C32288" s="2"/>
    </row>
    <row r="32289" spans="1:3" ht="19.2">
      <c r="A32289" s="2"/>
      <c r="B32289" s="2"/>
      <c r="C32289" s="2"/>
    </row>
    <row r="32290" spans="1:3" ht="19.2">
      <c r="A32290" s="2"/>
      <c r="B32290" s="2"/>
      <c r="C32290" s="2"/>
    </row>
    <row r="32291" spans="1:3" ht="19.2">
      <c r="A32291" s="2"/>
      <c r="B32291" s="2"/>
      <c r="C32291" s="2"/>
    </row>
    <row r="32292" spans="1:3" ht="19.2">
      <c r="A32292" s="2"/>
      <c r="B32292" s="2"/>
      <c r="C32292" s="2"/>
    </row>
    <row r="32293" spans="1:3" ht="19.2">
      <c r="A32293" s="2"/>
      <c r="B32293" s="2"/>
      <c r="C32293" s="2"/>
    </row>
    <row r="32294" spans="1:3" ht="19.2">
      <c r="A32294" s="2"/>
      <c r="B32294" s="2"/>
      <c r="C32294" s="2"/>
    </row>
    <row r="32295" spans="1:3" ht="19.2">
      <c r="A32295" s="2"/>
      <c r="B32295" s="2"/>
      <c r="C32295" s="2"/>
    </row>
    <row r="32296" spans="1:3" ht="19.2">
      <c r="A32296" s="2"/>
      <c r="B32296" s="2"/>
      <c r="C32296" s="2"/>
    </row>
    <row r="32297" spans="1:3" ht="19.2">
      <c r="A32297" s="2"/>
      <c r="B32297" s="2"/>
      <c r="C32297" s="2"/>
    </row>
    <row r="32298" spans="1:3" ht="19.2">
      <c r="A32298" s="2"/>
      <c r="B32298" s="2"/>
      <c r="C32298" s="2"/>
    </row>
    <row r="32299" spans="1:3" ht="19.2">
      <c r="A32299" s="2"/>
      <c r="B32299" s="2"/>
      <c r="C32299" s="2"/>
    </row>
    <row r="32300" spans="1:3" ht="19.2">
      <c r="A32300" s="2"/>
      <c r="B32300" s="2"/>
      <c r="C32300" s="2"/>
    </row>
    <row r="32301" spans="1:3" ht="19.2">
      <c r="A32301" s="2"/>
      <c r="B32301" s="2"/>
      <c r="C32301" s="2"/>
    </row>
    <row r="32302" spans="1:3" ht="19.2">
      <c r="A32302" s="2"/>
      <c r="B32302" s="2"/>
      <c r="C32302" s="2"/>
    </row>
    <row r="32303" spans="1:3" ht="19.2">
      <c r="A32303" s="2"/>
      <c r="B32303" s="2"/>
      <c r="C32303" s="2"/>
    </row>
    <row r="32304" spans="1:3" ht="19.2">
      <c r="A32304" s="2"/>
      <c r="B32304" s="2"/>
      <c r="C32304" s="2"/>
    </row>
    <row r="32305" spans="1:3" ht="19.2">
      <c r="A32305" s="2"/>
      <c r="B32305" s="2"/>
      <c r="C32305" s="2"/>
    </row>
    <row r="32306" spans="1:3" ht="19.2">
      <c r="A32306" s="2"/>
      <c r="B32306" s="2"/>
      <c r="C32306" s="2"/>
    </row>
    <row r="32307" spans="1:3" ht="19.2">
      <c r="A32307" s="2"/>
      <c r="B32307" s="2"/>
      <c r="C32307" s="2"/>
    </row>
    <row r="32308" spans="1:3" ht="19.2">
      <c r="A32308" s="2"/>
      <c r="B32308" s="2"/>
      <c r="C32308" s="2"/>
    </row>
    <row r="32309" spans="1:3" ht="19.2">
      <c r="A32309" s="2"/>
      <c r="B32309" s="2"/>
      <c r="C32309" s="2"/>
    </row>
    <row r="32310" spans="1:3" ht="19.2">
      <c r="A32310" s="2"/>
      <c r="B32310" s="2"/>
      <c r="C32310" s="2"/>
    </row>
    <row r="32311" spans="1:3" ht="19.2">
      <c r="A32311" s="2"/>
      <c r="B32311" s="2"/>
      <c r="C32311" s="2"/>
    </row>
    <row r="32312" spans="1:3" ht="19.2">
      <c r="A32312" s="2"/>
      <c r="B32312" s="2"/>
      <c r="C32312" s="2"/>
    </row>
    <row r="32313" spans="1:3" ht="19.2">
      <c r="A32313" s="2"/>
      <c r="B32313" s="2"/>
      <c r="C32313" s="2"/>
    </row>
    <row r="32314" spans="1:3" ht="19.2">
      <c r="A32314" s="2"/>
      <c r="B32314" s="2"/>
      <c r="C32314" s="2"/>
    </row>
    <row r="32315" spans="1:3" ht="19.2">
      <c r="A32315" s="2"/>
      <c r="B32315" s="2"/>
      <c r="C32315" s="2"/>
    </row>
    <row r="32316" spans="1:3" ht="19.2">
      <c r="A32316" s="2"/>
      <c r="B32316" s="2"/>
      <c r="C32316" s="2"/>
    </row>
    <row r="32317" spans="1:3" ht="19.2">
      <c r="A32317" s="2"/>
      <c r="B32317" s="2"/>
      <c r="C32317" s="2"/>
    </row>
    <row r="32318" spans="1:3" ht="19.2">
      <c r="A32318" s="2"/>
      <c r="B32318" s="2"/>
      <c r="C32318" s="2"/>
    </row>
    <row r="32319" spans="1:3" ht="19.2">
      <c r="A32319" s="2"/>
      <c r="B32319" s="2"/>
      <c r="C32319" s="2"/>
    </row>
    <row r="32320" spans="1:3" ht="19.2">
      <c r="A32320" s="2"/>
      <c r="B32320" s="2"/>
      <c r="C32320" s="2"/>
    </row>
    <row r="32321" spans="1:3" ht="19.2">
      <c r="A32321" s="2"/>
      <c r="B32321" s="2"/>
      <c r="C32321" s="2"/>
    </row>
    <row r="32322" spans="1:3" ht="19.2">
      <c r="A32322" s="2"/>
      <c r="B32322" s="2"/>
      <c r="C32322" s="2"/>
    </row>
    <row r="32323" spans="1:3" ht="19.2">
      <c r="A32323" s="2"/>
      <c r="B32323" s="2"/>
      <c r="C32323" s="2"/>
    </row>
    <row r="32324" spans="1:3" ht="19.2">
      <c r="A32324" s="2"/>
      <c r="B32324" s="2"/>
      <c r="C32324" s="2"/>
    </row>
    <row r="32325" spans="1:3" ht="19.2">
      <c r="A32325" s="2"/>
      <c r="B32325" s="2"/>
      <c r="C32325" s="2"/>
    </row>
    <row r="32326" spans="1:3" ht="19.2">
      <c r="A32326" s="2"/>
      <c r="B32326" s="2"/>
      <c r="C32326" s="2"/>
    </row>
    <row r="32327" spans="1:3" ht="19.2">
      <c r="A32327" s="2"/>
      <c r="B32327" s="2"/>
      <c r="C32327" s="2"/>
    </row>
    <row r="32328" spans="1:3" ht="19.2">
      <c r="A32328" s="2"/>
      <c r="B32328" s="2"/>
      <c r="C32328" s="2"/>
    </row>
    <row r="32329" spans="1:3" ht="19.2">
      <c r="A32329" s="2"/>
      <c r="B32329" s="2"/>
      <c r="C32329" s="2"/>
    </row>
    <row r="32330" spans="1:3" ht="19.2">
      <c r="A32330" s="2"/>
      <c r="B32330" s="2"/>
      <c r="C32330" s="2"/>
    </row>
    <row r="32331" spans="1:3" ht="19.2">
      <c r="A32331" s="2"/>
      <c r="B32331" s="2"/>
      <c r="C32331" s="2"/>
    </row>
    <row r="32332" spans="1:3" ht="19.2">
      <c r="A32332" s="2"/>
      <c r="B32332" s="2"/>
      <c r="C32332" s="2"/>
    </row>
    <row r="32333" spans="1:3" ht="19.2">
      <c r="A32333" s="2"/>
      <c r="B32333" s="2"/>
      <c r="C32333" s="2"/>
    </row>
    <row r="32334" spans="1:3" ht="19.2">
      <c r="A32334" s="2"/>
      <c r="B32334" s="2"/>
      <c r="C32334" s="2"/>
    </row>
    <row r="32335" spans="1:3" ht="19.2">
      <c r="A32335" s="2"/>
      <c r="B32335" s="2"/>
      <c r="C32335" s="2"/>
    </row>
    <row r="32336" spans="1:3" ht="19.2">
      <c r="A32336" s="2"/>
      <c r="B32336" s="2"/>
      <c r="C32336" s="2"/>
    </row>
    <row r="32337" spans="1:3" ht="19.2">
      <c r="A32337" s="2"/>
      <c r="B32337" s="2"/>
      <c r="C32337" s="2"/>
    </row>
    <row r="32338" spans="1:3" ht="19.2">
      <c r="A32338" s="2"/>
      <c r="B32338" s="2"/>
      <c r="C32338" s="2"/>
    </row>
    <row r="32339" spans="1:3" ht="19.2">
      <c r="A32339" s="2"/>
      <c r="B32339" s="2"/>
      <c r="C32339" s="2"/>
    </row>
    <row r="32340" spans="1:3" ht="19.2">
      <c r="A32340" s="2"/>
      <c r="B32340" s="2"/>
      <c r="C32340" s="2"/>
    </row>
    <row r="32341" spans="1:3" ht="19.2">
      <c r="A32341" s="2"/>
      <c r="B32341" s="2"/>
      <c r="C32341" s="2"/>
    </row>
    <row r="32342" spans="1:3" ht="19.2">
      <c r="A32342" s="2"/>
      <c r="B32342" s="2"/>
      <c r="C32342" s="2"/>
    </row>
    <row r="32343" spans="1:3" ht="19.2">
      <c r="A32343" s="2"/>
      <c r="B32343" s="2"/>
      <c r="C32343" s="2"/>
    </row>
    <row r="32344" spans="1:3" ht="19.2">
      <c r="A32344" s="2"/>
      <c r="B32344" s="2"/>
      <c r="C32344" s="2"/>
    </row>
    <row r="32345" spans="1:3" ht="19.2">
      <c r="A32345" s="2"/>
      <c r="B32345" s="2"/>
      <c r="C32345" s="2"/>
    </row>
    <row r="32346" spans="1:3" ht="19.2">
      <c r="A32346" s="2"/>
      <c r="B32346" s="2"/>
      <c r="C32346" s="2"/>
    </row>
    <row r="32347" spans="1:3" ht="19.2">
      <c r="A32347" s="2"/>
      <c r="B32347" s="2"/>
      <c r="C32347" s="2"/>
    </row>
    <row r="32348" spans="1:3" ht="19.2">
      <c r="A32348" s="2"/>
      <c r="B32348" s="2"/>
      <c r="C32348" s="2"/>
    </row>
    <row r="32349" spans="1:3" ht="19.2">
      <c r="A32349" s="2"/>
      <c r="B32349" s="2"/>
      <c r="C32349" s="2"/>
    </row>
    <row r="32350" spans="1:3" ht="19.2">
      <c r="A32350" s="2"/>
      <c r="B32350" s="2"/>
      <c r="C32350" s="2"/>
    </row>
    <row r="32351" spans="1:3" ht="19.2">
      <c r="A32351" s="2"/>
      <c r="B32351" s="2"/>
      <c r="C32351" s="2"/>
    </row>
    <row r="32352" spans="1:3" ht="19.2">
      <c r="A32352" s="2"/>
      <c r="B32352" s="2"/>
      <c r="C32352" s="2"/>
    </row>
    <row r="32353" spans="1:3" ht="19.2">
      <c r="A32353" s="2"/>
      <c r="B32353" s="2"/>
      <c r="C32353" s="2"/>
    </row>
    <row r="32354" spans="1:3" ht="19.2">
      <c r="A32354" s="2"/>
      <c r="B32354" s="2"/>
      <c r="C32354" s="2"/>
    </row>
    <row r="32355" spans="1:3" ht="19.2">
      <c r="A32355" s="2"/>
      <c r="B32355" s="2"/>
      <c r="C32355" s="2"/>
    </row>
    <row r="32356" spans="1:3" ht="19.2">
      <c r="A32356" s="2"/>
      <c r="B32356" s="2"/>
      <c r="C32356" s="2"/>
    </row>
    <row r="32357" spans="1:3" ht="19.2">
      <c r="A32357" s="2"/>
      <c r="B32357" s="2"/>
      <c r="C32357" s="2"/>
    </row>
    <row r="32358" spans="1:3" ht="19.2">
      <c r="A32358" s="2"/>
      <c r="B32358" s="2"/>
      <c r="C32358" s="2"/>
    </row>
    <row r="32359" spans="1:3" ht="19.2">
      <c r="A32359" s="2"/>
      <c r="B32359" s="2"/>
      <c r="C32359" s="2"/>
    </row>
    <row r="32360" spans="1:3" ht="19.2">
      <c r="A32360" s="2"/>
      <c r="B32360" s="2"/>
      <c r="C32360" s="2"/>
    </row>
    <row r="32361" spans="1:3" ht="19.2">
      <c r="A32361" s="2"/>
      <c r="B32361" s="2"/>
      <c r="C32361" s="2"/>
    </row>
    <row r="32362" spans="1:3" ht="19.2">
      <c r="A32362" s="2"/>
      <c r="B32362" s="2"/>
      <c r="C32362" s="2"/>
    </row>
    <row r="32363" spans="1:3" ht="19.2">
      <c r="A32363" s="2"/>
      <c r="B32363" s="2"/>
      <c r="C32363" s="2"/>
    </row>
    <row r="32364" spans="1:3" ht="19.2">
      <c r="A32364" s="2"/>
      <c r="B32364" s="2"/>
      <c r="C32364" s="2"/>
    </row>
    <row r="32365" spans="1:3" ht="19.2">
      <c r="A32365" s="2"/>
      <c r="B32365" s="2"/>
      <c r="C32365" s="2"/>
    </row>
    <row r="32366" spans="1:3" ht="19.2">
      <c r="A32366" s="2"/>
      <c r="B32366" s="2"/>
      <c r="C32366" s="2"/>
    </row>
    <row r="32367" spans="1:3" ht="19.2">
      <c r="A32367" s="2"/>
      <c r="B32367" s="2"/>
      <c r="C32367" s="2"/>
    </row>
    <row r="32368" spans="1:3" ht="19.2">
      <c r="A32368" s="2"/>
      <c r="B32368" s="2"/>
      <c r="C32368" s="2"/>
    </row>
    <row r="32369" spans="1:3" ht="19.2">
      <c r="A32369" s="2"/>
      <c r="B32369" s="2"/>
      <c r="C32369" s="2"/>
    </row>
    <row r="32370" spans="1:3" ht="19.2">
      <c r="A32370" s="2"/>
      <c r="B32370" s="2"/>
      <c r="C32370" s="2"/>
    </row>
    <row r="32371" spans="1:3" ht="19.2">
      <c r="A32371" s="2"/>
      <c r="B32371" s="2"/>
      <c r="C32371" s="2"/>
    </row>
    <row r="32372" spans="1:3" ht="19.2">
      <c r="A32372" s="2"/>
      <c r="B32372" s="2"/>
      <c r="C32372" s="2"/>
    </row>
    <row r="32373" spans="1:3" ht="19.2">
      <c r="A32373" s="2"/>
      <c r="B32373" s="2"/>
      <c r="C32373" s="2"/>
    </row>
    <row r="32374" spans="1:3" ht="19.2">
      <c r="A32374" s="2"/>
      <c r="B32374" s="2"/>
      <c r="C32374" s="2"/>
    </row>
    <row r="32375" spans="1:3" ht="19.2">
      <c r="A32375" s="2"/>
      <c r="B32375" s="2"/>
      <c r="C32375" s="2"/>
    </row>
    <row r="32376" spans="1:3" ht="19.2">
      <c r="A32376" s="2"/>
      <c r="B32376" s="2"/>
      <c r="C32376" s="2"/>
    </row>
    <row r="32377" spans="1:3" ht="19.2">
      <c r="A32377" s="2"/>
      <c r="B32377" s="2"/>
      <c r="C32377" s="2"/>
    </row>
    <row r="32378" spans="1:3" ht="19.2">
      <c r="A32378" s="2"/>
      <c r="B32378" s="2"/>
      <c r="C32378" s="2"/>
    </row>
    <row r="32379" spans="1:3" ht="19.2">
      <c r="A32379" s="2"/>
      <c r="B32379" s="2"/>
      <c r="C32379" s="2"/>
    </row>
    <row r="32380" spans="1:3" ht="19.2">
      <c r="A32380" s="2"/>
      <c r="B32380" s="2"/>
      <c r="C32380" s="2"/>
    </row>
    <row r="32381" spans="1:3" ht="19.2">
      <c r="A32381" s="2"/>
      <c r="B32381" s="2"/>
      <c r="C32381" s="2"/>
    </row>
    <row r="32382" spans="1:3" ht="19.2">
      <c r="A32382" s="2"/>
      <c r="B32382" s="2"/>
      <c r="C32382" s="2"/>
    </row>
    <row r="32383" spans="1:3" ht="19.2">
      <c r="A32383" s="2"/>
      <c r="B32383" s="2"/>
      <c r="C32383" s="2"/>
    </row>
    <row r="32384" spans="1:3" ht="19.2">
      <c r="A32384" s="2"/>
      <c r="B32384" s="2"/>
      <c r="C32384" s="2"/>
    </row>
    <row r="32385" spans="1:3" ht="19.2">
      <c r="A32385" s="2"/>
      <c r="B32385" s="2"/>
      <c r="C32385" s="2"/>
    </row>
    <row r="32386" spans="1:3" ht="19.2">
      <c r="A32386" s="2"/>
      <c r="B32386" s="2"/>
      <c r="C32386" s="2"/>
    </row>
    <row r="32387" spans="1:3" ht="19.2">
      <c r="A32387" s="2"/>
      <c r="B32387" s="2"/>
      <c r="C32387" s="2"/>
    </row>
    <row r="32388" spans="1:3" ht="19.2">
      <c r="A32388" s="2"/>
      <c r="B32388" s="2"/>
      <c r="C32388" s="2"/>
    </row>
    <row r="32389" spans="1:3" ht="19.2">
      <c r="A32389" s="2"/>
      <c r="B32389" s="2"/>
      <c r="C32389" s="2"/>
    </row>
    <row r="32390" spans="1:3" ht="19.2">
      <c r="A32390" s="2"/>
      <c r="B32390" s="2"/>
      <c r="C32390" s="2"/>
    </row>
    <row r="32391" spans="1:3" ht="19.2">
      <c r="A32391" s="2"/>
      <c r="B32391" s="2"/>
      <c r="C32391" s="2"/>
    </row>
    <row r="32392" spans="1:3" ht="19.2">
      <c r="A32392" s="2"/>
      <c r="B32392" s="2"/>
      <c r="C32392" s="2"/>
    </row>
    <row r="32393" spans="1:3" ht="19.2">
      <c r="A32393" s="2"/>
      <c r="B32393" s="2"/>
      <c r="C32393" s="2"/>
    </row>
    <row r="32394" spans="1:3" ht="19.2">
      <c r="A32394" s="2"/>
      <c r="B32394" s="2"/>
      <c r="C32394" s="2"/>
    </row>
    <row r="32395" spans="1:3" ht="19.2">
      <c r="A32395" s="2"/>
      <c r="B32395" s="2"/>
      <c r="C32395" s="2"/>
    </row>
    <row r="32396" spans="1:3" ht="19.2">
      <c r="A32396" s="2"/>
      <c r="B32396" s="2"/>
      <c r="C32396" s="2"/>
    </row>
    <row r="32397" spans="1:3" ht="19.2">
      <c r="A32397" s="2"/>
      <c r="B32397" s="2"/>
      <c r="C32397" s="2"/>
    </row>
    <row r="32398" spans="1:3" ht="19.2">
      <c r="A32398" s="2"/>
      <c r="B32398" s="2"/>
      <c r="C32398" s="2"/>
    </row>
    <row r="32399" spans="1:3" ht="19.2">
      <c r="A32399" s="2"/>
      <c r="B32399" s="2"/>
      <c r="C32399" s="2"/>
    </row>
    <row r="32400" spans="1:3" ht="19.2">
      <c r="A32400" s="2"/>
      <c r="B32400" s="2"/>
      <c r="C32400" s="2"/>
    </row>
    <row r="32401" spans="1:3" ht="19.2">
      <c r="A32401" s="2"/>
      <c r="B32401" s="2"/>
      <c r="C32401" s="2"/>
    </row>
    <row r="32402" spans="1:3" ht="19.2">
      <c r="A32402" s="2"/>
      <c r="B32402" s="2"/>
      <c r="C32402" s="2"/>
    </row>
    <row r="32403" spans="1:3" ht="19.2">
      <c r="A32403" s="2"/>
      <c r="B32403" s="2"/>
      <c r="C32403" s="2"/>
    </row>
    <row r="32404" spans="1:3" ht="19.2">
      <c r="A32404" s="2"/>
      <c r="B32404" s="2"/>
      <c r="C32404" s="2"/>
    </row>
    <row r="32405" spans="1:3" ht="19.2">
      <c r="A32405" s="2"/>
      <c r="B32405" s="2"/>
      <c r="C32405" s="2"/>
    </row>
    <row r="32406" spans="1:3" ht="19.2">
      <c r="A32406" s="2"/>
      <c r="B32406" s="2"/>
      <c r="C32406" s="2"/>
    </row>
    <row r="32407" spans="1:3" ht="19.2">
      <c r="A32407" s="2"/>
      <c r="B32407" s="2"/>
      <c r="C32407" s="2"/>
    </row>
    <row r="32408" spans="1:3" ht="19.2">
      <c r="A32408" s="2"/>
      <c r="B32408" s="2"/>
      <c r="C32408" s="2"/>
    </row>
    <row r="32409" spans="1:3" ht="19.2">
      <c r="A32409" s="2"/>
      <c r="B32409" s="2"/>
      <c r="C32409" s="2"/>
    </row>
    <row r="32410" spans="1:3" ht="19.2">
      <c r="A32410" s="2"/>
      <c r="B32410" s="2"/>
      <c r="C32410" s="2"/>
    </row>
    <row r="32411" spans="1:3" ht="19.2">
      <c r="A32411" s="2"/>
      <c r="B32411" s="2"/>
      <c r="C32411" s="2"/>
    </row>
    <row r="32412" spans="1:3" ht="19.2">
      <c r="A32412" s="2"/>
      <c r="B32412" s="2"/>
      <c r="C32412" s="2"/>
    </row>
    <row r="32413" spans="1:3" ht="19.2">
      <c r="A32413" s="2"/>
      <c r="B32413" s="2"/>
      <c r="C32413" s="2"/>
    </row>
    <row r="32414" spans="1:3" ht="19.2">
      <c r="A32414" s="2"/>
      <c r="B32414" s="2"/>
      <c r="C32414" s="2"/>
    </row>
    <row r="32415" spans="1:3" ht="19.2">
      <c r="A32415" s="2"/>
      <c r="B32415" s="2"/>
      <c r="C32415" s="2"/>
    </row>
    <row r="32416" spans="1:3" ht="19.2">
      <c r="A32416" s="2"/>
      <c r="B32416" s="2"/>
      <c r="C32416" s="2"/>
    </row>
    <row r="32417" spans="1:3" ht="19.2">
      <c r="A32417" s="2"/>
      <c r="B32417" s="2"/>
      <c r="C32417" s="2"/>
    </row>
    <row r="32418" spans="1:3" ht="19.2">
      <c r="A32418" s="2"/>
      <c r="B32418" s="2"/>
      <c r="C32418" s="2"/>
    </row>
    <row r="32419" spans="1:3" ht="19.2">
      <c r="A32419" s="2"/>
      <c r="B32419" s="2"/>
      <c r="C32419" s="2"/>
    </row>
    <row r="32420" spans="1:3" ht="19.2">
      <c r="A32420" s="2"/>
      <c r="B32420" s="2"/>
      <c r="C32420" s="2"/>
    </row>
    <row r="32421" spans="1:3" ht="19.2">
      <c r="A32421" s="2"/>
      <c r="B32421" s="2"/>
      <c r="C32421" s="2"/>
    </row>
    <row r="32422" spans="1:3" ht="19.2">
      <c r="A32422" s="2"/>
      <c r="B32422" s="2"/>
      <c r="C32422" s="2"/>
    </row>
    <row r="32423" spans="1:3" ht="19.2">
      <c r="A32423" s="2"/>
      <c r="B32423" s="2"/>
      <c r="C32423" s="2"/>
    </row>
    <row r="32424" spans="1:3" ht="19.2">
      <c r="A32424" s="2"/>
      <c r="B32424" s="2"/>
      <c r="C32424" s="2"/>
    </row>
    <row r="32425" spans="1:3" ht="19.2">
      <c r="A32425" s="2"/>
      <c r="B32425" s="2"/>
      <c r="C32425" s="2"/>
    </row>
    <row r="32426" spans="1:3" ht="19.2">
      <c r="A32426" s="2"/>
      <c r="B32426" s="2"/>
      <c r="C32426" s="2"/>
    </row>
    <row r="32427" spans="1:3" ht="19.2">
      <c r="A32427" s="2"/>
      <c r="B32427" s="2"/>
      <c r="C32427" s="2"/>
    </row>
    <row r="32428" spans="1:3" ht="19.2">
      <c r="A32428" s="2"/>
      <c r="B32428" s="2"/>
      <c r="C32428" s="2"/>
    </row>
    <row r="32429" spans="1:3" ht="19.2">
      <c r="A32429" s="2"/>
      <c r="B32429" s="2"/>
      <c r="C32429" s="2"/>
    </row>
    <row r="32430" spans="1:3" ht="19.2">
      <c r="A32430" s="2"/>
      <c r="B32430" s="2"/>
      <c r="C32430" s="2"/>
    </row>
    <row r="32431" spans="1:3" ht="19.2">
      <c r="A32431" s="2"/>
      <c r="B32431" s="2"/>
      <c r="C32431" s="2"/>
    </row>
    <row r="32432" spans="1:3" ht="19.2">
      <c r="A32432" s="2"/>
      <c r="B32432" s="2"/>
      <c r="C32432" s="2"/>
    </row>
    <row r="32433" spans="1:3" ht="19.2">
      <c r="A32433" s="2"/>
      <c r="B32433" s="2"/>
      <c r="C32433" s="2"/>
    </row>
    <row r="32434" spans="1:3" ht="19.2">
      <c r="A32434" s="2"/>
      <c r="B32434" s="2"/>
      <c r="C32434" s="2"/>
    </row>
    <row r="32435" spans="1:3" ht="19.2">
      <c r="A32435" s="2"/>
      <c r="B32435" s="2"/>
      <c r="C32435" s="2"/>
    </row>
    <row r="32436" spans="1:3" ht="19.2">
      <c r="A32436" s="2"/>
      <c r="B32436" s="2"/>
      <c r="C32436" s="2"/>
    </row>
    <row r="32437" spans="1:3" ht="19.2">
      <c r="A32437" s="2"/>
      <c r="B32437" s="2"/>
      <c r="C32437" s="2"/>
    </row>
    <row r="32438" spans="1:3" ht="19.2">
      <c r="A32438" s="2"/>
      <c r="B32438" s="2"/>
      <c r="C32438" s="2"/>
    </row>
    <row r="32439" spans="1:3" ht="19.2">
      <c r="A32439" s="2"/>
      <c r="B32439" s="2"/>
      <c r="C32439" s="2"/>
    </row>
    <row r="32440" spans="1:3" ht="19.2">
      <c r="A32440" s="2"/>
      <c r="B32440" s="2"/>
      <c r="C32440" s="2"/>
    </row>
    <row r="32441" spans="1:3" ht="19.2">
      <c r="A32441" s="2"/>
      <c r="B32441" s="2"/>
      <c r="C32441" s="2"/>
    </row>
    <row r="32442" spans="1:3" ht="19.2">
      <c r="A32442" s="2"/>
      <c r="B32442" s="2"/>
      <c r="C32442" s="2"/>
    </row>
    <row r="32443" spans="1:3" ht="19.2">
      <c r="A32443" s="2"/>
      <c r="B32443" s="2"/>
      <c r="C32443" s="2"/>
    </row>
    <row r="32444" spans="1:3" ht="19.2">
      <c r="A32444" s="2"/>
      <c r="B32444" s="2"/>
      <c r="C32444" s="2"/>
    </row>
    <row r="32445" spans="1:3" ht="19.2">
      <c r="A32445" s="2"/>
      <c r="B32445" s="2"/>
      <c r="C32445" s="2"/>
    </row>
    <row r="32446" spans="1:3" ht="19.2">
      <c r="A32446" s="2"/>
      <c r="B32446" s="2"/>
      <c r="C32446" s="2"/>
    </row>
    <row r="32447" spans="1:3" ht="19.2">
      <c r="A32447" s="2"/>
      <c r="B32447" s="2"/>
      <c r="C32447" s="2"/>
    </row>
    <row r="32448" spans="1:3" ht="19.2">
      <c r="A32448" s="2"/>
      <c r="B32448" s="2"/>
      <c r="C32448" s="2"/>
    </row>
    <row r="32449" spans="1:3" ht="19.2">
      <c r="A32449" s="2"/>
      <c r="B32449" s="2"/>
      <c r="C32449" s="2"/>
    </row>
    <row r="32450" spans="1:3" ht="19.2">
      <c r="A32450" s="2"/>
      <c r="B32450" s="2"/>
      <c r="C32450" s="2"/>
    </row>
    <row r="32451" spans="1:3" ht="19.2">
      <c r="A32451" s="2"/>
      <c r="B32451" s="2"/>
      <c r="C32451" s="2"/>
    </row>
    <row r="32452" spans="1:3" ht="19.2">
      <c r="A32452" s="2"/>
      <c r="B32452" s="2"/>
      <c r="C32452" s="2"/>
    </row>
    <row r="32453" spans="1:3" ht="19.2">
      <c r="A32453" s="2"/>
      <c r="B32453" s="2"/>
      <c r="C32453" s="2"/>
    </row>
    <row r="32454" spans="1:3" ht="19.2">
      <c r="A32454" s="2"/>
      <c r="B32454" s="2"/>
      <c r="C32454" s="2"/>
    </row>
    <row r="32455" spans="1:3" ht="19.2">
      <c r="A32455" s="2"/>
      <c r="B32455" s="2"/>
      <c r="C32455" s="2"/>
    </row>
    <row r="32456" spans="1:3" ht="19.2">
      <c r="A32456" s="2"/>
      <c r="B32456" s="2"/>
      <c r="C32456" s="2"/>
    </row>
    <row r="32457" spans="1:3" ht="19.2">
      <c r="A32457" s="2"/>
      <c r="B32457" s="2"/>
      <c r="C32457" s="2"/>
    </row>
    <row r="32458" spans="1:3" ht="19.2">
      <c r="A32458" s="2"/>
      <c r="B32458" s="2"/>
      <c r="C32458" s="2"/>
    </row>
    <row r="32459" spans="1:3" ht="19.2">
      <c r="A32459" s="2"/>
      <c r="B32459" s="2"/>
      <c r="C32459" s="2"/>
    </row>
    <row r="32460" spans="1:3" ht="19.2">
      <c r="A32460" s="2"/>
      <c r="B32460" s="2"/>
      <c r="C32460" s="2"/>
    </row>
    <row r="32461" spans="1:3" ht="19.2">
      <c r="A32461" s="2"/>
      <c r="B32461" s="2"/>
      <c r="C32461" s="2"/>
    </row>
    <row r="32462" spans="1:3" ht="19.2">
      <c r="A32462" s="2"/>
      <c r="B32462" s="2"/>
      <c r="C32462" s="2"/>
    </row>
    <row r="32463" spans="1:3" ht="19.2">
      <c r="A32463" s="2"/>
      <c r="B32463" s="2"/>
      <c r="C32463" s="2"/>
    </row>
    <row r="32464" spans="1:3" ht="19.2">
      <c r="A32464" s="2"/>
      <c r="B32464" s="2"/>
      <c r="C32464" s="2"/>
    </row>
    <row r="32465" spans="1:3" ht="19.2">
      <c r="A32465" s="2"/>
      <c r="B32465" s="2"/>
      <c r="C32465" s="2"/>
    </row>
    <row r="32466" spans="1:3" ht="19.2">
      <c r="A32466" s="2"/>
      <c r="B32466" s="2"/>
      <c r="C32466" s="2"/>
    </row>
    <row r="32467" spans="1:3" ht="19.2">
      <c r="A32467" s="2"/>
      <c r="B32467" s="2"/>
      <c r="C32467" s="2"/>
    </row>
    <row r="32468" spans="1:3" ht="19.2">
      <c r="A32468" s="2"/>
      <c r="B32468" s="2"/>
      <c r="C32468" s="2"/>
    </row>
    <row r="32469" spans="1:3" ht="19.2">
      <c r="A32469" s="2"/>
      <c r="B32469" s="2"/>
      <c r="C32469" s="2"/>
    </row>
    <row r="32470" spans="1:3" ht="19.2">
      <c r="A32470" s="2"/>
      <c r="B32470" s="2"/>
      <c r="C32470" s="2"/>
    </row>
    <row r="32471" spans="1:3" ht="19.2">
      <c r="A32471" s="2"/>
      <c r="B32471" s="2"/>
      <c r="C32471" s="2"/>
    </row>
    <row r="32472" spans="1:3" ht="19.2">
      <c r="A32472" s="2"/>
      <c r="B32472" s="2"/>
      <c r="C32472" s="2"/>
    </row>
    <row r="32473" spans="1:3" ht="19.2">
      <c r="A32473" s="2"/>
      <c r="B32473" s="2"/>
      <c r="C32473" s="2"/>
    </row>
    <row r="32474" spans="1:3" ht="19.2">
      <c r="A32474" s="2"/>
      <c r="B32474" s="2"/>
      <c r="C32474" s="2"/>
    </row>
    <row r="32475" spans="1:3" ht="19.2">
      <c r="A32475" s="2"/>
      <c r="B32475" s="2"/>
      <c r="C32475" s="2"/>
    </row>
    <row r="32476" spans="1:3" ht="19.2">
      <c r="A32476" s="2"/>
      <c r="B32476" s="2"/>
      <c r="C32476" s="2"/>
    </row>
    <row r="32477" spans="1:3" ht="19.2">
      <c r="A32477" s="2"/>
      <c r="B32477" s="2"/>
      <c r="C32477" s="2"/>
    </row>
    <row r="32478" spans="1:3" ht="19.2">
      <c r="A32478" s="2"/>
      <c r="B32478" s="2"/>
      <c r="C32478" s="2"/>
    </row>
    <row r="32479" spans="1:3" ht="19.2">
      <c r="A32479" s="2"/>
      <c r="B32479" s="2"/>
      <c r="C32479" s="2"/>
    </row>
    <row r="32480" spans="1:3" ht="19.2">
      <c r="A32480" s="2"/>
      <c r="B32480" s="2"/>
      <c r="C32480" s="2"/>
    </row>
    <row r="32481" spans="1:3" ht="19.2">
      <c r="A32481" s="2"/>
      <c r="B32481" s="2"/>
      <c r="C32481" s="2"/>
    </row>
    <row r="32482" spans="1:3" ht="19.2">
      <c r="A32482" s="2"/>
      <c r="B32482" s="2"/>
      <c r="C32482" s="2"/>
    </row>
    <row r="32483" spans="1:3" ht="19.2">
      <c r="A32483" s="2"/>
      <c r="B32483" s="2"/>
      <c r="C32483" s="2"/>
    </row>
    <row r="32484" spans="1:3" ht="19.2">
      <c r="A32484" s="2"/>
      <c r="B32484" s="2"/>
      <c r="C32484" s="2"/>
    </row>
    <row r="32485" spans="1:3" ht="19.2">
      <c r="A32485" s="2"/>
      <c r="B32485" s="2"/>
      <c r="C32485" s="2"/>
    </row>
    <row r="32486" spans="1:3" ht="19.2">
      <c r="A32486" s="2"/>
      <c r="B32486" s="2"/>
      <c r="C32486" s="2"/>
    </row>
    <row r="32487" spans="1:3" ht="19.2">
      <c r="A32487" s="2"/>
      <c r="B32487" s="2"/>
      <c r="C32487" s="2"/>
    </row>
    <row r="32488" spans="1:3" ht="19.2">
      <c r="A32488" s="2"/>
      <c r="B32488" s="2"/>
      <c r="C32488" s="2"/>
    </row>
    <row r="32489" spans="1:3" ht="19.2">
      <c r="A32489" s="2"/>
      <c r="B32489" s="2"/>
      <c r="C32489" s="2"/>
    </row>
    <row r="32490" spans="1:3" ht="19.2">
      <c r="A32490" s="2"/>
      <c r="B32490" s="2"/>
      <c r="C32490" s="2"/>
    </row>
    <row r="32491" spans="1:3" ht="19.2">
      <c r="A32491" s="2"/>
      <c r="B32491" s="2"/>
      <c r="C32491" s="2"/>
    </row>
    <row r="32492" spans="1:3" ht="19.2">
      <c r="A32492" s="2"/>
      <c r="B32492" s="2"/>
      <c r="C32492" s="2"/>
    </row>
    <row r="32493" spans="1:3" ht="19.2">
      <c r="A32493" s="2"/>
      <c r="B32493" s="2"/>
      <c r="C32493" s="2"/>
    </row>
    <row r="32494" spans="1:3" ht="19.2">
      <c r="A32494" s="2"/>
      <c r="B32494" s="2"/>
      <c r="C32494" s="2"/>
    </row>
    <row r="32495" spans="1:3" ht="19.2">
      <c r="A32495" s="2"/>
      <c r="B32495" s="2"/>
      <c r="C32495" s="2"/>
    </row>
    <row r="32496" spans="1:3" ht="19.2">
      <c r="A32496" s="2"/>
      <c r="B32496" s="2"/>
      <c r="C32496" s="2"/>
    </row>
    <row r="32497" spans="1:3" ht="19.2">
      <c r="A32497" s="2"/>
      <c r="B32497" s="2"/>
      <c r="C32497" s="2"/>
    </row>
    <row r="32498" spans="1:3" ht="19.2">
      <c r="A32498" s="2"/>
      <c r="B32498" s="2"/>
      <c r="C32498" s="2"/>
    </row>
    <row r="32499" spans="1:3" ht="19.2">
      <c r="A32499" s="2"/>
      <c r="B32499" s="2"/>
      <c r="C32499" s="2"/>
    </row>
    <row r="32500" spans="1:3" ht="19.2">
      <c r="A32500" s="2"/>
      <c r="B32500" s="2"/>
      <c r="C32500" s="2"/>
    </row>
    <row r="32501" spans="1:3" ht="19.2">
      <c r="A32501" s="2"/>
      <c r="B32501" s="2"/>
      <c r="C32501" s="2"/>
    </row>
    <row r="32502" spans="1:3" ht="19.2">
      <c r="A32502" s="2"/>
      <c r="B32502" s="2"/>
      <c r="C32502" s="2"/>
    </row>
    <row r="32503" spans="1:3" ht="19.2">
      <c r="A32503" s="2"/>
      <c r="B32503" s="2"/>
      <c r="C32503" s="2"/>
    </row>
    <row r="32504" spans="1:3" ht="19.2">
      <c r="A32504" s="2"/>
      <c r="B32504" s="2"/>
      <c r="C32504" s="2"/>
    </row>
    <row r="32505" spans="1:3" ht="19.2">
      <c r="A32505" s="2"/>
      <c r="B32505" s="2"/>
      <c r="C32505" s="2"/>
    </row>
    <row r="32506" spans="1:3" ht="19.2">
      <c r="A32506" s="2"/>
      <c r="B32506" s="2"/>
      <c r="C32506" s="2"/>
    </row>
    <row r="32507" spans="1:3" ht="19.2">
      <c r="A32507" s="2"/>
      <c r="B32507" s="2"/>
      <c r="C32507" s="2"/>
    </row>
    <row r="32508" spans="1:3" ht="19.2">
      <c r="A32508" s="2"/>
      <c r="B32508" s="2"/>
      <c r="C32508" s="2"/>
    </row>
    <row r="32509" spans="1:3" ht="19.2">
      <c r="A32509" s="2"/>
      <c r="B32509" s="2"/>
      <c r="C32509" s="2"/>
    </row>
    <row r="32510" spans="1:3" ht="19.2">
      <c r="A32510" s="2"/>
      <c r="B32510" s="2"/>
      <c r="C32510" s="2"/>
    </row>
    <row r="32511" spans="1:3" ht="19.2">
      <c r="A32511" s="2"/>
      <c r="B32511" s="2"/>
      <c r="C32511" s="2"/>
    </row>
    <row r="32512" spans="1:3" ht="19.2">
      <c r="A32512" s="2"/>
      <c r="B32512" s="2"/>
      <c r="C32512" s="2"/>
    </row>
    <row r="32513" spans="1:3" ht="19.2">
      <c r="A32513" s="2"/>
      <c r="B32513" s="2"/>
      <c r="C32513" s="2"/>
    </row>
    <row r="32514" spans="1:3" ht="19.2">
      <c r="A32514" s="2"/>
      <c r="B32514" s="2"/>
      <c r="C32514" s="2"/>
    </row>
    <row r="32515" spans="1:3" ht="19.2">
      <c r="A32515" s="2"/>
      <c r="B32515" s="2"/>
      <c r="C32515" s="2"/>
    </row>
    <row r="32516" spans="1:3" ht="19.2">
      <c r="A32516" s="2"/>
      <c r="B32516" s="2"/>
      <c r="C32516" s="2"/>
    </row>
    <row r="32517" spans="1:3" ht="19.2">
      <c r="A32517" s="2"/>
      <c r="B32517" s="2"/>
      <c r="C32517" s="2"/>
    </row>
    <row r="32518" spans="1:3" ht="19.2">
      <c r="A32518" s="2"/>
      <c r="B32518" s="2"/>
      <c r="C32518" s="2"/>
    </row>
    <row r="32519" spans="1:3" ht="19.2">
      <c r="A32519" s="2"/>
      <c r="B32519" s="2"/>
      <c r="C32519" s="2"/>
    </row>
    <row r="32520" spans="1:3" ht="19.2">
      <c r="A32520" s="2"/>
      <c r="B32520" s="2"/>
      <c r="C32520" s="2"/>
    </row>
    <row r="32521" spans="1:3" ht="19.2">
      <c r="A32521" s="2"/>
      <c r="B32521" s="2"/>
      <c r="C32521" s="2"/>
    </row>
    <row r="32522" spans="1:3" ht="19.2">
      <c r="A32522" s="2"/>
      <c r="B32522" s="2"/>
      <c r="C32522" s="2"/>
    </row>
    <row r="32523" spans="1:3" ht="19.2">
      <c r="A32523" s="2"/>
      <c r="B32523" s="2"/>
      <c r="C32523" s="2"/>
    </row>
    <row r="32524" spans="1:3" ht="19.2">
      <c r="A32524" s="2"/>
      <c r="B32524" s="2"/>
      <c r="C32524" s="2"/>
    </row>
    <row r="32525" spans="1:3" ht="19.2">
      <c r="A32525" s="2"/>
      <c r="B32525" s="2"/>
      <c r="C32525" s="2"/>
    </row>
    <row r="32526" spans="1:3" ht="19.2">
      <c r="A32526" s="2"/>
      <c r="B32526" s="2"/>
      <c r="C32526" s="2"/>
    </row>
    <row r="32527" spans="1:3" ht="19.2">
      <c r="A32527" s="2"/>
      <c r="B32527" s="2"/>
      <c r="C32527" s="2"/>
    </row>
    <row r="32528" spans="1:3" ht="19.2">
      <c r="A32528" s="2"/>
      <c r="B32528" s="2"/>
      <c r="C32528" s="2"/>
    </row>
    <row r="32529" spans="1:3" ht="19.2">
      <c r="A32529" s="2"/>
      <c r="B32529" s="2"/>
      <c r="C32529" s="2"/>
    </row>
    <row r="32530" spans="1:3" ht="19.2">
      <c r="A32530" s="2"/>
      <c r="B32530" s="2"/>
      <c r="C32530" s="2"/>
    </row>
    <row r="32531" spans="1:3" ht="19.2">
      <c r="A32531" s="2"/>
      <c r="B32531" s="2"/>
      <c r="C32531" s="2"/>
    </row>
    <row r="32532" spans="1:3" ht="19.2">
      <c r="A32532" s="2"/>
      <c r="B32532" s="2"/>
      <c r="C32532" s="2"/>
    </row>
    <row r="32533" spans="1:3" ht="19.2">
      <c r="A32533" s="2"/>
      <c r="B32533" s="2"/>
      <c r="C32533" s="2"/>
    </row>
    <row r="32534" spans="1:3" ht="19.2">
      <c r="A32534" s="2"/>
      <c r="B32534" s="2"/>
      <c r="C32534" s="2"/>
    </row>
    <row r="32535" spans="1:3" ht="19.2">
      <c r="A32535" s="2"/>
      <c r="B32535" s="2"/>
      <c r="C32535" s="2"/>
    </row>
    <row r="32536" spans="1:3" ht="19.2">
      <c r="A32536" s="2"/>
      <c r="B32536" s="2"/>
      <c r="C32536" s="2"/>
    </row>
    <row r="32537" spans="1:3" ht="19.2">
      <c r="A32537" s="2"/>
      <c r="B32537" s="2"/>
      <c r="C32537" s="2"/>
    </row>
    <row r="32538" spans="1:3" ht="19.2">
      <c r="A32538" s="2"/>
      <c r="B32538" s="2"/>
      <c r="C32538" s="2"/>
    </row>
    <row r="32539" spans="1:3" ht="19.2">
      <c r="A32539" s="2"/>
      <c r="B32539" s="2"/>
      <c r="C32539" s="2"/>
    </row>
    <row r="32540" spans="1:3" ht="19.2">
      <c r="A32540" s="2"/>
      <c r="B32540" s="2"/>
      <c r="C32540" s="2"/>
    </row>
    <row r="32541" spans="1:3" ht="19.2">
      <c r="A32541" s="2"/>
      <c r="B32541" s="2"/>
      <c r="C32541" s="2"/>
    </row>
    <row r="32542" spans="1:3" ht="19.2">
      <c r="A32542" s="2"/>
      <c r="B32542" s="2"/>
      <c r="C32542" s="2"/>
    </row>
    <row r="32543" spans="1:3" ht="19.2">
      <c r="A32543" s="2"/>
      <c r="B32543" s="2"/>
      <c r="C32543" s="2"/>
    </row>
    <row r="32544" spans="1:3" ht="19.2">
      <c r="A32544" s="2"/>
      <c r="B32544" s="2"/>
      <c r="C32544" s="2"/>
    </row>
    <row r="32545" spans="1:3" ht="19.2">
      <c r="A32545" s="2"/>
      <c r="B32545" s="2"/>
      <c r="C32545" s="2"/>
    </row>
    <row r="32546" spans="1:3" ht="19.2">
      <c r="A32546" s="2"/>
      <c r="B32546" s="2"/>
      <c r="C32546" s="2"/>
    </row>
    <row r="32547" spans="1:3" ht="19.2">
      <c r="A32547" s="2"/>
      <c r="B32547" s="2"/>
      <c r="C32547" s="2"/>
    </row>
    <row r="32548" spans="1:3" ht="19.2">
      <c r="A32548" s="2"/>
      <c r="B32548" s="2"/>
      <c r="C32548" s="2"/>
    </row>
    <row r="32549" spans="1:3" ht="19.2">
      <c r="A32549" s="2"/>
      <c r="B32549" s="2"/>
      <c r="C32549" s="2"/>
    </row>
    <row r="32550" spans="1:3" ht="19.2">
      <c r="A32550" s="2"/>
      <c r="B32550" s="2"/>
      <c r="C32550" s="2"/>
    </row>
    <row r="32551" spans="1:3" ht="19.2">
      <c r="A32551" s="2"/>
      <c r="B32551" s="2"/>
      <c r="C32551" s="2"/>
    </row>
    <row r="32552" spans="1:3" ht="19.2">
      <c r="A32552" s="2"/>
      <c r="B32552" s="2"/>
      <c r="C32552" s="2"/>
    </row>
    <row r="32553" spans="1:3" ht="19.2">
      <c r="A32553" s="2"/>
      <c r="B32553" s="2"/>
      <c r="C32553" s="2"/>
    </row>
    <row r="32554" spans="1:3" ht="19.2">
      <c r="A32554" s="2"/>
      <c r="B32554" s="2"/>
      <c r="C32554" s="2"/>
    </row>
    <row r="32555" spans="1:3" ht="19.2">
      <c r="A32555" s="2"/>
      <c r="B32555" s="2"/>
      <c r="C32555" s="2"/>
    </row>
    <row r="32556" spans="1:3" ht="19.2">
      <c r="A32556" s="2"/>
      <c r="B32556" s="2"/>
      <c r="C32556" s="2"/>
    </row>
    <row r="32557" spans="1:3" ht="19.2">
      <c r="A32557" s="2"/>
      <c r="B32557" s="2"/>
      <c r="C32557" s="2"/>
    </row>
    <row r="32558" spans="1:3" ht="19.2">
      <c r="A32558" s="2"/>
      <c r="B32558" s="2"/>
      <c r="C32558" s="2"/>
    </row>
    <row r="32559" spans="1:3" ht="19.2">
      <c r="A32559" s="2"/>
      <c r="B32559" s="2"/>
      <c r="C32559" s="2"/>
    </row>
    <row r="32560" spans="1:3" ht="19.2">
      <c r="A32560" s="2"/>
      <c r="B32560" s="2"/>
      <c r="C32560" s="2"/>
    </row>
    <row r="32561" spans="1:3" ht="19.2">
      <c r="A32561" s="2"/>
      <c r="B32561" s="2"/>
      <c r="C32561" s="2"/>
    </row>
    <row r="32562" spans="1:3" ht="19.2">
      <c r="A32562" s="2"/>
      <c r="B32562" s="2"/>
      <c r="C32562" s="2"/>
    </row>
    <row r="32563" spans="1:3" ht="19.2">
      <c r="A32563" s="2"/>
      <c r="B32563" s="2"/>
      <c r="C32563" s="2"/>
    </row>
    <row r="32564" spans="1:3" ht="19.2">
      <c r="A32564" s="2"/>
      <c r="B32564" s="2"/>
      <c r="C32564" s="2"/>
    </row>
    <row r="32565" spans="1:3" ht="19.2">
      <c r="A32565" s="2"/>
      <c r="B32565" s="2"/>
      <c r="C32565" s="2"/>
    </row>
    <row r="32566" spans="1:3" ht="19.2">
      <c r="A32566" s="2"/>
      <c r="B32566" s="2"/>
      <c r="C32566" s="2"/>
    </row>
    <row r="32567" spans="1:3" ht="19.2">
      <c r="A32567" s="2"/>
      <c r="B32567" s="2"/>
      <c r="C32567" s="2"/>
    </row>
    <row r="32568" spans="1:3" ht="19.2">
      <c r="A32568" s="2"/>
      <c r="B32568" s="2"/>
      <c r="C32568" s="2"/>
    </row>
    <row r="32569" spans="1:3" ht="19.2">
      <c r="A32569" s="2"/>
      <c r="B32569" s="2"/>
      <c r="C32569" s="2"/>
    </row>
    <row r="32570" spans="1:3" ht="19.2">
      <c r="A32570" s="2"/>
      <c r="B32570" s="2"/>
      <c r="C32570" s="2"/>
    </row>
    <row r="32571" spans="1:3" ht="19.2">
      <c r="A32571" s="2"/>
      <c r="B32571" s="2"/>
      <c r="C32571" s="2"/>
    </row>
    <row r="32572" spans="1:3" ht="19.2">
      <c r="A32572" s="2"/>
      <c r="B32572" s="2"/>
      <c r="C32572" s="2"/>
    </row>
    <row r="32573" spans="1:3" ht="19.2">
      <c r="A32573" s="2"/>
      <c r="B32573" s="2"/>
      <c r="C32573" s="2"/>
    </row>
    <row r="32574" spans="1:3" ht="19.2">
      <c r="A32574" s="2"/>
      <c r="B32574" s="2"/>
      <c r="C32574" s="2"/>
    </row>
    <row r="32575" spans="1:3" ht="19.2">
      <c r="A32575" s="2"/>
      <c r="B32575" s="2"/>
      <c r="C32575" s="2"/>
    </row>
    <row r="32576" spans="1:3" ht="19.2">
      <c r="A32576" s="2"/>
      <c r="B32576" s="2"/>
      <c r="C32576" s="2"/>
    </row>
    <row r="32577" spans="1:3" ht="19.2">
      <c r="A32577" s="2"/>
      <c r="B32577" s="2"/>
      <c r="C32577" s="2"/>
    </row>
    <row r="32578" spans="1:3" ht="19.2">
      <c r="A32578" s="2"/>
      <c r="B32578" s="2"/>
      <c r="C32578" s="2"/>
    </row>
    <row r="32579" spans="1:3" ht="19.2">
      <c r="A32579" s="2"/>
      <c r="B32579" s="2"/>
      <c r="C32579" s="2"/>
    </row>
    <row r="32580" spans="1:3" ht="19.2">
      <c r="A32580" s="2"/>
      <c r="B32580" s="2"/>
      <c r="C32580" s="2"/>
    </row>
    <row r="32581" spans="1:3" ht="19.2">
      <c r="A32581" s="2"/>
      <c r="B32581" s="2"/>
      <c r="C32581" s="2"/>
    </row>
    <row r="32582" spans="1:3" ht="19.2">
      <c r="A32582" s="2"/>
      <c r="B32582" s="2"/>
      <c r="C32582" s="2"/>
    </row>
    <row r="32583" spans="1:3" ht="19.2">
      <c r="A32583" s="2"/>
      <c r="B32583" s="2"/>
      <c r="C32583" s="2"/>
    </row>
    <row r="32584" spans="1:3" ht="19.2">
      <c r="A32584" s="2"/>
      <c r="B32584" s="2"/>
      <c r="C32584" s="2"/>
    </row>
    <row r="32585" spans="1:3" ht="19.2">
      <c r="A32585" s="2"/>
      <c r="B32585" s="2"/>
      <c r="C32585" s="2"/>
    </row>
    <row r="32586" spans="1:3" ht="19.2">
      <c r="A32586" s="2"/>
      <c r="B32586" s="2"/>
      <c r="C32586" s="2"/>
    </row>
    <row r="32587" spans="1:3" ht="19.2">
      <c r="A32587" s="2"/>
      <c r="B32587" s="2"/>
      <c r="C32587" s="2"/>
    </row>
    <row r="32588" spans="1:3" ht="19.2">
      <c r="A32588" s="2"/>
      <c r="B32588" s="2"/>
      <c r="C32588" s="2"/>
    </row>
    <row r="32589" spans="1:3" ht="19.2">
      <c r="A32589" s="2"/>
      <c r="B32589" s="2"/>
      <c r="C32589" s="2"/>
    </row>
    <row r="32590" spans="1:3" ht="19.2">
      <c r="A32590" s="2"/>
      <c r="B32590" s="2"/>
      <c r="C32590" s="2"/>
    </row>
    <row r="32591" spans="1:3" ht="19.2">
      <c r="A32591" s="2"/>
      <c r="B32591" s="2"/>
      <c r="C32591" s="2"/>
    </row>
    <row r="32592" spans="1:3" ht="19.2">
      <c r="A32592" s="2"/>
      <c r="B32592" s="2"/>
      <c r="C32592" s="2"/>
    </row>
    <row r="32593" spans="1:3" ht="19.2">
      <c r="A32593" s="2"/>
      <c r="B32593" s="2"/>
      <c r="C32593" s="2"/>
    </row>
    <row r="32594" spans="1:3" ht="19.2">
      <c r="A32594" s="2"/>
      <c r="B32594" s="2"/>
      <c r="C32594" s="2"/>
    </row>
    <row r="32595" spans="1:3" ht="19.2">
      <c r="A32595" s="2"/>
      <c r="B32595" s="2"/>
      <c r="C32595" s="2"/>
    </row>
    <row r="32596" spans="1:3" ht="19.2">
      <c r="A32596" s="2"/>
      <c r="B32596" s="2"/>
      <c r="C32596" s="2"/>
    </row>
    <row r="32597" spans="1:3" ht="19.2">
      <c r="A32597" s="2"/>
      <c r="B32597" s="2"/>
      <c r="C32597" s="2"/>
    </row>
    <row r="32598" spans="1:3" ht="19.2">
      <c r="A32598" s="2"/>
      <c r="B32598" s="2"/>
      <c r="C32598" s="2"/>
    </row>
    <row r="32599" spans="1:3" ht="19.2">
      <c r="A32599" s="2"/>
      <c r="B32599" s="2"/>
      <c r="C32599" s="2"/>
    </row>
    <row r="32600" spans="1:3" ht="19.2">
      <c r="A32600" s="2"/>
      <c r="B32600" s="2"/>
      <c r="C32600" s="2"/>
    </row>
    <row r="32601" spans="1:3" ht="19.2">
      <c r="A32601" s="2"/>
      <c r="B32601" s="2"/>
      <c r="C32601" s="2"/>
    </row>
    <row r="32602" spans="1:3" ht="19.2">
      <c r="A32602" s="2"/>
      <c r="B32602" s="2"/>
      <c r="C32602" s="2"/>
    </row>
    <row r="32603" spans="1:3" ht="19.2">
      <c r="A32603" s="2"/>
      <c r="B32603" s="2"/>
      <c r="C32603" s="2"/>
    </row>
    <row r="32604" spans="1:3" ht="19.2">
      <c r="A32604" s="2"/>
      <c r="B32604" s="2"/>
      <c r="C32604" s="2"/>
    </row>
    <row r="32605" spans="1:3" ht="19.2">
      <c r="A32605" s="2"/>
      <c r="B32605" s="2"/>
      <c r="C32605" s="2"/>
    </row>
    <row r="32606" spans="1:3" ht="19.2">
      <c r="A32606" s="2"/>
      <c r="B32606" s="2"/>
      <c r="C32606" s="2"/>
    </row>
    <row r="32607" spans="1:3" ht="19.2">
      <c r="A32607" s="2"/>
      <c r="B32607" s="2"/>
      <c r="C32607" s="2"/>
    </row>
    <row r="32608" spans="1:3" ht="19.2">
      <c r="A32608" s="2"/>
      <c r="B32608" s="2"/>
      <c r="C32608" s="2"/>
    </row>
    <row r="32609" spans="1:3" ht="19.2">
      <c r="A32609" s="2"/>
      <c r="B32609" s="2"/>
      <c r="C32609" s="2"/>
    </row>
    <row r="32610" spans="1:3" ht="19.2">
      <c r="A32610" s="2"/>
      <c r="B32610" s="2"/>
      <c r="C32610" s="2"/>
    </row>
    <row r="32611" spans="1:3" ht="19.2">
      <c r="A32611" s="2"/>
      <c r="B32611" s="2"/>
      <c r="C32611" s="2"/>
    </row>
    <row r="32612" spans="1:3" ht="19.2">
      <c r="A32612" s="2"/>
      <c r="B32612" s="2"/>
      <c r="C32612" s="2"/>
    </row>
    <row r="32613" spans="1:3" ht="19.2">
      <c r="A32613" s="2"/>
      <c r="B32613" s="2"/>
      <c r="C32613" s="2"/>
    </row>
    <row r="32614" spans="1:3" ht="19.2">
      <c r="A32614" s="2"/>
      <c r="B32614" s="2"/>
      <c r="C32614" s="2"/>
    </row>
    <row r="32615" spans="1:3" ht="19.2">
      <c r="A32615" s="2"/>
      <c r="B32615" s="2"/>
      <c r="C32615" s="2"/>
    </row>
    <row r="32616" spans="1:3" ht="19.2">
      <c r="A32616" s="2"/>
      <c r="B32616" s="2"/>
      <c r="C32616" s="2"/>
    </row>
    <row r="32617" spans="1:3" ht="19.2">
      <c r="A32617" s="2"/>
      <c r="B32617" s="2"/>
      <c r="C32617" s="2"/>
    </row>
    <row r="32618" spans="1:3" ht="19.2">
      <c r="A32618" s="2"/>
      <c r="B32618" s="2"/>
      <c r="C32618" s="2"/>
    </row>
    <row r="32619" spans="1:3" ht="19.2">
      <c r="A32619" s="2"/>
      <c r="B32619" s="2"/>
      <c r="C32619" s="2"/>
    </row>
    <row r="32620" spans="1:3" ht="19.2">
      <c r="A32620" s="2"/>
      <c r="B32620" s="2"/>
      <c r="C32620" s="2"/>
    </row>
    <row r="32621" spans="1:3" ht="19.2">
      <c r="A32621" s="2"/>
      <c r="B32621" s="2"/>
      <c r="C32621" s="2"/>
    </row>
    <row r="32622" spans="1:3" ht="19.2">
      <c r="A32622" s="2"/>
      <c r="B32622" s="2"/>
      <c r="C32622" s="2"/>
    </row>
    <row r="32623" spans="1:3" ht="19.2">
      <c r="A32623" s="2"/>
      <c r="B32623" s="2"/>
      <c r="C32623" s="2"/>
    </row>
    <row r="32624" spans="1:3" ht="19.2">
      <c r="A32624" s="2"/>
      <c r="B32624" s="2"/>
      <c r="C32624" s="2"/>
    </row>
    <row r="32625" spans="1:3" ht="19.2">
      <c r="A32625" s="2"/>
      <c r="B32625" s="2"/>
      <c r="C32625" s="2"/>
    </row>
    <row r="32626" spans="1:3" ht="19.2">
      <c r="A32626" s="2"/>
      <c r="B32626" s="2"/>
      <c r="C32626" s="2"/>
    </row>
    <row r="32627" spans="1:3" ht="19.2">
      <c r="A32627" s="2"/>
      <c r="B32627" s="2"/>
      <c r="C32627" s="2"/>
    </row>
    <row r="32628" spans="1:3" ht="19.2">
      <c r="A32628" s="2"/>
      <c r="B32628" s="2"/>
      <c r="C32628" s="2"/>
    </row>
    <row r="32629" spans="1:3" ht="19.2">
      <c r="A32629" s="2"/>
      <c r="B32629" s="2"/>
      <c r="C32629" s="2"/>
    </row>
    <row r="32630" spans="1:3" ht="19.2">
      <c r="A32630" s="2"/>
      <c r="B32630" s="2"/>
      <c r="C32630" s="2"/>
    </row>
    <row r="32631" spans="1:3" ht="19.2">
      <c r="A32631" s="2"/>
      <c r="B32631" s="2"/>
      <c r="C32631" s="2"/>
    </row>
    <row r="32632" spans="1:3" ht="19.2">
      <c r="A32632" s="2"/>
      <c r="B32632" s="2"/>
      <c r="C32632" s="2"/>
    </row>
    <row r="32633" spans="1:3" ht="19.2">
      <c r="A32633" s="2"/>
      <c r="B32633" s="2"/>
      <c r="C32633" s="2"/>
    </row>
    <row r="32634" spans="1:3" ht="19.2">
      <c r="A32634" s="2"/>
      <c r="B32634" s="2"/>
      <c r="C32634" s="2"/>
    </row>
    <row r="32635" spans="1:3" ht="19.2">
      <c r="A32635" s="2"/>
      <c r="B32635" s="2"/>
      <c r="C32635" s="2"/>
    </row>
    <row r="32636" spans="1:3" ht="19.2">
      <c r="A32636" s="2"/>
      <c r="B32636" s="2"/>
      <c r="C32636" s="2"/>
    </row>
    <row r="32637" spans="1:3" ht="19.2">
      <c r="A32637" s="2"/>
      <c r="B32637" s="2"/>
      <c r="C32637" s="2"/>
    </row>
    <row r="32638" spans="1:3" ht="19.2">
      <c r="A32638" s="2"/>
      <c r="B32638" s="2"/>
      <c r="C32638" s="2"/>
    </row>
    <row r="32639" spans="1:3" ht="19.2">
      <c r="A32639" s="2"/>
      <c r="B32639" s="2"/>
      <c r="C32639" s="2"/>
    </row>
    <row r="32640" spans="1:3" ht="19.2">
      <c r="A32640" s="2"/>
      <c r="B32640" s="2"/>
      <c r="C32640" s="2"/>
    </row>
    <row r="32641" spans="1:3" ht="19.2">
      <c r="A32641" s="2"/>
      <c r="B32641" s="2"/>
      <c r="C32641" s="2"/>
    </row>
    <row r="32642" spans="1:3" ht="19.2">
      <c r="A32642" s="2"/>
      <c r="B32642" s="2"/>
      <c r="C32642" s="2"/>
    </row>
    <row r="32643" spans="1:3" ht="19.2">
      <c r="A32643" s="2"/>
      <c r="B32643" s="2"/>
      <c r="C32643" s="2"/>
    </row>
    <row r="32644" spans="1:3" ht="19.2">
      <c r="A32644" s="2"/>
      <c r="B32644" s="2"/>
      <c r="C32644" s="2"/>
    </row>
    <row r="32645" spans="1:3" ht="19.2">
      <c r="A32645" s="2"/>
      <c r="B32645" s="2"/>
      <c r="C32645" s="2"/>
    </row>
    <row r="32646" spans="1:3" ht="19.2">
      <c r="A32646" s="2"/>
      <c r="B32646" s="2"/>
      <c r="C32646" s="2"/>
    </row>
    <row r="32647" spans="1:3" ht="19.2">
      <c r="A32647" s="2"/>
      <c r="B32647" s="2"/>
      <c r="C32647" s="2"/>
    </row>
    <row r="32648" spans="1:3" ht="19.2">
      <c r="A32648" s="2"/>
      <c r="B32648" s="2"/>
      <c r="C32648" s="2"/>
    </row>
    <row r="32649" spans="1:3" ht="19.2">
      <c r="A32649" s="2"/>
      <c r="B32649" s="2"/>
      <c r="C32649" s="2"/>
    </row>
    <row r="32650" spans="1:3" ht="19.2">
      <c r="A32650" s="2"/>
      <c r="B32650" s="2"/>
      <c r="C32650" s="2"/>
    </row>
    <row r="32651" spans="1:3" ht="19.2">
      <c r="A32651" s="2"/>
      <c r="B32651" s="2"/>
      <c r="C32651" s="2"/>
    </row>
    <row r="32652" spans="1:3" ht="19.2">
      <c r="A32652" s="2"/>
      <c r="B32652" s="2"/>
      <c r="C32652" s="2"/>
    </row>
    <row r="32653" spans="1:3" ht="19.2">
      <c r="A32653" s="2"/>
      <c r="B32653" s="2"/>
      <c r="C32653" s="2"/>
    </row>
    <row r="32654" spans="1:3" ht="19.2">
      <c r="A32654" s="2"/>
      <c r="B32654" s="2"/>
      <c r="C32654" s="2"/>
    </row>
    <row r="32655" spans="1:3" ht="19.2">
      <c r="A32655" s="2"/>
      <c r="B32655" s="2"/>
      <c r="C32655" s="2"/>
    </row>
    <row r="32656" spans="1:3" ht="19.2">
      <c r="A32656" s="2"/>
      <c r="B32656" s="2"/>
      <c r="C32656" s="2"/>
    </row>
    <row r="32657" spans="1:3" ht="19.2">
      <c r="A32657" s="2"/>
      <c r="B32657" s="2"/>
      <c r="C32657" s="2"/>
    </row>
    <row r="32658" spans="1:3" ht="19.2">
      <c r="A32658" s="2"/>
      <c r="B32658" s="2"/>
      <c r="C32658" s="2"/>
    </row>
    <row r="32659" spans="1:3" ht="19.2">
      <c r="A32659" s="2"/>
      <c r="B32659" s="2"/>
      <c r="C32659" s="2"/>
    </row>
    <row r="32660" spans="1:3" ht="19.2">
      <c r="A32660" s="2"/>
      <c r="B32660" s="2"/>
      <c r="C32660" s="2"/>
    </row>
    <row r="32661" spans="1:3" ht="19.2">
      <c r="A32661" s="2"/>
      <c r="B32661" s="2"/>
      <c r="C32661" s="2"/>
    </row>
    <row r="32662" spans="1:3" ht="19.2">
      <c r="A32662" s="2"/>
      <c r="B32662" s="2"/>
      <c r="C32662" s="2"/>
    </row>
    <row r="32663" spans="1:3" ht="19.2">
      <c r="A32663" s="2"/>
      <c r="B32663" s="2"/>
      <c r="C32663" s="2"/>
    </row>
    <row r="32664" spans="1:3" ht="19.2">
      <c r="A32664" s="2"/>
      <c r="B32664" s="2"/>
      <c r="C32664" s="2"/>
    </row>
    <row r="32665" spans="1:3" ht="19.2">
      <c r="A32665" s="2"/>
      <c r="B32665" s="2"/>
      <c r="C32665" s="2"/>
    </row>
    <row r="32666" spans="1:3" ht="19.2">
      <c r="A32666" s="2"/>
      <c r="B32666" s="2"/>
      <c r="C32666" s="2"/>
    </row>
    <row r="32667" spans="1:3" ht="19.2">
      <c r="A32667" s="2"/>
      <c r="B32667" s="2"/>
      <c r="C32667" s="2"/>
    </row>
    <row r="32668" spans="1:3" ht="19.2">
      <c r="A32668" s="2"/>
      <c r="B32668" s="2"/>
      <c r="C32668" s="2"/>
    </row>
    <row r="32669" spans="1:3" ht="19.2">
      <c r="A32669" s="2"/>
      <c r="B32669" s="2"/>
      <c r="C32669" s="2"/>
    </row>
    <row r="32670" spans="1:3" ht="19.2">
      <c r="A32670" s="2"/>
      <c r="B32670" s="2"/>
      <c r="C32670" s="2"/>
    </row>
    <row r="32671" spans="1:3" ht="19.2">
      <c r="A32671" s="2"/>
      <c r="B32671" s="2"/>
      <c r="C32671" s="2"/>
    </row>
    <row r="32672" spans="1:3" ht="19.2">
      <c r="A32672" s="2"/>
      <c r="B32672" s="2"/>
      <c r="C32672" s="2"/>
    </row>
    <row r="32673" spans="1:3" ht="19.2">
      <c r="A32673" s="2"/>
      <c r="B32673" s="2"/>
      <c r="C32673" s="2"/>
    </row>
    <row r="32674" spans="1:3" ht="19.2">
      <c r="A32674" s="2"/>
      <c r="B32674" s="2"/>
      <c r="C32674" s="2"/>
    </row>
    <row r="32675" spans="1:3" ht="19.2">
      <c r="A32675" s="2"/>
      <c r="B32675" s="2"/>
      <c r="C32675" s="2"/>
    </row>
    <row r="32676" spans="1:3" ht="19.2">
      <c r="A32676" s="2"/>
      <c r="B32676" s="2"/>
      <c r="C32676" s="2"/>
    </row>
    <row r="32677" spans="1:3" ht="19.2">
      <c r="A32677" s="2"/>
      <c r="B32677" s="2"/>
      <c r="C32677" s="2"/>
    </row>
    <row r="32678" spans="1:3" ht="19.2">
      <c r="A32678" s="2"/>
      <c r="B32678" s="2"/>
      <c r="C32678" s="2"/>
    </row>
    <row r="32679" spans="1:3" ht="19.2">
      <c r="A32679" s="2"/>
      <c r="B32679" s="2"/>
      <c r="C32679" s="2"/>
    </row>
    <row r="32680" spans="1:3" ht="19.2">
      <c r="A32680" s="2"/>
      <c r="B32680" s="2"/>
      <c r="C32680" s="2"/>
    </row>
    <row r="32681" spans="1:3" ht="19.2">
      <c r="A32681" s="2"/>
      <c r="B32681" s="2"/>
      <c r="C32681" s="2"/>
    </row>
    <row r="32682" spans="1:3" ht="19.2">
      <c r="A32682" s="2"/>
      <c r="B32682" s="2"/>
      <c r="C32682" s="2"/>
    </row>
    <row r="32683" spans="1:3" ht="19.2">
      <c r="A32683" s="2"/>
      <c r="B32683" s="2"/>
      <c r="C32683" s="2"/>
    </row>
    <row r="32684" spans="1:3" ht="19.2">
      <c r="A32684" s="2"/>
      <c r="B32684" s="2"/>
      <c r="C32684" s="2"/>
    </row>
    <row r="32685" spans="1:3" ht="19.2">
      <c r="A32685" s="2"/>
      <c r="B32685" s="2"/>
      <c r="C32685" s="2"/>
    </row>
    <row r="32686" spans="1:3" ht="19.2">
      <c r="A32686" s="2"/>
      <c r="B32686" s="2"/>
      <c r="C32686" s="2"/>
    </row>
    <row r="32687" spans="1:3" ht="19.2">
      <c r="A32687" s="2"/>
      <c r="B32687" s="2"/>
      <c r="C32687" s="2"/>
    </row>
    <row r="32688" spans="1:3" ht="19.2">
      <c r="A32688" s="2"/>
      <c r="B32688" s="2"/>
      <c r="C32688" s="2"/>
    </row>
    <row r="32689" spans="1:3" ht="19.2">
      <c r="A32689" s="2"/>
      <c r="B32689" s="2"/>
      <c r="C32689" s="2"/>
    </row>
    <row r="32690" spans="1:3" ht="19.2">
      <c r="A32690" s="2"/>
      <c r="B32690" s="2"/>
      <c r="C32690" s="2"/>
    </row>
    <row r="32691" spans="1:3" ht="19.2">
      <c r="A32691" s="2"/>
      <c r="B32691" s="2"/>
      <c r="C32691" s="2"/>
    </row>
    <row r="32692" spans="1:3" ht="19.2">
      <c r="A32692" s="2"/>
      <c r="B32692" s="2"/>
      <c r="C32692" s="2"/>
    </row>
    <row r="32693" spans="1:3" ht="19.2">
      <c r="A32693" s="2"/>
      <c r="B32693" s="2"/>
      <c r="C32693" s="2"/>
    </row>
    <row r="32694" spans="1:3" ht="19.2">
      <c r="A32694" s="2"/>
      <c r="B32694" s="2"/>
      <c r="C32694" s="2"/>
    </row>
    <row r="32695" spans="1:3" ht="19.2">
      <c r="A32695" s="2"/>
      <c r="B32695" s="2"/>
      <c r="C32695" s="2"/>
    </row>
    <row r="32696" spans="1:3" ht="19.2">
      <c r="A32696" s="2"/>
      <c r="B32696" s="2"/>
      <c r="C32696" s="2"/>
    </row>
    <row r="32697" spans="1:3" ht="19.2">
      <c r="A32697" s="2"/>
      <c r="B32697" s="2"/>
      <c r="C32697" s="2"/>
    </row>
    <row r="32698" spans="1:3" ht="19.2">
      <c r="A32698" s="2"/>
      <c r="B32698" s="2"/>
      <c r="C32698" s="2"/>
    </row>
    <row r="32699" spans="1:3" ht="19.2">
      <c r="A32699" s="2"/>
      <c r="B32699" s="2"/>
      <c r="C32699" s="2"/>
    </row>
    <row r="32700" spans="1:3" ht="19.2">
      <c r="A32700" s="2"/>
      <c r="B32700" s="2"/>
      <c r="C32700" s="2"/>
    </row>
    <row r="32701" spans="1:3" ht="19.2">
      <c r="A32701" s="2"/>
      <c r="B32701" s="2"/>
      <c r="C32701" s="2"/>
    </row>
    <row r="32702" spans="1:3" ht="19.2">
      <c r="A32702" s="2"/>
      <c r="B32702" s="2"/>
      <c r="C32702" s="2"/>
    </row>
    <row r="32703" spans="1:3" ht="19.2">
      <c r="A32703" s="2"/>
      <c r="B32703" s="2"/>
      <c r="C32703" s="2"/>
    </row>
    <row r="32704" spans="1:3" ht="19.2">
      <c r="A32704" s="2"/>
      <c r="B32704" s="2"/>
      <c r="C32704" s="2"/>
    </row>
    <row r="32705" spans="1:3" ht="19.2">
      <c r="A32705" s="2"/>
      <c r="B32705" s="2"/>
      <c r="C32705" s="2"/>
    </row>
    <row r="32706" spans="1:3" ht="19.2">
      <c r="A32706" s="2"/>
      <c r="B32706" s="2"/>
      <c r="C32706" s="2"/>
    </row>
    <row r="32707" spans="1:3" ht="19.2">
      <c r="A32707" s="2"/>
      <c r="B32707" s="2"/>
      <c r="C32707" s="2"/>
    </row>
    <row r="32708" spans="1:3" ht="19.2">
      <c r="A32708" s="2"/>
      <c r="B32708" s="2"/>
      <c r="C32708" s="2"/>
    </row>
    <row r="32709" spans="1:3" ht="19.2">
      <c r="A32709" s="2"/>
      <c r="B32709" s="2"/>
      <c r="C32709" s="2"/>
    </row>
    <row r="32710" spans="1:3" ht="19.2">
      <c r="A32710" s="2"/>
      <c r="B32710" s="2"/>
      <c r="C32710" s="2"/>
    </row>
    <row r="32711" spans="1:3" ht="19.2">
      <c r="A32711" s="2"/>
      <c r="B32711" s="2"/>
      <c r="C32711" s="2"/>
    </row>
    <row r="32712" spans="1:3" ht="19.2">
      <c r="A32712" s="2"/>
      <c r="B32712" s="2"/>
      <c r="C32712" s="2"/>
    </row>
    <row r="32713" spans="1:3" ht="19.2">
      <c r="A32713" s="2"/>
      <c r="B32713" s="2"/>
      <c r="C32713" s="2"/>
    </row>
    <row r="32714" spans="1:3" ht="19.2">
      <c r="A32714" s="2"/>
      <c r="B32714" s="2"/>
      <c r="C32714" s="2"/>
    </row>
    <row r="32715" spans="1:3" ht="19.2">
      <c r="A32715" s="2"/>
      <c r="B32715" s="2"/>
      <c r="C32715" s="2"/>
    </row>
    <row r="32716" spans="1:3" ht="19.2">
      <c r="A32716" s="2"/>
      <c r="B32716" s="2"/>
      <c r="C32716" s="2"/>
    </row>
    <row r="32717" spans="1:3" ht="19.2">
      <c r="A32717" s="2"/>
      <c r="B32717" s="2"/>
      <c r="C32717" s="2"/>
    </row>
    <row r="32718" spans="1:3" ht="19.2">
      <c r="A32718" s="2"/>
      <c r="B32718" s="2"/>
      <c r="C32718" s="2"/>
    </row>
    <row r="32719" spans="1:3" ht="19.2">
      <c r="A32719" s="2"/>
      <c r="B32719" s="2"/>
      <c r="C32719" s="2"/>
    </row>
    <row r="32720" spans="1:3" ht="19.2">
      <c r="A32720" s="2"/>
      <c r="B32720" s="2"/>
      <c r="C32720" s="2"/>
    </row>
    <row r="32721" spans="1:3" ht="19.2">
      <c r="A32721" s="2"/>
      <c r="B32721" s="2"/>
      <c r="C32721" s="2"/>
    </row>
    <row r="32722" spans="1:3" ht="19.2">
      <c r="A32722" s="2"/>
      <c r="B32722" s="2"/>
      <c r="C32722" s="2"/>
    </row>
    <row r="32723" spans="1:3" ht="19.2">
      <c r="A32723" s="2"/>
      <c r="B32723" s="2"/>
      <c r="C32723" s="2"/>
    </row>
    <row r="32724" spans="1:3" ht="19.2">
      <c r="A32724" s="2"/>
      <c r="B32724" s="2"/>
      <c r="C32724" s="2"/>
    </row>
    <row r="32725" spans="1:3" ht="19.2">
      <c r="A32725" s="2"/>
      <c r="B32725" s="2"/>
      <c r="C32725" s="2"/>
    </row>
    <row r="32726" spans="1:3" ht="19.2">
      <c r="A32726" s="2"/>
      <c r="B32726" s="2"/>
      <c r="C32726" s="2"/>
    </row>
    <row r="32727" spans="1:3" ht="19.2">
      <c r="A32727" s="2"/>
      <c r="B32727" s="2"/>
      <c r="C32727" s="2"/>
    </row>
    <row r="32728" spans="1:3" ht="19.2">
      <c r="A32728" s="2"/>
      <c r="B32728" s="2"/>
      <c r="C32728" s="2"/>
    </row>
    <row r="32729" spans="1:3" ht="19.2">
      <c r="A32729" s="2"/>
      <c r="B32729" s="2"/>
      <c r="C32729" s="2"/>
    </row>
    <row r="32730" spans="1:3" ht="19.2">
      <c r="A32730" s="2"/>
      <c r="B32730" s="2"/>
      <c r="C32730" s="2"/>
    </row>
    <row r="32731" spans="1:3" ht="19.2">
      <c r="A32731" s="2"/>
      <c r="B32731" s="2"/>
      <c r="C32731" s="2"/>
    </row>
    <row r="32732" spans="1:3" ht="19.2">
      <c r="A32732" s="2"/>
      <c r="B32732" s="2"/>
      <c r="C32732" s="2"/>
    </row>
    <row r="32733" spans="1:3" ht="19.2">
      <c r="A32733" s="2"/>
      <c r="B32733" s="2"/>
      <c r="C32733" s="2"/>
    </row>
    <row r="32734" spans="1:3" ht="19.2">
      <c r="A32734" s="2"/>
      <c r="B32734" s="2"/>
      <c r="C32734" s="2"/>
    </row>
    <row r="32735" spans="1:3" ht="19.2">
      <c r="A32735" s="2"/>
      <c r="B32735" s="2"/>
      <c r="C32735" s="2"/>
    </row>
    <row r="32736" spans="1:3" ht="19.2">
      <c r="A32736" s="2"/>
      <c r="B32736" s="2"/>
      <c r="C32736" s="2"/>
    </row>
    <row r="32737" spans="1:3" ht="19.2">
      <c r="A32737" s="2"/>
      <c r="B32737" s="2"/>
      <c r="C32737" s="2"/>
    </row>
    <row r="32738" spans="1:3" ht="19.2">
      <c r="A32738" s="2"/>
      <c r="B32738" s="2"/>
      <c r="C32738" s="2"/>
    </row>
    <row r="32739" spans="1:3" ht="19.2">
      <c r="A32739" s="2"/>
      <c r="B32739" s="2"/>
      <c r="C32739" s="2"/>
    </row>
    <row r="32740" spans="1:3" ht="19.2">
      <c r="A32740" s="2"/>
      <c r="B32740" s="2"/>
      <c r="C32740" s="2"/>
    </row>
    <row r="32741" spans="1:3" ht="19.2">
      <c r="A32741" s="2"/>
      <c r="B32741" s="2"/>
      <c r="C32741" s="2"/>
    </row>
    <row r="32742" spans="1:3" ht="19.2">
      <c r="A32742" s="2"/>
      <c r="B32742" s="2"/>
      <c r="C32742" s="2"/>
    </row>
    <row r="32743" spans="1:3" ht="19.2">
      <c r="A32743" s="2"/>
      <c r="B32743" s="2"/>
      <c r="C32743" s="2"/>
    </row>
    <row r="32744" spans="1:3" ht="19.2">
      <c r="A32744" s="2"/>
      <c r="B32744" s="2"/>
      <c r="C32744" s="2"/>
    </row>
    <row r="32745" spans="1:3" ht="19.2">
      <c r="A32745" s="2"/>
      <c r="B32745" s="2"/>
      <c r="C32745" s="2"/>
    </row>
    <row r="32746" spans="1:3" ht="19.2">
      <c r="A32746" s="2"/>
      <c r="B32746" s="2"/>
      <c r="C32746" s="2"/>
    </row>
    <row r="32747" spans="1:3" ht="19.2">
      <c r="A32747" s="2"/>
      <c r="B32747" s="2"/>
      <c r="C32747" s="2"/>
    </row>
    <row r="32748" spans="1:3" ht="19.2">
      <c r="A32748" s="2"/>
      <c r="B32748" s="2"/>
      <c r="C32748" s="2"/>
    </row>
    <row r="32749" spans="1:3" ht="19.2">
      <c r="A32749" s="2"/>
      <c r="B32749" s="2"/>
      <c r="C32749" s="2"/>
    </row>
    <row r="32750" spans="1:3" ht="19.2">
      <c r="A32750" s="2"/>
      <c r="B32750" s="2"/>
      <c r="C32750" s="2"/>
    </row>
    <row r="32751" spans="1:3" ht="19.2">
      <c r="A32751" s="2"/>
      <c r="B32751" s="2"/>
      <c r="C32751" s="2"/>
    </row>
    <row r="32752" spans="1:3" ht="19.2">
      <c r="A32752" s="2"/>
      <c r="B32752" s="2"/>
      <c r="C32752" s="2"/>
    </row>
    <row r="32753" spans="1:3" ht="19.2">
      <c r="A32753" s="2"/>
      <c r="B32753" s="2"/>
      <c r="C32753" s="2"/>
    </row>
    <row r="32754" spans="1:3" ht="19.2">
      <c r="A32754" s="2"/>
      <c r="B32754" s="2"/>
      <c r="C32754" s="2"/>
    </row>
    <row r="32755" spans="1:3" ht="19.2">
      <c r="A32755" s="2"/>
      <c r="B32755" s="2"/>
      <c r="C32755" s="2"/>
    </row>
    <row r="32756" spans="1:3" ht="19.2">
      <c r="A32756" s="2"/>
      <c r="B32756" s="2"/>
      <c r="C32756" s="2"/>
    </row>
    <row r="32757" spans="1:3" ht="19.2">
      <c r="A32757" s="2"/>
      <c r="B32757" s="2"/>
      <c r="C32757" s="2"/>
    </row>
    <row r="32758" spans="1:3" ht="19.2">
      <c r="A32758" s="2"/>
      <c r="B32758" s="2"/>
      <c r="C32758" s="2"/>
    </row>
    <row r="32759" spans="1:3" ht="19.2">
      <c r="A32759" s="2"/>
      <c r="B32759" s="2"/>
      <c r="C32759" s="2"/>
    </row>
    <row r="32760" spans="1:3" ht="19.2">
      <c r="A32760" s="2"/>
      <c r="B32760" s="2"/>
      <c r="C32760" s="2"/>
    </row>
    <row r="32761" spans="1:3" ht="19.2">
      <c r="A32761" s="2"/>
      <c r="B32761" s="2"/>
      <c r="C32761" s="2"/>
    </row>
    <row r="32762" spans="1:3" ht="19.2">
      <c r="A32762" s="2"/>
      <c r="B32762" s="2"/>
      <c r="C32762" s="2"/>
    </row>
    <row r="32763" spans="1:3" ht="19.2">
      <c r="A32763" s="2"/>
      <c r="B32763" s="2"/>
      <c r="C32763" s="2"/>
    </row>
    <row r="32764" spans="1:3" ht="19.2">
      <c r="A32764" s="2"/>
      <c r="B32764" s="2"/>
      <c r="C32764" s="2"/>
    </row>
    <row r="32765" spans="1:3" ht="19.2">
      <c r="A32765" s="2"/>
      <c r="B32765" s="2"/>
      <c r="C32765" s="2"/>
    </row>
    <row r="32766" spans="1:3" ht="19.2">
      <c r="A32766" s="2"/>
      <c r="B32766" s="2"/>
      <c r="C32766" s="2"/>
    </row>
    <row r="32767" spans="1:3" ht="19.2">
      <c r="A32767" s="2"/>
      <c r="B32767" s="2"/>
      <c r="C32767" s="2"/>
    </row>
    <row r="32768" spans="1:3" ht="19.2">
      <c r="A32768" s="2"/>
      <c r="B32768" s="2"/>
      <c r="C32768" s="2"/>
    </row>
    <row r="32769" spans="1:3" ht="19.2">
      <c r="A32769" s="2"/>
      <c r="B32769" s="2"/>
      <c r="C32769" s="2"/>
    </row>
    <row r="32770" spans="1:3" ht="19.2">
      <c r="A32770" s="2"/>
      <c r="B32770" s="2"/>
      <c r="C32770" s="2"/>
    </row>
    <row r="32771" spans="1:3" ht="19.2">
      <c r="A32771" s="2"/>
      <c r="B32771" s="2"/>
      <c r="C32771" s="2"/>
    </row>
    <row r="32772" spans="1:3" ht="19.2">
      <c r="A32772" s="2"/>
      <c r="B32772" s="2"/>
      <c r="C32772" s="2"/>
    </row>
    <row r="32773" spans="1:3" ht="19.2">
      <c r="A32773" s="2"/>
      <c r="B32773" s="2"/>
      <c r="C32773" s="2"/>
    </row>
    <row r="32774" spans="1:3" ht="19.2">
      <c r="A32774" s="2"/>
      <c r="B32774" s="2"/>
      <c r="C32774" s="2"/>
    </row>
    <row r="32775" spans="1:3" ht="19.2">
      <c r="A32775" s="2"/>
      <c r="B32775" s="2"/>
      <c r="C32775" s="2"/>
    </row>
    <row r="32776" spans="1:3" ht="19.2">
      <c r="A32776" s="2"/>
      <c r="B32776" s="2"/>
      <c r="C32776" s="2"/>
    </row>
    <row r="32777" spans="1:3" ht="19.2">
      <c r="A32777" s="2"/>
      <c r="B32777" s="2"/>
      <c r="C32777" s="2"/>
    </row>
    <row r="32778" spans="1:3" ht="19.2">
      <c r="A32778" s="2"/>
      <c r="B32778" s="2"/>
      <c r="C32778" s="2"/>
    </row>
    <row r="32779" spans="1:3" ht="19.2">
      <c r="A32779" s="2"/>
      <c r="B32779" s="2"/>
      <c r="C32779" s="2"/>
    </row>
    <row r="32780" spans="1:3" ht="19.2">
      <c r="A32780" s="2"/>
      <c r="B32780" s="2"/>
      <c r="C32780" s="2"/>
    </row>
    <row r="32781" spans="1:3" ht="19.2">
      <c r="A32781" s="2"/>
      <c r="B32781" s="2"/>
      <c r="C32781" s="2"/>
    </row>
    <row r="32782" spans="1:3" ht="19.2">
      <c r="A32782" s="2"/>
      <c r="B32782" s="2"/>
      <c r="C32782" s="2"/>
    </row>
    <row r="32783" spans="1:3" ht="19.2">
      <c r="A32783" s="2"/>
      <c r="B32783" s="2"/>
      <c r="C32783" s="2"/>
    </row>
    <row r="32784" spans="1:3" ht="19.2">
      <c r="A32784" s="2"/>
      <c r="B32784" s="2"/>
      <c r="C32784" s="2"/>
    </row>
    <row r="32785" spans="1:3" ht="19.2">
      <c r="A32785" s="2"/>
      <c r="B32785" s="2"/>
      <c r="C32785" s="2"/>
    </row>
    <row r="32786" spans="1:3" ht="19.2">
      <c r="A32786" s="2"/>
      <c r="B32786" s="2"/>
      <c r="C32786" s="2"/>
    </row>
    <row r="32787" spans="1:3" ht="19.2">
      <c r="A32787" s="2"/>
      <c r="B32787" s="2"/>
      <c r="C32787" s="2"/>
    </row>
    <row r="32788" spans="1:3" ht="19.2">
      <c r="A32788" s="2"/>
      <c r="B32788" s="2"/>
      <c r="C32788" s="2"/>
    </row>
    <row r="32789" spans="1:3" ht="19.2">
      <c r="A32789" s="2"/>
      <c r="B32789" s="2"/>
      <c r="C32789" s="2"/>
    </row>
    <row r="32790" spans="1:3" ht="19.2">
      <c r="A32790" s="2"/>
      <c r="B32790" s="2"/>
      <c r="C32790" s="2"/>
    </row>
    <row r="32791" spans="1:3" ht="19.2">
      <c r="A32791" s="2"/>
      <c r="B32791" s="2"/>
      <c r="C32791" s="2"/>
    </row>
    <row r="32792" spans="1:3" ht="19.2">
      <c r="A32792" s="2"/>
      <c r="B32792" s="2"/>
      <c r="C32792" s="2"/>
    </row>
    <row r="32793" spans="1:3" ht="19.2">
      <c r="A32793" s="2"/>
      <c r="B32793" s="2"/>
      <c r="C32793" s="2"/>
    </row>
    <row r="32794" spans="1:3" ht="19.2">
      <c r="A32794" s="2"/>
      <c r="B32794" s="2"/>
      <c r="C32794" s="2"/>
    </row>
    <row r="32795" spans="1:3" ht="19.2">
      <c r="A32795" s="2"/>
      <c r="B32795" s="2"/>
      <c r="C32795" s="2"/>
    </row>
    <row r="32796" spans="1:3" ht="19.2">
      <c r="A32796" s="2"/>
      <c r="B32796" s="2"/>
      <c r="C32796" s="2"/>
    </row>
    <row r="32797" spans="1:3" ht="19.2">
      <c r="A32797" s="2"/>
      <c r="B32797" s="2"/>
      <c r="C32797" s="2"/>
    </row>
    <row r="32798" spans="1:3" ht="19.2">
      <c r="A32798" s="2"/>
      <c r="B32798" s="2"/>
      <c r="C32798" s="2"/>
    </row>
    <row r="32799" spans="1:3" ht="19.2">
      <c r="A32799" s="2"/>
      <c r="B32799" s="2"/>
      <c r="C32799" s="2"/>
    </row>
    <row r="32800" spans="1:3" ht="19.2">
      <c r="A32800" s="2"/>
      <c r="B32800" s="2"/>
      <c r="C32800" s="2"/>
    </row>
    <row r="32801" spans="1:3" ht="19.2">
      <c r="A32801" s="2"/>
      <c r="B32801" s="2"/>
      <c r="C32801" s="2"/>
    </row>
    <row r="32802" spans="1:3" ht="19.2">
      <c r="A32802" s="2"/>
      <c r="B32802" s="2"/>
      <c r="C32802" s="2"/>
    </row>
    <row r="32803" spans="1:3" ht="19.2">
      <c r="A32803" s="2"/>
      <c r="B32803" s="2"/>
      <c r="C32803" s="2"/>
    </row>
    <row r="32804" spans="1:3" ht="19.2">
      <c r="A32804" s="2"/>
      <c r="B32804" s="2"/>
      <c r="C32804" s="2"/>
    </row>
    <row r="32805" spans="1:3" ht="19.2">
      <c r="A32805" s="2"/>
      <c r="B32805" s="2"/>
      <c r="C32805" s="2"/>
    </row>
    <row r="32806" spans="1:3" ht="19.2">
      <c r="A32806" s="2"/>
      <c r="B32806" s="2"/>
      <c r="C32806" s="2"/>
    </row>
    <row r="32807" spans="1:3" ht="19.2">
      <c r="A32807" s="2"/>
      <c r="B32807" s="2"/>
      <c r="C32807" s="2"/>
    </row>
    <row r="32808" spans="1:3" ht="19.2">
      <c r="A32808" s="2"/>
      <c r="B32808" s="2"/>
      <c r="C32808" s="2"/>
    </row>
    <row r="32809" spans="1:3" ht="19.2">
      <c r="A32809" s="2"/>
      <c r="B32809" s="2"/>
      <c r="C32809" s="2"/>
    </row>
    <row r="32810" spans="1:3" ht="19.2">
      <c r="A32810" s="2"/>
      <c r="B32810" s="2"/>
      <c r="C32810" s="2"/>
    </row>
    <row r="32811" spans="1:3" ht="19.2">
      <c r="A32811" s="2"/>
      <c r="B32811" s="2"/>
      <c r="C32811" s="2"/>
    </row>
    <row r="32812" spans="1:3" ht="19.2">
      <c r="A32812" s="2"/>
      <c r="B32812" s="2"/>
      <c r="C32812" s="2"/>
    </row>
    <row r="32813" spans="1:3" ht="19.2">
      <c r="A32813" s="2"/>
      <c r="B32813" s="2"/>
      <c r="C32813" s="2"/>
    </row>
    <row r="32814" spans="1:3" ht="19.2">
      <c r="A32814" s="2"/>
      <c r="B32814" s="2"/>
      <c r="C32814" s="2"/>
    </row>
    <row r="32815" spans="1:3" ht="19.2">
      <c r="A32815" s="2"/>
      <c r="B32815" s="2"/>
      <c r="C32815" s="2"/>
    </row>
    <row r="32816" spans="1:3" ht="19.2">
      <c r="A32816" s="2"/>
      <c r="B32816" s="2"/>
      <c r="C32816" s="2"/>
    </row>
    <row r="32817" spans="1:3" ht="19.2">
      <c r="A32817" s="2"/>
      <c r="B32817" s="2"/>
      <c r="C32817" s="2"/>
    </row>
    <row r="32818" spans="1:3" ht="19.2">
      <c r="A32818" s="2"/>
      <c r="B32818" s="2"/>
      <c r="C32818" s="2"/>
    </row>
    <row r="32819" spans="1:3" ht="19.2">
      <c r="A32819" s="2"/>
      <c r="B32819" s="2"/>
      <c r="C32819" s="2"/>
    </row>
    <row r="32820" spans="1:3" ht="19.2">
      <c r="A32820" s="2"/>
      <c r="B32820" s="2"/>
      <c r="C32820" s="2"/>
    </row>
    <row r="32821" spans="1:3" ht="19.2">
      <c r="A32821" s="2"/>
      <c r="B32821" s="2"/>
      <c r="C32821" s="2"/>
    </row>
    <row r="32822" spans="1:3" ht="19.2">
      <c r="A32822" s="2"/>
      <c r="B32822" s="2"/>
      <c r="C32822" s="2"/>
    </row>
    <row r="32823" spans="1:3" ht="19.2">
      <c r="A32823" s="2"/>
      <c r="B32823" s="2"/>
      <c r="C32823" s="2"/>
    </row>
    <row r="32824" spans="1:3" ht="19.2">
      <c r="A32824" s="2"/>
      <c r="B32824" s="2"/>
      <c r="C32824" s="2"/>
    </row>
    <row r="32825" spans="1:3" ht="19.2">
      <c r="A32825" s="2"/>
      <c r="B32825" s="2"/>
      <c r="C32825" s="2"/>
    </row>
    <row r="32826" spans="1:3" ht="19.2">
      <c r="A32826" s="2"/>
      <c r="B32826" s="2"/>
      <c r="C32826" s="2"/>
    </row>
    <row r="32827" spans="1:3" ht="19.2">
      <c r="A32827" s="2"/>
      <c r="B32827" s="2"/>
      <c r="C32827" s="2"/>
    </row>
    <row r="32828" spans="1:3" ht="19.2">
      <c r="A32828" s="2"/>
      <c r="B32828" s="2"/>
      <c r="C32828" s="2"/>
    </row>
    <row r="32829" spans="1:3" ht="19.2">
      <c r="A32829" s="2"/>
      <c r="B32829" s="2"/>
      <c r="C32829" s="2"/>
    </row>
    <row r="32830" spans="1:3" ht="19.2">
      <c r="A32830" s="2"/>
      <c r="B32830" s="2"/>
      <c r="C32830" s="2"/>
    </row>
    <row r="32831" spans="1:3" ht="19.2">
      <c r="A32831" s="2"/>
      <c r="B32831" s="2"/>
      <c r="C32831" s="2"/>
    </row>
    <row r="32832" spans="1:3" ht="19.2">
      <c r="A32832" s="2"/>
      <c r="B32832" s="2"/>
      <c r="C32832" s="2"/>
    </row>
    <row r="32833" spans="1:3" ht="19.2">
      <c r="A32833" s="2"/>
      <c r="B32833" s="2"/>
      <c r="C32833" s="2"/>
    </row>
    <row r="32834" spans="1:3" ht="19.2">
      <c r="A32834" s="2"/>
      <c r="B32834" s="2"/>
      <c r="C32834" s="2"/>
    </row>
    <row r="32835" spans="1:3" ht="19.2">
      <c r="A32835" s="2"/>
      <c r="B32835" s="2"/>
      <c r="C32835" s="2"/>
    </row>
    <row r="32836" spans="1:3" ht="19.2">
      <c r="A32836" s="2"/>
      <c r="B32836" s="2"/>
      <c r="C32836" s="2"/>
    </row>
    <row r="32837" spans="1:3" ht="19.2">
      <c r="A32837" s="2"/>
      <c r="B32837" s="2"/>
      <c r="C32837" s="2"/>
    </row>
    <row r="32838" spans="1:3" ht="19.2">
      <c r="A32838" s="2"/>
      <c r="B32838" s="2"/>
      <c r="C32838" s="2"/>
    </row>
    <row r="32839" spans="1:3" ht="19.2">
      <c r="A32839" s="2"/>
      <c r="B32839" s="2"/>
      <c r="C32839" s="2"/>
    </row>
    <row r="32840" spans="1:3" ht="19.2">
      <c r="A32840" s="2"/>
      <c r="B32840" s="2"/>
      <c r="C32840" s="2"/>
    </row>
    <row r="32841" spans="1:3" ht="19.2">
      <c r="A32841" s="2"/>
      <c r="B32841" s="2"/>
      <c r="C32841" s="2"/>
    </row>
    <row r="32842" spans="1:3" ht="19.2">
      <c r="A32842" s="2"/>
      <c r="B32842" s="2"/>
      <c r="C32842" s="2"/>
    </row>
    <row r="32843" spans="1:3" ht="19.2">
      <c r="A32843" s="2"/>
      <c r="B32843" s="2"/>
      <c r="C32843" s="2"/>
    </row>
    <row r="32844" spans="1:3" ht="19.2">
      <c r="A32844" s="2"/>
      <c r="B32844" s="2"/>
      <c r="C32844" s="2"/>
    </row>
    <row r="32845" spans="1:3" ht="19.2">
      <c r="A32845" s="2"/>
      <c r="B32845" s="2"/>
      <c r="C32845" s="2"/>
    </row>
    <row r="32846" spans="1:3" ht="19.2">
      <c r="A32846" s="2"/>
      <c r="B32846" s="2"/>
      <c r="C32846" s="2"/>
    </row>
    <row r="32847" spans="1:3" ht="19.2">
      <c r="A32847" s="2"/>
      <c r="B32847" s="2"/>
      <c r="C32847" s="2"/>
    </row>
    <row r="32848" spans="1:3" ht="19.2">
      <c r="A32848" s="2"/>
      <c r="B32848" s="2"/>
      <c r="C32848" s="2"/>
    </row>
    <row r="32849" spans="1:3" ht="19.2">
      <c r="A32849" s="2"/>
      <c r="B32849" s="2"/>
      <c r="C32849" s="2"/>
    </row>
    <row r="32850" spans="1:3" ht="19.2">
      <c r="A32850" s="2"/>
      <c r="B32850" s="2"/>
      <c r="C32850" s="2"/>
    </row>
    <row r="32851" spans="1:3" ht="19.2">
      <c r="A32851" s="2"/>
      <c r="B32851" s="2"/>
      <c r="C32851" s="2"/>
    </row>
    <row r="32852" spans="1:3" ht="19.2">
      <c r="A32852" s="2"/>
      <c r="B32852" s="2"/>
      <c r="C32852" s="2"/>
    </row>
    <row r="32853" spans="1:3" ht="19.2">
      <c r="A32853" s="2"/>
      <c r="B32853" s="2"/>
      <c r="C32853" s="2"/>
    </row>
    <row r="32854" spans="1:3" ht="19.2">
      <c r="A32854" s="2"/>
      <c r="B32854" s="2"/>
      <c r="C32854" s="2"/>
    </row>
    <row r="32855" spans="1:3" ht="19.2">
      <c r="A32855" s="2"/>
      <c r="B32855" s="2"/>
      <c r="C32855" s="2"/>
    </row>
    <row r="32856" spans="1:3" ht="19.2">
      <c r="A32856" s="2"/>
      <c r="B32856" s="2"/>
      <c r="C32856" s="2"/>
    </row>
    <row r="32857" spans="1:3" ht="19.2">
      <c r="A32857" s="2"/>
      <c r="B32857" s="2"/>
      <c r="C32857" s="2"/>
    </row>
    <row r="32858" spans="1:3" ht="19.2">
      <c r="A32858" s="2"/>
      <c r="B32858" s="2"/>
      <c r="C32858" s="2"/>
    </row>
    <row r="32859" spans="1:3" ht="19.2">
      <c r="A32859" s="2"/>
      <c r="B32859" s="2"/>
      <c r="C32859" s="2"/>
    </row>
    <row r="32860" spans="1:3" ht="19.2">
      <c r="A32860" s="2"/>
      <c r="B32860" s="2"/>
      <c r="C32860" s="2"/>
    </row>
    <row r="32861" spans="1:3" ht="19.2">
      <c r="A32861" s="2"/>
      <c r="B32861" s="2"/>
      <c r="C32861" s="2"/>
    </row>
    <row r="32862" spans="1:3" ht="19.2">
      <c r="A32862" s="2"/>
      <c r="B32862" s="2"/>
      <c r="C32862" s="2"/>
    </row>
    <row r="32863" spans="1:3" ht="19.2">
      <c r="A32863" s="2"/>
      <c r="B32863" s="2"/>
      <c r="C32863" s="2"/>
    </row>
    <row r="32864" spans="1:3" ht="19.2">
      <c r="A32864" s="2"/>
      <c r="B32864" s="2"/>
      <c r="C32864" s="2"/>
    </row>
    <row r="32865" spans="1:3" ht="19.2">
      <c r="A32865" s="2"/>
      <c r="B32865" s="2"/>
      <c r="C32865" s="2"/>
    </row>
    <row r="32866" spans="1:3" ht="19.2">
      <c r="A32866" s="2"/>
      <c r="B32866" s="2"/>
      <c r="C32866" s="2"/>
    </row>
    <row r="32867" spans="1:3" ht="19.2">
      <c r="A32867" s="2"/>
      <c r="B32867" s="2"/>
      <c r="C32867" s="2"/>
    </row>
    <row r="32868" spans="1:3" ht="19.2">
      <c r="A32868" s="2"/>
      <c r="B32868" s="2"/>
      <c r="C32868" s="2"/>
    </row>
    <row r="32869" spans="1:3" ht="19.2">
      <c r="A32869" s="2"/>
      <c r="B32869" s="2"/>
      <c r="C32869" s="2"/>
    </row>
    <row r="32870" spans="1:3" ht="19.2">
      <c r="A32870" s="2"/>
      <c r="B32870" s="2"/>
      <c r="C32870" s="2"/>
    </row>
    <row r="32871" spans="1:3" ht="19.2">
      <c r="A32871" s="2"/>
      <c r="B32871" s="2"/>
      <c r="C32871" s="2"/>
    </row>
    <row r="32872" spans="1:3" ht="19.2">
      <c r="A32872" s="2"/>
      <c r="B32872" s="2"/>
      <c r="C32872" s="2"/>
    </row>
    <row r="32873" spans="1:3" ht="19.2">
      <c r="A32873" s="2"/>
      <c r="B32873" s="2"/>
      <c r="C32873" s="2"/>
    </row>
    <row r="32874" spans="1:3" ht="19.2">
      <c r="A32874" s="2"/>
      <c r="B32874" s="2"/>
      <c r="C32874" s="2"/>
    </row>
    <row r="32875" spans="1:3" ht="19.2">
      <c r="A32875" s="2"/>
      <c r="B32875" s="2"/>
      <c r="C32875" s="2"/>
    </row>
    <row r="32876" spans="1:3" ht="19.2">
      <c r="A32876" s="2"/>
      <c r="B32876" s="2"/>
      <c r="C32876" s="2"/>
    </row>
    <row r="32877" spans="1:3" ht="19.2">
      <c r="A32877" s="2"/>
      <c r="B32877" s="2"/>
      <c r="C32877" s="2"/>
    </row>
    <row r="32878" spans="1:3" ht="19.2">
      <c r="A32878" s="2"/>
      <c r="B32878" s="2"/>
      <c r="C32878" s="2"/>
    </row>
    <row r="32879" spans="1:3" ht="19.2">
      <c r="A32879" s="2"/>
      <c r="B32879" s="2"/>
      <c r="C32879" s="2"/>
    </row>
    <row r="32880" spans="1:3" ht="19.2">
      <c r="A32880" s="2"/>
      <c r="B32880" s="2"/>
      <c r="C32880" s="2"/>
    </row>
    <row r="32881" spans="1:3" ht="19.2">
      <c r="A32881" s="2"/>
      <c r="B32881" s="2"/>
      <c r="C32881" s="2"/>
    </row>
    <row r="32882" spans="1:3" ht="19.2">
      <c r="A32882" s="2"/>
      <c r="B32882" s="2"/>
      <c r="C32882" s="2"/>
    </row>
    <row r="32883" spans="1:3" ht="19.2">
      <c r="A32883" s="2"/>
      <c r="B32883" s="2"/>
      <c r="C32883" s="2"/>
    </row>
    <row r="32884" spans="1:3" ht="19.2">
      <c r="A32884" s="2"/>
      <c r="B32884" s="2"/>
      <c r="C32884" s="2"/>
    </row>
    <row r="32885" spans="1:3" ht="19.2">
      <c r="A32885" s="2"/>
      <c r="B32885" s="2"/>
      <c r="C32885" s="2"/>
    </row>
    <row r="32886" spans="1:3" ht="19.2">
      <c r="A32886" s="2"/>
      <c r="B32886" s="2"/>
      <c r="C32886" s="2"/>
    </row>
    <row r="32887" spans="1:3" ht="19.2">
      <c r="A32887" s="2"/>
      <c r="B32887" s="2"/>
      <c r="C32887" s="2"/>
    </row>
    <row r="32888" spans="1:3" ht="19.2">
      <c r="A32888" s="2"/>
      <c r="B32888" s="2"/>
      <c r="C32888" s="2"/>
    </row>
    <row r="32889" spans="1:3" ht="19.2">
      <c r="A32889" s="2"/>
      <c r="B32889" s="2"/>
      <c r="C32889" s="2"/>
    </row>
    <row r="32890" spans="1:3" ht="19.2">
      <c r="A32890" s="2"/>
      <c r="B32890" s="2"/>
      <c r="C32890" s="2"/>
    </row>
    <row r="32891" spans="1:3" ht="19.2">
      <c r="A32891" s="2"/>
      <c r="B32891" s="2"/>
      <c r="C32891" s="2"/>
    </row>
    <row r="32892" spans="1:3" ht="19.2">
      <c r="A32892" s="2"/>
      <c r="B32892" s="2"/>
      <c r="C32892" s="2"/>
    </row>
    <row r="32893" spans="1:3" ht="19.2">
      <c r="A32893" s="2"/>
      <c r="B32893" s="2"/>
      <c r="C32893" s="2"/>
    </row>
    <row r="32894" spans="1:3" ht="19.2">
      <c r="A32894" s="2"/>
      <c r="B32894" s="2"/>
      <c r="C32894" s="2"/>
    </row>
    <row r="32895" spans="1:3" ht="19.2">
      <c r="A32895" s="2"/>
      <c r="B32895" s="2"/>
      <c r="C32895" s="2"/>
    </row>
    <row r="32896" spans="1:3" ht="19.2">
      <c r="A32896" s="2"/>
      <c r="B32896" s="2"/>
      <c r="C32896" s="2"/>
    </row>
    <row r="32897" spans="1:3" ht="19.2">
      <c r="A32897" s="2"/>
      <c r="B32897" s="2"/>
      <c r="C32897" s="2"/>
    </row>
    <row r="32898" spans="1:3" ht="19.2">
      <c r="A32898" s="2"/>
      <c r="B32898" s="2"/>
      <c r="C32898" s="2"/>
    </row>
    <row r="32899" spans="1:3" ht="19.2">
      <c r="A32899" s="2"/>
      <c r="B32899" s="2"/>
      <c r="C32899" s="2"/>
    </row>
    <row r="32900" spans="1:3" ht="19.2">
      <c r="A32900" s="2"/>
      <c r="B32900" s="2"/>
      <c r="C32900" s="2"/>
    </row>
    <row r="32901" spans="1:3" ht="19.2">
      <c r="A32901" s="2"/>
      <c r="B32901" s="2"/>
      <c r="C32901" s="2"/>
    </row>
    <row r="32902" spans="1:3" ht="19.2">
      <c r="A32902" s="2"/>
      <c r="B32902" s="2"/>
      <c r="C32902" s="2"/>
    </row>
    <row r="32903" spans="1:3" ht="19.2">
      <c r="A32903" s="2"/>
      <c r="B32903" s="2"/>
      <c r="C32903" s="2"/>
    </row>
    <row r="32904" spans="1:3" ht="19.2">
      <c r="A32904" s="2"/>
      <c r="B32904" s="2"/>
      <c r="C32904" s="2"/>
    </row>
    <row r="32905" spans="1:3" ht="19.2">
      <c r="A32905" s="2"/>
      <c r="B32905" s="2"/>
      <c r="C32905" s="2"/>
    </row>
    <row r="32906" spans="1:3" ht="19.2">
      <c r="A32906" s="2"/>
      <c r="B32906" s="2"/>
      <c r="C32906" s="2"/>
    </row>
    <row r="32907" spans="1:3" ht="19.2">
      <c r="A32907" s="2"/>
      <c r="B32907" s="2"/>
      <c r="C32907" s="2"/>
    </row>
    <row r="32908" spans="1:3" ht="19.2">
      <c r="A32908" s="2"/>
      <c r="B32908" s="2"/>
      <c r="C32908" s="2"/>
    </row>
    <row r="32909" spans="1:3" ht="19.2">
      <c r="A32909" s="2"/>
      <c r="B32909" s="2"/>
      <c r="C32909" s="2"/>
    </row>
    <row r="32910" spans="1:3" ht="19.2">
      <c r="A32910" s="2"/>
      <c r="B32910" s="2"/>
      <c r="C32910" s="2"/>
    </row>
    <row r="32911" spans="1:3" ht="19.2">
      <c r="A32911" s="2"/>
      <c r="B32911" s="2"/>
      <c r="C32911" s="2"/>
    </row>
    <row r="32912" spans="1:3" ht="19.2">
      <c r="A32912" s="2"/>
      <c r="B32912" s="2"/>
      <c r="C32912" s="2"/>
    </row>
    <row r="32913" spans="1:3" ht="19.2">
      <c r="A32913" s="2"/>
      <c r="B32913" s="2"/>
      <c r="C32913" s="2"/>
    </row>
    <row r="32914" spans="1:3" ht="19.2">
      <c r="A32914" s="2"/>
      <c r="B32914" s="2"/>
      <c r="C32914" s="2"/>
    </row>
    <row r="32915" spans="1:3" ht="19.2">
      <c r="A32915" s="2"/>
      <c r="B32915" s="2"/>
      <c r="C32915" s="2"/>
    </row>
    <row r="32916" spans="1:3" ht="19.2">
      <c r="A32916" s="2"/>
      <c r="B32916" s="2"/>
      <c r="C32916" s="2"/>
    </row>
    <row r="32917" spans="1:3" ht="19.2">
      <c r="A32917" s="2"/>
      <c r="B32917" s="2"/>
      <c r="C32917" s="2"/>
    </row>
    <row r="32918" spans="1:3" ht="19.2">
      <c r="A32918" s="2"/>
      <c r="B32918" s="2"/>
      <c r="C32918" s="2"/>
    </row>
    <row r="32919" spans="1:3" ht="19.2">
      <c r="A32919" s="2"/>
      <c r="B32919" s="2"/>
      <c r="C32919" s="2"/>
    </row>
    <row r="32920" spans="1:3" ht="19.2">
      <c r="A32920" s="2"/>
      <c r="B32920" s="2"/>
      <c r="C32920" s="2"/>
    </row>
    <row r="32921" spans="1:3" ht="19.2">
      <c r="A32921" s="2"/>
      <c r="B32921" s="2"/>
      <c r="C32921" s="2"/>
    </row>
    <row r="32922" spans="1:3" ht="19.2">
      <c r="A32922" s="2"/>
      <c r="B32922" s="2"/>
      <c r="C32922" s="2"/>
    </row>
    <row r="32923" spans="1:3" ht="19.2">
      <c r="A32923" s="2"/>
      <c r="B32923" s="2"/>
      <c r="C32923" s="2"/>
    </row>
    <row r="32924" spans="1:3" ht="19.2">
      <c r="A32924" s="2"/>
      <c r="B32924" s="2"/>
      <c r="C32924" s="2"/>
    </row>
    <row r="32925" spans="1:3" ht="19.2">
      <c r="A32925" s="2"/>
      <c r="B32925" s="2"/>
      <c r="C32925" s="2"/>
    </row>
    <row r="32926" spans="1:3" ht="19.2">
      <c r="A32926" s="2"/>
      <c r="B32926" s="2"/>
      <c r="C32926" s="2"/>
    </row>
    <row r="32927" spans="1:3" ht="19.2">
      <c r="A32927" s="2"/>
      <c r="B32927" s="2"/>
      <c r="C32927" s="2"/>
    </row>
    <row r="32928" spans="1:3" ht="19.2">
      <c r="A32928" s="2"/>
      <c r="B32928" s="2"/>
      <c r="C32928" s="2"/>
    </row>
    <row r="32929" spans="1:3" ht="19.2">
      <c r="A32929" s="2"/>
      <c r="B32929" s="2"/>
      <c r="C32929" s="2"/>
    </row>
    <row r="32930" spans="1:3" ht="19.2">
      <c r="A32930" s="2"/>
      <c r="B32930" s="2"/>
      <c r="C32930" s="2"/>
    </row>
    <row r="32931" spans="1:3" ht="19.2">
      <c r="A32931" s="2"/>
      <c r="B32931" s="2"/>
      <c r="C32931" s="2"/>
    </row>
    <row r="32932" spans="1:3" ht="19.2">
      <c r="A32932" s="2"/>
      <c r="B32932" s="2"/>
      <c r="C32932" s="2"/>
    </row>
    <row r="32933" spans="1:3" ht="19.2">
      <c r="A32933" s="2"/>
      <c r="B32933" s="2"/>
      <c r="C32933" s="2"/>
    </row>
    <row r="32934" spans="1:3" ht="19.2">
      <c r="A32934" s="2"/>
      <c r="B32934" s="2"/>
      <c r="C32934" s="2"/>
    </row>
    <row r="32935" spans="1:3" ht="19.2">
      <c r="A32935" s="2"/>
      <c r="B32935" s="2"/>
      <c r="C32935" s="2"/>
    </row>
    <row r="32936" spans="1:3" ht="19.2">
      <c r="A32936" s="2"/>
      <c r="B32936" s="2"/>
      <c r="C32936" s="2"/>
    </row>
    <row r="32937" spans="1:3" ht="19.2">
      <c r="A32937" s="2"/>
      <c r="B32937" s="2"/>
      <c r="C32937" s="2"/>
    </row>
    <row r="32938" spans="1:3" ht="19.2">
      <c r="A32938" s="2"/>
      <c r="B32938" s="2"/>
      <c r="C32938" s="2"/>
    </row>
    <row r="32939" spans="1:3" ht="19.2">
      <c r="A32939" s="2"/>
      <c r="B32939" s="2"/>
      <c r="C32939" s="2"/>
    </row>
    <row r="32940" spans="1:3" ht="19.2">
      <c r="A32940" s="2"/>
      <c r="B32940" s="2"/>
      <c r="C32940" s="2"/>
    </row>
    <row r="32941" spans="1:3" ht="19.2">
      <c r="A32941" s="2"/>
      <c r="B32941" s="2"/>
      <c r="C32941" s="2"/>
    </row>
    <row r="32942" spans="1:3" ht="19.2">
      <c r="A32942" s="2"/>
      <c r="B32942" s="2"/>
      <c r="C32942" s="2"/>
    </row>
    <row r="32943" spans="1:3" ht="19.2">
      <c r="A32943" s="2"/>
      <c r="B32943" s="2"/>
      <c r="C32943" s="2"/>
    </row>
    <row r="32944" spans="1:3" ht="19.2">
      <c r="A32944" s="2"/>
      <c r="B32944" s="2"/>
      <c r="C32944" s="2"/>
    </row>
    <row r="32945" spans="1:3" ht="19.2">
      <c r="A32945" s="2"/>
      <c r="B32945" s="2"/>
      <c r="C32945" s="2"/>
    </row>
    <row r="32946" spans="1:3" ht="19.2">
      <c r="A32946" s="2"/>
      <c r="B32946" s="2"/>
      <c r="C32946" s="2"/>
    </row>
    <row r="32947" spans="1:3" ht="19.2">
      <c r="A32947" s="2"/>
      <c r="B32947" s="2"/>
      <c r="C32947" s="2"/>
    </row>
    <row r="32948" spans="1:3" ht="19.2">
      <c r="A32948" s="2"/>
      <c r="B32948" s="2"/>
      <c r="C32948" s="2"/>
    </row>
    <row r="32949" spans="1:3" ht="19.2">
      <c r="A32949" s="2"/>
      <c r="B32949" s="2"/>
      <c r="C32949" s="2"/>
    </row>
    <row r="32950" spans="1:3" ht="19.2">
      <c r="A32950" s="2"/>
      <c r="B32950" s="2"/>
      <c r="C32950" s="2"/>
    </row>
    <row r="32951" spans="1:3" ht="19.2">
      <c r="A32951" s="2"/>
      <c r="B32951" s="2"/>
      <c r="C32951" s="2"/>
    </row>
    <row r="32952" spans="1:3" ht="19.2">
      <c r="A32952" s="2"/>
      <c r="B32952" s="2"/>
      <c r="C32952" s="2"/>
    </row>
    <row r="32953" spans="1:3" ht="19.2">
      <c r="A32953" s="2"/>
      <c r="B32953" s="2"/>
      <c r="C32953" s="2"/>
    </row>
    <row r="32954" spans="1:3" ht="19.2">
      <c r="A32954" s="2"/>
      <c r="B32954" s="2"/>
      <c r="C32954" s="2"/>
    </row>
    <row r="32955" spans="1:3" ht="19.2">
      <c r="A32955" s="2"/>
      <c r="B32955" s="2"/>
      <c r="C32955" s="2"/>
    </row>
    <row r="32956" spans="1:3" ht="19.2">
      <c r="A32956" s="2"/>
      <c r="B32956" s="2"/>
      <c r="C32956" s="2"/>
    </row>
    <row r="32957" spans="1:3" ht="19.2">
      <c r="A32957" s="2"/>
      <c r="B32957" s="2"/>
      <c r="C32957" s="2"/>
    </row>
    <row r="32958" spans="1:3" ht="19.2">
      <c r="A32958" s="2"/>
      <c r="B32958" s="2"/>
      <c r="C32958" s="2"/>
    </row>
    <row r="32959" spans="1:3" ht="19.2">
      <c r="A32959" s="2"/>
      <c r="B32959" s="2"/>
      <c r="C32959" s="2"/>
    </row>
    <row r="32960" spans="1:3" ht="19.2">
      <c r="A32960" s="2"/>
      <c r="B32960" s="2"/>
      <c r="C32960" s="2"/>
    </row>
    <row r="32961" spans="1:3" ht="19.2">
      <c r="A32961" s="2"/>
      <c r="B32961" s="2"/>
      <c r="C32961" s="2"/>
    </row>
    <row r="32962" spans="1:3" ht="19.2">
      <c r="A32962" s="2"/>
      <c r="B32962" s="2"/>
      <c r="C32962" s="2"/>
    </row>
    <row r="32963" spans="1:3" ht="19.2">
      <c r="A32963" s="2"/>
      <c r="B32963" s="2"/>
      <c r="C32963" s="2"/>
    </row>
    <row r="32964" spans="1:3" ht="19.2">
      <c r="A32964" s="2"/>
      <c r="B32964" s="2"/>
      <c r="C32964" s="2"/>
    </row>
    <row r="32965" spans="1:3" ht="19.2">
      <c r="A32965" s="2"/>
      <c r="B32965" s="2"/>
      <c r="C32965" s="2"/>
    </row>
    <row r="32966" spans="1:3" ht="19.2">
      <c r="A32966" s="2"/>
      <c r="B32966" s="2"/>
      <c r="C32966" s="2"/>
    </row>
    <row r="32967" spans="1:3" ht="19.2">
      <c r="A32967" s="2"/>
      <c r="B32967" s="2"/>
      <c r="C32967" s="2"/>
    </row>
    <row r="32968" spans="1:3" ht="19.2">
      <c r="A32968" s="2"/>
      <c r="B32968" s="2"/>
      <c r="C32968" s="2"/>
    </row>
    <row r="32969" spans="1:3" ht="19.2">
      <c r="A32969" s="2"/>
      <c r="B32969" s="2"/>
      <c r="C32969" s="2"/>
    </row>
    <row r="32970" spans="1:3" ht="19.2">
      <c r="A32970" s="2"/>
      <c r="B32970" s="2"/>
      <c r="C32970" s="2"/>
    </row>
    <row r="32971" spans="1:3" ht="19.2">
      <c r="A32971" s="2"/>
      <c r="B32971" s="2"/>
      <c r="C32971" s="2"/>
    </row>
    <row r="32972" spans="1:3" ht="19.2">
      <c r="A32972" s="2"/>
      <c r="B32972" s="2"/>
      <c r="C32972" s="2"/>
    </row>
    <row r="32973" spans="1:3" ht="19.2">
      <c r="A32973" s="2"/>
      <c r="B32973" s="2"/>
      <c r="C32973" s="2"/>
    </row>
    <row r="32974" spans="1:3" ht="19.2">
      <c r="A32974" s="2"/>
      <c r="B32974" s="2"/>
      <c r="C32974" s="2"/>
    </row>
    <row r="32975" spans="1:3" ht="19.2">
      <c r="A32975" s="2"/>
      <c r="B32975" s="2"/>
      <c r="C32975" s="2"/>
    </row>
    <row r="32976" spans="1:3" ht="19.2">
      <c r="A32976" s="2"/>
      <c r="B32976" s="2"/>
      <c r="C32976" s="2"/>
    </row>
    <row r="32977" spans="1:3" ht="19.2">
      <c r="A32977" s="2"/>
      <c r="B32977" s="2"/>
      <c r="C32977" s="2"/>
    </row>
    <row r="32978" spans="1:3" ht="19.2">
      <c r="A32978" s="2"/>
      <c r="B32978" s="2"/>
      <c r="C32978" s="2"/>
    </row>
    <row r="32979" spans="1:3" ht="19.2">
      <c r="A32979" s="2"/>
      <c r="B32979" s="2"/>
      <c r="C32979" s="2"/>
    </row>
    <row r="32980" spans="1:3" ht="19.2">
      <c r="A32980" s="2"/>
      <c r="B32980" s="2"/>
      <c r="C32980" s="2"/>
    </row>
    <row r="32981" spans="1:3" ht="19.2">
      <c r="A32981" s="2"/>
      <c r="B32981" s="2"/>
      <c r="C32981" s="2"/>
    </row>
    <row r="32982" spans="1:3" ht="19.2">
      <c r="A32982" s="2"/>
      <c r="B32982" s="2"/>
      <c r="C32982" s="2"/>
    </row>
    <row r="32983" spans="1:3" ht="19.2">
      <c r="A32983" s="2"/>
      <c r="B32983" s="2"/>
      <c r="C32983" s="2"/>
    </row>
    <row r="32984" spans="1:3" ht="19.2">
      <c r="A32984" s="2"/>
      <c r="B32984" s="2"/>
      <c r="C32984" s="2"/>
    </row>
    <row r="32985" spans="1:3" ht="19.2">
      <c r="A32985" s="2"/>
      <c r="B32985" s="2"/>
      <c r="C32985" s="2"/>
    </row>
    <row r="32986" spans="1:3" ht="19.2">
      <c r="A32986" s="2"/>
      <c r="B32986" s="2"/>
      <c r="C32986" s="2"/>
    </row>
    <row r="32987" spans="1:3" ht="19.2">
      <c r="A32987" s="2"/>
      <c r="B32987" s="2"/>
      <c r="C32987" s="2"/>
    </row>
    <row r="32988" spans="1:3" ht="19.2">
      <c r="A32988" s="2"/>
      <c r="B32988" s="2"/>
      <c r="C32988" s="2"/>
    </row>
    <row r="32989" spans="1:3" ht="19.2">
      <c r="A32989" s="2"/>
      <c r="B32989" s="2"/>
      <c r="C32989" s="2"/>
    </row>
    <row r="32990" spans="1:3" ht="19.2">
      <c r="A32990" s="2"/>
      <c r="B32990" s="2"/>
      <c r="C32990" s="2"/>
    </row>
    <row r="32991" spans="1:3" ht="19.2">
      <c r="A32991" s="2"/>
      <c r="B32991" s="2"/>
      <c r="C32991" s="2"/>
    </row>
    <row r="32992" spans="1:3" ht="19.2">
      <c r="A32992" s="2"/>
      <c r="B32992" s="2"/>
      <c r="C32992" s="2"/>
    </row>
    <row r="32993" spans="1:3" ht="19.2">
      <c r="A32993" s="2"/>
      <c r="B32993" s="2"/>
      <c r="C32993" s="2"/>
    </row>
    <row r="32994" spans="1:3" ht="19.2">
      <c r="A32994" s="2"/>
      <c r="B32994" s="2"/>
      <c r="C32994" s="2"/>
    </row>
    <row r="32995" spans="1:3" ht="19.2">
      <c r="A32995" s="2"/>
      <c r="B32995" s="2"/>
      <c r="C32995" s="2"/>
    </row>
    <row r="32996" spans="1:3" ht="19.2">
      <c r="A32996" s="2"/>
      <c r="B32996" s="2"/>
      <c r="C32996" s="2"/>
    </row>
    <row r="32997" spans="1:3" ht="19.2">
      <c r="A32997" s="2"/>
      <c r="B32997" s="2"/>
      <c r="C32997" s="2"/>
    </row>
    <row r="32998" spans="1:3" ht="19.2">
      <c r="A32998" s="2"/>
      <c r="B32998" s="2"/>
      <c r="C32998" s="2"/>
    </row>
    <row r="32999" spans="1:3" ht="19.2">
      <c r="A32999" s="2"/>
      <c r="B32999" s="2"/>
      <c r="C32999" s="2"/>
    </row>
    <row r="33000" spans="1:3" ht="19.2">
      <c r="A33000" s="2"/>
      <c r="B33000" s="2"/>
      <c r="C33000" s="2"/>
    </row>
    <row r="33001" spans="1:3" ht="19.2">
      <c r="A33001" s="2"/>
      <c r="B33001" s="2"/>
      <c r="C33001" s="2"/>
    </row>
    <row r="33002" spans="1:3" ht="19.2">
      <c r="A33002" s="2"/>
      <c r="B33002" s="2"/>
      <c r="C33002" s="2"/>
    </row>
    <row r="33003" spans="1:3" ht="19.2">
      <c r="A33003" s="2"/>
      <c r="B33003" s="2"/>
      <c r="C33003" s="2"/>
    </row>
    <row r="33004" spans="1:3" ht="19.2">
      <c r="A33004" s="2"/>
      <c r="B33004" s="2"/>
      <c r="C33004" s="2"/>
    </row>
    <row r="33005" spans="1:3" ht="19.2">
      <c r="A33005" s="2"/>
      <c r="B33005" s="2"/>
      <c r="C33005" s="2"/>
    </row>
    <row r="33006" spans="1:3" ht="19.2">
      <c r="A33006" s="2"/>
      <c r="B33006" s="2"/>
      <c r="C33006" s="2"/>
    </row>
    <row r="33007" spans="1:3" ht="19.2">
      <c r="A33007" s="2"/>
      <c r="B33007" s="2"/>
      <c r="C33007" s="2"/>
    </row>
    <row r="33008" spans="1:3" ht="19.2">
      <c r="A33008" s="2"/>
      <c r="B33008" s="2"/>
      <c r="C33008" s="2"/>
    </row>
    <row r="33009" spans="1:3" ht="19.2">
      <c r="A33009" s="2"/>
      <c r="B33009" s="2"/>
      <c r="C33009" s="2"/>
    </row>
    <row r="33010" spans="1:3" ht="19.2">
      <c r="A33010" s="2"/>
      <c r="B33010" s="2"/>
      <c r="C33010" s="2"/>
    </row>
    <row r="33011" spans="1:3" ht="19.2">
      <c r="A33011" s="2"/>
      <c r="B33011" s="2"/>
      <c r="C33011" s="2"/>
    </row>
    <row r="33012" spans="1:3" ht="19.2">
      <c r="A33012" s="2"/>
      <c r="B33012" s="2"/>
      <c r="C33012" s="2"/>
    </row>
    <row r="33013" spans="1:3" ht="19.2">
      <c r="A33013" s="2"/>
      <c r="B33013" s="2"/>
      <c r="C33013" s="2"/>
    </row>
    <row r="33014" spans="1:3" ht="19.2">
      <c r="A33014" s="2"/>
      <c r="B33014" s="2"/>
      <c r="C33014" s="2"/>
    </row>
    <row r="33015" spans="1:3" ht="19.2">
      <c r="A33015" s="2"/>
      <c r="B33015" s="2"/>
      <c r="C33015" s="2"/>
    </row>
    <row r="33016" spans="1:3" ht="19.2">
      <c r="A33016" s="2"/>
      <c r="B33016" s="2"/>
      <c r="C33016" s="2"/>
    </row>
    <row r="33017" spans="1:3" ht="19.2">
      <c r="A33017" s="2"/>
      <c r="B33017" s="2"/>
      <c r="C33017" s="2"/>
    </row>
    <row r="33018" spans="1:3" ht="19.2">
      <c r="A33018" s="2"/>
      <c r="B33018" s="2"/>
      <c r="C33018" s="2"/>
    </row>
    <row r="33019" spans="1:3" ht="19.2">
      <c r="A33019" s="2"/>
      <c r="B33019" s="2"/>
      <c r="C33019" s="2"/>
    </row>
    <row r="33020" spans="1:3" ht="19.2">
      <c r="A33020" s="2"/>
      <c r="B33020" s="2"/>
      <c r="C33020" s="2"/>
    </row>
    <row r="33021" spans="1:3" ht="19.2">
      <c r="A33021" s="2"/>
      <c r="B33021" s="2"/>
      <c r="C33021" s="2"/>
    </row>
    <row r="33022" spans="1:3" ht="19.2">
      <c r="A33022" s="2"/>
      <c r="B33022" s="2"/>
      <c r="C33022" s="2"/>
    </row>
    <row r="33023" spans="1:3" ht="19.2">
      <c r="A33023" s="2"/>
      <c r="B33023" s="2"/>
      <c r="C33023" s="2"/>
    </row>
    <row r="33024" spans="1:3" ht="19.2">
      <c r="A33024" s="2"/>
      <c r="B33024" s="2"/>
      <c r="C33024" s="2"/>
    </row>
    <row r="33025" spans="1:3" ht="19.2">
      <c r="A33025" s="2"/>
      <c r="B33025" s="2"/>
      <c r="C33025" s="2"/>
    </row>
    <row r="33026" spans="1:3" ht="19.2">
      <c r="A33026" s="2"/>
      <c r="B33026" s="2"/>
      <c r="C33026" s="2"/>
    </row>
    <row r="33027" spans="1:3" ht="19.2">
      <c r="A33027" s="2"/>
      <c r="B33027" s="2"/>
      <c r="C33027" s="2"/>
    </row>
    <row r="33028" spans="1:3" ht="19.2">
      <c r="A33028" s="2"/>
      <c r="B33028" s="2"/>
      <c r="C33028" s="2"/>
    </row>
    <row r="33029" spans="1:3" ht="19.2">
      <c r="A33029" s="2"/>
      <c r="B33029" s="2"/>
      <c r="C33029" s="2"/>
    </row>
    <row r="33030" spans="1:3" ht="19.2">
      <c r="A33030" s="2"/>
      <c r="B33030" s="2"/>
      <c r="C33030" s="2"/>
    </row>
    <row r="33031" spans="1:3" ht="19.2">
      <c r="A33031" s="2"/>
      <c r="B33031" s="2"/>
      <c r="C33031" s="2"/>
    </row>
    <row r="33032" spans="1:3" ht="19.2">
      <c r="A33032" s="2"/>
      <c r="B33032" s="2"/>
      <c r="C33032" s="2"/>
    </row>
    <row r="33033" spans="1:3" ht="19.2">
      <c r="A33033" s="2"/>
      <c r="B33033" s="2"/>
      <c r="C33033" s="2"/>
    </row>
    <row r="33034" spans="1:3" ht="19.2">
      <c r="A33034" s="2"/>
      <c r="B33034" s="2"/>
      <c r="C33034" s="2"/>
    </row>
    <row r="33035" spans="1:3" ht="19.2">
      <c r="A33035" s="2"/>
      <c r="B33035" s="2"/>
      <c r="C33035" s="2"/>
    </row>
    <row r="33036" spans="1:3" ht="19.2">
      <c r="A33036" s="2"/>
      <c r="B33036" s="2"/>
      <c r="C33036" s="2"/>
    </row>
    <row r="33037" spans="1:3" ht="19.2">
      <c r="A33037" s="2"/>
      <c r="B33037" s="2"/>
      <c r="C33037" s="2"/>
    </row>
    <row r="33038" spans="1:3" ht="19.2">
      <c r="A33038" s="2"/>
      <c r="B33038" s="2"/>
      <c r="C33038" s="2"/>
    </row>
    <row r="33039" spans="1:3" ht="19.2">
      <c r="A33039" s="2"/>
      <c r="B33039" s="2"/>
      <c r="C33039" s="2"/>
    </row>
    <row r="33040" spans="1:3" ht="19.2">
      <c r="A33040" s="2"/>
      <c r="B33040" s="2"/>
      <c r="C33040" s="2"/>
    </row>
    <row r="33041" spans="1:3" ht="19.2">
      <c r="A33041" s="2"/>
      <c r="B33041" s="2"/>
      <c r="C33041" s="2"/>
    </row>
    <row r="33042" spans="1:3" ht="19.2">
      <c r="A33042" s="2"/>
      <c r="B33042" s="2"/>
      <c r="C33042" s="2"/>
    </row>
    <row r="33043" spans="1:3" ht="19.2">
      <c r="A33043" s="2"/>
      <c r="B33043" s="2"/>
      <c r="C33043" s="2"/>
    </row>
    <row r="33044" spans="1:3" ht="19.2">
      <c r="A33044" s="2"/>
      <c r="B33044" s="2"/>
      <c r="C33044" s="2"/>
    </row>
    <row r="33045" spans="1:3" ht="19.2">
      <c r="A33045" s="2"/>
      <c r="B33045" s="2"/>
      <c r="C33045" s="2"/>
    </row>
    <row r="33046" spans="1:3" ht="19.2">
      <c r="A33046" s="2"/>
      <c r="B33046" s="2"/>
      <c r="C33046" s="2"/>
    </row>
    <row r="33047" spans="1:3" ht="19.2">
      <c r="A33047" s="2"/>
      <c r="B33047" s="2"/>
      <c r="C33047" s="2"/>
    </row>
    <row r="33048" spans="1:3" ht="19.2">
      <c r="A33048" s="2"/>
      <c r="B33048" s="2"/>
      <c r="C33048" s="2"/>
    </row>
    <row r="33049" spans="1:3" ht="19.2">
      <c r="A33049" s="2"/>
      <c r="B33049" s="2"/>
      <c r="C33049" s="2"/>
    </row>
    <row r="33050" spans="1:3" ht="19.2">
      <c r="A33050" s="2"/>
      <c r="B33050" s="2"/>
      <c r="C33050" s="2"/>
    </row>
    <row r="33051" spans="1:3" ht="19.2">
      <c r="A33051" s="2"/>
      <c r="B33051" s="2"/>
      <c r="C33051" s="2"/>
    </row>
    <row r="33052" spans="1:3" ht="19.2">
      <c r="A33052" s="2"/>
      <c r="B33052" s="2"/>
      <c r="C33052" s="2"/>
    </row>
    <row r="33053" spans="1:3" ht="19.2">
      <c r="A33053" s="2"/>
      <c r="B33053" s="2"/>
      <c r="C33053" s="2"/>
    </row>
    <row r="33054" spans="1:3" ht="19.2">
      <c r="A33054" s="2"/>
      <c r="B33054" s="2"/>
      <c r="C33054" s="2"/>
    </row>
    <row r="33055" spans="1:3" ht="19.2">
      <c r="A33055" s="2"/>
      <c r="B33055" s="2"/>
      <c r="C33055" s="2"/>
    </row>
    <row r="33056" spans="1:3" ht="19.2">
      <c r="A33056" s="2"/>
      <c r="B33056" s="2"/>
      <c r="C33056" s="2"/>
    </row>
    <row r="33057" spans="1:3" ht="19.2">
      <c r="A33057" s="2"/>
      <c r="B33057" s="2"/>
      <c r="C33057" s="2"/>
    </row>
    <row r="33058" spans="1:3" ht="19.2">
      <c r="A33058" s="2"/>
      <c r="B33058" s="2"/>
      <c r="C33058" s="2"/>
    </row>
    <row r="33059" spans="1:3" ht="19.2">
      <c r="A33059" s="2"/>
      <c r="B33059" s="2"/>
      <c r="C33059" s="2"/>
    </row>
    <row r="33060" spans="1:3" ht="19.2">
      <c r="A33060" s="2"/>
      <c r="B33060" s="2"/>
      <c r="C33060" s="2"/>
    </row>
    <row r="33061" spans="1:3" ht="19.2">
      <c r="A33061" s="2"/>
      <c r="B33061" s="2"/>
      <c r="C33061" s="2"/>
    </row>
    <row r="33062" spans="1:3" ht="19.2">
      <c r="A33062" s="2"/>
      <c r="B33062" s="2"/>
      <c r="C33062" s="2"/>
    </row>
    <row r="33063" spans="1:3" ht="19.2">
      <c r="A33063" s="2"/>
      <c r="B33063" s="2"/>
      <c r="C33063" s="2"/>
    </row>
    <row r="33064" spans="1:3" ht="19.2">
      <c r="A33064" s="2"/>
      <c r="B33064" s="2"/>
      <c r="C33064" s="2"/>
    </row>
    <row r="33065" spans="1:3" ht="19.2">
      <c r="A33065" s="2"/>
      <c r="B33065" s="2"/>
      <c r="C33065" s="2"/>
    </row>
    <row r="33066" spans="1:3" ht="19.2">
      <c r="A33066" s="2"/>
      <c r="B33066" s="2"/>
      <c r="C33066" s="2"/>
    </row>
    <row r="33067" spans="1:3" ht="19.2">
      <c r="A33067" s="2"/>
      <c r="B33067" s="2"/>
      <c r="C33067" s="2"/>
    </row>
    <row r="33068" spans="1:3" ht="19.2">
      <c r="A33068" s="2"/>
      <c r="B33068" s="2"/>
      <c r="C33068" s="2"/>
    </row>
    <row r="33069" spans="1:3" ht="19.2">
      <c r="A33069" s="2"/>
      <c r="B33069" s="2"/>
      <c r="C33069" s="2"/>
    </row>
    <row r="33070" spans="1:3" ht="19.2">
      <c r="A33070" s="2"/>
      <c r="B33070" s="2"/>
      <c r="C33070" s="2"/>
    </row>
    <row r="33071" spans="1:3" ht="19.2">
      <c r="A33071" s="2"/>
      <c r="B33071" s="2"/>
      <c r="C33071" s="2"/>
    </row>
    <row r="33072" spans="1:3" ht="19.2">
      <c r="A33072" s="2"/>
      <c r="B33072" s="2"/>
      <c r="C33072" s="2"/>
    </row>
    <row r="33073" spans="1:3" ht="19.2">
      <c r="A33073" s="2"/>
      <c r="B33073" s="2"/>
      <c r="C33073" s="2"/>
    </row>
    <row r="33074" spans="1:3" ht="19.2">
      <c r="A33074" s="2"/>
      <c r="B33074" s="2"/>
      <c r="C33074" s="2"/>
    </row>
    <row r="33075" spans="1:3" ht="19.2">
      <c r="A33075" s="2"/>
      <c r="B33075" s="2"/>
      <c r="C33075" s="2"/>
    </row>
    <row r="33076" spans="1:3" ht="19.2">
      <c r="A33076" s="2"/>
      <c r="B33076" s="2"/>
      <c r="C33076" s="2"/>
    </row>
    <row r="33077" spans="1:3" ht="19.2">
      <c r="A33077" s="2"/>
      <c r="B33077" s="2"/>
      <c r="C33077" s="2"/>
    </row>
    <row r="33078" spans="1:3" ht="19.2">
      <c r="A33078" s="2"/>
      <c r="B33078" s="2"/>
      <c r="C33078" s="2"/>
    </row>
    <row r="33079" spans="1:3" ht="19.2">
      <c r="A33079" s="2"/>
      <c r="B33079" s="2"/>
      <c r="C33079" s="2"/>
    </row>
    <row r="33080" spans="1:3" ht="19.2">
      <c r="A33080" s="2"/>
      <c r="B33080" s="2"/>
      <c r="C33080" s="2"/>
    </row>
    <row r="33081" spans="1:3" ht="19.2">
      <c r="A33081" s="2"/>
      <c r="B33081" s="2"/>
      <c r="C33081" s="2"/>
    </row>
    <row r="33082" spans="1:3" ht="19.2">
      <c r="A33082" s="2"/>
      <c r="B33082" s="2"/>
      <c r="C33082" s="2"/>
    </row>
    <row r="33083" spans="1:3" ht="19.2">
      <c r="A33083" s="2"/>
      <c r="B33083" s="2"/>
      <c r="C33083" s="2"/>
    </row>
    <row r="33084" spans="1:3" ht="19.2">
      <c r="A33084" s="2"/>
      <c r="B33084" s="2"/>
      <c r="C33084" s="2"/>
    </row>
    <row r="33085" spans="1:3" ht="19.2">
      <c r="A33085" s="2"/>
      <c r="B33085" s="2"/>
      <c r="C33085" s="2"/>
    </row>
    <row r="33086" spans="1:3" ht="19.2">
      <c r="A33086" s="2"/>
      <c r="B33086" s="2"/>
      <c r="C33086" s="2"/>
    </row>
    <row r="33087" spans="1:3" ht="19.2">
      <c r="A33087" s="2"/>
      <c r="B33087" s="2"/>
      <c r="C33087" s="2"/>
    </row>
    <row r="33088" spans="1:3" ht="19.2">
      <c r="A33088" s="2"/>
      <c r="B33088" s="2"/>
      <c r="C33088" s="2"/>
    </row>
    <row r="33089" spans="1:3" ht="19.2">
      <c r="A33089" s="2"/>
      <c r="B33089" s="2"/>
      <c r="C33089" s="2"/>
    </row>
    <row r="33090" spans="1:3" ht="19.2">
      <c r="A33090" s="2"/>
      <c r="B33090" s="2"/>
      <c r="C33090" s="2"/>
    </row>
    <row r="33091" spans="1:3" ht="19.2">
      <c r="A33091" s="2"/>
      <c r="B33091" s="2"/>
      <c r="C33091" s="2"/>
    </row>
    <row r="33092" spans="1:3" ht="19.2">
      <c r="A33092" s="2"/>
      <c r="B33092" s="2"/>
      <c r="C33092" s="2"/>
    </row>
    <row r="33093" spans="1:3" ht="19.2">
      <c r="A33093" s="2"/>
      <c r="B33093" s="2"/>
      <c r="C33093" s="2"/>
    </row>
    <row r="33094" spans="1:3" ht="19.2">
      <c r="A33094" s="2"/>
      <c r="B33094" s="2"/>
      <c r="C33094" s="2"/>
    </row>
    <row r="33095" spans="1:3" ht="19.2">
      <c r="A33095" s="2"/>
      <c r="B33095" s="2"/>
      <c r="C33095" s="2"/>
    </row>
    <row r="33096" spans="1:3" ht="19.2">
      <c r="A33096" s="2"/>
      <c r="B33096" s="2"/>
      <c r="C33096" s="2"/>
    </row>
    <row r="33097" spans="1:3" ht="19.2">
      <c r="A33097" s="2"/>
      <c r="B33097" s="2"/>
      <c r="C33097" s="2"/>
    </row>
    <row r="33098" spans="1:3" ht="19.2">
      <c r="A33098" s="2"/>
      <c r="B33098" s="2"/>
      <c r="C33098" s="2"/>
    </row>
    <row r="33099" spans="1:3" ht="19.2">
      <c r="A33099" s="2"/>
      <c r="B33099" s="2"/>
      <c r="C33099" s="2"/>
    </row>
    <row r="33100" spans="1:3" ht="19.2">
      <c r="A33100" s="2"/>
      <c r="B33100" s="2"/>
      <c r="C33100" s="2"/>
    </row>
    <row r="33101" spans="1:3" ht="19.2">
      <c r="A33101" s="2"/>
      <c r="B33101" s="2"/>
      <c r="C33101" s="2"/>
    </row>
    <row r="33102" spans="1:3" ht="19.2">
      <c r="A33102" s="2"/>
      <c r="B33102" s="2"/>
      <c r="C33102" s="2"/>
    </row>
    <row r="33103" spans="1:3" ht="19.2">
      <c r="A33103" s="2"/>
      <c r="B33103" s="2"/>
      <c r="C33103" s="2"/>
    </row>
    <row r="33104" spans="1:3" ht="19.2">
      <c r="A33104" s="2"/>
      <c r="B33104" s="2"/>
      <c r="C33104" s="2"/>
    </row>
    <row r="33105" spans="1:3" ht="19.2">
      <c r="A33105" s="2"/>
      <c r="B33105" s="2"/>
      <c r="C33105" s="2"/>
    </row>
    <row r="33106" spans="1:3" ht="19.2">
      <c r="A33106" s="2"/>
      <c r="B33106" s="2"/>
      <c r="C33106" s="2"/>
    </row>
    <row r="33107" spans="1:3" ht="19.2">
      <c r="A33107" s="2"/>
      <c r="B33107" s="2"/>
      <c r="C33107" s="2"/>
    </row>
    <row r="33108" spans="1:3" ht="19.2">
      <c r="A33108" s="2"/>
      <c r="B33108" s="2"/>
      <c r="C33108" s="2"/>
    </row>
    <row r="33109" spans="1:3" ht="19.2">
      <c r="A33109" s="2"/>
      <c r="B33109" s="2"/>
      <c r="C33109" s="2"/>
    </row>
    <row r="33110" spans="1:3" ht="19.2">
      <c r="A33110" s="2"/>
      <c r="B33110" s="2"/>
      <c r="C33110" s="2"/>
    </row>
    <row r="33111" spans="1:3" ht="19.2">
      <c r="A33111" s="2"/>
      <c r="B33111" s="2"/>
      <c r="C33111" s="2"/>
    </row>
    <row r="33112" spans="1:3" ht="19.2">
      <c r="A33112" s="2"/>
      <c r="B33112" s="2"/>
      <c r="C33112" s="2"/>
    </row>
    <row r="33113" spans="1:3" ht="19.2">
      <c r="A33113" s="2"/>
      <c r="B33113" s="2"/>
      <c r="C33113" s="2"/>
    </row>
    <row r="33114" spans="1:3" ht="19.2">
      <c r="A33114" s="2"/>
      <c r="B33114" s="2"/>
      <c r="C33114" s="2"/>
    </row>
    <row r="33115" spans="1:3" ht="19.2">
      <c r="A33115" s="2"/>
      <c r="B33115" s="2"/>
      <c r="C33115" s="2"/>
    </row>
    <row r="33116" spans="1:3" ht="19.2">
      <c r="A33116" s="2"/>
      <c r="B33116" s="2"/>
      <c r="C33116" s="2"/>
    </row>
    <row r="33117" spans="1:3" ht="19.2">
      <c r="A33117" s="2"/>
      <c r="B33117" s="2"/>
      <c r="C33117" s="2"/>
    </row>
    <row r="33118" spans="1:3" ht="19.2">
      <c r="A33118" s="2"/>
      <c r="B33118" s="2"/>
      <c r="C33118" s="2"/>
    </row>
    <row r="33119" spans="1:3" ht="19.2">
      <c r="A33119" s="2"/>
      <c r="B33119" s="2"/>
      <c r="C33119" s="2"/>
    </row>
    <row r="33120" spans="1:3" ht="19.2">
      <c r="A33120" s="2"/>
      <c r="B33120" s="2"/>
      <c r="C33120" s="2"/>
    </row>
    <row r="33121" spans="1:3" ht="19.2">
      <c r="A33121" s="2"/>
      <c r="B33121" s="2"/>
      <c r="C33121" s="2"/>
    </row>
    <row r="33122" spans="1:3" ht="19.2">
      <c r="A33122" s="2"/>
      <c r="B33122" s="2"/>
      <c r="C33122" s="2"/>
    </row>
    <row r="33123" spans="1:3" ht="19.2">
      <c r="A33123" s="2"/>
      <c r="B33123" s="2"/>
      <c r="C33123" s="2"/>
    </row>
    <row r="33124" spans="1:3" ht="19.2">
      <c r="A33124" s="2"/>
      <c r="B33124" s="2"/>
      <c r="C33124" s="2"/>
    </row>
    <row r="33125" spans="1:3" ht="19.2">
      <c r="A33125" s="2"/>
      <c r="B33125" s="2"/>
      <c r="C33125" s="2"/>
    </row>
    <row r="33126" spans="1:3" ht="19.2">
      <c r="A33126" s="2"/>
      <c r="B33126" s="2"/>
      <c r="C33126" s="2"/>
    </row>
    <row r="33127" spans="1:3" ht="19.2">
      <c r="A33127" s="2"/>
      <c r="B33127" s="2"/>
      <c r="C33127" s="2"/>
    </row>
    <row r="33128" spans="1:3" ht="19.2">
      <c r="A33128" s="2"/>
      <c r="B33128" s="2"/>
      <c r="C33128" s="2"/>
    </row>
    <row r="33129" spans="1:3" ht="19.2">
      <c r="A33129" s="2"/>
      <c r="B33129" s="2"/>
      <c r="C33129" s="2"/>
    </row>
    <row r="33130" spans="1:3" ht="19.2">
      <c r="A33130" s="2"/>
      <c r="B33130" s="2"/>
      <c r="C33130" s="2"/>
    </row>
    <row r="33131" spans="1:3" ht="19.2">
      <c r="A33131" s="2"/>
      <c r="B33131" s="2"/>
      <c r="C33131" s="2"/>
    </row>
    <row r="33132" spans="1:3" ht="19.2">
      <c r="A33132" s="2"/>
      <c r="B33132" s="2"/>
      <c r="C33132" s="2"/>
    </row>
    <row r="33133" spans="1:3" ht="19.2">
      <c r="A33133" s="2"/>
      <c r="B33133" s="2"/>
      <c r="C33133" s="2"/>
    </row>
    <row r="33134" spans="1:3" ht="19.2">
      <c r="A33134" s="2"/>
      <c r="B33134" s="2"/>
      <c r="C33134" s="2"/>
    </row>
    <row r="33135" spans="1:3" ht="19.2">
      <c r="A33135" s="2"/>
      <c r="B33135" s="2"/>
      <c r="C33135" s="2"/>
    </row>
    <row r="33136" spans="1:3" ht="19.2">
      <c r="A33136" s="2"/>
      <c r="B33136" s="2"/>
      <c r="C33136" s="2"/>
    </row>
    <row r="33137" spans="1:3" ht="19.2">
      <c r="A33137" s="2"/>
      <c r="B33137" s="2"/>
      <c r="C33137" s="2"/>
    </row>
    <row r="33138" spans="1:3" ht="19.2">
      <c r="A33138" s="2"/>
      <c r="B33138" s="2"/>
      <c r="C33138" s="2"/>
    </row>
    <row r="33139" spans="1:3" ht="19.2">
      <c r="A33139" s="2"/>
      <c r="B33139" s="2"/>
      <c r="C33139" s="2"/>
    </row>
    <row r="33140" spans="1:3" ht="19.2">
      <c r="A33140" s="2"/>
      <c r="B33140" s="2"/>
      <c r="C33140" s="2"/>
    </row>
    <row r="33141" spans="1:3" ht="19.2">
      <c r="A33141" s="2"/>
      <c r="B33141" s="2"/>
      <c r="C33141" s="2"/>
    </row>
    <row r="33142" spans="1:3" ht="19.2">
      <c r="A33142" s="2"/>
      <c r="B33142" s="2"/>
      <c r="C33142" s="2"/>
    </row>
    <row r="33143" spans="1:3" ht="19.2">
      <c r="A33143" s="2"/>
      <c r="B33143" s="2"/>
      <c r="C33143" s="2"/>
    </row>
    <row r="33144" spans="1:3" ht="19.2">
      <c r="A33144" s="2"/>
      <c r="B33144" s="2"/>
      <c r="C33144" s="2"/>
    </row>
    <row r="33145" spans="1:3" ht="19.2">
      <c r="A33145" s="2"/>
      <c r="B33145" s="2"/>
      <c r="C33145" s="2"/>
    </row>
    <row r="33146" spans="1:3" ht="19.2">
      <c r="A33146" s="2"/>
      <c r="B33146" s="2"/>
      <c r="C33146" s="2"/>
    </row>
    <row r="33147" spans="1:3" ht="19.2">
      <c r="A33147" s="2"/>
      <c r="B33147" s="2"/>
      <c r="C33147" s="2"/>
    </row>
    <row r="33148" spans="1:3" ht="19.2">
      <c r="A33148" s="2"/>
      <c r="B33148" s="2"/>
      <c r="C33148" s="2"/>
    </row>
    <row r="33149" spans="1:3" ht="19.2">
      <c r="A33149" s="2"/>
      <c r="B33149" s="2"/>
      <c r="C33149" s="2"/>
    </row>
    <row r="33150" spans="1:3" ht="19.2">
      <c r="A33150" s="2"/>
      <c r="B33150" s="2"/>
      <c r="C33150" s="2"/>
    </row>
    <row r="33151" spans="1:3" ht="19.2">
      <c r="A33151" s="2"/>
      <c r="B33151" s="2"/>
      <c r="C33151" s="2"/>
    </row>
    <row r="33152" spans="1:3" ht="19.2">
      <c r="A33152" s="2"/>
      <c r="B33152" s="2"/>
      <c r="C33152" s="2"/>
    </row>
    <row r="33153" spans="1:3" ht="19.2">
      <c r="A33153" s="2"/>
      <c r="B33153" s="2"/>
      <c r="C33153" s="2"/>
    </row>
    <row r="33154" spans="1:3" ht="19.2">
      <c r="A33154" s="2"/>
      <c r="B33154" s="2"/>
      <c r="C33154" s="2"/>
    </row>
    <row r="33155" spans="1:3" ht="19.2">
      <c r="A33155" s="2"/>
      <c r="B33155" s="2"/>
      <c r="C33155" s="2"/>
    </row>
    <row r="33156" spans="1:3" ht="19.2">
      <c r="A33156" s="2"/>
      <c r="B33156" s="2"/>
      <c r="C33156" s="2"/>
    </row>
    <row r="33157" spans="1:3" ht="19.2">
      <c r="A33157" s="2"/>
      <c r="B33157" s="2"/>
      <c r="C33157" s="2"/>
    </row>
    <row r="33158" spans="1:3" ht="19.2">
      <c r="A33158" s="2"/>
      <c r="B33158" s="2"/>
      <c r="C33158" s="2"/>
    </row>
    <row r="33159" spans="1:3" ht="19.2">
      <c r="A33159" s="2"/>
      <c r="B33159" s="2"/>
      <c r="C33159" s="2"/>
    </row>
    <row r="33160" spans="1:3" ht="19.2">
      <c r="A33160" s="2"/>
      <c r="B33160" s="2"/>
      <c r="C33160" s="2"/>
    </row>
    <row r="33161" spans="1:3" ht="19.2">
      <c r="A33161" s="2"/>
      <c r="B33161" s="2"/>
      <c r="C33161" s="2"/>
    </row>
    <row r="33162" spans="1:3" ht="19.2">
      <c r="A33162" s="2"/>
      <c r="B33162" s="2"/>
      <c r="C33162" s="2"/>
    </row>
    <row r="33163" spans="1:3" ht="19.2">
      <c r="A33163" s="2"/>
      <c r="B33163" s="2"/>
      <c r="C33163" s="2"/>
    </row>
    <row r="33164" spans="1:3" ht="19.2">
      <c r="A33164" s="2"/>
      <c r="B33164" s="2"/>
      <c r="C33164" s="2"/>
    </row>
    <row r="33165" spans="1:3" ht="19.2">
      <c r="A33165" s="2"/>
      <c r="B33165" s="2"/>
      <c r="C33165" s="2"/>
    </row>
    <row r="33166" spans="1:3" ht="19.2">
      <c r="A33166" s="2"/>
      <c r="B33166" s="2"/>
      <c r="C33166" s="2"/>
    </row>
    <row r="33167" spans="1:3" ht="19.2">
      <c r="A33167" s="2"/>
      <c r="B33167" s="2"/>
      <c r="C33167" s="2"/>
    </row>
    <row r="33168" spans="1:3" ht="19.2">
      <c r="A33168" s="2"/>
      <c r="B33168" s="2"/>
      <c r="C33168" s="2"/>
    </row>
    <row r="33169" spans="1:3" ht="19.2">
      <c r="A33169" s="2"/>
      <c r="B33169" s="2"/>
      <c r="C33169" s="2"/>
    </row>
    <row r="33170" spans="1:3" ht="19.2">
      <c r="A33170" s="2"/>
      <c r="B33170" s="2"/>
      <c r="C33170" s="2"/>
    </row>
    <row r="33171" spans="1:3" ht="19.2">
      <c r="A33171" s="2"/>
      <c r="B33171" s="2"/>
      <c r="C33171" s="2"/>
    </row>
    <row r="33172" spans="1:3" ht="19.2">
      <c r="A33172" s="2"/>
      <c r="B33172" s="2"/>
      <c r="C33172" s="2"/>
    </row>
    <row r="33173" spans="1:3" ht="19.2">
      <c r="A33173" s="2"/>
      <c r="B33173" s="2"/>
      <c r="C33173" s="2"/>
    </row>
    <row r="33174" spans="1:3" ht="19.2">
      <c r="A33174" s="2"/>
      <c r="B33174" s="2"/>
      <c r="C33174" s="2"/>
    </row>
    <row r="33175" spans="1:3" ht="19.2">
      <c r="A33175" s="2"/>
      <c r="B33175" s="2"/>
      <c r="C33175" s="2"/>
    </row>
    <row r="33176" spans="1:3" ht="19.2">
      <c r="A33176" s="2"/>
      <c r="B33176" s="2"/>
      <c r="C33176" s="2"/>
    </row>
    <row r="33177" spans="1:3" ht="19.2">
      <c r="A33177" s="2"/>
      <c r="B33177" s="2"/>
      <c r="C33177" s="2"/>
    </row>
    <row r="33178" spans="1:3" ht="19.2">
      <c r="A33178" s="2"/>
      <c r="B33178" s="2"/>
      <c r="C33178" s="2"/>
    </row>
    <row r="33179" spans="1:3" ht="19.2">
      <c r="A33179" s="2"/>
      <c r="B33179" s="2"/>
      <c r="C33179" s="2"/>
    </row>
    <row r="33180" spans="1:3" ht="19.2">
      <c r="A33180" s="2"/>
      <c r="B33180" s="2"/>
      <c r="C33180" s="2"/>
    </row>
    <row r="33181" spans="1:3" ht="19.2">
      <c r="A33181" s="2"/>
      <c r="B33181" s="2"/>
      <c r="C33181" s="2"/>
    </row>
    <row r="33182" spans="1:3" ht="19.2">
      <c r="A33182" s="2"/>
      <c r="B33182" s="2"/>
      <c r="C33182" s="2"/>
    </row>
    <row r="33183" spans="1:3" ht="19.2">
      <c r="A33183" s="2"/>
      <c r="B33183" s="2"/>
      <c r="C33183" s="2"/>
    </row>
    <row r="33184" spans="1:3" ht="19.2">
      <c r="A33184" s="2"/>
      <c r="B33184" s="2"/>
      <c r="C33184" s="2"/>
    </row>
    <row r="33185" spans="1:3" ht="19.2">
      <c r="A33185" s="2"/>
      <c r="B33185" s="2"/>
      <c r="C33185" s="2"/>
    </row>
    <row r="33186" spans="1:3" ht="19.2">
      <c r="A33186" s="2"/>
      <c r="B33186" s="2"/>
      <c r="C33186" s="2"/>
    </row>
    <row r="33187" spans="1:3" ht="19.2">
      <c r="A33187" s="2"/>
      <c r="B33187" s="2"/>
      <c r="C33187" s="2"/>
    </row>
    <row r="33188" spans="1:3" ht="19.2">
      <c r="A33188" s="2"/>
      <c r="B33188" s="2"/>
      <c r="C33188" s="2"/>
    </row>
    <row r="33189" spans="1:3" ht="19.2">
      <c r="A33189" s="2"/>
      <c r="B33189" s="2"/>
      <c r="C33189" s="2"/>
    </row>
    <row r="33190" spans="1:3" ht="19.2">
      <c r="A33190" s="2"/>
      <c r="B33190" s="2"/>
      <c r="C33190" s="2"/>
    </row>
    <row r="33191" spans="1:3" ht="19.2">
      <c r="A33191" s="2"/>
      <c r="B33191" s="2"/>
      <c r="C33191" s="2"/>
    </row>
    <row r="33192" spans="1:3" ht="19.2">
      <c r="A33192" s="2"/>
      <c r="B33192" s="2"/>
      <c r="C33192" s="2"/>
    </row>
    <row r="33193" spans="1:3" ht="19.2">
      <c r="A33193" s="2"/>
      <c r="B33193" s="2"/>
      <c r="C33193" s="2"/>
    </row>
    <row r="33194" spans="1:3" ht="19.2">
      <c r="A33194" s="2"/>
      <c r="B33194" s="2"/>
      <c r="C33194" s="2"/>
    </row>
    <row r="33195" spans="1:3" ht="19.2">
      <c r="A33195" s="2"/>
      <c r="B33195" s="2"/>
      <c r="C33195" s="2"/>
    </row>
    <row r="33196" spans="1:3" ht="19.2">
      <c r="A33196" s="2"/>
      <c r="B33196" s="2"/>
      <c r="C33196" s="2"/>
    </row>
    <row r="33197" spans="1:3" ht="19.2">
      <c r="A33197" s="2"/>
      <c r="B33197" s="2"/>
      <c r="C33197" s="2"/>
    </row>
    <row r="33198" spans="1:3" ht="19.2">
      <c r="A33198" s="2"/>
      <c r="B33198" s="2"/>
      <c r="C33198" s="2"/>
    </row>
    <row r="33199" spans="1:3" ht="19.2">
      <c r="A33199" s="2"/>
      <c r="B33199" s="2"/>
      <c r="C33199" s="2"/>
    </row>
    <row r="33200" spans="1:3" ht="19.2">
      <c r="A33200" s="2"/>
      <c r="B33200" s="2"/>
      <c r="C33200" s="2"/>
    </row>
    <row r="33201" spans="1:3" ht="19.2">
      <c r="A33201" s="2"/>
      <c r="B33201" s="2"/>
      <c r="C33201" s="2"/>
    </row>
    <row r="33202" spans="1:3" ht="19.2">
      <c r="A33202" s="2"/>
      <c r="B33202" s="2"/>
      <c r="C33202" s="2"/>
    </row>
    <row r="33203" spans="1:3" ht="19.2">
      <c r="A33203" s="2"/>
      <c r="B33203" s="2"/>
      <c r="C33203" s="2"/>
    </row>
    <row r="33204" spans="1:3" ht="19.2">
      <c r="A33204" s="2"/>
      <c r="B33204" s="2"/>
      <c r="C33204" s="2"/>
    </row>
    <row r="33205" spans="1:3" ht="19.2">
      <c r="A33205" s="2"/>
      <c r="B33205" s="2"/>
      <c r="C33205" s="2"/>
    </row>
    <row r="33206" spans="1:3" ht="19.2">
      <c r="A33206" s="2"/>
      <c r="B33206" s="2"/>
      <c r="C33206" s="2"/>
    </row>
    <row r="33207" spans="1:3" ht="19.2">
      <c r="A33207" s="2"/>
      <c r="B33207" s="2"/>
      <c r="C33207" s="2"/>
    </row>
    <row r="33208" spans="1:3" ht="19.2">
      <c r="A33208" s="2"/>
      <c r="B33208" s="2"/>
      <c r="C33208" s="2"/>
    </row>
    <row r="33209" spans="1:3" ht="19.2">
      <c r="A33209" s="2"/>
      <c r="B33209" s="2"/>
      <c r="C33209" s="2"/>
    </row>
    <row r="33210" spans="1:3" ht="19.2">
      <c r="A33210" s="2"/>
      <c r="B33210" s="2"/>
      <c r="C33210" s="2"/>
    </row>
    <row r="33211" spans="1:3" ht="19.2">
      <c r="A33211" s="2"/>
      <c r="B33211" s="2"/>
      <c r="C33211" s="2"/>
    </row>
    <row r="33212" spans="1:3" ht="19.2">
      <c r="A33212" s="2"/>
      <c r="B33212" s="2"/>
      <c r="C33212" s="2"/>
    </row>
    <row r="33213" spans="1:3" ht="19.2">
      <c r="A33213" s="2"/>
      <c r="B33213" s="2"/>
      <c r="C33213" s="2"/>
    </row>
    <row r="33214" spans="1:3" ht="19.2">
      <c r="A33214" s="2"/>
      <c r="B33214" s="2"/>
      <c r="C33214" s="2"/>
    </row>
    <row r="33215" spans="1:3" ht="19.2">
      <c r="A33215" s="2"/>
      <c r="B33215" s="2"/>
      <c r="C33215" s="2"/>
    </row>
    <row r="33216" spans="1:3" ht="19.2">
      <c r="A33216" s="2"/>
      <c r="B33216" s="2"/>
      <c r="C33216" s="2"/>
    </row>
    <row r="33217" spans="1:3" ht="19.2">
      <c r="A33217" s="2"/>
      <c r="B33217" s="2"/>
      <c r="C33217" s="2"/>
    </row>
    <row r="33218" spans="1:3" ht="19.2">
      <c r="A33218" s="2"/>
      <c r="B33218" s="2"/>
      <c r="C33218" s="2"/>
    </row>
    <row r="33219" spans="1:3" ht="19.2">
      <c r="A33219" s="2"/>
      <c r="B33219" s="2"/>
      <c r="C33219" s="2"/>
    </row>
    <row r="33220" spans="1:3" ht="19.2">
      <c r="A33220" s="2"/>
      <c r="B33220" s="2"/>
      <c r="C33220" s="2"/>
    </row>
    <row r="33221" spans="1:3" ht="19.2">
      <c r="A33221" s="2"/>
      <c r="B33221" s="2"/>
      <c r="C33221" s="2"/>
    </row>
    <row r="33222" spans="1:3" ht="19.2">
      <c r="A33222" s="2"/>
      <c r="B33222" s="2"/>
      <c r="C33222" s="2"/>
    </row>
    <row r="33223" spans="1:3" ht="19.2">
      <c r="A33223" s="2"/>
      <c r="B33223" s="2"/>
      <c r="C33223" s="2"/>
    </row>
    <row r="33224" spans="1:3" ht="19.2">
      <c r="A33224" s="2"/>
      <c r="B33224" s="2"/>
      <c r="C33224" s="2"/>
    </row>
    <row r="33225" spans="1:3" ht="19.2">
      <c r="A33225" s="2"/>
      <c r="B33225" s="2"/>
      <c r="C33225" s="2"/>
    </row>
    <row r="33226" spans="1:3" ht="19.2">
      <c r="A33226" s="2"/>
      <c r="B33226" s="2"/>
      <c r="C33226" s="2"/>
    </row>
    <row r="33227" spans="1:3" ht="19.2">
      <c r="A33227" s="2"/>
      <c r="B33227" s="2"/>
      <c r="C33227" s="2"/>
    </row>
    <row r="33228" spans="1:3" ht="19.2">
      <c r="A33228" s="2"/>
      <c r="B33228" s="2"/>
      <c r="C33228" s="2"/>
    </row>
    <row r="33229" spans="1:3" ht="19.2">
      <c r="A33229" s="2"/>
      <c r="B33229" s="2"/>
      <c r="C33229" s="2"/>
    </row>
    <row r="33230" spans="1:3" ht="19.2">
      <c r="A33230" s="2"/>
      <c r="B33230" s="2"/>
      <c r="C33230" s="2"/>
    </row>
    <row r="33231" spans="1:3" ht="19.2">
      <c r="A33231" s="2"/>
      <c r="B33231" s="2"/>
      <c r="C33231" s="2"/>
    </row>
    <row r="33232" spans="1:3" ht="19.2">
      <c r="A33232" s="2"/>
      <c r="B33232" s="2"/>
      <c r="C33232" s="2"/>
    </row>
    <row r="33233" spans="1:3" ht="19.2">
      <c r="A33233" s="2"/>
      <c r="B33233" s="2"/>
      <c r="C33233" s="2"/>
    </row>
    <row r="33234" spans="1:3" ht="19.2">
      <c r="A33234" s="2"/>
      <c r="B33234" s="2"/>
      <c r="C33234" s="2"/>
    </row>
    <row r="33235" spans="1:3" ht="19.2">
      <c r="A33235" s="2"/>
      <c r="B33235" s="2"/>
      <c r="C33235" s="2"/>
    </row>
    <row r="33236" spans="1:3" ht="19.2">
      <c r="A33236" s="2"/>
      <c r="B33236" s="2"/>
      <c r="C33236" s="2"/>
    </row>
    <row r="33237" spans="1:3" ht="19.2">
      <c r="A33237" s="2"/>
      <c r="B33237" s="2"/>
      <c r="C33237" s="2"/>
    </row>
    <row r="33238" spans="1:3" ht="19.2">
      <c r="A33238" s="2"/>
      <c r="B33238" s="2"/>
      <c r="C33238" s="2"/>
    </row>
    <row r="33239" spans="1:3" ht="19.2">
      <c r="A33239" s="2"/>
      <c r="B33239" s="2"/>
      <c r="C33239" s="2"/>
    </row>
    <row r="33240" spans="1:3" ht="19.2">
      <c r="A33240" s="2"/>
      <c r="B33240" s="2"/>
      <c r="C33240" s="2"/>
    </row>
    <row r="33241" spans="1:3" ht="19.2">
      <c r="A33241" s="2"/>
      <c r="B33241" s="2"/>
      <c r="C33241" s="2"/>
    </row>
    <row r="33242" spans="1:3" ht="19.2">
      <c r="A33242" s="2"/>
      <c r="B33242" s="2"/>
      <c r="C33242" s="2"/>
    </row>
    <row r="33243" spans="1:3" ht="19.2">
      <c r="A33243" s="2"/>
      <c r="B33243" s="2"/>
      <c r="C33243" s="2"/>
    </row>
    <row r="33244" spans="1:3" ht="19.2">
      <c r="A33244" s="2"/>
      <c r="B33244" s="2"/>
      <c r="C33244" s="2"/>
    </row>
    <row r="33245" spans="1:3" ht="19.2">
      <c r="A33245" s="2"/>
      <c r="B33245" s="2"/>
      <c r="C33245" s="2"/>
    </row>
    <row r="33246" spans="1:3" ht="19.2">
      <c r="A33246" s="2"/>
      <c r="B33246" s="2"/>
      <c r="C33246" s="2"/>
    </row>
    <row r="33247" spans="1:3" ht="19.2">
      <c r="A33247" s="2"/>
      <c r="B33247" s="2"/>
      <c r="C33247" s="2"/>
    </row>
    <row r="33248" spans="1:3" ht="19.2">
      <c r="A33248" s="2"/>
      <c r="B33248" s="2"/>
      <c r="C33248" s="2"/>
    </row>
    <row r="33249" spans="1:3" ht="19.2">
      <c r="A33249" s="2"/>
      <c r="B33249" s="2"/>
      <c r="C33249" s="2"/>
    </row>
    <row r="33250" spans="1:3" ht="19.2">
      <c r="A33250" s="2"/>
      <c r="B33250" s="2"/>
      <c r="C33250" s="2"/>
    </row>
    <row r="33251" spans="1:3" ht="19.2">
      <c r="A33251" s="2"/>
      <c r="B33251" s="2"/>
      <c r="C33251" s="2"/>
    </row>
    <row r="33252" spans="1:3" ht="19.2">
      <c r="A33252" s="2"/>
      <c r="B33252" s="2"/>
      <c r="C33252" s="2"/>
    </row>
    <row r="33253" spans="1:3" ht="19.2">
      <c r="A33253" s="2"/>
      <c r="B33253" s="2"/>
      <c r="C33253" s="2"/>
    </row>
    <row r="33254" spans="1:3" ht="19.2">
      <c r="A33254" s="2"/>
      <c r="B33254" s="2"/>
      <c r="C33254" s="2"/>
    </row>
    <row r="33255" spans="1:3" ht="19.2">
      <c r="A33255" s="2"/>
      <c r="B33255" s="2"/>
      <c r="C33255" s="2"/>
    </row>
    <row r="33256" spans="1:3" ht="19.2">
      <c r="A33256" s="2"/>
      <c r="B33256" s="2"/>
      <c r="C33256" s="2"/>
    </row>
    <row r="33257" spans="1:3" ht="19.2">
      <c r="A33257" s="2"/>
      <c r="B33257" s="2"/>
      <c r="C33257" s="2"/>
    </row>
    <row r="33258" spans="1:3" ht="19.2">
      <c r="A33258" s="2"/>
      <c r="B33258" s="2"/>
      <c r="C33258" s="2"/>
    </row>
    <row r="33259" spans="1:3" ht="19.2">
      <c r="A33259" s="2"/>
      <c r="B33259" s="2"/>
      <c r="C33259" s="2"/>
    </row>
    <row r="33260" spans="1:3" ht="19.2">
      <c r="A33260" s="2"/>
      <c r="B33260" s="2"/>
      <c r="C33260" s="2"/>
    </row>
    <row r="33261" spans="1:3" ht="19.2">
      <c r="A33261" s="2"/>
      <c r="B33261" s="2"/>
      <c r="C33261" s="2"/>
    </row>
    <row r="33262" spans="1:3" ht="19.2">
      <c r="A33262" s="2"/>
      <c r="B33262" s="2"/>
      <c r="C33262" s="2"/>
    </row>
    <row r="33263" spans="1:3" ht="19.2">
      <c r="A33263" s="2"/>
      <c r="B33263" s="2"/>
      <c r="C33263" s="2"/>
    </row>
    <row r="33264" spans="1:3" ht="19.2">
      <c r="A33264" s="2"/>
      <c r="B33264" s="2"/>
      <c r="C33264" s="2"/>
    </row>
    <row r="33265" spans="1:3" ht="19.2">
      <c r="A33265" s="2"/>
      <c r="B33265" s="2"/>
      <c r="C33265" s="2"/>
    </row>
    <row r="33266" spans="1:3" ht="19.2">
      <c r="A33266" s="2"/>
      <c r="B33266" s="2"/>
      <c r="C33266" s="2"/>
    </row>
    <row r="33267" spans="1:3" ht="19.2">
      <c r="A33267" s="2"/>
      <c r="B33267" s="2"/>
      <c r="C33267" s="2"/>
    </row>
    <row r="33268" spans="1:3" ht="19.2">
      <c r="A33268" s="2"/>
      <c r="B33268" s="2"/>
      <c r="C33268" s="2"/>
    </row>
    <row r="33269" spans="1:3" ht="19.2">
      <c r="A33269" s="2"/>
      <c r="B33269" s="2"/>
      <c r="C33269" s="2"/>
    </row>
    <row r="33270" spans="1:3" ht="19.2">
      <c r="A33270" s="2"/>
      <c r="B33270" s="2"/>
      <c r="C33270" s="2"/>
    </row>
    <row r="33271" spans="1:3" ht="19.2">
      <c r="A33271" s="2"/>
      <c r="B33271" s="2"/>
      <c r="C33271" s="2"/>
    </row>
    <row r="33272" spans="1:3" ht="19.2">
      <c r="A33272" s="2"/>
      <c r="B33272" s="2"/>
      <c r="C33272" s="2"/>
    </row>
    <row r="33273" spans="1:3" ht="19.2">
      <c r="A33273" s="2"/>
      <c r="B33273" s="2"/>
      <c r="C33273" s="2"/>
    </row>
    <row r="33274" spans="1:3" ht="19.2">
      <c r="A33274" s="2"/>
      <c r="B33274" s="2"/>
      <c r="C33274" s="2"/>
    </row>
    <row r="33275" spans="1:3" ht="19.2">
      <c r="A33275" s="2"/>
      <c r="B33275" s="2"/>
      <c r="C33275" s="2"/>
    </row>
    <row r="33276" spans="1:3" ht="19.2">
      <c r="A33276" s="2"/>
      <c r="B33276" s="2"/>
      <c r="C33276" s="2"/>
    </row>
    <row r="33277" spans="1:3" ht="19.2">
      <c r="A33277" s="2"/>
      <c r="B33277" s="2"/>
      <c r="C33277" s="2"/>
    </row>
    <row r="33278" spans="1:3" ht="19.2">
      <c r="A33278" s="2"/>
      <c r="B33278" s="2"/>
      <c r="C33278" s="2"/>
    </row>
    <row r="33279" spans="1:3" ht="19.2">
      <c r="A33279" s="2"/>
      <c r="B33279" s="2"/>
      <c r="C33279" s="2"/>
    </row>
    <row r="33280" spans="1:3" ht="19.2">
      <c r="A33280" s="2"/>
      <c r="B33280" s="2"/>
      <c r="C33280" s="2"/>
    </row>
    <row r="33281" spans="1:3" ht="19.2">
      <c r="A33281" s="2"/>
      <c r="B33281" s="2"/>
      <c r="C33281" s="2"/>
    </row>
    <row r="33282" spans="1:3" ht="19.2">
      <c r="A33282" s="2"/>
      <c r="B33282" s="2"/>
      <c r="C33282" s="2"/>
    </row>
    <row r="33283" spans="1:3" ht="19.2">
      <c r="A33283" s="2"/>
      <c r="B33283" s="2"/>
      <c r="C33283" s="2"/>
    </row>
    <row r="33284" spans="1:3" ht="19.2">
      <c r="A33284" s="2"/>
      <c r="B33284" s="2"/>
      <c r="C33284" s="2"/>
    </row>
    <row r="33285" spans="1:3" ht="19.2">
      <c r="A33285" s="2"/>
      <c r="B33285" s="2"/>
      <c r="C33285" s="2"/>
    </row>
    <row r="33286" spans="1:3" ht="19.2">
      <c r="A33286" s="2"/>
      <c r="B33286" s="2"/>
      <c r="C33286" s="2"/>
    </row>
    <row r="33287" spans="1:3" ht="19.2">
      <c r="A33287" s="2"/>
      <c r="B33287" s="2"/>
      <c r="C33287" s="2"/>
    </row>
    <row r="33288" spans="1:3" ht="19.2">
      <c r="A33288" s="2"/>
      <c r="B33288" s="2"/>
      <c r="C33288" s="2"/>
    </row>
    <row r="33289" spans="1:3" ht="19.2">
      <c r="A33289" s="2"/>
      <c r="B33289" s="2"/>
      <c r="C33289" s="2"/>
    </row>
    <row r="33290" spans="1:3" ht="19.2">
      <c r="A33290" s="2"/>
      <c r="B33290" s="2"/>
      <c r="C33290" s="2"/>
    </row>
    <row r="33291" spans="1:3" ht="19.2">
      <c r="A33291" s="2"/>
      <c r="B33291" s="2"/>
      <c r="C33291" s="2"/>
    </row>
    <row r="33292" spans="1:3" ht="19.2">
      <c r="A33292" s="2"/>
      <c r="B33292" s="2"/>
      <c r="C33292" s="2"/>
    </row>
    <row r="33293" spans="1:3" ht="19.2">
      <c r="A33293" s="2"/>
      <c r="B33293" s="2"/>
      <c r="C33293" s="2"/>
    </row>
    <row r="33294" spans="1:3" ht="19.2">
      <c r="A33294" s="2"/>
      <c r="B33294" s="2"/>
      <c r="C33294" s="2"/>
    </row>
    <row r="33295" spans="1:3" ht="19.2">
      <c r="A33295" s="2"/>
      <c r="B33295" s="2"/>
      <c r="C33295" s="2"/>
    </row>
    <row r="33296" spans="1:3" ht="19.2">
      <c r="A33296" s="2"/>
      <c r="B33296" s="2"/>
      <c r="C33296" s="2"/>
    </row>
    <row r="33297" spans="1:3" ht="19.2">
      <c r="A33297" s="2"/>
      <c r="B33297" s="2"/>
      <c r="C33297" s="2"/>
    </row>
    <row r="33298" spans="1:3" ht="19.2">
      <c r="A33298" s="2"/>
      <c r="B33298" s="2"/>
      <c r="C33298" s="2"/>
    </row>
    <row r="33299" spans="1:3" ht="19.2">
      <c r="A33299" s="2"/>
      <c r="B33299" s="2"/>
      <c r="C33299" s="2"/>
    </row>
    <row r="33300" spans="1:3" ht="19.2">
      <c r="A33300" s="2"/>
      <c r="B33300" s="2"/>
      <c r="C33300" s="2"/>
    </row>
    <row r="33301" spans="1:3" ht="19.2">
      <c r="A33301" s="2"/>
      <c r="B33301" s="2"/>
      <c r="C33301" s="2"/>
    </row>
    <row r="33302" spans="1:3" ht="19.2">
      <c r="A33302" s="2"/>
      <c r="B33302" s="2"/>
      <c r="C33302" s="2"/>
    </row>
    <row r="33303" spans="1:3" ht="19.2">
      <c r="A33303" s="2"/>
      <c r="B33303" s="2"/>
      <c r="C33303" s="2"/>
    </row>
    <row r="33304" spans="1:3" ht="19.2">
      <c r="A33304" s="2"/>
      <c r="B33304" s="2"/>
      <c r="C33304" s="2"/>
    </row>
    <row r="33305" spans="1:3" ht="19.2">
      <c r="A33305" s="2"/>
      <c r="B33305" s="2"/>
      <c r="C33305" s="2"/>
    </row>
    <row r="33306" spans="1:3" ht="19.2">
      <c r="A33306" s="2"/>
      <c r="B33306" s="2"/>
      <c r="C33306" s="2"/>
    </row>
    <row r="33307" spans="1:3" ht="19.2">
      <c r="A33307" s="2"/>
      <c r="B33307" s="2"/>
      <c r="C33307" s="2"/>
    </row>
    <row r="33308" spans="1:3" ht="19.2">
      <c r="A33308" s="2"/>
      <c r="B33308" s="2"/>
      <c r="C33308" s="2"/>
    </row>
    <row r="33309" spans="1:3" ht="19.2">
      <c r="A33309" s="2"/>
      <c r="B33309" s="2"/>
      <c r="C33309" s="2"/>
    </row>
    <row r="33310" spans="1:3" ht="19.2">
      <c r="A33310" s="2"/>
      <c r="B33310" s="2"/>
      <c r="C33310" s="2"/>
    </row>
    <row r="33311" spans="1:3" ht="19.2">
      <c r="A33311" s="2"/>
      <c r="B33311" s="2"/>
      <c r="C33311" s="2"/>
    </row>
    <row r="33312" spans="1:3" ht="19.2">
      <c r="A33312" s="2"/>
      <c r="B33312" s="2"/>
      <c r="C33312" s="2"/>
    </row>
    <row r="33313" spans="1:3" ht="19.2">
      <c r="A33313" s="2"/>
      <c r="B33313" s="2"/>
      <c r="C33313" s="2"/>
    </row>
    <row r="33314" spans="1:3" ht="19.2">
      <c r="A33314" s="2"/>
      <c r="B33314" s="2"/>
      <c r="C33314" s="2"/>
    </row>
    <row r="33315" spans="1:3" ht="19.2">
      <c r="A33315" s="2"/>
      <c r="B33315" s="2"/>
      <c r="C33315" s="2"/>
    </row>
    <row r="33316" spans="1:3" ht="19.2">
      <c r="A33316" s="2"/>
      <c r="B33316" s="2"/>
      <c r="C33316" s="2"/>
    </row>
    <row r="33317" spans="1:3" ht="19.2">
      <c r="A33317" s="2"/>
      <c r="B33317" s="2"/>
      <c r="C33317" s="2"/>
    </row>
    <row r="33318" spans="1:3" ht="19.2">
      <c r="A33318" s="2"/>
      <c r="B33318" s="2"/>
      <c r="C33318" s="2"/>
    </row>
    <row r="33319" spans="1:3" ht="19.2">
      <c r="A33319" s="2"/>
      <c r="B33319" s="2"/>
      <c r="C33319" s="2"/>
    </row>
    <row r="33320" spans="1:3" ht="19.2">
      <c r="A33320" s="2"/>
      <c r="B33320" s="2"/>
      <c r="C33320" s="2"/>
    </row>
    <row r="33321" spans="1:3" ht="19.2">
      <c r="A33321" s="2"/>
      <c r="B33321" s="2"/>
      <c r="C33321" s="2"/>
    </row>
    <row r="33322" spans="1:3" ht="19.2">
      <c r="A33322" s="2"/>
      <c r="B33322" s="2"/>
      <c r="C33322" s="2"/>
    </row>
    <row r="33323" spans="1:3" ht="19.2">
      <c r="A33323" s="2"/>
      <c r="B33323" s="2"/>
      <c r="C33323" s="2"/>
    </row>
    <row r="33324" spans="1:3" ht="19.2">
      <c r="A33324" s="2"/>
      <c r="B33324" s="2"/>
      <c r="C33324" s="2"/>
    </row>
    <row r="33325" spans="1:3" ht="19.2">
      <c r="A33325" s="2"/>
      <c r="B33325" s="2"/>
      <c r="C33325" s="2"/>
    </row>
    <row r="33326" spans="1:3" ht="19.2">
      <c r="A33326" s="2"/>
      <c r="B33326" s="2"/>
      <c r="C33326" s="2"/>
    </row>
    <row r="33327" spans="1:3" ht="19.2">
      <c r="A33327" s="2"/>
      <c r="B33327" s="2"/>
      <c r="C33327" s="2"/>
    </row>
    <row r="33328" spans="1:3" ht="19.2">
      <c r="A33328" s="2"/>
      <c r="B33328" s="2"/>
      <c r="C33328" s="2"/>
    </row>
    <row r="33329" spans="1:3" ht="19.2">
      <c r="A33329" s="2"/>
      <c r="B33329" s="2"/>
      <c r="C33329" s="2"/>
    </row>
    <row r="33330" spans="1:3" ht="19.2">
      <c r="A33330" s="2"/>
      <c r="B33330" s="2"/>
      <c r="C33330" s="2"/>
    </row>
    <row r="33331" spans="1:3" ht="19.2">
      <c r="A33331" s="2"/>
      <c r="B33331" s="2"/>
      <c r="C33331" s="2"/>
    </row>
    <row r="33332" spans="1:3" ht="19.2">
      <c r="A33332" s="2"/>
      <c r="B33332" s="2"/>
      <c r="C33332" s="2"/>
    </row>
    <row r="33333" spans="1:3" ht="19.2">
      <c r="A33333" s="2"/>
      <c r="B33333" s="2"/>
      <c r="C33333" s="2"/>
    </row>
    <row r="33334" spans="1:3" ht="19.2">
      <c r="A33334" s="2"/>
      <c r="B33334" s="2"/>
      <c r="C33334" s="2"/>
    </row>
    <row r="33335" spans="1:3" ht="19.2">
      <c r="A33335" s="2"/>
      <c r="B33335" s="2"/>
      <c r="C33335" s="2"/>
    </row>
    <row r="33336" spans="1:3" ht="19.2">
      <c r="A33336" s="2"/>
      <c r="B33336" s="2"/>
      <c r="C33336" s="2"/>
    </row>
    <row r="33337" spans="1:3" ht="19.2">
      <c r="A33337" s="2"/>
      <c r="B33337" s="2"/>
      <c r="C33337" s="2"/>
    </row>
    <row r="33338" spans="1:3" ht="19.2">
      <c r="A33338" s="2"/>
      <c r="B33338" s="2"/>
      <c r="C33338" s="2"/>
    </row>
    <row r="33339" spans="1:3" ht="19.2">
      <c r="A33339" s="2"/>
      <c r="B33339" s="2"/>
      <c r="C33339" s="2"/>
    </row>
    <row r="33340" spans="1:3" ht="19.2">
      <c r="A33340" s="2"/>
      <c r="B33340" s="2"/>
      <c r="C33340" s="2"/>
    </row>
    <row r="33341" spans="1:3" ht="19.2">
      <c r="A33341" s="2"/>
      <c r="B33341" s="2"/>
      <c r="C33341" s="2"/>
    </row>
    <row r="33342" spans="1:3" ht="19.2">
      <c r="A33342" s="2"/>
      <c r="B33342" s="2"/>
      <c r="C33342" s="2"/>
    </row>
    <row r="33343" spans="1:3" ht="19.2">
      <c r="A33343" s="2"/>
      <c r="B33343" s="2"/>
      <c r="C33343" s="2"/>
    </row>
    <row r="33344" spans="1:3" ht="19.2">
      <c r="A33344" s="2"/>
      <c r="B33344" s="2"/>
      <c r="C33344" s="2"/>
    </row>
    <row r="33345" spans="1:3" ht="19.2">
      <c r="A33345" s="2"/>
      <c r="B33345" s="2"/>
      <c r="C33345" s="2"/>
    </row>
    <row r="33346" spans="1:3" ht="19.2">
      <c r="A33346" s="2"/>
      <c r="B33346" s="2"/>
      <c r="C33346" s="2"/>
    </row>
    <row r="33347" spans="1:3" ht="19.2">
      <c r="A33347" s="2"/>
      <c r="B33347" s="2"/>
      <c r="C33347" s="2"/>
    </row>
    <row r="33348" spans="1:3" ht="19.2">
      <c r="A33348" s="2"/>
      <c r="B33348" s="2"/>
      <c r="C33348" s="2"/>
    </row>
    <row r="33349" spans="1:3" ht="19.2">
      <c r="A33349" s="2"/>
      <c r="B33349" s="2"/>
      <c r="C33349" s="2"/>
    </row>
    <row r="33350" spans="1:3" ht="19.2">
      <c r="A33350" s="2"/>
      <c r="B33350" s="2"/>
      <c r="C33350" s="2"/>
    </row>
    <row r="33351" spans="1:3" ht="19.2">
      <c r="A33351" s="2"/>
      <c r="B33351" s="2"/>
      <c r="C33351" s="2"/>
    </row>
    <row r="33352" spans="1:3" ht="19.2">
      <c r="A33352" s="2"/>
      <c r="B33352" s="2"/>
      <c r="C33352" s="2"/>
    </row>
    <row r="33353" spans="1:3" ht="19.2">
      <c r="A33353" s="2"/>
      <c r="B33353" s="2"/>
      <c r="C33353" s="2"/>
    </row>
    <row r="33354" spans="1:3" ht="19.2">
      <c r="A33354" s="2"/>
      <c r="B33354" s="2"/>
      <c r="C33354" s="2"/>
    </row>
    <row r="33355" spans="1:3" ht="19.2">
      <c r="A33355" s="2"/>
      <c r="B33355" s="2"/>
      <c r="C33355" s="2"/>
    </row>
    <row r="33356" spans="1:3" ht="19.2">
      <c r="A33356" s="2"/>
      <c r="B33356" s="2"/>
      <c r="C33356" s="2"/>
    </row>
    <row r="33357" spans="1:3" ht="19.2">
      <c r="A33357" s="2"/>
      <c r="B33357" s="2"/>
      <c r="C33357" s="2"/>
    </row>
    <row r="33358" spans="1:3" ht="19.2">
      <c r="A33358" s="2"/>
      <c r="B33358" s="2"/>
      <c r="C33358" s="2"/>
    </row>
    <row r="33359" spans="1:3" ht="19.2">
      <c r="A33359" s="2"/>
      <c r="B33359" s="2"/>
      <c r="C33359" s="2"/>
    </row>
    <row r="33360" spans="1:3" ht="19.2">
      <c r="A33360" s="2"/>
      <c r="B33360" s="2"/>
      <c r="C33360" s="2"/>
    </row>
    <row r="33361" spans="1:3" ht="19.2">
      <c r="A33361" s="2"/>
      <c r="B33361" s="2"/>
      <c r="C33361" s="2"/>
    </row>
    <row r="33362" spans="1:3" ht="19.2">
      <c r="A33362" s="2"/>
      <c r="B33362" s="2"/>
      <c r="C33362" s="2"/>
    </row>
    <row r="33363" spans="1:3" ht="19.2">
      <c r="A33363" s="2"/>
      <c r="B33363" s="2"/>
      <c r="C33363" s="2"/>
    </row>
    <row r="33364" spans="1:3" ht="19.2">
      <c r="A33364" s="2"/>
      <c r="B33364" s="2"/>
      <c r="C33364" s="2"/>
    </row>
    <row r="33365" spans="1:3" ht="19.2">
      <c r="A33365" s="2"/>
      <c r="B33365" s="2"/>
      <c r="C33365" s="2"/>
    </row>
    <row r="33366" spans="1:3" ht="19.2">
      <c r="A33366" s="2"/>
      <c r="B33366" s="2"/>
      <c r="C33366" s="2"/>
    </row>
    <row r="33367" spans="1:3" ht="19.2">
      <c r="A33367" s="2"/>
      <c r="B33367" s="2"/>
      <c r="C33367" s="2"/>
    </row>
    <row r="33368" spans="1:3" ht="19.2">
      <c r="A33368" s="2"/>
      <c r="B33368" s="2"/>
      <c r="C33368" s="2"/>
    </row>
    <row r="33369" spans="1:3" ht="19.2">
      <c r="A33369" s="2"/>
      <c r="B33369" s="2"/>
      <c r="C33369" s="2"/>
    </row>
    <row r="33370" spans="1:3" ht="19.2">
      <c r="A33370" s="2"/>
      <c r="B33370" s="2"/>
      <c r="C33370" s="2"/>
    </row>
    <row r="33371" spans="1:3" ht="19.2">
      <c r="A33371" s="2"/>
      <c r="B33371" s="2"/>
      <c r="C33371" s="2"/>
    </row>
    <row r="33372" spans="1:3" ht="19.2">
      <c r="A33372" s="2"/>
      <c r="B33372" s="2"/>
      <c r="C33372" s="2"/>
    </row>
    <row r="33373" spans="1:3" ht="19.2">
      <c r="A33373" s="2"/>
      <c r="B33373" s="2"/>
      <c r="C33373" s="2"/>
    </row>
    <row r="33374" spans="1:3" ht="19.2">
      <c r="A33374" s="2"/>
      <c r="B33374" s="2"/>
      <c r="C33374" s="2"/>
    </row>
    <row r="33375" spans="1:3" ht="19.2">
      <c r="A33375" s="2"/>
      <c r="B33375" s="2"/>
      <c r="C33375" s="2"/>
    </row>
    <row r="33376" spans="1:3" ht="19.2">
      <c r="A33376" s="2"/>
      <c r="B33376" s="2"/>
      <c r="C33376" s="2"/>
    </row>
    <row r="33377" spans="1:3" ht="19.2">
      <c r="A33377" s="2"/>
      <c r="B33377" s="2"/>
      <c r="C33377" s="2"/>
    </row>
    <row r="33378" spans="1:3" ht="19.2">
      <c r="A33378" s="2"/>
      <c r="B33378" s="2"/>
      <c r="C33378" s="2"/>
    </row>
    <row r="33379" spans="1:3" ht="19.2">
      <c r="A33379" s="2"/>
      <c r="B33379" s="2"/>
      <c r="C33379" s="2"/>
    </row>
    <row r="33380" spans="1:3" ht="19.2">
      <c r="A33380" s="2"/>
      <c r="B33380" s="2"/>
      <c r="C33380" s="2"/>
    </row>
    <row r="33381" spans="1:3" ht="19.2">
      <c r="A33381" s="2"/>
      <c r="B33381" s="2"/>
      <c r="C33381" s="2"/>
    </row>
    <row r="33382" spans="1:3" ht="19.2">
      <c r="A33382" s="2"/>
      <c r="B33382" s="2"/>
      <c r="C33382" s="2"/>
    </row>
    <row r="33383" spans="1:3" ht="19.2">
      <c r="A33383" s="2"/>
      <c r="B33383" s="2"/>
      <c r="C33383" s="2"/>
    </row>
    <row r="33384" spans="1:3" ht="19.2">
      <c r="A33384" s="2"/>
      <c r="B33384" s="2"/>
      <c r="C33384" s="2"/>
    </row>
    <row r="33385" spans="1:3" ht="19.2">
      <c r="A33385" s="2"/>
      <c r="B33385" s="2"/>
      <c r="C33385" s="2"/>
    </row>
    <row r="33386" spans="1:3" ht="19.2">
      <c r="A33386" s="2"/>
      <c r="B33386" s="2"/>
      <c r="C33386" s="2"/>
    </row>
    <row r="33387" spans="1:3" ht="19.2">
      <c r="A33387" s="2"/>
      <c r="B33387" s="2"/>
      <c r="C33387" s="2"/>
    </row>
    <row r="33388" spans="1:3" ht="19.2">
      <c r="A33388" s="2"/>
      <c r="B33388" s="2"/>
      <c r="C33388" s="2"/>
    </row>
    <row r="33389" spans="1:3" ht="19.2">
      <c r="A33389" s="2"/>
      <c r="B33389" s="2"/>
      <c r="C33389" s="2"/>
    </row>
    <row r="33390" spans="1:3" ht="19.2">
      <c r="A33390" s="2"/>
      <c r="B33390" s="2"/>
      <c r="C33390" s="2"/>
    </row>
    <row r="33391" spans="1:3" ht="19.2">
      <c r="A33391" s="2"/>
      <c r="B33391" s="2"/>
      <c r="C33391" s="2"/>
    </row>
    <row r="33392" spans="1:3" ht="19.2">
      <c r="A33392" s="2"/>
      <c r="B33392" s="2"/>
      <c r="C33392" s="2"/>
    </row>
    <row r="33393" spans="1:3" ht="19.2">
      <c r="A33393" s="2"/>
      <c r="B33393" s="2"/>
      <c r="C33393" s="2"/>
    </row>
    <row r="33394" spans="1:3" ht="19.2">
      <c r="A33394" s="2"/>
      <c r="B33394" s="2"/>
      <c r="C33394" s="2"/>
    </row>
    <row r="33395" spans="1:3" ht="19.2">
      <c r="A33395" s="2"/>
      <c r="B33395" s="2"/>
      <c r="C33395" s="2"/>
    </row>
    <row r="33396" spans="1:3" ht="19.2">
      <c r="A33396" s="2"/>
      <c r="B33396" s="2"/>
      <c r="C33396" s="2"/>
    </row>
    <row r="33397" spans="1:3" ht="19.2">
      <c r="A33397" s="2"/>
      <c r="B33397" s="2"/>
      <c r="C33397" s="2"/>
    </row>
    <row r="33398" spans="1:3" ht="19.2">
      <c r="A33398" s="2"/>
      <c r="B33398" s="2"/>
      <c r="C33398" s="2"/>
    </row>
    <row r="33399" spans="1:3" ht="19.2">
      <c r="A33399" s="2"/>
      <c r="B33399" s="2"/>
      <c r="C33399" s="2"/>
    </row>
    <row r="33400" spans="1:3" ht="19.2">
      <c r="A33400" s="2"/>
      <c r="B33400" s="2"/>
      <c r="C33400" s="2"/>
    </row>
    <row r="33401" spans="1:3" ht="19.2">
      <c r="A33401" s="2"/>
      <c r="B33401" s="2"/>
      <c r="C33401" s="2"/>
    </row>
    <row r="33402" spans="1:3" ht="19.2">
      <c r="A33402" s="2"/>
      <c r="B33402" s="2"/>
      <c r="C33402" s="2"/>
    </row>
    <row r="33403" spans="1:3" ht="19.2">
      <c r="A33403" s="2"/>
      <c r="B33403" s="2"/>
      <c r="C33403" s="2"/>
    </row>
    <row r="33404" spans="1:3" ht="19.2">
      <c r="A33404" s="2"/>
      <c r="B33404" s="2"/>
      <c r="C33404" s="2"/>
    </row>
    <row r="33405" spans="1:3" ht="19.2">
      <c r="A33405" s="2"/>
      <c r="B33405" s="2"/>
      <c r="C33405" s="2"/>
    </row>
    <row r="33406" spans="1:3" ht="19.2">
      <c r="A33406" s="2"/>
      <c r="B33406" s="2"/>
      <c r="C33406" s="2"/>
    </row>
    <row r="33407" spans="1:3" ht="19.2">
      <c r="A33407" s="2"/>
      <c r="B33407" s="2"/>
      <c r="C33407" s="2"/>
    </row>
    <row r="33408" spans="1:3" ht="19.2">
      <c r="A33408" s="2"/>
      <c r="B33408" s="2"/>
      <c r="C33408" s="2"/>
    </row>
    <row r="33409" spans="1:3" ht="19.2">
      <c r="A33409" s="2"/>
      <c r="B33409" s="2"/>
      <c r="C33409" s="2"/>
    </row>
    <row r="33410" spans="1:3" ht="19.2">
      <c r="A33410" s="2"/>
      <c r="B33410" s="2"/>
      <c r="C33410" s="2"/>
    </row>
    <row r="33411" spans="1:3" ht="19.2">
      <c r="A33411" s="2"/>
      <c r="B33411" s="2"/>
      <c r="C33411" s="2"/>
    </row>
    <row r="33412" spans="1:3" ht="19.2">
      <c r="A33412" s="2"/>
      <c r="B33412" s="2"/>
      <c r="C33412" s="2"/>
    </row>
    <row r="33413" spans="1:3" ht="19.2">
      <c r="A33413" s="2"/>
      <c r="B33413" s="2"/>
      <c r="C33413" s="2"/>
    </row>
    <row r="33414" spans="1:3" ht="19.2">
      <c r="A33414" s="2"/>
      <c r="B33414" s="2"/>
      <c r="C33414" s="2"/>
    </row>
    <row r="33415" spans="1:3" ht="19.2">
      <c r="A33415" s="2"/>
      <c r="B33415" s="2"/>
      <c r="C33415" s="2"/>
    </row>
    <row r="33416" spans="1:3" ht="19.2">
      <c r="A33416" s="2"/>
      <c r="B33416" s="2"/>
      <c r="C33416" s="2"/>
    </row>
    <row r="33417" spans="1:3" ht="19.2">
      <c r="A33417" s="2"/>
      <c r="B33417" s="2"/>
      <c r="C33417" s="2"/>
    </row>
    <row r="33418" spans="1:3" ht="19.2">
      <c r="A33418" s="2"/>
      <c r="B33418" s="2"/>
      <c r="C33418" s="2"/>
    </row>
    <row r="33419" spans="1:3" ht="19.2">
      <c r="A33419" s="2"/>
      <c r="B33419" s="2"/>
      <c r="C33419" s="2"/>
    </row>
    <row r="33420" spans="1:3" ht="19.2">
      <c r="A33420" s="2"/>
      <c r="B33420" s="2"/>
      <c r="C33420" s="2"/>
    </row>
    <row r="33421" spans="1:3" ht="19.2">
      <c r="A33421" s="2"/>
      <c r="B33421" s="2"/>
      <c r="C33421" s="2"/>
    </row>
    <row r="33422" spans="1:3" ht="19.2">
      <c r="A33422" s="2"/>
      <c r="B33422" s="2"/>
      <c r="C33422" s="2"/>
    </row>
    <row r="33423" spans="1:3" ht="19.2">
      <c r="A33423" s="2"/>
      <c r="B33423" s="2"/>
      <c r="C33423" s="2"/>
    </row>
    <row r="33424" spans="1:3" ht="19.2">
      <c r="A33424" s="2"/>
      <c r="B33424" s="2"/>
      <c r="C33424" s="2"/>
    </row>
    <row r="33425" spans="1:3" ht="19.2">
      <c r="A33425" s="2"/>
      <c r="B33425" s="2"/>
      <c r="C33425" s="2"/>
    </row>
    <row r="33426" spans="1:3" ht="19.2">
      <c r="A33426" s="2"/>
      <c r="B33426" s="2"/>
      <c r="C33426" s="2"/>
    </row>
    <row r="33427" spans="1:3" ht="19.2">
      <c r="A33427" s="2"/>
      <c r="B33427" s="2"/>
      <c r="C33427" s="2"/>
    </row>
    <row r="33428" spans="1:3" ht="19.2">
      <c r="A33428" s="2"/>
      <c r="B33428" s="2"/>
      <c r="C33428" s="2"/>
    </row>
    <row r="33429" spans="1:3" ht="19.2">
      <c r="A33429" s="2"/>
      <c r="B33429" s="2"/>
      <c r="C33429" s="2"/>
    </row>
    <row r="33430" spans="1:3" ht="19.2">
      <c r="A33430" s="2"/>
      <c r="B33430" s="2"/>
      <c r="C33430" s="2"/>
    </row>
    <row r="33431" spans="1:3" ht="19.2">
      <c r="A33431" s="2"/>
      <c r="B33431" s="2"/>
      <c r="C33431" s="2"/>
    </row>
    <row r="33432" spans="1:3" ht="19.2">
      <c r="A33432" s="2"/>
      <c r="B33432" s="2"/>
      <c r="C33432" s="2"/>
    </row>
    <row r="33433" spans="1:3" ht="19.2">
      <c r="A33433" s="2"/>
      <c r="B33433" s="2"/>
      <c r="C33433" s="2"/>
    </row>
    <row r="33434" spans="1:3" ht="19.2">
      <c r="A33434" s="2"/>
      <c r="B33434" s="2"/>
      <c r="C33434" s="2"/>
    </row>
    <row r="33435" spans="1:3" ht="19.2">
      <c r="A33435" s="2"/>
      <c r="B33435" s="2"/>
      <c r="C33435" s="2"/>
    </row>
    <row r="33436" spans="1:3" ht="19.2">
      <c r="A33436" s="2"/>
      <c r="B33436" s="2"/>
      <c r="C33436" s="2"/>
    </row>
    <row r="33437" spans="1:3" ht="19.2">
      <c r="A33437" s="2"/>
      <c r="B33437" s="2"/>
      <c r="C33437" s="2"/>
    </row>
    <row r="33438" spans="1:3" ht="19.2">
      <c r="A33438" s="2"/>
      <c r="B33438" s="2"/>
      <c r="C33438" s="2"/>
    </row>
    <row r="33439" spans="1:3" ht="19.2">
      <c r="A33439" s="2"/>
      <c r="B33439" s="2"/>
      <c r="C33439" s="2"/>
    </row>
    <row r="33440" spans="1:3" ht="19.2">
      <c r="A33440" s="2"/>
      <c r="B33440" s="2"/>
      <c r="C33440" s="2"/>
    </row>
    <row r="33441" spans="1:3" ht="19.2">
      <c r="A33441" s="2"/>
      <c r="B33441" s="2"/>
      <c r="C33441" s="2"/>
    </row>
    <row r="33442" spans="1:3" ht="19.2">
      <c r="A33442" s="2"/>
      <c r="B33442" s="2"/>
      <c r="C33442" s="2"/>
    </row>
    <row r="33443" spans="1:3" ht="19.2">
      <c r="A33443" s="2"/>
      <c r="B33443" s="2"/>
      <c r="C33443" s="2"/>
    </row>
    <row r="33444" spans="1:3" ht="19.2">
      <c r="A33444" s="2"/>
      <c r="B33444" s="2"/>
      <c r="C33444" s="2"/>
    </row>
    <row r="33445" spans="1:3" ht="19.2">
      <c r="A33445" s="2"/>
      <c r="B33445" s="2"/>
      <c r="C33445" s="2"/>
    </row>
    <row r="33446" spans="1:3" ht="19.2">
      <c r="A33446" s="2"/>
      <c r="B33446" s="2"/>
      <c r="C33446" s="2"/>
    </row>
    <row r="33447" spans="1:3" ht="19.2">
      <c r="A33447" s="2"/>
      <c r="B33447" s="2"/>
      <c r="C33447" s="2"/>
    </row>
    <row r="33448" spans="1:3" ht="19.2">
      <c r="A33448" s="2"/>
      <c r="B33448" s="2"/>
      <c r="C33448" s="2"/>
    </row>
    <row r="33449" spans="1:3" ht="19.2">
      <c r="A33449" s="2"/>
      <c r="B33449" s="2"/>
      <c r="C33449" s="2"/>
    </row>
    <row r="33450" spans="1:3" ht="19.2">
      <c r="A33450" s="2"/>
      <c r="B33450" s="2"/>
      <c r="C33450" s="2"/>
    </row>
    <row r="33451" spans="1:3" ht="19.2">
      <c r="A33451" s="2"/>
      <c r="B33451" s="2"/>
      <c r="C33451" s="2"/>
    </row>
    <row r="33452" spans="1:3" ht="19.2">
      <c r="A33452" s="2"/>
      <c r="B33452" s="2"/>
      <c r="C33452" s="2"/>
    </row>
    <row r="33453" spans="1:3" ht="19.2">
      <c r="A33453" s="2"/>
      <c r="B33453" s="2"/>
      <c r="C33453" s="2"/>
    </row>
    <row r="33454" spans="1:3" ht="19.2">
      <c r="A33454" s="2"/>
      <c r="B33454" s="2"/>
      <c r="C33454" s="2"/>
    </row>
    <row r="33455" spans="1:3" ht="19.2">
      <c r="A33455" s="2"/>
      <c r="B33455" s="2"/>
      <c r="C33455" s="2"/>
    </row>
    <row r="33456" spans="1:3" ht="19.2">
      <c r="A33456" s="2"/>
      <c r="B33456" s="2"/>
      <c r="C33456" s="2"/>
    </row>
    <row r="33457" spans="1:3" ht="19.2">
      <c r="A33457" s="2"/>
      <c r="B33457" s="2"/>
      <c r="C33457" s="2"/>
    </row>
    <row r="33458" spans="1:3" ht="19.2">
      <c r="A33458" s="2"/>
      <c r="B33458" s="2"/>
      <c r="C33458" s="2"/>
    </row>
    <row r="33459" spans="1:3" ht="19.2">
      <c r="A33459" s="2"/>
      <c r="B33459" s="2"/>
      <c r="C33459" s="2"/>
    </row>
    <row r="33460" spans="1:3" ht="19.2">
      <c r="A33460" s="2"/>
      <c r="B33460" s="2"/>
      <c r="C33460" s="2"/>
    </row>
    <row r="33461" spans="1:3" ht="19.2">
      <c r="A33461" s="2"/>
      <c r="B33461" s="2"/>
      <c r="C33461" s="2"/>
    </row>
    <row r="33462" spans="1:3" ht="19.2">
      <c r="A33462" s="2"/>
      <c r="B33462" s="2"/>
      <c r="C33462" s="2"/>
    </row>
    <row r="33463" spans="1:3" ht="19.2">
      <c r="A33463" s="2"/>
      <c r="B33463" s="2"/>
      <c r="C33463" s="2"/>
    </row>
    <row r="33464" spans="1:3" ht="19.2">
      <c r="A33464" s="2"/>
      <c r="B33464" s="2"/>
      <c r="C33464" s="2"/>
    </row>
    <row r="33465" spans="1:3" ht="19.2">
      <c r="A33465" s="2"/>
      <c r="B33465" s="2"/>
      <c r="C33465" s="2"/>
    </row>
    <row r="33466" spans="1:3" ht="19.2">
      <c r="A33466" s="2"/>
      <c r="B33466" s="2"/>
      <c r="C33466" s="2"/>
    </row>
    <row r="33467" spans="1:3" ht="19.2">
      <c r="A33467" s="2"/>
      <c r="B33467" s="2"/>
      <c r="C33467" s="2"/>
    </row>
    <row r="33468" spans="1:3" ht="19.2">
      <c r="A33468" s="2"/>
      <c r="B33468" s="2"/>
      <c r="C33468" s="2"/>
    </row>
    <row r="33469" spans="1:3" ht="19.2">
      <c r="A33469" s="2"/>
      <c r="B33469" s="2"/>
      <c r="C33469" s="2"/>
    </row>
    <row r="33470" spans="1:3" ht="19.2">
      <c r="A33470" s="2"/>
      <c r="B33470" s="2"/>
      <c r="C33470" s="2"/>
    </row>
    <row r="33471" spans="1:3" ht="19.2">
      <c r="A33471" s="2"/>
      <c r="B33471" s="2"/>
      <c r="C33471" s="2"/>
    </row>
    <row r="33472" spans="1:3" ht="19.2">
      <c r="A33472" s="2"/>
      <c r="B33472" s="2"/>
      <c r="C33472" s="2"/>
    </row>
    <row r="33473" spans="1:3" ht="19.2">
      <c r="A33473" s="2"/>
      <c r="B33473" s="2"/>
      <c r="C33473" s="2"/>
    </row>
    <row r="33474" spans="1:3" ht="19.2">
      <c r="A33474" s="2"/>
      <c r="B33474" s="2"/>
      <c r="C33474" s="2"/>
    </row>
    <row r="33475" spans="1:3" ht="19.2">
      <c r="A33475" s="2"/>
      <c r="B33475" s="2"/>
      <c r="C33475" s="2"/>
    </row>
    <row r="33476" spans="1:3" ht="19.2">
      <c r="A33476" s="2"/>
      <c r="B33476" s="2"/>
      <c r="C33476" s="2"/>
    </row>
    <row r="33477" spans="1:3" ht="19.2">
      <c r="A33477" s="2"/>
      <c r="B33477" s="2"/>
      <c r="C33477" s="2"/>
    </row>
    <row r="33478" spans="1:3" ht="19.2">
      <c r="A33478" s="2"/>
      <c r="B33478" s="2"/>
      <c r="C33478" s="2"/>
    </row>
    <row r="33479" spans="1:3" ht="19.2">
      <c r="A33479" s="2"/>
      <c r="B33479" s="2"/>
      <c r="C33479" s="2"/>
    </row>
    <row r="33480" spans="1:3" ht="19.2">
      <c r="A33480" s="2"/>
      <c r="B33480" s="2"/>
      <c r="C33480" s="2"/>
    </row>
    <row r="33481" spans="1:3" ht="19.2">
      <c r="A33481" s="2"/>
      <c r="B33481" s="2"/>
      <c r="C33481" s="2"/>
    </row>
    <row r="33482" spans="1:3" ht="19.2">
      <c r="A33482" s="2"/>
      <c r="B33482" s="2"/>
      <c r="C33482" s="2"/>
    </row>
    <row r="33483" spans="1:3" ht="19.2">
      <c r="A33483" s="2"/>
      <c r="B33483" s="2"/>
      <c r="C33483" s="2"/>
    </row>
    <row r="33484" spans="1:3" ht="19.2">
      <c r="A33484" s="2"/>
      <c r="B33484" s="2"/>
      <c r="C33484" s="2"/>
    </row>
    <row r="33485" spans="1:3" ht="19.2">
      <c r="A33485" s="2"/>
      <c r="B33485" s="2"/>
      <c r="C33485" s="2"/>
    </row>
    <row r="33486" spans="1:3" ht="19.2">
      <c r="A33486" s="2"/>
      <c r="B33486" s="2"/>
      <c r="C33486" s="2"/>
    </row>
    <row r="33487" spans="1:3" ht="19.2">
      <c r="A33487" s="2"/>
      <c r="B33487" s="2"/>
      <c r="C33487" s="2"/>
    </row>
    <row r="33488" spans="1:3" ht="19.2">
      <c r="A33488" s="2"/>
      <c r="B33488" s="2"/>
      <c r="C33488" s="2"/>
    </row>
    <row r="33489" spans="1:3" ht="19.2">
      <c r="A33489" s="2"/>
      <c r="B33489" s="2"/>
      <c r="C33489" s="2"/>
    </row>
    <row r="33490" spans="1:3" ht="19.2">
      <c r="A33490" s="2"/>
      <c r="B33490" s="2"/>
      <c r="C33490" s="2"/>
    </row>
    <row r="33491" spans="1:3" ht="19.2">
      <c r="A33491" s="2"/>
      <c r="B33491" s="2"/>
      <c r="C33491" s="2"/>
    </row>
    <row r="33492" spans="1:3" ht="19.2">
      <c r="A33492" s="2"/>
      <c r="B33492" s="2"/>
      <c r="C33492" s="2"/>
    </row>
    <row r="33493" spans="1:3" ht="19.2">
      <c r="A33493" s="2"/>
      <c r="B33493" s="2"/>
      <c r="C33493" s="2"/>
    </row>
    <row r="33494" spans="1:3" ht="19.2">
      <c r="A33494" s="2"/>
      <c r="B33494" s="2"/>
      <c r="C33494" s="2"/>
    </row>
    <row r="33495" spans="1:3" ht="19.2">
      <c r="A33495" s="2"/>
      <c r="B33495" s="2"/>
      <c r="C33495" s="2"/>
    </row>
    <row r="33496" spans="1:3" ht="19.2">
      <c r="A33496" s="2"/>
      <c r="B33496" s="2"/>
      <c r="C33496" s="2"/>
    </row>
    <row r="33497" spans="1:3" ht="19.2">
      <c r="A33497" s="2"/>
      <c r="B33497" s="2"/>
      <c r="C33497" s="2"/>
    </row>
    <row r="33498" spans="1:3" ht="19.2">
      <c r="A33498" s="2"/>
      <c r="B33498" s="2"/>
      <c r="C33498" s="2"/>
    </row>
    <row r="33499" spans="1:3" ht="19.2">
      <c r="A33499" s="2"/>
      <c r="B33499" s="2"/>
      <c r="C33499" s="2"/>
    </row>
    <row r="33500" spans="1:3" ht="19.2">
      <c r="A33500" s="2"/>
      <c r="B33500" s="2"/>
      <c r="C33500" s="2"/>
    </row>
    <row r="33501" spans="1:3" ht="19.2">
      <c r="A33501" s="2"/>
      <c r="B33501" s="2"/>
      <c r="C33501" s="2"/>
    </row>
    <row r="33502" spans="1:3" ht="19.2">
      <c r="A33502" s="2"/>
      <c r="B33502" s="2"/>
      <c r="C33502" s="2"/>
    </row>
    <row r="33503" spans="1:3" ht="19.2">
      <c r="A33503" s="2"/>
      <c r="B33503" s="2"/>
      <c r="C33503" s="2"/>
    </row>
    <row r="33504" spans="1:3" ht="19.2">
      <c r="A33504" s="2"/>
      <c r="B33504" s="2"/>
      <c r="C33504" s="2"/>
    </row>
    <row r="33505" spans="1:3" ht="19.2">
      <c r="A33505" s="2"/>
      <c r="B33505" s="2"/>
      <c r="C33505" s="2"/>
    </row>
    <row r="33506" spans="1:3" ht="19.2">
      <c r="A33506" s="2"/>
      <c r="B33506" s="2"/>
      <c r="C33506" s="2"/>
    </row>
    <row r="33507" spans="1:3" ht="19.2">
      <c r="A33507" s="2"/>
      <c r="B33507" s="2"/>
      <c r="C33507" s="2"/>
    </row>
    <row r="33508" spans="1:3" ht="19.2">
      <c r="A33508" s="2"/>
      <c r="B33508" s="2"/>
      <c r="C33508" s="2"/>
    </row>
    <row r="33509" spans="1:3" ht="19.2">
      <c r="A33509" s="2"/>
      <c r="B33509" s="2"/>
      <c r="C33509" s="2"/>
    </row>
    <row r="33510" spans="1:3" ht="19.2">
      <c r="A33510" s="2"/>
      <c r="B33510" s="2"/>
      <c r="C33510" s="2"/>
    </row>
    <row r="33511" spans="1:3" ht="19.2">
      <c r="A33511" s="2"/>
      <c r="B33511" s="2"/>
      <c r="C33511" s="2"/>
    </row>
    <row r="33512" spans="1:3" ht="19.2">
      <c r="A33512" s="2"/>
      <c r="B33512" s="2"/>
      <c r="C33512" s="2"/>
    </row>
    <row r="33513" spans="1:3" ht="19.2">
      <c r="A33513" s="2"/>
      <c r="B33513" s="2"/>
      <c r="C33513" s="2"/>
    </row>
    <row r="33514" spans="1:3" ht="19.2">
      <c r="A33514" s="2"/>
      <c r="B33514" s="2"/>
      <c r="C33514" s="2"/>
    </row>
    <row r="33515" spans="1:3" ht="19.2">
      <c r="A33515" s="2"/>
      <c r="B33515" s="2"/>
      <c r="C33515" s="2"/>
    </row>
    <row r="33516" spans="1:3" ht="19.2">
      <c r="A33516" s="2"/>
      <c r="B33516" s="2"/>
      <c r="C33516" s="2"/>
    </row>
    <row r="33517" spans="1:3" ht="19.2">
      <c r="A33517" s="2"/>
      <c r="B33517" s="2"/>
      <c r="C33517" s="2"/>
    </row>
    <row r="33518" spans="1:3" ht="19.2">
      <c r="A33518" s="2"/>
      <c r="B33518" s="2"/>
      <c r="C33518" s="2"/>
    </row>
    <row r="33519" spans="1:3" ht="19.2">
      <c r="A33519" s="2"/>
      <c r="B33519" s="2"/>
      <c r="C33519" s="2"/>
    </row>
    <row r="33520" spans="1:3" ht="19.2">
      <c r="A33520" s="2"/>
      <c r="B33520" s="2"/>
      <c r="C33520" s="2"/>
    </row>
    <row r="33521" spans="1:3" ht="19.2">
      <c r="A33521" s="2"/>
      <c r="B33521" s="2"/>
      <c r="C33521" s="2"/>
    </row>
    <row r="33522" spans="1:3" ht="19.2">
      <c r="A33522" s="2"/>
      <c r="B33522" s="2"/>
      <c r="C33522" s="2"/>
    </row>
    <row r="33523" spans="1:3" ht="19.2">
      <c r="A33523" s="2"/>
      <c r="B33523" s="2"/>
      <c r="C33523" s="2"/>
    </row>
    <row r="33524" spans="1:3" ht="19.2">
      <c r="A33524" s="2"/>
      <c r="B33524" s="2"/>
      <c r="C33524" s="2"/>
    </row>
    <row r="33525" spans="1:3" ht="19.2">
      <c r="A33525" s="2"/>
      <c r="B33525" s="2"/>
      <c r="C33525" s="2"/>
    </row>
    <row r="33526" spans="1:3" ht="19.2">
      <c r="A33526" s="2"/>
      <c r="B33526" s="2"/>
      <c r="C33526" s="2"/>
    </row>
    <row r="33527" spans="1:3" ht="19.2">
      <c r="A33527" s="2"/>
      <c r="B33527" s="2"/>
      <c r="C33527" s="2"/>
    </row>
    <row r="33528" spans="1:3" ht="19.2">
      <c r="A33528" s="2"/>
      <c r="B33528" s="2"/>
      <c r="C33528" s="2"/>
    </row>
    <row r="33529" spans="1:3" ht="19.2">
      <c r="A33529" s="2"/>
      <c r="B33529" s="2"/>
      <c r="C33529" s="2"/>
    </row>
    <row r="33530" spans="1:3" ht="19.2">
      <c r="A33530" s="2"/>
      <c r="B33530" s="2"/>
      <c r="C33530" s="2"/>
    </row>
    <row r="33531" spans="1:3" ht="19.2">
      <c r="A33531" s="2"/>
      <c r="B33531" s="2"/>
      <c r="C33531" s="2"/>
    </row>
    <row r="33532" spans="1:3" ht="19.2">
      <c r="A33532" s="2"/>
      <c r="B33532" s="2"/>
      <c r="C33532" s="2"/>
    </row>
    <row r="33533" spans="1:3" ht="19.2">
      <c r="A33533" s="2"/>
      <c r="B33533" s="2"/>
      <c r="C33533" s="2"/>
    </row>
    <row r="33534" spans="1:3" ht="19.2">
      <c r="A33534" s="2"/>
      <c r="B33534" s="2"/>
      <c r="C33534" s="2"/>
    </row>
    <row r="33535" spans="1:3" ht="19.2">
      <c r="A33535" s="2"/>
      <c r="B33535" s="2"/>
      <c r="C33535" s="2"/>
    </row>
    <row r="33536" spans="1:3" ht="19.2">
      <c r="A33536" s="2"/>
      <c r="B33536" s="2"/>
      <c r="C33536" s="2"/>
    </row>
    <row r="33537" spans="1:3" ht="19.2">
      <c r="A33537" s="2"/>
      <c r="B33537" s="2"/>
      <c r="C33537" s="2"/>
    </row>
    <row r="33538" spans="1:3" ht="19.2">
      <c r="A33538" s="2"/>
      <c r="B33538" s="2"/>
      <c r="C33538" s="2"/>
    </row>
    <row r="33539" spans="1:3" ht="19.2">
      <c r="A33539" s="2"/>
      <c r="B33539" s="2"/>
      <c r="C33539" s="2"/>
    </row>
    <row r="33540" spans="1:3" ht="19.2">
      <c r="A33540" s="2"/>
      <c r="B33540" s="2"/>
      <c r="C33540" s="2"/>
    </row>
    <row r="33541" spans="1:3" ht="19.2">
      <c r="A33541" s="2"/>
      <c r="B33541" s="2"/>
      <c r="C33541" s="2"/>
    </row>
    <row r="33542" spans="1:3" ht="19.2">
      <c r="A33542" s="2"/>
      <c r="B33542" s="2"/>
      <c r="C33542" s="2"/>
    </row>
    <row r="33543" spans="1:3" ht="19.2">
      <c r="A33543" s="2"/>
      <c r="B33543" s="2"/>
      <c r="C33543" s="2"/>
    </row>
    <row r="33544" spans="1:3" ht="19.2">
      <c r="A33544" s="2"/>
      <c r="B33544" s="2"/>
      <c r="C33544" s="2"/>
    </row>
    <row r="33545" spans="1:3" ht="19.2">
      <c r="A33545" s="2"/>
      <c r="B33545" s="2"/>
      <c r="C33545" s="2"/>
    </row>
    <row r="33546" spans="1:3" ht="19.2">
      <c r="A33546" s="2"/>
      <c r="B33546" s="2"/>
      <c r="C33546" s="2"/>
    </row>
    <row r="33547" spans="1:3" ht="19.2">
      <c r="A33547" s="2"/>
      <c r="B33547" s="2"/>
      <c r="C33547" s="2"/>
    </row>
    <row r="33548" spans="1:3" ht="19.2">
      <c r="A33548" s="2"/>
      <c r="B33548" s="2"/>
      <c r="C33548" s="2"/>
    </row>
    <row r="33549" spans="1:3" ht="19.2">
      <c r="A33549" s="2"/>
      <c r="B33549" s="2"/>
      <c r="C33549" s="2"/>
    </row>
    <row r="33550" spans="1:3" ht="19.2">
      <c r="A33550" s="2"/>
      <c r="B33550" s="2"/>
      <c r="C33550" s="2"/>
    </row>
    <row r="33551" spans="1:3" ht="19.2">
      <c r="A33551" s="2"/>
      <c r="B33551" s="2"/>
      <c r="C33551" s="2"/>
    </row>
    <row r="33552" spans="1:3" ht="19.2">
      <c r="A33552" s="2"/>
      <c r="B33552" s="2"/>
      <c r="C33552" s="2"/>
    </row>
    <row r="33553" spans="1:3" ht="19.2">
      <c r="A33553" s="2"/>
      <c r="B33553" s="2"/>
      <c r="C33553" s="2"/>
    </row>
    <row r="33554" spans="1:3" ht="19.2">
      <c r="A33554" s="2"/>
      <c r="B33554" s="2"/>
      <c r="C33554" s="2"/>
    </row>
    <row r="33555" spans="1:3" ht="19.2">
      <c r="A33555" s="2"/>
      <c r="B33555" s="2"/>
      <c r="C33555" s="2"/>
    </row>
    <row r="33556" spans="1:3" ht="19.2">
      <c r="A33556" s="2"/>
      <c r="B33556" s="2"/>
      <c r="C33556" s="2"/>
    </row>
    <row r="33557" spans="1:3" ht="19.2">
      <c r="A33557" s="2"/>
      <c r="B33557" s="2"/>
      <c r="C33557" s="2"/>
    </row>
    <row r="33558" spans="1:3" ht="19.2">
      <c r="A33558" s="2"/>
      <c r="B33558" s="2"/>
      <c r="C33558" s="2"/>
    </row>
    <row r="33559" spans="1:3" ht="19.2">
      <c r="A33559" s="2"/>
      <c r="B33559" s="2"/>
      <c r="C33559" s="2"/>
    </row>
    <row r="33560" spans="1:3" ht="19.2">
      <c r="A33560" s="2"/>
      <c r="B33560" s="2"/>
      <c r="C33560" s="2"/>
    </row>
    <row r="33561" spans="1:3" ht="19.2">
      <c r="A33561" s="2"/>
      <c r="B33561" s="2"/>
      <c r="C33561" s="2"/>
    </row>
    <row r="33562" spans="1:3" ht="19.2">
      <c r="A33562" s="2"/>
      <c r="B33562" s="2"/>
      <c r="C33562" s="2"/>
    </row>
    <row r="33563" spans="1:3" ht="19.2">
      <c r="A33563" s="2"/>
      <c r="B33563" s="2"/>
      <c r="C33563" s="2"/>
    </row>
    <row r="33564" spans="1:3" ht="19.2">
      <c r="A33564" s="2"/>
      <c r="B33564" s="2"/>
      <c r="C33564" s="2"/>
    </row>
    <row r="33565" spans="1:3" ht="19.2">
      <c r="A33565" s="2"/>
      <c r="B33565" s="2"/>
      <c r="C33565" s="2"/>
    </row>
    <row r="33566" spans="1:3" ht="19.2">
      <c r="A33566" s="2"/>
      <c r="B33566" s="2"/>
      <c r="C33566" s="2"/>
    </row>
    <row r="33567" spans="1:3" ht="19.2">
      <c r="A33567" s="2"/>
      <c r="B33567" s="2"/>
      <c r="C33567" s="2"/>
    </row>
    <row r="33568" spans="1:3" ht="19.2">
      <c r="A33568" s="2"/>
      <c r="B33568" s="2"/>
      <c r="C33568" s="2"/>
    </row>
    <row r="33569" spans="1:3" ht="19.2">
      <c r="A33569" s="2"/>
      <c r="B33569" s="2"/>
      <c r="C33569" s="2"/>
    </row>
    <row r="33570" spans="1:3" ht="19.2">
      <c r="A33570" s="2"/>
      <c r="B33570" s="2"/>
      <c r="C33570" s="2"/>
    </row>
    <row r="33571" spans="1:3" ht="19.2">
      <c r="A33571" s="2"/>
      <c r="B33571" s="2"/>
      <c r="C33571" s="2"/>
    </row>
    <row r="33572" spans="1:3" ht="19.2">
      <c r="A33572" s="2"/>
      <c r="B33572" s="2"/>
      <c r="C33572" s="2"/>
    </row>
    <row r="33573" spans="1:3" ht="19.2">
      <c r="A33573" s="2"/>
      <c r="B33573" s="2"/>
      <c r="C33573" s="2"/>
    </row>
    <row r="33574" spans="1:3" ht="19.2">
      <c r="A33574" s="2"/>
      <c r="B33574" s="2"/>
      <c r="C33574" s="2"/>
    </row>
    <row r="33575" spans="1:3" ht="19.2">
      <c r="A33575" s="2"/>
      <c r="B33575" s="2"/>
      <c r="C33575" s="2"/>
    </row>
    <row r="33576" spans="1:3" ht="19.2">
      <c r="A33576" s="2"/>
      <c r="B33576" s="2"/>
      <c r="C33576" s="2"/>
    </row>
    <row r="33577" spans="1:3" ht="19.2">
      <c r="A33577" s="2"/>
      <c r="B33577" s="2"/>
      <c r="C33577" s="2"/>
    </row>
    <row r="33578" spans="1:3" ht="19.2">
      <c r="A33578" s="2"/>
      <c r="B33578" s="2"/>
      <c r="C33578" s="2"/>
    </row>
    <row r="33579" spans="1:3" ht="19.2">
      <c r="A33579" s="2"/>
      <c r="B33579" s="2"/>
      <c r="C33579" s="2"/>
    </row>
    <row r="33580" spans="1:3" ht="19.2">
      <c r="A33580" s="2"/>
      <c r="B33580" s="2"/>
      <c r="C33580" s="2"/>
    </row>
    <row r="33581" spans="1:3" ht="19.2">
      <c r="A33581" s="2"/>
      <c r="B33581" s="2"/>
      <c r="C33581" s="2"/>
    </row>
    <row r="33582" spans="1:3" ht="19.2">
      <c r="A33582" s="2"/>
      <c r="B33582" s="2"/>
      <c r="C33582" s="2"/>
    </row>
    <row r="33583" spans="1:3" ht="19.2">
      <c r="A33583" s="2"/>
      <c r="B33583" s="2"/>
      <c r="C33583" s="2"/>
    </row>
    <row r="33584" spans="1:3" ht="19.2">
      <c r="A33584" s="2"/>
      <c r="B33584" s="2"/>
      <c r="C33584" s="2"/>
    </row>
    <row r="33585" spans="1:3" ht="19.2">
      <c r="A33585" s="2"/>
      <c r="B33585" s="2"/>
      <c r="C33585" s="2"/>
    </row>
    <row r="33586" spans="1:3" ht="19.2">
      <c r="A33586" s="2"/>
      <c r="B33586" s="2"/>
      <c r="C33586" s="2"/>
    </row>
    <row r="33587" spans="1:3" ht="19.2">
      <c r="A33587" s="2"/>
      <c r="B33587" s="2"/>
      <c r="C33587" s="2"/>
    </row>
    <row r="33588" spans="1:3" ht="19.2">
      <c r="A33588" s="2"/>
      <c r="B33588" s="2"/>
      <c r="C33588" s="2"/>
    </row>
    <row r="33589" spans="1:3" ht="19.2">
      <c r="A33589" s="2"/>
      <c r="B33589" s="2"/>
      <c r="C33589" s="2"/>
    </row>
    <row r="33590" spans="1:3" ht="19.2">
      <c r="A33590" s="2"/>
      <c r="B33590" s="2"/>
      <c r="C33590" s="2"/>
    </row>
    <row r="33591" spans="1:3" ht="19.2">
      <c r="A33591" s="2"/>
      <c r="B33591" s="2"/>
      <c r="C33591" s="2"/>
    </row>
    <row r="33592" spans="1:3" ht="19.2">
      <c r="A33592" s="2"/>
      <c r="B33592" s="2"/>
      <c r="C33592" s="2"/>
    </row>
    <row r="33593" spans="1:3" ht="19.2">
      <c r="A33593" s="2"/>
      <c r="B33593" s="2"/>
      <c r="C33593" s="2"/>
    </row>
    <row r="33594" spans="1:3" ht="19.2">
      <c r="A33594" s="2"/>
      <c r="B33594" s="2"/>
      <c r="C33594" s="2"/>
    </row>
    <row r="33595" spans="1:3" ht="19.2">
      <c r="A33595" s="2"/>
      <c r="B33595" s="2"/>
      <c r="C33595" s="2"/>
    </row>
    <row r="33596" spans="1:3" ht="19.2">
      <c r="A33596" s="2"/>
      <c r="B33596" s="2"/>
      <c r="C33596" s="2"/>
    </row>
    <row r="33597" spans="1:3" ht="19.2">
      <c r="A33597" s="2"/>
      <c r="B33597" s="2"/>
      <c r="C33597" s="2"/>
    </row>
    <row r="33598" spans="1:3" ht="19.2">
      <c r="A33598" s="2"/>
      <c r="B33598" s="2"/>
      <c r="C33598" s="2"/>
    </row>
    <row r="33599" spans="1:3" ht="19.2">
      <c r="A33599" s="2"/>
      <c r="B33599" s="2"/>
      <c r="C33599" s="2"/>
    </row>
    <row r="33600" spans="1:3" ht="19.2">
      <c r="A33600" s="2"/>
      <c r="B33600" s="2"/>
      <c r="C33600" s="2"/>
    </row>
    <row r="33601" spans="1:3" ht="19.2">
      <c r="A33601" s="2"/>
      <c r="B33601" s="2"/>
      <c r="C33601" s="2"/>
    </row>
    <row r="33602" spans="1:3" ht="19.2">
      <c r="A33602" s="2"/>
      <c r="B33602" s="2"/>
      <c r="C33602" s="2"/>
    </row>
    <row r="33603" spans="1:3" ht="19.2">
      <c r="A33603" s="2"/>
      <c r="B33603" s="2"/>
      <c r="C33603" s="2"/>
    </row>
    <row r="33604" spans="1:3" ht="19.2">
      <c r="A33604" s="2"/>
      <c r="B33604" s="2"/>
      <c r="C33604" s="2"/>
    </row>
    <row r="33605" spans="1:3" ht="19.2">
      <c r="A33605" s="2"/>
      <c r="B33605" s="2"/>
      <c r="C33605" s="2"/>
    </row>
    <row r="33606" spans="1:3" ht="19.2">
      <c r="A33606" s="2"/>
      <c r="B33606" s="2"/>
      <c r="C33606" s="2"/>
    </row>
    <row r="33607" spans="1:3" ht="19.2">
      <c r="A33607" s="2"/>
      <c r="B33607" s="2"/>
      <c r="C33607" s="2"/>
    </row>
    <row r="33608" spans="1:3" ht="19.2">
      <c r="A33608" s="2"/>
      <c r="B33608" s="2"/>
      <c r="C33608" s="2"/>
    </row>
    <row r="33609" spans="1:3" ht="19.2">
      <c r="A33609" s="2"/>
      <c r="B33609" s="2"/>
      <c r="C33609" s="2"/>
    </row>
    <row r="33610" spans="1:3" ht="19.2">
      <c r="A33610" s="2"/>
      <c r="B33610" s="2"/>
      <c r="C33610" s="2"/>
    </row>
    <row r="33611" spans="1:3" ht="19.2">
      <c r="A33611" s="2"/>
      <c r="B33611" s="2"/>
      <c r="C33611" s="2"/>
    </row>
    <row r="33612" spans="1:3" ht="19.2">
      <c r="A33612" s="2"/>
      <c r="B33612" s="2"/>
      <c r="C33612" s="2"/>
    </row>
    <row r="33613" spans="1:3" ht="19.2">
      <c r="A33613" s="2"/>
      <c r="B33613" s="2"/>
      <c r="C33613" s="2"/>
    </row>
    <row r="33614" spans="1:3" ht="19.2">
      <c r="A33614" s="2"/>
      <c r="B33614" s="2"/>
      <c r="C33614" s="2"/>
    </row>
    <row r="33615" spans="1:3" ht="19.2">
      <c r="A33615" s="2"/>
      <c r="B33615" s="2"/>
      <c r="C33615" s="2"/>
    </row>
    <row r="33616" spans="1:3" ht="19.2">
      <c r="A33616" s="2"/>
      <c r="B33616" s="2"/>
      <c r="C33616" s="2"/>
    </row>
    <row r="33617" spans="1:3" ht="19.2">
      <c r="A33617" s="2"/>
      <c r="B33617" s="2"/>
      <c r="C33617" s="2"/>
    </row>
    <row r="33618" spans="1:3" ht="19.2">
      <c r="A33618" s="2"/>
      <c r="B33618" s="2"/>
      <c r="C33618" s="2"/>
    </row>
    <row r="33619" spans="1:3" ht="19.2">
      <c r="A33619" s="2"/>
      <c r="B33619" s="2"/>
      <c r="C33619" s="2"/>
    </row>
    <row r="33620" spans="1:3" ht="19.2">
      <c r="A33620" s="2"/>
      <c r="B33620" s="2"/>
      <c r="C33620" s="2"/>
    </row>
    <row r="33621" spans="1:3" ht="19.2">
      <c r="A33621" s="2"/>
      <c r="B33621" s="2"/>
      <c r="C33621" s="2"/>
    </row>
    <row r="33622" spans="1:3" ht="19.2">
      <c r="A33622" s="2"/>
      <c r="B33622" s="2"/>
      <c r="C33622" s="2"/>
    </row>
    <row r="33623" spans="1:3" ht="19.2">
      <c r="A33623" s="2"/>
      <c r="B33623" s="2"/>
      <c r="C33623" s="2"/>
    </row>
    <row r="33624" spans="1:3" ht="19.2">
      <c r="A33624" s="2"/>
      <c r="B33624" s="2"/>
      <c r="C33624" s="2"/>
    </row>
    <row r="33625" spans="1:3" ht="19.2">
      <c r="A33625" s="2"/>
      <c r="B33625" s="2"/>
      <c r="C33625" s="2"/>
    </row>
    <row r="33626" spans="1:3" ht="19.2">
      <c r="A33626" s="2"/>
      <c r="B33626" s="2"/>
      <c r="C33626" s="2"/>
    </row>
    <row r="33627" spans="1:3" ht="19.2">
      <c r="A33627" s="2"/>
      <c r="B33627" s="2"/>
      <c r="C33627" s="2"/>
    </row>
    <row r="33628" spans="1:3" ht="19.2">
      <c r="A33628" s="2"/>
      <c r="B33628" s="2"/>
      <c r="C33628" s="2"/>
    </row>
    <row r="33629" spans="1:3" ht="19.2">
      <c r="A33629" s="2"/>
      <c r="B33629" s="2"/>
      <c r="C33629" s="2"/>
    </row>
    <row r="33630" spans="1:3" ht="19.2">
      <c r="A33630" s="2"/>
      <c r="B33630" s="2"/>
      <c r="C33630" s="2"/>
    </row>
    <row r="33631" spans="1:3" ht="19.2">
      <c r="A33631" s="2"/>
      <c r="B33631" s="2"/>
      <c r="C33631" s="2"/>
    </row>
    <row r="33632" spans="1:3" ht="19.2">
      <c r="A33632" s="2"/>
      <c r="B33632" s="2"/>
      <c r="C33632" s="2"/>
    </row>
    <row r="33633" spans="1:3" ht="19.2">
      <c r="A33633" s="2"/>
      <c r="B33633" s="2"/>
      <c r="C33633" s="2"/>
    </row>
    <row r="33634" spans="1:3" ht="19.2">
      <c r="A33634" s="2"/>
      <c r="B33634" s="2"/>
      <c r="C33634" s="2"/>
    </row>
    <row r="33635" spans="1:3" ht="19.2">
      <c r="A33635" s="2"/>
      <c r="B33635" s="2"/>
      <c r="C33635" s="2"/>
    </row>
    <row r="33636" spans="1:3" ht="19.2">
      <c r="A33636" s="2"/>
      <c r="B33636" s="2"/>
      <c r="C33636" s="2"/>
    </row>
    <row r="33637" spans="1:3" ht="19.2">
      <c r="A33637" s="2"/>
      <c r="B33637" s="2"/>
      <c r="C33637" s="2"/>
    </row>
    <row r="33638" spans="1:3" ht="19.2">
      <c r="A33638" s="2"/>
      <c r="B33638" s="2"/>
      <c r="C33638" s="2"/>
    </row>
    <row r="33639" spans="1:3" ht="19.2">
      <c r="A33639" s="2"/>
      <c r="B33639" s="2"/>
      <c r="C33639" s="2"/>
    </row>
    <row r="33640" spans="1:3" ht="19.2">
      <c r="A33640" s="2"/>
      <c r="B33640" s="2"/>
      <c r="C33640" s="2"/>
    </row>
    <row r="33641" spans="1:3" ht="19.2">
      <c r="A33641" s="2"/>
      <c r="B33641" s="2"/>
      <c r="C33641" s="2"/>
    </row>
    <row r="33642" spans="1:3" ht="19.2">
      <c r="A33642" s="2"/>
      <c r="B33642" s="2"/>
      <c r="C33642" s="2"/>
    </row>
    <row r="33643" spans="1:3" ht="19.2">
      <c r="A33643" s="2"/>
      <c r="B33643" s="2"/>
      <c r="C33643" s="2"/>
    </row>
    <row r="33644" spans="1:3" ht="19.2">
      <c r="A33644" s="2"/>
      <c r="B33644" s="2"/>
      <c r="C33644" s="2"/>
    </row>
    <row r="33645" spans="1:3" ht="19.2">
      <c r="A33645" s="2"/>
      <c r="B33645" s="2"/>
      <c r="C33645" s="2"/>
    </row>
    <row r="33646" spans="1:3" ht="19.2">
      <c r="A33646" s="2"/>
      <c r="B33646" s="2"/>
      <c r="C33646" s="2"/>
    </row>
    <row r="33647" spans="1:3" ht="19.2">
      <c r="A33647" s="2"/>
      <c r="B33647" s="2"/>
      <c r="C33647" s="2"/>
    </row>
    <row r="33648" spans="1:3" ht="19.2">
      <c r="A33648" s="2"/>
      <c r="B33648" s="2"/>
      <c r="C33648" s="2"/>
    </row>
    <row r="33649" spans="1:3" ht="19.2">
      <c r="A33649" s="2"/>
      <c r="B33649" s="2"/>
      <c r="C33649" s="2"/>
    </row>
    <row r="33650" spans="1:3" ht="19.2">
      <c r="A33650" s="2"/>
      <c r="B33650" s="2"/>
      <c r="C33650" s="2"/>
    </row>
    <row r="33651" spans="1:3" ht="19.2">
      <c r="A33651" s="2"/>
      <c r="B33651" s="2"/>
      <c r="C33651" s="2"/>
    </row>
    <row r="33652" spans="1:3" ht="19.2">
      <c r="A33652" s="2"/>
      <c r="B33652" s="2"/>
      <c r="C33652" s="2"/>
    </row>
    <row r="33653" spans="1:3" ht="19.2">
      <c r="A33653" s="2"/>
      <c r="B33653" s="2"/>
      <c r="C33653" s="2"/>
    </row>
    <row r="33654" spans="1:3" ht="19.2">
      <c r="A33654" s="2"/>
      <c r="B33654" s="2"/>
      <c r="C33654" s="2"/>
    </row>
    <row r="33655" spans="1:3" ht="19.2">
      <c r="A33655" s="2"/>
      <c r="B33655" s="2"/>
      <c r="C33655" s="2"/>
    </row>
    <row r="33656" spans="1:3" ht="19.2">
      <c r="A33656" s="2"/>
      <c r="B33656" s="2"/>
      <c r="C33656" s="2"/>
    </row>
    <row r="33657" spans="1:3" ht="19.2">
      <c r="A33657" s="2"/>
      <c r="B33657" s="2"/>
      <c r="C33657" s="2"/>
    </row>
    <row r="33658" spans="1:3" ht="19.2">
      <c r="A33658" s="2"/>
      <c r="B33658" s="2"/>
      <c r="C33658" s="2"/>
    </row>
    <row r="33659" spans="1:3" ht="19.2">
      <c r="A33659" s="2"/>
      <c r="B33659" s="2"/>
      <c r="C33659" s="2"/>
    </row>
    <row r="33660" spans="1:3" ht="19.2">
      <c r="A33660" s="2"/>
      <c r="B33660" s="2"/>
      <c r="C33660" s="2"/>
    </row>
    <row r="33661" spans="1:3" ht="19.2">
      <c r="A33661" s="2"/>
      <c r="B33661" s="2"/>
      <c r="C33661" s="2"/>
    </row>
    <row r="33662" spans="1:3" ht="19.2">
      <c r="A33662" s="2"/>
      <c r="B33662" s="2"/>
      <c r="C33662" s="2"/>
    </row>
    <row r="33663" spans="1:3" ht="19.2">
      <c r="A33663" s="2"/>
      <c r="B33663" s="2"/>
      <c r="C33663" s="2"/>
    </row>
    <row r="33664" spans="1:3" ht="19.2">
      <c r="A33664" s="2"/>
      <c r="B33664" s="2"/>
      <c r="C33664" s="2"/>
    </row>
    <row r="33665" spans="1:3" ht="19.2">
      <c r="A33665" s="2"/>
      <c r="B33665" s="2"/>
      <c r="C33665" s="2"/>
    </row>
    <row r="33666" spans="1:3" ht="19.2">
      <c r="A33666" s="2"/>
      <c r="B33666" s="2"/>
      <c r="C33666" s="2"/>
    </row>
    <row r="33667" spans="1:3" ht="19.2">
      <c r="A33667" s="2"/>
      <c r="B33667" s="2"/>
      <c r="C33667" s="2"/>
    </row>
    <row r="33668" spans="1:3" ht="19.2">
      <c r="A33668" s="2"/>
      <c r="B33668" s="2"/>
      <c r="C33668" s="2"/>
    </row>
    <row r="33669" spans="1:3" ht="19.2">
      <c r="A33669" s="2"/>
      <c r="B33669" s="2"/>
      <c r="C33669" s="2"/>
    </row>
    <row r="33670" spans="1:3" ht="19.2">
      <c r="A33670" s="2"/>
      <c r="B33670" s="2"/>
      <c r="C33670" s="2"/>
    </row>
    <row r="33671" spans="1:3" ht="19.2">
      <c r="A33671" s="2"/>
      <c r="B33671" s="2"/>
      <c r="C33671" s="2"/>
    </row>
    <row r="33672" spans="1:3" ht="19.2">
      <c r="A33672" s="2"/>
      <c r="B33672" s="2"/>
      <c r="C33672" s="2"/>
    </row>
    <row r="33673" spans="1:3" ht="19.2">
      <c r="A33673" s="2"/>
      <c r="B33673" s="2"/>
      <c r="C33673" s="2"/>
    </row>
    <row r="33674" spans="1:3" ht="19.2">
      <c r="A33674" s="2"/>
      <c r="B33674" s="2"/>
      <c r="C33674" s="2"/>
    </row>
    <row r="33675" spans="1:3" ht="19.2">
      <c r="A33675" s="2"/>
      <c r="B33675" s="2"/>
      <c r="C33675" s="2"/>
    </row>
    <row r="33676" spans="1:3" ht="19.2">
      <c r="A33676" s="2"/>
      <c r="B33676" s="2"/>
      <c r="C33676" s="2"/>
    </row>
    <row r="33677" spans="1:3" ht="19.2">
      <c r="A33677" s="2"/>
      <c r="B33677" s="2"/>
      <c r="C33677" s="2"/>
    </row>
    <row r="33678" spans="1:3" ht="19.2">
      <c r="A33678" s="2"/>
      <c r="B33678" s="2"/>
      <c r="C33678" s="2"/>
    </row>
    <row r="33679" spans="1:3" ht="19.2">
      <c r="A33679" s="2"/>
      <c r="B33679" s="2"/>
      <c r="C33679" s="2"/>
    </row>
    <row r="33680" spans="1:3" ht="19.2">
      <c r="A33680" s="2"/>
      <c r="B33680" s="2"/>
      <c r="C33680" s="2"/>
    </row>
    <row r="33681" spans="1:3" ht="19.2">
      <c r="A33681" s="2"/>
      <c r="B33681" s="2"/>
      <c r="C33681" s="2"/>
    </row>
    <row r="33682" spans="1:3" ht="19.2">
      <c r="A33682" s="2"/>
      <c r="B33682" s="2"/>
      <c r="C33682" s="2"/>
    </row>
    <row r="33683" spans="1:3" ht="19.2">
      <c r="A33683" s="2"/>
      <c r="B33683" s="2"/>
      <c r="C33683" s="2"/>
    </row>
    <row r="33684" spans="1:3" ht="19.2">
      <c r="A33684" s="2"/>
      <c r="B33684" s="2"/>
      <c r="C33684" s="2"/>
    </row>
    <row r="33685" spans="1:3" ht="19.2">
      <c r="A33685" s="2"/>
      <c r="B33685" s="2"/>
      <c r="C33685" s="2"/>
    </row>
    <row r="33686" spans="1:3" ht="19.2">
      <c r="A33686" s="2"/>
      <c r="B33686" s="2"/>
      <c r="C33686" s="2"/>
    </row>
    <row r="33687" spans="1:3" ht="19.2">
      <c r="A33687" s="2"/>
      <c r="B33687" s="2"/>
      <c r="C33687" s="2"/>
    </row>
    <row r="33688" spans="1:3" ht="19.2">
      <c r="A33688" s="2"/>
      <c r="B33688" s="2"/>
      <c r="C33688" s="2"/>
    </row>
    <row r="33689" spans="1:3" ht="19.2">
      <c r="A33689" s="2"/>
      <c r="B33689" s="2"/>
      <c r="C33689" s="2"/>
    </row>
    <row r="33690" spans="1:3" ht="19.2">
      <c r="A33690" s="2"/>
      <c r="B33690" s="2"/>
      <c r="C33690" s="2"/>
    </row>
    <row r="33691" spans="1:3" ht="19.2">
      <c r="A33691" s="2"/>
      <c r="B33691" s="2"/>
      <c r="C33691" s="2"/>
    </row>
    <row r="33692" spans="1:3" ht="19.2">
      <c r="A33692" s="2"/>
      <c r="B33692" s="2"/>
      <c r="C33692" s="2"/>
    </row>
    <row r="33693" spans="1:3" ht="19.2">
      <c r="A33693" s="2"/>
      <c r="B33693" s="2"/>
      <c r="C33693" s="2"/>
    </row>
    <row r="33694" spans="1:3" ht="19.2">
      <c r="A33694" s="2"/>
      <c r="B33694" s="2"/>
      <c r="C33694" s="2"/>
    </row>
    <row r="33695" spans="1:3" ht="19.2">
      <c r="A33695" s="2"/>
      <c r="B33695" s="2"/>
      <c r="C33695" s="2"/>
    </row>
    <row r="33696" spans="1:3" ht="19.2">
      <c r="A33696" s="2"/>
      <c r="B33696" s="2"/>
      <c r="C33696" s="2"/>
    </row>
    <row r="33697" spans="1:3" ht="19.2">
      <c r="A33697" s="2"/>
      <c r="B33697" s="2"/>
      <c r="C33697" s="2"/>
    </row>
    <row r="33698" spans="1:3" ht="19.2">
      <c r="A33698" s="2"/>
      <c r="B33698" s="2"/>
      <c r="C33698" s="2"/>
    </row>
    <row r="33699" spans="1:3" ht="19.2">
      <c r="A33699" s="2"/>
      <c r="B33699" s="2"/>
      <c r="C33699" s="2"/>
    </row>
    <row r="33700" spans="1:3" ht="19.2">
      <c r="A33700" s="2"/>
      <c r="B33700" s="2"/>
      <c r="C33700" s="2"/>
    </row>
    <row r="33701" spans="1:3" ht="19.2">
      <c r="A33701" s="2"/>
      <c r="B33701" s="2"/>
      <c r="C33701" s="2"/>
    </row>
    <row r="33702" spans="1:3" ht="19.2">
      <c r="A33702" s="2"/>
      <c r="B33702" s="2"/>
      <c r="C33702" s="2"/>
    </row>
    <row r="33703" spans="1:3" ht="19.2">
      <c r="A33703" s="2"/>
      <c r="B33703" s="2"/>
      <c r="C33703" s="2"/>
    </row>
    <row r="33704" spans="1:3" ht="19.2">
      <c r="A33704" s="2"/>
      <c r="B33704" s="2"/>
      <c r="C33704" s="2"/>
    </row>
    <row r="33705" spans="1:3" ht="19.2">
      <c r="A33705" s="2"/>
      <c r="B33705" s="2"/>
      <c r="C33705" s="2"/>
    </row>
    <row r="33706" spans="1:3" ht="19.2">
      <c r="A33706" s="2"/>
      <c r="B33706" s="2"/>
      <c r="C33706" s="2"/>
    </row>
    <row r="33707" spans="1:3" ht="19.2">
      <c r="A33707" s="2"/>
      <c r="B33707" s="2"/>
      <c r="C33707" s="2"/>
    </row>
    <row r="33708" spans="1:3" ht="19.2">
      <c r="A33708" s="2"/>
      <c r="B33708" s="2"/>
      <c r="C33708" s="2"/>
    </row>
    <row r="33709" spans="1:3" ht="19.2">
      <c r="A33709" s="2"/>
      <c r="B33709" s="2"/>
      <c r="C33709" s="2"/>
    </row>
    <row r="33710" spans="1:3" ht="19.2">
      <c r="A33710" s="2"/>
      <c r="B33710" s="2"/>
      <c r="C33710" s="2"/>
    </row>
    <row r="33711" spans="1:3" ht="19.2">
      <c r="A33711" s="2"/>
      <c r="B33711" s="2"/>
      <c r="C33711" s="2"/>
    </row>
    <row r="33712" spans="1:3" ht="19.2">
      <c r="A33712" s="2"/>
      <c r="B33712" s="2"/>
      <c r="C33712" s="2"/>
    </row>
    <row r="33713" spans="1:3" ht="19.2">
      <c r="A33713" s="2"/>
      <c r="B33713" s="2"/>
      <c r="C33713" s="2"/>
    </row>
    <row r="33714" spans="1:3" ht="19.2">
      <c r="A33714" s="2"/>
      <c r="B33714" s="2"/>
      <c r="C33714" s="2"/>
    </row>
    <row r="33715" spans="1:3" ht="19.2">
      <c r="A33715" s="2"/>
      <c r="B33715" s="2"/>
      <c r="C33715" s="2"/>
    </row>
    <row r="33716" spans="1:3" ht="19.2">
      <c r="A33716" s="2"/>
      <c r="B33716" s="2"/>
      <c r="C33716" s="2"/>
    </row>
    <row r="33717" spans="1:3" ht="19.2">
      <c r="A33717" s="2"/>
      <c r="B33717" s="2"/>
      <c r="C33717" s="2"/>
    </row>
    <row r="33718" spans="1:3" ht="19.2">
      <c r="A33718" s="2"/>
      <c r="B33718" s="2"/>
      <c r="C33718" s="2"/>
    </row>
    <row r="33719" spans="1:3" ht="19.2">
      <c r="A33719" s="2"/>
      <c r="B33719" s="2"/>
      <c r="C33719" s="2"/>
    </row>
    <row r="33720" spans="1:3" ht="19.2">
      <c r="A33720" s="2"/>
      <c r="B33720" s="2"/>
      <c r="C33720" s="2"/>
    </row>
    <row r="33721" spans="1:3" ht="19.2">
      <c r="A33721" s="2"/>
      <c r="B33721" s="2"/>
      <c r="C33721" s="2"/>
    </row>
    <row r="33722" spans="1:3" ht="19.2">
      <c r="A33722" s="2"/>
      <c r="B33722" s="2"/>
      <c r="C33722" s="2"/>
    </row>
    <row r="33723" spans="1:3" ht="19.2">
      <c r="A33723" s="2"/>
      <c r="B33723" s="2"/>
      <c r="C33723" s="2"/>
    </row>
    <row r="33724" spans="1:3" ht="19.2">
      <c r="A33724" s="2"/>
      <c r="B33724" s="2"/>
      <c r="C33724" s="2"/>
    </row>
    <row r="33725" spans="1:3" ht="19.2">
      <c r="A33725" s="2"/>
      <c r="B33725" s="2"/>
      <c r="C33725" s="2"/>
    </row>
    <row r="33726" spans="1:3" ht="19.2">
      <c r="A33726" s="2"/>
      <c r="B33726" s="2"/>
      <c r="C33726" s="2"/>
    </row>
    <row r="33727" spans="1:3" ht="19.2">
      <c r="A33727" s="2"/>
      <c r="B33727" s="2"/>
      <c r="C33727" s="2"/>
    </row>
    <row r="33728" spans="1:3" ht="19.2">
      <c r="A33728" s="2"/>
      <c r="B33728" s="2"/>
      <c r="C33728" s="2"/>
    </row>
    <row r="33729" spans="1:3" ht="19.2">
      <c r="A33729" s="2"/>
      <c r="B33729" s="2"/>
      <c r="C33729" s="2"/>
    </row>
    <row r="33730" spans="1:3" ht="19.2">
      <c r="A33730" s="2"/>
      <c r="B33730" s="2"/>
      <c r="C33730" s="2"/>
    </row>
    <row r="33731" spans="1:3" ht="19.2">
      <c r="A33731" s="2"/>
      <c r="B33731" s="2"/>
      <c r="C33731" s="2"/>
    </row>
    <row r="33732" spans="1:3" ht="19.2">
      <c r="A33732" s="2"/>
      <c r="B33732" s="2"/>
      <c r="C33732" s="2"/>
    </row>
    <row r="33733" spans="1:3" ht="19.2">
      <c r="A33733" s="2"/>
      <c r="B33733" s="2"/>
      <c r="C33733" s="2"/>
    </row>
    <row r="33734" spans="1:3" ht="19.2">
      <c r="A33734" s="2"/>
      <c r="B33734" s="2"/>
      <c r="C33734" s="2"/>
    </row>
    <row r="33735" spans="1:3" ht="19.2">
      <c r="A33735" s="2"/>
      <c r="B33735" s="2"/>
      <c r="C33735" s="2"/>
    </row>
    <row r="33736" spans="1:3" ht="19.2">
      <c r="A33736" s="2"/>
      <c r="B33736" s="2"/>
      <c r="C33736" s="2"/>
    </row>
    <row r="33737" spans="1:3" ht="19.2">
      <c r="A33737" s="2"/>
      <c r="B33737" s="2"/>
      <c r="C33737" s="2"/>
    </row>
    <row r="33738" spans="1:3" ht="19.2">
      <c r="A33738" s="2"/>
      <c r="B33738" s="2"/>
      <c r="C33738" s="2"/>
    </row>
    <row r="33739" spans="1:3" ht="19.2">
      <c r="A33739" s="2"/>
      <c r="B33739" s="2"/>
      <c r="C33739" s="2"/>
    </row>
    <row r="33740" spans="1:3" ht="19.2">
      <c r="A33740" s="2"/>
      <c r="B33740" s="2"/>
      <c r="C33740" s="2"/>
    </row>
    <row r="33741" spans="1:3" ht="19.2">
      <c r="A33741" s="2"/>
      <c r="B33741" s="2"/>
      <c r="C33741" s="2"/>
    </row>
    <row r="33742" spans="1:3" ht="19.2">
      <c r="A33742" s="2"/>
      <c r="B33742" s="2"/>
      <c r="C33742" s="2"/>
    </row>
    <row r="33743" spans="1:3" ht="19.2">
      <c r="A33743" s="2"/>
      <c r="B33743" s="2"/>
      <c r="C33743" s="2"/>
    </row>
    <row r="33744" spans="1:3" ht="19.2">
      <c r="A33744" s="2"/>
      <c r="B33744" s="2"/>
      <c r="C33744" s="2"/>
    </row>
    <row r="33745" spans="1:3" ht="19.2">
      <c r="A33745" s="2"/>
      <c r="B33745" s="2"/>
      <c r="C33745" s="2"/>
    </row>
    <row r="33746" spans="1:3" ht="19.2">
      <c r="A33746" s="2"/>
      <c r="B33746" s="2"/>
      <c r="C33746" s="2"/>
    </row>
    <row r="33747" spans="1:3" ht="19.2">
      <c r="A33747" s="2"/>
      <c r="B33747" s="2"/>
      <c r="C33747" s="2"/>
    </row>
    <row r="33748" spans="1:3" ht="19.2">
      <c r="A33748" s="2"/>
      <c r="B33748" s="2"/>
      <c r="C33748" s="2"/>
    </row>
    <row r="33749" spans="1:3" ht="19.2">
      <c r="A33749" s="2"/>
      <c r="B33749" s="2"/>
      <c r="C33749" s="2"/>
    </row>
    <row r="33750" spans="1:3" ht="19.2">
      <c r="A33750" s="2"/>
      <c r="B33750" s="2"/>
      <c r="C33750" s="2"/>
    </row>
    <row r="33751" spans="1:3" ht="19.2">
      <c r="A33751" s="2"/>
      <c r="B33751" s="2"/>
      <c r="C33751" s="2"/>
    </row>
    <row r="33752" spans="1:3" ht="19.2">
      <c r="A33752" s="2"/>
      <c r="B33752" s="2"/>
      <c r="C33752" s="2"/>
    </row>
    <row r="33753" spans="1:3" ht="19.2">
      <c r="A33753" s="2"/>
      <c r="B33753" s="2"/>
      <c r="C33753" s="2"/>
    </row>
    <row r="33754" spans="1:3" ht="19.2">
      <c r="A33754" s="2"/>
      <c r="B33754" s="2"/>
      <c r="C33754" s="2"/>
    </row>
    <row r="33755" spans="1:3" ht="19.2">
      <c r="A33755" s="2"/>
      <c r="B33755" s="2"/>
      <c r="C33755" s="2"/>
    </row>
    <row r="33756" spans="1:3" ht="19.2">
      <c r="A33756" s="2"/>
      <c r="B33756" s="2"/>
      <c r="C33756" s="2"/>
    </row>
    <row r="33757" spans="1:3" ht="19.2">
      <c r="A33757" s="2"/>
      <c r="B33757" s="2"/>
      <c r="C33757" s="2"/>
    </row>
    <row r="33758" spans="1:3" ht="19.2">
      <c r="A33758" s="2"/>
      <c r="B33758" s="2"/>
      <c r="C33758" s="2"/>
    </row>
    <row r="33759" spans="1:3" ht="19.2">
      <c r="A33759" s="2"/>
      <c r="B33759" s="2"/>
      <c r="C33759" s="2"/>
    </row>
    <row r="33760" spans="1:3" ht="19.2">
      <c r="A33760" s="2"/>
      <c r="B33760" s="2"/>
      <c r="C33760" s="2"/>
    </row>
    <row r="33761" spans="1:3" ht="19.2">
      <c r="A33761" s="2"/>
      <c r="B33761" s="2"/>
      <c r="C33761" s="2"/>
    </row>
    <row r="33762" spans="1:3" ht="19.2">
      <c r="A33762" s="2"/>
      <c r="B33762" s="2"/>
      <c r="C33762" s="2"/>
    </row>
    <row r="33763" spans="1:3" ht="19.2">
      <c r="A33763" s="2"/>
      <c r="B33763" s="2"/>
      <c r="C33763" s="2"/>
    </row>
    <row r="33764" spans="1:3" ht="19.2">
      <c r="A33764" s="2"/>
      <c r="B33764" s="2"/>
      <c r="C33764" s="2"/>
    </row>
    <row r="33765" spans="1:3" ht="19.2">
      <c r="A33765" s="2"/>
      <c r="B33765" s="2"/>
      <c r="C33765" s="2"/>
    </row>
    <row r="33766" spans="1:3" ht="19.2">
      <c r="A33766" s="2"/>
      <c r="B33766" s="2"/>
      <c r="C33766" s="2"/>
    </row>
    <row r="33767" spans="1:3" ht="19.2">
      <c r="A33767" s="2"/>
      <c r="B33767" s="2"/>
      <c r="C33767" s="2"/>
    </row>
    <row r="33768" spans="1:3" ht="19.2">
      <c r="A33768" s="2"/>
      <c r="B33768" s="2"/>
      <c r="C33768" s="2"/>
    </row>
    <row r="33769" spans="1:3" ht="19.2">
      <c r="A33769" s="2"/>
      <c r="B33769" s="2"/>
      <c r="C33769" s="2"/>
    </row>
    <row r="33770" spans="1:3" ht="19.2">
      <c r="A33770" s="2"/>
      <c r="B33770" s="2"/>
      <c r="C33770" s="2"/>
    </row>
    <row r="33771" spans="1:3" ht="19.2">
      <c r="A33771" s="2"/>
      <c r="B33771" s="2"/>
      <c r="C33771" s="2"/>
    </row>
    <row r="33772" spans="1:3" ht="19.2">
      <c r="A33772" s="2"/>
      <c r="B33772" s="2"/>
      <c r="C33772" s="2"/>
    </row>
    <row r="33773" spans="1:3" ht="19.2">
      <c r="A33773" s="2"/>
      <c r="B33773" s="2"/>
      <c r="C33773" s="2"/>
    </row>
    <row r="33774" spans="1:3" ht="19.2">
      <c r="A33774" s="2"/>
      <c r="B33774" s="2"/>
      <c r="C33774" s="2"/>
    </row>
    <row r="33775" spans="1:3" ht="19.2">
      <c r="A33775" s="2"/>
      <c r="B33775" s="2"/>
      <c r="C33775" s="2"/>
    </row>
    <row r="33776" spans="1:3" ht="19.2">
      <c r="A33776" s="2"/>
      <c r="B33776" s="2"/>
      <c r="C33776" s="2"/>
    </row>
    <row r="33777" spans="1:3" ht="19.2">
      <c r="A33777" s="2"/>
      <c r="B33777" s="2"/>
      <c r="C33777" s="2"/>
    </row>
    <row r="33778" spans="1:3" ht="19.2">
      <c r="A33778" s="2"/>
      <c r="B33778" s="2"/>
      <c r="C33778" s="2"/>
    </row>
    <row r="33779" spans="1:3" ht="19.2">
      <c r="A33779" s="2"/>
      <c r="B33779" s="2"/>
      <c r="C33779" s="2"/>
    </row>
    <row r="33780" spans="1:3" ht="19.2">
      <c r="A33780" s="2"/>
      <c r="B33780" s="2"/>
      <c r="C33780" s="2"/>
    </row>
    <row r="33781" spans="1:3" ht="19.2">
      <c r="A33781" s="2"/>
      <c r="B33781" s="2"/>
      <c r="C33781" s="2"/>
    </row>
    <row r="33782" spans="1:3" ht="19.2">
      <c r="A33782" s="2"/>
      <c r="B33782" s="2"/>
      <c r="C33782" s="2"/>
    </row>
    <row r="33783" spans="1:3" ht="19.2">
      <c r="A33783" s="2"/>
      <c r="B33783" s="2"/>
      <c r="C33783" s="2"/>
    </row>
    <row r="33784" spans="1:3" ht="19.2">
      <c r="A33784" s="2"/>
      <c r="B33784" s="2"/>
      <c r="C33784" s="2"/>
    </row>
    <row r="33785" spans="1:3" ht="19.2">
      <c r="A33785" s="2"/>
      <c r="B33785" s="2"/>
      <c r="C33785" s="2"/>
    </row>
    <row r="33786" spans="1:3" ht="19.2">
      <c r="A33786" s="2"/>
      <c r="B33786" s="2"/>
      <c r="C33786" s="2"/>
    </row>
    <row r="33787" spans="1:3" ht="19.2">
      <c r="A33787" s="2"/>
      <c r="B33787" s="2"/>
      <c r="C33787" s="2"/>
    </row>
    <row r="33788" spans="1:3" ht="19.2">
      <c r="A33788" s="2"/>
      <c r="B33788" s="2"/>
      <c r="C33788" s="2"/>
    </row>
    <row r="33789" spans="1:3" ht="19.2">
      <c r="A33789" s="2"/>
      <c r="B33789" s="2"/>
      <c r="C33789" s="2"/>
    </row>
    <row r="33790" spans="1:3" ht="19.2">
      <c r="A33790" s="2"/>
      <c r="B33790" s="2"/>
      <c r="C33790" s="2"/>
    </row>
    <row r="33791" spans="1:3" ht="19.2">
      <c r="A33791" s="2"/>
      <c r="B33791" s="2"/>
      <c r="C33791" s="2"/>
    </row>
    <row r="33792" spans="1:3" ht="19.2">
      <c r="A33792" s="2"/>
      <c r="B33792" s="2"/>
      <c r="C33792" s="2"/>
    </row>
    <row r="33793" spans="1:3" ht="19.2">
      <c r="A33793" s="2"/>
      <c r="B33793" s="2"/>
      <c r="C33793" s="2"/>
    </row>
    <row r="33794" spans="1:3" ht="19.2">
      <c r="A33794" s="2"/>
      <c r="B33794" s="2"/>
      <c r="C33794" s="2"/>
    </row>
    <row r="33795" spans="1:3" ht="19.2">
      <c r="A33795" s="2"/>
      <c r="B33795" s="2"/>
      <c r="C33795" s="2"/>
    </row>
    <row r="33796" spans="1:3" ht="19.2">
      <c r="A33796" s="2"/>
      <c r="B33796" s="2"/>
      <c r="C33796" s="2"/>
    </row>
    <row r="33797" spans="1:3" ht="19.2">
      <c r="A33797" s="2"/>
      <c r="B33797" s="2"/>
      <c r="C33797" s="2"/>
    </row>
    <row r="33798" spans="1:3" ht="19.2">
      <c r="A33798" s="2"/>
      <c r="B33798" s="2"/>
      <c r="C33798" s="2"/>
    </row>
    <row r="33799" spans="1:3" ht="19.2">
      <c r="A33799" s="2"/>
      <c r="B33799" s="2"/>
      <c r="C33799" s="2"/>
    </row>
    <row r="33800" spans="1:3" ht="19.2">
      <c r="A33800" s="2"/>
      <c r="B33800" s="2"/>
      <c r="C33800" s="2"/>
    </row>
    <row r="33801" spans="1:3" ht="19.2">
      <c r="A33801" s="2"/>
      <c r="B33801" s="2"/>
      <c r="C33801" s="2"/>
    </row>
    <row r="33802" spans="1:3" ht="19.2">
      <c r="A33802" s="2"/>
      <c r="B33802" s="2"/>
      <c r="C33802" s="2"/>
    </row>
    <row r="33803" spans="1:3" ht="19.2">
      <c r="A33803" s="2"/>
      <c r="B33803" s="2"/>
      <c r="C33803" s="2"/>
    </row>
    <row r="33804" spans="1:3" ht="19.2">
      <c r="A33804" s="2"/>
      <c r="B33804" s="2"/>
      <c r="C33804" s="2"/>
    </row>
    <row r="33805" spans="1:3" ht="19.2">
      <c r="A33805" s="2"/>
      <c r="B33805" s="2"/>
      <c r="C33805" s="2"/>
    </row>
    <row r="33806" spans="1:3" ht="19.2">
      <c r="A33806" s="2"/>
      <c r="B33806" s="2"/>
      <c r="C33806" s="2"/>
    </row>
    <row r="33807" spans="1:3" ht="19.2">
      <c r="A33807" s="2"/>
      <c r="B33807" s="2"/>
      <c r="C33807" s="2"/>
    </row>
    <row r="33808" spans="1:3" ht="19.2">
      <c r="A33808" s="2"/>
      <c r="B33808" s="2"/>
      <c r="C33808" s="2"/>
    </row>
    <row r="33809" spans="1:3" ht="19.2">
      <c r="A33809" s="2"/>
      <c r="B33809" s="2"/>
      <c r="C33809" s="2"/>
    </row>
    <row r="33810" spans="1:3" ht="19.2">
      <c r="A33810" s="2"/>
      <c r="B33810" s="2"/>
      <c r="C33810" s="2"/>
    </row>
    <row r="33811" spans="1:3" ht="19.2">
      <c r="A33811" s="2"/>
      <c r="B33811" s="2"/>
      <c r="C33811" s="2"/>
    </row>
    <row r="33812" spans="1:3" ht="19.2">
      <c r="A33812" s="2"/>
      <c r="B33812" s="2"/>
      <c r="C33812" s="2"/>
    </row>
    <row r="33813" spans="1:3" ht="19.2">
      <c r="A33813" s="2"/>
      <c r="B33813" s="2"/>
      <c r="C33813" s="2"/>
    </row>
    <row r="33814" spans="1:3" ht="19.2">
      <c r="A33814" s="2"/>
      <c r="B33814" s="2"/>
      <c r="C33814" s="2"/>
    </row>
    <row r="33815" spans="1:3" ht="19.2">
      <c r="A33815" s="2"/>
      <c r="B33815" s="2"/>
      <c r="C33815" s="2"/>
    </row>
    <row r="33816" spans="1:3" ht="19.2">
      <c r="A33816" s="2"/>
      <c r="B33816" s="2"/>
      <c r="C33816" s="2"/>
    </row>
    <row r="33817" spans="1:3" ht="19.2">
      <c r="A33817" s="2"/>
      <c r="B33817" s="2"/>
      <c r="C33817" s="2"/>
    </row>
    <row r="33818" spans="1:3" ht="19.2">
      <c r="A33818" s="2"/>
      <c r="B33818" s="2"/>
      <c r="C33818" s="2"/>
    </row>
    <row r="33819" spans="1:3" ht="19.2">
      <c r="A33819" s="2"/>
      <c r="B33819" s="2"/>
      <c r="C33819" s="2"/>
    </row>
    <row r="33820" spans="1:3" ht="19.2">
      <c r="A33820" s="2"/>
      <c r="B33820" s="2"/>
      <c r="C33820" s="2"/>
    </row>
    <row r="33821" spans="1:3" ht="19.2">
      <c r="A33821" s="2"/>
      <c r="B33821" s="2"/>
      <c r="C33821" s="2"/>
    </row>
    <row r="33822" spans="1:3" ht="19.2">
      <c r="A33822" s="2"/>
      <c r="B33822" s="2"/>
      <c r="C33822" s="2"/>
    </row>
    <row r="33823" spans="1:3" ht="19.2">
      <c r="A33823" s="2"/>
      <c r="B33823" s="2"/>
      <c r="C33823" s="2"/>
    </row>
    <row r="33824" spans="1:3" ht="19.2">
      <c r="A33824" s="2"/>
      <c r="B33824" s="2"/>
      <c r="C33824" s="2"/>
    </row>
    <row r="33825" spans="1:3" ht="19.2">
      <c r="A33825" s="2"/>
      <c r="B33825" s="2"/>
      <c r="C33825" s="2"/>
    </row>
    <row r="33826" spans="1:3" ht="19.2">
      <c r="A33826" s="2"/>
      <c r="B33826" s="2"/>
      <c r="C33826" s="2"/>
    </row>
    <row r="33827" spans="1:3" ht="19.2">
      <c r="A33827" s="2"/>
      <c r="B33827" s="2"/>
      <c r="C33827" s="2"/>
    </row>
    <row r="33828" spans="1:3" ht="19.2">
      <c r="A33828" s="2"/>
      <c r="B33828" s="2"/>
      <c r="C33828" s="2"/>
    </row>
    <row r="33829" spans="1:3" ht="19.2">
      <c r="A33829" s="2"/>
      <c r="B33829" s="2"/>
      <c r="C33829" s="2"/>
    </row>
    <row r="33830" spans="1:3" ht="19.2">
      <c r="A33830" s="2"/>
      <c r="B33830" s="2"/>
      <c r="C33830" s="2"/>
    </row>
    <row r="33831" spans="1:3" ht="19.2">
      <c r="A33831" s="2"/>
      <c r="B33831" s="2"/>
      <c r="C33831" s="2"/>
    </row>
    <row r="33832" spans="1:3" ht="19.2">
      <c r="A33832" s="2"/>
      <c r="B33832" s="2"/>
      <c r="C33832" s="2"/>
    </row>
    <row r="33833" spans="1:3" ht="19.2">
      <c r="A33833" s="2"/>
      <c r="B33833" s="2"/>
      <c r="C33833" s="2"/>
    </row>
    <row r="33834" spans="1:3" ht="19.2">
      <c r="A33834" s="2"/>
      <c r="B33834" s="2"/>
      <c r="C33834" s="2"/>
    </row>
    <row r="33835" spans="1:3" ht="19.2">
      <c r="A33835" s="2"/>
      <c r="B33835" s="2"/>
      <c r="C33835" s="2"/>
    </row>
    <row r="33836" spans="1:3" ht="19.2">
      <c r="A33836" s="2"/>
      <c r="B33836" s="2"/>
      <c r="C33836" s="2"/>
    </row>
    <row r="33837" spans="1:3" ht="19.2">
      <c r="A33837" s="2"/>
      <c r="B33837" s="2"/>
      <c r="C33837" s="2"/>
    </row>
    <row r="33838" spans="1:3" ht="19.2">
      <c r="A33838" s="2"/>
      <c r="B33838" s="2"/>
      <c r="C33838" s="2"/>
    </row>
    <row r="33839" spans="1:3" ht="19.2">
      <c r="A33839" s="2"/>
      <c r="B33839" s="2"/>
      <c r="C33839" s="2"/>
    </row>
    <row r="33840" spans="1:3" ht="19.2">
      <c r="A33840" s="2"/>
      <c r="B33840" s="2"/>
      <c r="C33840" s="2"/>
    </row>
    <row r="33841" spans="1:3" ht="19.2">
      <c r="A33841" s="2"/>
      <c r="B33841" s="2"/>
      <c r="C33841" s="2"/>
    </row>
    <row r="33842" spans="1:3" ht="19.2">
      <c r="A33842" s="2"/>
      <c r="B33842" s="2"/>
      <c r="C33842" s="2"/>
    </row>
    <row r="33843" spans="1:3" ht="19.2">
      <c r="A33843" s="2"/>
      <c r="B33843" s="2"/>
      <c r="C33843" s="2"/>
    </row>
    <row r="33844" spans="1:3" ht="19.2">
      <c r="A33844" s="2"/>
      <c r="B33844" s="2"/>
      <c r="C33844" s="2"/>
    </row>
    <row r="33845" spans="1:3" ht="19.2">
      <c r="A33845" s="2"/>
      <c r="B33845" s="2"/>
      <c r="C33845" s="2"/>
    </row>
    <row r="33846" spans="1:3" ht="19.2">
      <c r="A33846" s="2"/>
      <c r="B33846" s="2"/>
      <c r="C33846" s="2"/>
    </row>
    <row r="33847" spans="1:3" ht="19.2">
      <c r="A33847" s="2"/>
      <c r="B33847" s="2"/>
      <c r="C33847" s="2"/>
    </row>
    <row r="33848" spans="1:3" ht="19.2">
      <c r="A33848" s="2"/>
      <c r="B33848" s="2"/>
      <c r="C33848" s="2"/>
    </row>
    <row r="33849" spans="1:3" ht="19.2">
      <c r="A33849" s="2"/>
      <c r="B33849" s="2"/>
      <c r="C33849" s="2"/>
    </row>
    <row r="33850" spans="1:3" ht="19.2">
      <c r="A33850" s="2"/>
      <c r="B33850" s="2"/>
      <c r="C33850" s="2"/>
    </row>
    <row r="33851" spans="1:3" ht="19.2">
      <c r="A33851" s="2"/>
      <c r="B33851" s="2"/>
      <c r="C33851" s="2"/>
    </row>
    <row r="33852" spans="1:3" ht="19.2">
      <c r="A33852" s="2"/>
      <c r="B33852" s="2"/>
      <c r="C33852" s="2"/>
    </row>
    <row r="33853" spans="1:3" ht="19.2">
      <c r="A33853" s="2"/>
      <c r="B33853" s="2"/>
      <c r="C33853" s="2"/>
    </row>
    <row r="33854" spans="1:3" ht="19.2">
      <c r="A33854" s="2"/>
      <c r="B33854" s="2"/>
      <c r="C33854" s="2"/>
    </row>
    <row r="33855" spans="1:3" ht="19.2">
      <c r="A33855" s="2"/>
      <c r="B33855" s="2"/>
      <c r="C33855" s="2"/>
    </row>
    <row r="33856" spans="1:3" ht="19.2">
      <c r="A33856" s="2"/>
      <c r="B33856" s="2"/>
      <c r="C33856" s="2"/>
    </row>
    <row r="33857" spans="1:3" ht="19.2">
      <c r="A33857" s="2"/>
      <c r="B33857" s="2"/>
      <c r="C33857" s="2"/>
    </row>
    <row r="33858" spans="1:3" ht="19.2">
      <c r="A33858" s="2"/>
      <c r="B33858" s="2"/>
      <c r="C33858" s="2"/>
    </row>
    <row r="33859" spans="1:3" ht="19.2">
      <c r="A33859" s="2"/>
      <c r="B33859" s="2"/>
      <c r="C33859" s="2"/>
    </row>
    <row r="33860" spans="1:3" ht="19.2">
      <c r="A33860" s="2"/>
      <c r="B33860" s="2"/>
      <c r="C33860" s="2"/>
    </row>
    <row r="33861" spans="1:3" ht="19.2">
      <c r="A33861" s="2"/>
      <c r="B33861" s="2"/>
      <c r="C33861" s="2"/>
    </row>
    <row r="33862" spans="1:3" ht="19.2">
      <c r="A33862" s="2"/>
      <c r="B33862" s="2"/>
      <c r="C33862" s="2"/>
    </row>
    <row r="33863" spans="1:3" ht="19.2">
      <c r="A33863" s="2"/>
      <c r="B33863" s="2"/>
      <c r="C33863" s="2"/>
    </row>
    <row r="33864" spans="1:3" ht="19.2">
      <c r="A33864" s="2"/>
      <c r="B33864" s="2"/>
      <c r="C33864" s="2"/>
    </row>
    <row r="33865" spans="1:3" ht="19.2">
      <c r="A33865" s="2"/>
      <c r="B33865" s="2"/>
      <c r="C33865" s="2"/>
    </row>
    <row r="33866" spans="1:3" ht="19.2">
      <c r="A33866" s="2"/>
      <c r="B33866" s="2"/>
      <c r="C33866" s="2"/>
    </row>
    <row r="33867" spans="1:3" ht="19.2">
      <c r="A33867" s="2"/>
      <c r="B33867" s="2"/>
      <c r="C33867" s="2"/>
    </row>
    <row r="33868" spans="1:3" ht="19.2">
      <c r="A33868" s="2"/>
      <c r="B33868" s="2"/>
      <c r="C33868" s="2"/>
    </row>
    <row r="33869" spans="1:3" ht="19.2">
      <c r="A33869" s="2"/>
      <c r="B33869" s="2"/>
      <c r="C33869" s="2"/>
    </row>
    <row r="33870" spans="1:3" ht="19.2">
      <c r="A33870" s="2"/>
      <c r="B33870" s="2"/>
      <c r="C33870" s="2"/>
    </row>
    <row r="33871" spans="1:3" ht="19.2">
      <c r="A33871" s="2"/>
      <c r="B33871" s="2"/>
      <c r="C33871" s="2"/>
    </row>
    <row r="33872" spans="1:3" ht="19.2">
      <c r="A33872" s="2"/>
      <c r="B33872" s="2"/>
      <c r="C33872" s="2"/>
    </row>
    <row r="33873" spans="1:3" ht="19.2">
      <c r="A33873" s="2"/>
      <c r="B33873" s="2"/>
      <c r="C33873" s="2"/>
    </row>
    <row r="33874" spans="1:3" ht="19.2">
      <c r="A33874" s="2"/>
      <c r="B33874" s="2"/>
      <c r="C33874" s="2"/>
    </row>
    <row r="33875" spans="1:3" ht="19.2">
      <c r="A33875" s="2"/>
      <c r="B33875" s="2"/>
      <c r="C33875" s="2"/>
    </row>
    <row r="33876" spans="1:3" ht="19.2">
      <c r="A33876" s="2"/>
      <c r="B33876" s="2"/>
      <c r="C33876" s="2"/>
    </row>
    <row r="33877" spans="1:3" ht="19.2">
      <c r="A33877" s="2"/>
      <c r="B33877" s="2"/>
      <c r="C33877" s="2"/>
    </row>
    <row r="33878" spans="1:3" ht="19.2">
      <c r="A33878" s="2"/>
      <c r="B33878" s="2"/>
      <c r="C33878" s="2"/>
    </row>
    <row r="33879" spans="1:3" ht="19.2">
      <c r="A33879" s="2"/>
      <c r="B33879" s="2"/>
      <c r="C33879" s="2"/>
    </row>
    <row r="33880" spans="1:3" ht="19.2">
      <c r="A33880" s="2"/>
      <c r="B33880" s="2"/>
      <c r="C33880" s="2"/>
    </row>
    <row r="33881" spans="1:3" ht="19.2">
      <c r="A33881" s="2"/>
      <c r="B33881" s="2"/>
      <c r="C33881" s="2"/>
    </row>
    <row r="33882" spans="1:3" ht="19.2">
      <c r="A33882" s="2"/>
      <c r="B33882" s="2"/>
      <c r="C33882" s="2"/>
    </row>
    <row r="33883" spans="1:3" ht="19.2">
      <c r="A33883" s="2"/>
      <c r="B33883" s="2"/>
      <c r="C33883" s="2"/>
    </row>
    <row r="33884" spans="1:3" ht="19.2">
      <c r="A33884" s="2"/>
      <c r="B33884" s="2"/>
      <c r="C33884" s="2"/>
    </row>
    <row r="33885" spans="1:3" ht="19.2">
      <c r="A33885" s="2"/>
      <c r="B33885" s="2"/>
      <c r="C33885" s="2"/>
    </row>
    <row r="33886" spans="1:3" ht="19.2">
      <c r="A33886" s="2"/>
      <c r="B33886" s="2"/>
      <c r="C33886" s="2"/>
    </row>
    <row r="33887" spans="1:3" ht="19.2">
      <c r="A33887" s="2"/>
      <c r="B33887" s="2"/>
      <c r="C33887" s="2"/>
    </row>
    <row r="33888" spans="1:3" ht="19.2">
      <c r="A33888" s="2"/>
      <c r="B33888" s="2"/>
      <c r="C33888" s="2"/>
    </row>
    <row r="33889" spans="1:3" ht="19.2">
      <c r="A33889" s="2"/>
      <c r="B33889" s="2"/>
      <c r="C33889" s="2"/>
    </row>
    <row r="33890" spans="1:3" ht="19.2">
      <c r="A33890" s="2"/>
      <c r="B33890" s="2"/>
      <c r="C33890" s="2"/>
    </row>
    <row r="33891" spans="1:3" ht="19.2">
      <c r="A33891" s="2"/>
      <c r="B33891" s="2"/>
      <c r="C33891" s="2"/>
    </row>
    <row r="33892" spans="1:3" ht="19.2">
      <c r="A33892" s="2"/>
      <c r="B33892" s="2"/>
      <c r="C33892" s="2"/>
    </row>
    <row r="33893" spans="1:3" ht="19.2">
      <c r="A33893" s="2"/>
      <c r="B33893" s="2"/>
      <c r="C33893" s="2"/>
    </row>
    <row r="33894" spans="1:3" ht="19.2">
      <c r="A33894" s="2"/>
      <c r="B33894" s="2"/>
      <c r="C33894" s="2"/>
    </row>
    <row r="33895" spans="1:3" ht="19.2">
      <c r="A33895" s="2"/>
      <c r="B33895" s="2"/>
      <c r="C33895" s="2"/>
    </row>
    <row r="33896" spans="1:3" ht="19.2">
      <c r="A33896" s="2"/>
      <c r="B33896" s="2"/>
      <c r="C33896" s="2"/>
    </row>
    <row r="33897" spans="1:3" ht="19.2">
      <c r="A33897" s="2"/>
      <c r="B33897" s="2"/>
      <c r="C33897" s="2"/>
    </row>
    <row r="33898" spans="1:3" ht="19.2">
      <c r="A33898" s="2"/>
      <c r="B33898" s="2"/>
      <c r="C33898" s="2"/>
    </row>
    <row r="33899" spans="1:3" ht="19.2">
      <c r="A33899" s="2"/>
      <c r="B33899" s="2"/>
      <c r="C33899" s="2"/>
    </row>
    <row r="33900" spans="1:3" ht="19.2">
      <c r="A33900" s="2"/>
      <c r="B33900" s="2"/>
      <c r="C33900" s="2"/>
    </row>
    <row r="33901" spans="1:3" ht="19.2">
      <c r="A33901" s="2"/>
      <c r="B33901" s="2"/>
      <c r="C33901" s="2"/>
    </row>
    <row r="33902" spans="1:3" ht="19.2">
      <c r="A33902" s="2"/>
      <c r="B33902" s="2"/>
      <c r="C33902" s="2"/>
    </row>
    <row r="33903" spans="1:3" ht="19.2">
      <c r="A33903" s="2"/>
      <c r="B33903" s="2"/>
      <c r="C33903" s="2"/>
    </row>
    <row r="33904" spans="1:3" ht="19.2">
      <c r="A33904" s="2"/>
      <c r="B33904" s="2"/>
      <c r="C33904" s="2"/>
    </row>
    <row r="33905" spans="1:3" ht="19.2">
      <c r="A33905" s="2"/>
      <c r="B33905" s="2"/>
      <c r="C33905" s="2"/>
    </row>
    <row r="33906" spans="1:3" ht="19.2">
      <c r="A33906" s="2"/>
      <c r="B33906" s="2"/>
      <c r="C33906" s="2"/>
    </row>
    <row r="33907" spans="1:3" ht="19.2">
      <c r="A33907" s="2"/>
      <c r="B33907" s="2"/>
      <c r="C33907" s="2"/>
    </row>
    <row r="33908" spans="1:3" ht="19.2">
      <c r="A33908" s="2"/>
      <c r="B33908" s="2"/>
      <c r="C33908" s="2"/>
    </row>
    <row r="33909" spans="1:3" ht="19.2">
      <c r="A33909" s="2"/>
      <c r="B33909" s="2"/>
      <c r="C33909" s="2"/>
    </row>
    <row r="33910" spans="1:3" ht="19.2">
      <c r="A33910" s="2"/>
      <c r="B33910" s="2"/>
      <c r="C33910" s="2"/>
    </row>
    <row r="33911" spans="1:3" ht="19.2">
      <c r="A33911" s="2"/>
      <c r="B33911" s="2"/>
      <c r="C33911" s="2"/>
    </row>
    <row r="33912" spans="1:3" ht="19.2">
      <c r="A33912" s="2"/>
      <c r="B33912" s="2"/>
      <c r="C33912" s="2"/>
    </row>
    <row r="33913" spans="1:3" ht="19.2">
      <c r="A33913" s="2"/>
      <c r="B33913" s="2"/>
      <c r="C33913" s="2"/>
    </row>
    <row r="33914" spans="1:3" ht="19.2">
      <c r="A33914" s="2"/>
      <c r="B33914" s="2"/>
      <c r="C33914" s="2"/>
    </row>
    <row r="33915" spans="1:3" ht="19.2">
      <c r="A33915" s="2"/>
      <c r="B33915" s="2"/>
      <c r="C33915" s="2"/>
    </row>
    <row r="33916" spans="1:3" ht="19.2">
      <c r="A33916" s="2"/>
      <c r="B33916" s="2"/>
      <c r="C33916" s="2"/>
    </row>
    <row r="33917" spans="1:3" ht="19.2">
      <c r="A33917" s="2"/>
      <c r="B33917" s="2"/>
      <c r="C33917" s="2"/>
    </row>
    <row r="33918" spans="1:3" ht="19.2">
      <c r="A33918" s="2"/>
      <c r="B33918" s="2"/>
      <c r="C33918" s="2"/>
    </row>
    <row r="33919" spans="1:3" ht="19.2">
      <c r="A33919" s="2"/>
      <c r="B33919" s="2"/>
      <c r="C33919" s="2"/>
    </row>
    <row r="33920" spans="1:3" ht="19.2">
      <c r="A33920" s="2"/>
      <c r="B33920" s="2"/>
      <c r="C33920" s="2"/>
    </row>
    <row r="33921" spans="1:3" ht="19.2">
      <c r="A33921" s="2"/>
      <c r="B33921" s="2"/>
      <c r="C33921" s="2"/>
    </row>
    <row r="33922" spans="1:3" ht="19.2">
      <c r="A33922" s="2"/>
      <c r="B33922" s="2"/>
      <c r="C33922" s="2"/>
    </row>
    <row r="33923" spans="1:3" ht="19.2">
      <c r="A33923" s="2"/>
      <c r="B33923" s="2"/>
      <c r="C33923" s="2"/>
    </row>
    <row r="33924" spans="1:3" ht="19.2">
      <c r="A33924" s="2"/>
      <c r="B33924" s="2"/>
      <c r="C33924" s="2"/>
    </row>
    <row r="33925" spans="1:3" ht="19.2">
      <c r="A33925" s="2"/>
      <c r="B33925" s="2"/>
      <c r="C33925" s="2"/>
    </row>
    <row r="33926" spans="1:3" ht="19.2">
      <c r="A33926" s="2"/>
      <c r="B33926" s="2"/>
      <c r="C33926" s="2"/>
    </row>
    <row r="33927" spans="1:3" ht="19.2">
      <c r="A33927" s="2"/>
      <c r="B33927" s="2"/>
      <c r="C33927" s="2"/>
    </row>
    <row r="33928" spans="1:3" ht="19.2">
      <c r="A33928" s="2"/>
      <c r="B33928" s="2"/>
      <c r="C33928" s="2"/>
    </row>
    <row r="33929" spans="1:3" ht="19.2">
      <c r="A33929" s="2"/>
      <c r="B33929" s="2"/>
      <c r="C33929" s="2"/>
    </row>
    <row r="33930" spans="1:3" ht="19.2">
      <c r="A33930" s="2"/>
      <c r="B33930" s="2"/>
      <c r="C33930" s="2"/>
    </row>
    <row r="33931" spans="1:3" ht="19.2">
      <c r="A33931" s="2"/>
      <c r="B33931" s="2"/>
      <c r="C33931" s="2"/>
    </row>
    <row r="33932" spans="1:3" ht="19.2">
      <c r="A33932" s="2"/>
      <c r="B33932" s="2"/>
      <c r="C33932" s="2"/>
    </row>
    <row r="33933" spans="1:3" ht="19.2">
      <c r="A33933" s="2"/>
      <c r="B33933" s="2"/>
      <c r="C33933" s="2"/>
    </row>
    <row r="33934" spans="1:3" ht="19.2">
      <c r="A33934" s="2"/>
      <c r="B33934" s="2"/>
      <c r="C33934" s="2"/>
    </row>
    <row r="33935" spans="1:3" ht="19.2">
      <c r="A33935" s="2"/>
      <c r="B33935" s="2"/>
      <c r="C33935" s="2"/>
    </row>
    <row r="33936" spans="1:3" ht="19.2">
      <c r="A33936" s="2"/>
      <c r="B33936" s="2"/>
      <c r="C33936" s="2"/>
    </row>
    <row r="33937" spans="1:3" ht="19.2">
      <c r="A33937" s="2"/>
      <c r="B33937" s="2"/>
      <c r="C33937" s="2"/>
    </row>
    <row r="33938" spans="1:3" ht="19.2">
      <c r="A33938" s="2"/>
      <c r="B33938" s="2"/>
      <c r="C33938" s="2"/>
    </row>
    <row r="33939" spans="1:3" ht="19.2">
      <c r="A33939" s="2"/>
      <c r="B33939" s="2"/>
      <c r="C33939" s="2"/>
    </row>
    <row r="33940" spans="1:3" ht="19.2">
      <c r="A33940" s="2"/>
      <c r="B33940" s="2"/>
      <c r="C33940" s="2"/>
    </row>
    <row r="33941" spans="1:3" ht="19.2">
      <c r="A33941" s="2"/>
      <c r="B33941" s="2"/>
      <c r="C33941" s="2"/>
    </row>
    <row r="33942" spans="1:3" ht="19.2">
      <c r="A33942" s="2"/>
      <c r="B33942" s="2"/>
      <c r="C33942" s="2"/>
    </row>
    <row r="33943" spans="1:3" ht="19.2">
      <c r="A33943" s="2"/>
      <c r="B33943" s="2"/>
      <c r="C33943" s="2"/>
    </row>
    <row r="33944" spans="1:3" ht="19.2">
      <c r="A33944" s="2"/>
      <c r="B33944" s="2"/>
      <c r="C33944" s="2"/>
    </row>
    <row r="33945" spans="1:3" ht="19.2">
      <c r="A33945" s="2"/>
      <c r="B33945" s="2"/>
      <c r="C33945" s="2"/>
    </row>
    <row r="33946" spans="1:3" ht="19.2">
      <c r="A33946" s="2"/>
      <c r="B33946" s="2"/>
      <c r="C33946" s="2"/>
    </row>
    <row r="33947" spans="1:3" ht="19.2">
      <c r="A33947" s="2"/>
      <c r="B33947" s="2"/>
      <c r="C33947" s="2"/>
    </row>
    <row r="33948" spans="1:3" ht="19.2">
      <c r="A33948" s="2"/>
      <c r="B33948" s="2"/>
      <c r="C33948" s="2"/>
    </row>
    <row r="33949" spans="1:3" ht="19.2">
      <c r="A33949" s="2"/>
      <c r="B33949" s="2"/>
      <c r="C33949" s="2"/>
    </row>
    <row r="33950" spans="1:3" ht="19.2">
      <c r="A33950" s="2"/>
      <c r="B33950" s="2"/>
      <c r="C33950" s="2"/>
    </row>
    <row r="33951" spans="1:3" ht="19.2">
      <c r="A33951" s="2"/>
      <c r="B33951" s="2"/>
      <c r="C33951" s="2"/>
    </row>
    <row r="33952" spans="1:3" ht="19.2">
      <c r="A33952" s="2"/>
      <c r="B33952" s="2"/>
      <c r="C33952" s="2"/>
    </row>
    <row r="33953" spans="1:3" ht="19.2">
      <c r="A33953" s="2"/>
      <c r="B33953" s="2"/>
      <c r="C33953" s="2"/>
    </row>
    <row r="33954" spans="1:3" ht="19.2">
      <c r="A33954" s="2"/>
      <c r="B33954" s="2"/>
      <c r="C33954" s="2"/>
    </row>
    <row r="33955" spans="1:3" ht="19.2">
      <c r="A33955" s="2"/>
      <c r="B33955" s="2"/>
      <c r="C33955" s="2"/>
    </row>
    <row r="33956" spans="1:3" ht="19.2">
      <c r="A33956" s="2"/>
      <c r="B33956" s="2"/>
      <c r="C33956" s="2"/>
    </row>
    <row r="33957" spans="1:3" ht="19.2">
      <c r="A33957" s="2"/>
      <c r="B33957" s="2"/>
      <c r="C33957" s="2"/>
    </row>
    <row r="33958" spans="1:3" ht="19.2">
      <c r="A33958" s="2"/>
      <c r="B33958" s="2"/>
      <c r="C33958" s="2"/>
    </row>
    <row r="33959" spans="1:3" ht="19.2">
      <c r="A33959" s="2"/>
      <c r="B33959" s="2"/>
      <c r="C33959" s="2"/>
    </row>
    <row r="33960" spans="1:3" ht="19.2">
      <c r="A33960" s="2"/>
      <c r="B33960" s="2"/>
      <c r="C33960" s="2"/>
    </row>
    <row r="33961" spans="1:3" ht="19.2">
      <c r="A33961" s="2"/>
      <c r="B33961" s="2"/>
      <c r="C33961" s="2"/>
    </row>
    <row r="33962" spans="1:3" ht="19.2">
      <c r="A33962" s="2"/>
      <c r="B33962" s="2"/>
      <c r="C33962" s="2"/>
    </row>
    <row r="33963" spans="1:3" ht="19.2">
      <c r="A33963" s="2"/>
      <c r="B33963" s="2"/>
      <c r="C33963" s="2"/>
    </row>
    <row r="33964" spans="1:3" ht="19.2">
      <c r="A33964" s="2"/>
      <c r="B33964" s="2"/>
      <c r="C33964" s="2"/>
    </row>
    <row r="33965" spans="1:3" ht="19.2">
      <c r="A33965" s="2"/>
      <c r="B33965" s="2"/>
      <c r="C33965" s="2"/>
    </row>
    <row r="33966" spans="1:3" ht="19.2">
      <c r="A33966" s="2"/>
      <c r="B33966" s="2"/>
      <c r="C33966" s="2"/>
    </row>
    <row r="33967" spans="1:3" ht="19.2">
      <c r="A33967" s="2"/>
      <c r="B33967" s="2"/>
      <c r="C33967" s="2"/>
    </row>
    <row r="33968" spans="1:3" ht="19.2">
      <c r="A33968" s="2"/>
      <c r="B33968" s="2"/>
      <c r="C33968" s="2"/>
    </row>
    <row r="33969" spans="1:3" ht="19.2">
      <c r="A33969" s="2"/>
      <c r="B33969" s="2"/>
      <c r="C33969" s="2"/>
    </row>
    <row r="33970" spans="1:3" ht="19.2">
      <c r="A33970" s="2"/>
      <c r="B33970" s="2"/>
      <c r="C33970" s="2"/>
    </row>
    <row r="33971" spans="1:3" ht="19.2">
      <c r="A33971" s="2"/>
      <c r="B33971" s="2"/>
      <c r="C33971" s="2"/>
    </row>
    <row r="33972" spans="1:3" ht="19.2">
      <c r="A33972" s="2"/>
      <c r="B33972" s="2"/>
      <c r="C33972" s="2"/>
    </row>
    <row r="33973" spans="1:3" ht="19.2">
      <c r="A33973" s="2"/>
      <c r="B33973" s="2"/>
      <c r="C33973" s="2"/>
    </row>
    <row r="33974" spans="1:3" ht="19.2">
      <c r="A33974" s="2"/>
      <c r="B33974" s="2"/>
      <c r="C33974" s="2"/>
    </row>
    <row r="33975" spans="1:3" ht="19.2">
      <c r="A33975" s="2"/>
      <c r="B33975" s="2"/>
      <c r="C33975" s="2"/>
    </row>
    <row r="33976" spans="1:3" ht="19.2">
      <c r="A33976" s="2"/>
      <c r="B33976" s="2"/>
      <c r="C33976" s="2"/>
    </row>
    <row r="33977" spans="1:3" ht="19.2">
      <c r="A33977" s="2"/>
      <c r="B33977" s="2"/>
      <c r="C33977" s="2"/>
    </row>
    <row r="33978" spans="1:3" ht="19.2">
      <c r="A33978" s="2"/>
      <c r="B33978" s="2"/>
      <c r="C33978" s="2"/>
    </row>
    <row r="33979" spans="1:3" ht="19.2">
      <c r="A33979" s="2"/>
      <c r="B33979" s="2"/>
      <c r="C33979" s="2"/>
    </row>
    <row r="33980" spans="1:3" ht="19.2">
      <c r="A33980" s="2"/>
      <c r="B33980" s="2"/>
      <c r="C33980" s="2"/>
    </row>
    <row r="33981" spans="1:3" ht="19.2">
      <c r="A33981" s="2"/>
      <c r="B33981" s="2"/>
      <c r="C33981" s="2"/>
    </row>
    <row r="33982" spans="1:3" ht="19.2">
      <c r="A33982" s="2"/>
      <c r="B33982" s="2"/>
      <c r="C33982" s="2"/>
    </row>
    <row r="33983" spans="1:3" ht="19.2">
      <c r="A33983" s="2"/>
      <c r="B33983" s="2"/>
      <c r="C33983" s="2"/>
    </row>
    <row r="33984" spans="1:3" ht="19.2">
      <c r="A33984" s="2"/>
      <c r="B33984" s="2"/>
      <c r="C33984" s="2"/>
    </row>
    <row r="33985" spans="1:3" ht="19.2">
      <c r="A33985" s="2"/>
      <c r="B33985" s="2"/>
      <c r="C33985" s="2"/>
    </row>
    <row r="33986" spans="1:3" ht="19.2">
      <c r="A33986" s="2"/>
      <c r="B33986" s="2"/>
      <c r="C33986" s="2"/>
    </row>
    <row r="33987" spans="1:3" ht="19.2">
      <c r="A33987" s="2"/>
      <c r="B33987" s="2"/>
      <c r="C33987" s="2"/>
    </row>
    <row r="33988" spans="1:3" ht="19.2">
      <c r="A33988" s="2"/>
      <c r="B33988" s="2"/>
      <c r="C33988" s="2"/>
    </row>
    <row r="33989" spans="1:3" ht="19.2">
      <c r="A33989" s="2"/>
      <c r="B33989" s="2"/>
      <c r="C33989" s="2"/>
    </row>
    <row r="33990" spans="1:3" ht="19.2">
      <c r="A33990" s="2"/>
      <c r="B33990" s="2"/>
      <c r="C33990" s="2"/>
    </row>
    <row r="33991" spans="1:3" ht="19.2">
      <c r="A33991" s="2"/>
      <c r="B33991" s="2"/>
      <c r="C33991" s="2"/>
    </row>
    <row r="33992" spans="1:3" ht="19.2">
      <c r="A33992" s="2"/>
      <c r="B33992" s="2"/>
      <c r="C33992" s="2"/>
    </row>
    <row r="33993" spans="1:3" ht="19.2">
      <c r="A33993" s="2"/>
      <c r="B33993" s="2"/>
      <c r="C33993" s="2"/>
    </row>
    <row r="33994" spans="1:3" ht="19.2">
      <c r="A33994" s="2"/>
      <c r="B33994" s="2"/>
      <c r="C33994" s="2"/>
    </row>
    <row r="33995" spans="1:3" ht="19.2">
      <c r="A33995" s="2"/>
      <c r="B33995" s="2"/>
      <c r="C33995" s="2"/>
    </row>
    <row r="33996" spans="1:3" ht="19.2">
      <c r="A33996" s="2"/>
      <c r="B33996" s="2"/>
      <c r="C33996" s="2"/>
    </row>
    <row r="33997" spans="1:3" ht="19.2">
      <c r="A33997" s="2"/>
      <c r="B33997" s="2"/>
      <c r="C33997" s="2"/>
    </row>
    <row r="33998" spans="1:3" ht="19.2">
      <c r="A33998" s="2"/>
      <c r="B33998" s="2"/>
      <c r="C33998" s="2"/>
    </row>
    <row r="33999" spans="1:3" ht="19.2">
      <c r="A33999" s="2"/>
      <c r="B33999" s="2"/>
      <c r="C33999" s="2"/>
    </row>
    <row r="34000" spans="1:3" ht="19.2">
      <c r="A34000" s="2"/>
      <c r="B34000" s="2"/>
      <c r="C34000" s="2"/>
    </row>
    <row r="34001" spans="1:3" ht="19.2">
      <c r="A34001" s="2"/>
      <c r="B34001" s="2"/>
      <c r="C34001" s="2"/>
    </row>
    <row r="34002" spans="1:3" ht="19.2">
      <c r="A34002" s="2"/>
      <c r="B34002" s="2"/>
      <c r="C34002" s="2"/>
    </row>
    <row r="34003" spans="1:3" ht="19.2">
      <c r="A34003" s="2"/>
      <c r="B34003" s="2"/>
      <c r="C34003" s="2"/>
    </row>
    <row r="34004" spans="1:3" ht="19.2">
      <c r="A34004" s="2"/>
      <c r="B34004" s="2"/>
      <c r="C34004" s="2"/>
    </row>
    <row r="34005" spans="1:3" ht="19.2">
      <c r="A34005" s="2"/>
      <c r="B34005" s="2"/>
      <c r="C34005" s="2"/>
    </row>
    <row r="34006" spans="1:3" ht="19.2">
      <c r="A34006" s="2"/>
      <c r="B34006" s="2"/>
      <c r="C34006" s="2"/>
    </row>
    <row r="34007" spans="1:3" ht="19.2">
      <c r="A34007" s="2"/>
      <c r="B34007" s="2"/>
      <c r="C34007" s="2"/>
    </row>
    <row r="34008" spans="1:3" ht="19.2">
      <c r="A34008" s="2"/>
      <c r="B34008" s="2"/>
      <c r="C34008" s="2"/>
    </row>
    <row r="34009" spans="1:3" ht="19.2">
      <c r="A34009" s="2"/>
      <c r="B34009" s="2"/>
      <c r="C34009" s="2"/>
    </row>
    <row r="34010" spans="1:3" ht="19.2">
      <c r="A34010" s="2"/>
      <c r="B34010" s="2"/>
      <c r="C34010" s="2"/>
    </row>
    <row r="34011" spans="1:3" ht="19.2">
      <c r="A34011" s="2"/>
      <c r="B34011" s="2"/>
      <c r="C34011" s="2"/>
    </row>
    <row r="34012" spans="1:3" ht="19.2">
      <c r="A34012" s="2"/>
      <c r="B34012" s="2"/>
      <c r="C34012" s="2"/>
    </row>
    <row r="34013" spans="1:3" ht="19.2">
      <c r="A34013" s="2"/>
      <c r="B34013" s="2"/>
      <c r="C34013" s="2"/>
    </row>
    <row r="34014" spans="1:3" ht="19.2">
      <c r="A34014" s="2"/>
      <c r="B34014" s="2"/>
      <c r="C34014" s="2"/>
    </row>
    <row r="34015" spans="1:3" ht="19.2">
      <c r="A34015" s="2"/>
      <c r="B34015" s="2"/>
      <c r="C34015" s="2"/>
    </row>
    <row r="34016" spans="1:3" ht="19.2">
      <c r="A34016" s="2"/>
      <c r="B34016" s="2"/>
      <c r="C34016" s="2"/>
    </row>
    <row r="34017" spans="1:3" ht="19.2">
      <c r="A34017" s="2"/>
      <c r="B34017" s="2"/>
      <c r="C34017" s="2"/>
    </row>
    <row r="34018" spans="1:3" ht="19.2">
      <c r="A34018" s="2"/>
      <c r="B34018" s="2"/>
      <c r="C34018" s="2"/>
    </row>
    <row r="34019" spans="1:3" ht="19.2">
      <c r="A34019" s="2"/>
      <c r="B34019" s="2"/>
      <c r="C34019" s="2"/>
    </row>
    <row r="34020" spans="1:3" ht="19.2">
      <c r="A34020" s="2"/>
      <c r="B34020" s="2"/>
      <c r="C34020" s="2"/>
    </row>
    <row r="34021" spans="1:3" ht="19.2">
      <c r="A34021" s="2"/>
      <c r="B34021" s="2"/>
      <c r="C34021" s="2"/>
    </row>
    <row r="34022" spans="1:3" ht="19.2">
      <c r="A34022" s="2"/>
      <c r="B34022" s="2"/>
      <c r="C34022" s="2"/>
    </row>
    <row r="34023" spans="1:3" ht="19.2">
      <c r="A34023" s="2"/>
      <c r="B34023" s="2"/>
      <c r="C34023" s="2"/>
    </row>
    <row r="34024" spans="1:3" ht="19.2">
      <c r="A34024" s="2"/>
      <c r="B34024" s="2"/>
      <c r="C34024" s="2"/>
    </row>
    <row r="34025" spans="1:3" ht="19.2">
      <c r="A34025" s="2"/>
      <c r="B34025" s="2"/>
      <c r="C34025" s="2"/>
    </row>
    <row r="34026" spans="1:3" ht="19.2">
      <c r="A34026" s="2"/>
      <c r="B34026" s="2"/>
      <c r="C34026" s="2"/>
    </row>
    <row r="34027" spans="1:3" ht="19.2">
      <c r="A34027" s="2"/>
      <c r="B34027" s="2"/>
      <c r="C34027" s="2"/>
    </row>
    <row r="34028" spans="1:3" ht="19.2">
      <c r="A34028" s="2"/>
      <c r="B34028" s="2"/>
      <c r="C34028" s="2"/>
    </row>
    <row r="34029" spans="1:3" ht="19.2">
      <c r="A34029" s="2"/>
      <c r="B34029" s="2"/>
      <c r="C34029" s="2"/>
    </row>
    <row r="34030" spans="1:3" ht="19.2">
      <c r="A34030" s="2"/>
      <c r="B34030" s="2"/>
      <c r="C34030" s="2"/>
    </row>
    <row r="34031" spans="1:3" ht="19.2">
      <c r="A34031" s="2"/>
      <c r="B34031" s="2"/>
      <c r="C34031" s="2"/>
    </row>
    <row r="34032" spans="1:3" ht="19.2">
      <c r="A34032" s="2"/>
      <c r="B34032" s="2"/>
      <c r="C34032" s="2"/>
    </row>
    <row r="34033" spans="1:3" ht="19.2">
      <c r="A34033" s="2"/>
      <c r="B34033" s="2"/>
      <c r="C34033" s="2"/>
    </row>
    <row r="34034" spans="1:3" ht="19.2">
      <c r="A34034" s="2"/>
      <c r="B34034" s="2"/>
      <c r="C34034" s="2"/>
    </row>
    <row r="34035" spans="1:3" ht="19.2">
      <c r="A34035" s="2"/>
      <c r="B34035" s="2"/>
      <c r="C34035" s="2"/>
    </row>
    <row r="34036" spans="1:3" ht="19.2">
      <c r="A34036" s="2"/>
      <c r="B34036" s="2"/>
      <c r="C34036" s="2"/>
    </row>
    <row r="34037" spans="1:3" ht="19.2">
      <c r="A34037" s="2"/>
      <c r="B34037" s="2"/>
      <c r="C34037" s="2"/>
    </row>
    <row r="34038" spans="1:3" ht="19.2">
      <c r="A34038" s="2"/>
      <c r="B34038" s="2"/>
      <c r="C34038" s="2"/>
    </row>
    <row r="34039" spans="1:3" ht="19.2">
      <c r="A34039" s="2"/>
      <c r="B34039" s="2"/>
      <c r="C34039" s="2"/>
    </row>
    <row r="34040" spans="1:3" ht="19.2">
      <c r="A34040" s="2"/>
      <c r="B34040" s="2"/>
      <c r="C34040" s="2"/>
    </row>
    <row r="34041" spans="1:3" ht="19.2">
      <c r="A34041" s="2"/>
      <c r="B34041" s="2"/>
      <c r="C34041" s="2"/>
    </row>
    <row r="34042" spans="1:3" ht="19.2">
      <c r="A34042" s="2"/>
      <c r="B34042" s="2"/>
      <c r="C34042" s="2"/>
    </row>
    <row r="34043" spans="1:3" ht="19.2">
      <c r="A34043" s="2"/>
      <c r="B34043" s="2"/>
      <c r="C34043" s="2"/>
    </row>
    <row r="34044" spans="1:3" ht="19.2">
      <c r="A34044" s="2"/>
      <c r="B34044" s="2"/>
      <c r="C34044" s="2"/>
    </row>
    <row r="34045" spans="1:3" ht="19.2">
      <c r="A34045" s="2"/>
      <c r="B34045" s="2"/>
      <c r="C34045" s="2"/>
    </row>
    <row r="34046" spans="1:3" ht="19.2">
      <c r="A34046" s="2"/>
      <c r="B34046" s="2"/>
      <c r="C34046" s="2"/>
    </row>
    <row r="34047" spans="1:3" ht="19.2">
      <c r="A34047" s="2"/>
      <c r="B34047" s="2"/>
      <c r="C34047" s="2"/>
    </row>
    <row r="34048" spans="1:3" ht="19.2">
      <c r="A34048" s="2"/>
      <c r="B34048" s="2"/>
      <c r="C34048" s="2"/>
    </row>
    <row r="34049" spans="1:3" ht="19.2">
      <c r="A34049" s="2"/>
      <c r="B34049" s="2"/>
      <c r="C34049" s="2"/>
    </row>
    <row r="34050" spans="1:3" ht="19.2">
      <c r="A34050" s="2"/>
      <c r="B34050" s="2"/>
      <c r="C34050" s="2"/>
    </row>
    <row r="34051" spans="1:3" ht="19.2">
      <c r="A34051" s="2"/>
      <c r="B34051" s="2"/>
      <c r="C34051" s="2"/>
    </row>
    <row r="34052" spans="1:3" ht="19.2">
      <c r="A34052" s="2"/>
      <c r="B34052" s="2"/>
      <c r="C34052" s="2"/>
    </row>
    <row r="34053" spans="1:3" ht="19.2">
      <c r="A34053" s="2"/>
      <c r="B34053" s="2"/>
      <c r="C34053" s="2"/>
    </row>
    <row r="34054" spans="1:3" ht="19.2">
      <c r="A34054" s="2"/>
      <c r="B34054" s="2"/>
      <c r="C34054" s="2"/>
    </row>
    <row r="34055" spans="1:3" ht="19.2">
      <c r="A34055" s="2"/>
      <c r="B34055" s="2"/>
      <c r="C34055" s="2"/>
    </row>
    <row r="34056" spans="1:3" ht="19.2">
      <c r="A34056" s="2"/>
      <c r="B34056" s="2"/>
      <c r="C34056" s="2"/>
    </row>
    <row r="34057" spans="1:3" ht="19.2">
      <c r="A34057" s="2"/>
      <c r="B34057" s="2"/>
      <c r="C34057" s="2"/>
    </row>
    <row r="34058" spans="1:3" ht="19.2">
      <c r="A34058" s="2"/>
      <c r="B34058" s="2"/>
      <c r="C34058" s="2"/>
    </row>
    <row r="34059" spans="1:3" ht="19.2">
      <c r="A34059" s="2"/>
      <c r="B34059" s="2"/>
      <c r="C34059" s="2"/>
    </row>
    <row r="34060" spans="1:3" ht="19.2">
      <c r="A34060" s="2"/>
      <c r="B34060" s="2"/>
      <c r="C34060" s="2"/>
    </row>
    <row r="34061" spans="1:3" ht="19.2">
      <c r="A34061" s="2"/>
      <c r="B34061" s="2"/>
      <c r="C34061" s="2"/>
    </row>
    <row r="34062" spans="1:3" ht="19.2">
      <c r="A34062" s="2"/>
      <c r="B34062" s="2"/>
      <c r="C34062" s="2"/>
    </row>
    <row r="34063" spans="1:3" ht="19.2">
      <c r="A34063" s="2"/>
      <c r="B34063" s="2"/>
      <c r="C34063" s="2"/>
    </row>
    <row r="34064" spans="1:3" ht="19.2">
      <c r="A34064" s="2"/>
      <c r="B34064" s="2"/>
      <c r="C34064" s="2"/>
    </row>
    <row r="34065" spans="1:3" ht="19.2">
      <c r="A34065" s="2"/>
      <c r="B34065" s="2"/>
      <c r="C34065" s="2"/>
    </row>
    <row r="34066" spans="1:3" ht="19.2">
      <c r="A34066" s="2"/>
      <c r="B34066" s="2"/>
      <c r="C34066" s="2"/>
    </row>
    <row r="34067" spans="1:3" ht="19.2">
      <c r="A34067" s="2"/>
      <c r="B34067" s="2"/>
      <c r="C34067" s="2"/>
    </row>
    <row r="34068" spans="1:3" ht="19.2">
      <c r="A34068" s="2"/>
      <c r="B34068" s="2"/>
      <c r="C34068" s="2"/>
    </row>
    <row r="34069" spans="1:3" ht="19.2">
      <c r="A34069" s="2"/>
      <c r="B34069" s="2"/>
      <c r="C34069" s="2"/>
    </row>
    <row r="34070" spans="1:3" ht="19.2">
      <c r="A34070" s="2"/>
      <c r="B34070" s="2"/>
      <c r="C34070" s="2"/>
    </row>
    <row r="34071" spans="1:3" ht="19.2">
      <c r="A34071" s="2"/>
      <c r="B34071" s="2"/>
      <c r="C34071" s="2"/>
    </row>
    <row r="34072" spans="1:3" ht="19.2">
      <c r="A34072" s="2"/>
      <c r="B34072" s="2"/>
      <c r="C34072" s="2"/>
    </row>
    <row r="34073" spans="1:3" ht="19.2">
      <c r="A34073" s="2"/>
      <c r="B34073" s="2"/>
      <c r="C34073" s="2"/>
    </row>
    <row r="34074" spans="1:3" ht="19.2">
      <c r="A34074" s="2"/>
      <c r="B34074" s="2"/>
      <c r="C34074" s="2"/>
    </row>
    <row r="34075" spans="1:3" ht="19.2">
      <c r="A34075" s="2"/>
      <c r="B34075" s="2"/>
      <c r="C34075" s="2"/>
    </row>
    <row r="34076" spans="1:3" ht="19.2">
      <c r="A34076" s="2"/>
      <c r="B34076" s="2"/>
      <c r="C34076" s="2"/>
    </row>
    <row r="34077" spans="1:3" ht="19.2">
      <c r="A34077" s="2"/>
      <c r="B34077" s="2"/>
      <c r="C34077" s="2"/>
    </row>
    <row r="34078" spans="1:3" ht="19.2">
      <c r="A34078" s="2"/>
      <c r="B34078" s="2"/>
      <c r="C34078" s="2"/>
    </row>
    <row r="34079" spans="1:3" ht="19.2">
      <c r="A34079" s="2"/>
      <c r="B34079" s="2"/>
      <c r="C34079" s="2"/>
    </row>
    <row r="34080" spans="1:3" ht="19.2">
      <c r="A34080" s="2"/>
      <c r="B34080" s="2"/>
      <c r="C34080" s="2"/>
    </row>
    <row r="34081" spans="1:3" ht="19.2">
      <c r="A34081" s="2"/>
      <c r="B34081" s="2"/>
      <c r="C34081" s="2"/>
    </row>
    <row r="34082" spans="1:3" ht="19.2">
      <c r="A34082" s="2"/>
      <c r="B34082" s="2"/>
      <c r="C34082" s="2"/>
    </row>
    <row r="34083" spans="1:3" ht="19.2">
      <c r="A34083" s="2"/>
      <c r="B34083" s="2"/>
      <c r="C34083" s="2"/>
    </row>
    <row r="34084" spans="1:3" ht="19.2">
      <c r="A34084" s="2"/>
      <c r="B34084" s="2"/>
      <c r="C34084" s="2"/>
    </row>
    <row r="34085" spans="1:3" ht="19.2">
      <c r="A34085" s="2"/>
      <c r="B34085" s="2"/>
      <c r="C34085" s="2"/>
    </row>
    <row r="34086" spans="1:3" ht="19.2">
      <c r="A34086" s="2"/>
      <c r="B34086" s="2"/>
      <c r="C34086" s="2"/>
    </row>
    <row r="34087" spans="1:3" ht="19.2">
      <c r="A34087" s="2"/>
      <c r="B34087" s="2"/>
      <c r="C34087" s="2"/>
    </row>
    <row r="34088" spans="1:3" ht="19.2">
      <c r="A34088" s="2"/>
      <c r="B34088" s="2"/>
      <c r="C34088" s="2"/>
    </row>
    <row r="34089" spans="1:3" ht="19.2">
      <c r="A34089" s="2"/>
      <c r="B34089" s="2"/>
      <c r="C34089" s="2"/>
    </row>
    <row r="34090" spans="1:3" ht="19.2">
      <c r="A34090" s="2"/>
      <c r="B34090" s="2"/>
      <c r="C34090" s="2"/>
    </row>
    <row r="34091" spans="1:3" ht="19.2">
      <c r="A34091" s="2"/>
      <c r="B34091" s="2"/>
      <c r="C34091" s="2"/>
    </row>
    <row r="34092" spans="1:3" ht="19.2">
      <c r="A34092" s="2"/>
      <c r="B34092" s="2"/>
      <c r="C34092" s="2"/>
    </row>
    <row r="34093" spans="1:3" ht="19.2">
      <c r="A34093" s="2"/>
      <c r="B34093" s="2"/>
      <c r="C34093" s="2"/>
    </row>
    <row r="34094" spans="1:3" ht="19.2">
      <c r="A34094" s="2"/>
      <c r="B34094" s="2"/>
      <c r="C34094" s="2"/>
    </row>
    <row r="34095" spans="1:3" ht="19.2">
      <c r="A34095" s="2"/>
      <c r="B34095" s="2"/>
      <c r="C34095" s="2"/>
    </row>
    <row r="34096" spans="1:3" ht="19.2">
      <c r="A34096" s="2"/>
      <c r="B34096" s="2"/>
      <c r="C34096" s="2"/>
    </row>
    <row r="34097" spans="1:3" ht="19.2">
      <c r="A34097" s="2"/>
      <c r="B34097" s="2"/>
      <c r="C34097" s="2"/>
    </row>
    <row r="34098" spans="1:3" ht="19.2">
      <c r="A34098" s="2"/>
      <c r="B34098" s="2"/>
      <c r="C34098" s="2"/>
    </row>
    <row r="34099" spans="1:3" ht="19.2">
      <c r="A34099" s="2"/>
      <c r="B34099" s="2"/>
      <c r="C34099" s="2"/>
    </row>
    <row r="34100" spans="1:3" ht="19.2">
      <c r="A34100" s="2"/>
      <c r="B34100" s="2"/>
      <c r="C34100" s="2"/>
    </row>
    <row r="34101" spans="1:3" ht="19.2">
      <c r="A34101" s="2"/>
      <c r="B34101" s="2"/>
      <c r="C34101" s="2"/>
    </row>
    <row r="34102" spans="1:3" ht="19.2">
      <c r="A34102" s="2"/>
      <c r="B34102" s="2"/>
      <c r="C34102" s="2"/>
    </row>
    <row r="34103" spans="1:3" ht="19.2">
      <c r="A34103" s="2"/>
      <c r="B34103" s="2"/>
      <c r="C34103" s="2"/>
    </row>
    <row r="34104" spans="1:3" ht="19.2">
      <c r="A34104" s="2"/>
      <c r="B34104" s="2"/>
      <c r="C34104" s="2"/>
    </row>
    <row r="34105" spans="1:3" ht="19.2">
      <c r="A34105" s="2"/>
      <c r="B34105" s="2"/>
      <c r="C34105" s="2"/>
    </row>
    <row r="34106" spans="1:3" ht="19.2">
      <c r="A34106" s="2"/>
      <c r="B34106" s="2"/>
      <c r="C34106" s="2"/>
    </row>
    <row r="34107" spans="1:3" ht="19.2">
      <c r="A34107" s="2"/>
      <c r="B34107" s="2"/>
      <c r="C34107" s="2"/>
    </row>
    <row r="34108" spans="1:3" ht="19.2">
      <c r="A34108" s="2"/>
      <c r="B34108" s="2"/>
      <c r="C34108" s="2"/>
    </row>
    <row r="34109" spans="1:3" ht="19.2">
      <c r="A34109" s="2"/>
      <c r="B34109" s="2"/>
      <c r="C34109" s="2"/>
    </row>
    <row r="34110" spans="1:3" ht="19.2">
      <c r="A34110" s="2"/>
      <c r="B34110" s="2"/>
      <c r="C34110" s="2"/>
    </row>
    <row r="34111" spans="1:3" ht="19.2">
      <c r="A34111" s="2"/>
      <c r="B34111" s="2"/>
      <c r="C34111" s="2"/>
    </row>
    <row r="34112" spans="1:3" ht="19.2">
      <c r="A34112" s="2"/>
      <c r="B34112" s="2"/>
      <c r="C34112" s="2"/>
    </row>
    <row r="34113" spans="1:3" ht="19.2">
      <c r="A34113" s="2"/>
      <c r="B34113" s="2"/>
      <c r="C34113" s="2"/>
    </row>
    <row r="34114" spans="1:3" ht="19.2">
      <c r="A34114" s="2"/>
      <c r="B34114" s="2"/>
      <c r="C34114" s="2"/>
    </row>
    <row r="34115" spans="1:3" ht="19.2">
      <c r="A34115" s="2"/>
      <c r="B34115" s="2"/>
      <c r="C34115" s="2"/>
    </row>
    <row r="34116" spans="1:3" ht="19.2">
      <c r="A34116" s="2"/>
      <c r="B34116" s="2"/>
      <c r="C34116" s="2"/>
    </row>
    <row r="34117" spans="1:3" ht="19.2">
      <c r="A34117" s="2"/>
      <c r="B34117" s="2"/>
      <c r="C34117" s="2"/>
    </row>
    <row r="34118" spans="1:3" ht="19.2">
      <c r="A34118" s="2"/>
      <c r="B34118" s="2"/>
      <c r="C34118" s="2"/>
    </row>
    <row r="34119" spans="1:3" ht="19.2">
      <c r="A34119" s="2"/>
      <c r="B34119" s="2"/>
      <c r="C34119" s="2"/>
    </row>
    <row r="34120" spans="1:3" ht="19.2">
      <c r="A34120" s="2"/>
      <c r="B34120" s="2"/>
      <c r="C34120" s="2"/>
    </row>
    <row r="34121" spans="1:3" ht="19.2">
      <c r="A34121" s="2"/>
      <c r="B34121" s="2"/>
      <c r="C34121" s="2"/>
    </row>
    <row r="34122" spans="1:3" ht="19.2">
      <c r="A34122" s="2"/>
      <c r="B34122" s="2"/>
      <c r="C34122" s="2"/>
    </row>
    <row r="34123" spans="1:3" ht="19.2">
      <c r="A34123" s="2"/>
      <c r="B34123" s="2"/>
      <c r="C34123" s="2"/>
    </row>
    <row r="34124" spans="1:3" ht="19.2">
      <c r="A34124" s="2"/>
      <c r="B34124" s="2"/>
      <c r="C34124" s="2"/>
    </row>
    <row r="34125" spans="1:3" ht="19.2">
      <c r="A34125" s="2"/>
      <c r="B34125" s="2"/>
      <c r="C34125" s="2"/>
    </row>
    <row r="34126" spans="1:3" ht="19.2">
      <c r="A34126" s="2"/>
      <c r="B34126" s="2"/>
      <c r="C34126" s="2"/>
    </row>
    <row r="34127" spans="1:3" ht="19.2">
      <c r="A34127" s="2"/>
      <c r="B34127" s="2"/>
      <c r="C34127" s="2"/>
    </row>
    <row r="34128" spans="1:3" ht="19.2">
      <c r="A34128" s="2"/>
      <c r="B34128" s="2"/>
      <c r="C34128" s="2"/>
    </row>
    <row r="34129" spans="1:3" ht="19.2">
      <c r="A34129" s="2"/>
      <c r="B34129" s="2"/>
      <c r="C34129" s="2"/>
    </row>
    <row r="34130" spans="1:3" ht="19.2">
      <c r="A34130" s="2"/>
      <c r="B34130" s="2"/>
      <c r="C34130" s="2"/>
    </row>
    <row r="34131" spans="1:3" ht="19.2">
      <c r="A34131" s="2"/>
      <c r="B34131" s="2"/>
      <c r="C34131" s="2"/>
    </row>
    <row r="34132" spans="1:3" ht="19.2">
      <c r="A34132" s="2"/>
      <c r="B34132" s="2"/>
      <c r="C34132" s="2"/>
    </row>
    <row r="34133" spans="1:3" ht="19.2">
      <c r="A34133" s="2"/>
      <c r="B34133" s="2"/>
      <c r="C34133" s="2"/>
    </row>
    <row r="34134" spans="1:3" ht="19.2">
      <c r="A34134" s="2"/>
      <c r="B34134" s="2"/>
      <c r="C34134" s="2"/>
    </row>
    <row r="34135" spans="1:3" ht="19.2">
      <c r="A34135" s="2"/>
      <c r="B34135" s="2"/>
      <c r="C34135" s="2"/>
    </row>
    <row r="34136" spans="1:3" ht="19.2">
      <c r="A34136" s="2"/>
      <c r="B34136" s="2"/>
      <c r="C34136" s="2"/>
    </row>
    <row r="34137" spans="1:3" ht="19.2">
      <c r="A34137" s="2"/>
      <c r="B34137" s="2"/>
      <c r="C34137" s="2"/>
    </row>
    <row r="34138" spans="1:3" ht="19.2">
      <c r="A34138" s="2"/>
      <c r="B34138" s="2"/>
      <c r="C34138" s="2"/>
    </row>
    <row r="34139" spans="1:3" ht="19.2">
      <c r="A34139" s="2"/>
      <c r="B34139" s="2"/>
      <c r="C34139" s="2"/>
    </row>
    <row r="34140" spans="1:3" ht="19.2">
      <c r="A34140" s="2"/>
      <c r="B34140" s="2"/>
      <c r="C34140" s="2"/>
    </row>
    <row r="34141" spans="1:3" ht="19.2">
      <c r="A34141" s="2"/>
      <c r="B34141" s="2"/>
      <c r="C34141" s="2"/>
    </row>
    <row r="34142" spans="1:3" ht="19.2">
      <c r="A34142" s="2"/>
      <c r="B34142" s="2"/>
      <c r="C34142" s="2"/>
    </row>
    <row r="34143" spans="1:3" ht="19.2">
      <c r="A34143" s="2"/>
      <c r="B34143" s="2"/>
      <c r="C34143" s="2"/>
    </row>
    <row r="34144" spans="1:3" ht="19.2">
      <c r="A34144" s="2"/>
      <c r="B34144" s="2"/>
      <c r="C34144" s="2"/>
    </row>
    <row r="34145" spans="1:3" ht="19.2">
      <c r="A34145" s="2"/>
      <c r="B34145" s="2"/>
      <c r="C34145" s="2"/>
    </row>
    <row r="34146" spans="1:3" ht="19.2">
      <c r="A34146" s="2"/>
      <c r="B34146" s="2"/>
      <c r="C34146" s="2"/>
    </row>
    <row r="34147" spans="1:3" ht="19.2">
      <c r="A34147" s="2"/>
      <c r="B34147" s="2"/>
      <c r="C34147" s="2"/>
    </row>
    <row r="34148" spans="1:3" ht="19.2">
      <c r="A34148" s="2"/>
      <c r="B34148" s="2"/>
      <c r="C34148" s="2"/>
    </row>
    <row r="34149" spans="1:3" ht="19.2">
      <c r="A34149" s="2"/>
      <c r="B34149" s="2"/>
      <c r="C34149" s="2"/>
    </row>
    <row r="34150" spans="1:3" ht="19.2">
      <c r="A34150" s="2"/>
      <c r="B34150" s="2"/>
      <c r="C34150" s="2"/>
    </row>
    <row r="34151" spans="1:3" ht="19.2">
      <c r="A34151" s="2"/>
      <c r="B34151" s="2"/>
      <c r="C34151" s="2"/>
    </row>
    <row r="34152" spans="1:3" ht="19.2">
      <c r="A34152" s="2"/>
      <c r="B34152" s="2"/>
      <c r="C34152" s="2"/>
    </row>
    <row r="34153" spans="1:3" ht="19.2">
      <c r="A34153" s="2"/>
      <c r="B34153" s="2"/>
      <c r="C34153" s="2"/>
    </row>
    <row r="34154" spans="1:3" ht="19.2">
      <c r="A34154" s="2"/>
      <c r="B34154" s="2"/>
      <c r="C34154" s="2"/>
    </row>
    <row r="34155" spans="1:3" ht="19.2">
      <c r="A34155" s="2"/>
      <c r="B34155" s="2"/>
      <c r="C34155" s="2"/>
    </row>
    <row r="34156" spans="1:3" ht="19.2">
      <c r="A34156" s="2"/>
      <c r="B34156" s="2"/>
      <c r="C34156" s="2"/>
    </row>
    <row r="34157" spans="1:3" ht="19.2">
      <c r="A34157" s="2"/>
      <c r="B34157" s="2"/>
      <c r="C34157" s="2"/>
    </row>
    <row r="34158" spans="1:3" ht="19.2">
      <c r="A34158" s="2"/>
      <c r="B34158" s="2"/>
      <c r="C34158" s="2"/>
    </row>
    <row r="34159" spans="1:3" ht="19.2">
      <c r="A34159" s="2"/>
      <c r="B34159" s="2"/>
      <c r="C34159" s="2"/>
    </row>
    <row r="34160" spans="1:3" ht="19.2">
      <c r="A34160" s="2"/>
      <c r="B34160" s="2"/>
      <c r="C34160" s="2"/>
    </row>
    <row r="34161" spans="1:3" ht="19.2">
      <c r="A34161" s="2"/>
      <c r="B34161" s="2"/>
      <c r="C34161" s="2"/>
    </row>
    <row r="34162" spans="1:3" ht="19.2">
      <c r="A34162" s="2"/>
      <c r="B34162" s="2"/>
      <c r="C34162" s="2"/>
    </row>
    <row r="34163" spans="1:3" ht="19.2">
      <c r="A34163" s="2"/>
      <c r="B34163" s="2"/>
      <c r="C34163" s="2"/>
    </row>
    <row r="34164" spans="1:3" ht="19.2">
      <c r="A34164" s="2"/>
      <c r="B34164" s="2"/>
      <c r="C34164" s="2"/>
    </row>
    <row r="34165" spans="1:3" ht="19.2">
      <c r="A34165" s="2"/>
      <c r="B34165" s="2"/>
      <c r="C34165" s="2"/>
    </row>
    <row r="34166" spans="1:3" ht="19.2">
      <c r="A34166" s="2"/>
      <c r="B34166" s="2"/>
      <c r="C34166" s="2"/>
    </row>
    <row r="34167" spans="1:3" ht="19.2">
      <c r="A34167" s="2"/>
      <c r="B34167" s="2"/>
      <c r="C34167" s="2"/>
    </row>
    <row r="34168" spans="1:3" ht="19.2">
      <c r="A34168" s="2"/>
      <c r="B34168" s="2"/>
      <c r="C34168" s="2"/>
    </row>
    <row r="34169" spans="1:3" ht="19.2">
      <c r="A34169" s="2"/>
      <c r="B34169" s="2"/>
      <c r="C34169" s="2"/>
    </row>
    <row r="34170" spans="1:3" ht="19.2">
      <c r="A34170" s="2"/>
      <c r="B34170" s="2"/>
      <c r="C34170" s="2"/>
    </row>
    <row r="34171" spans="1:3" ht="19.2">
      <c r="A34171" s="2"/>
      <c r="B34171" s="2"/>
      <c r="C34171" s="2"/>
    </row>
    <row r="34172" spans="1:3" ht="19.2">
      <c r="A34172" s="2"/>
      <c r="B34172" s="2"/>
      <c r="C34172" s="2"/>
    </row>
    <row r="34173" spans="1:3" ht="19.2">
      <c r="A34173" s="2"/>
      <c r="B34173" s="2"/>
      <c r="C34173" s="2"/>
    </row>
    <row r="34174" spans="1:3" ht="19.2">
      <c r="A34174" s="2"/>
      <c r="B34174" s="2"/>
      <c r="C34174" s="2"/>
    </row>
    <row r="34175" spans="1:3" ht="19.2">
      <c r="A34175" s="2"/>
      <c r="B34175" s="2"/>
      <c r="C34175" s="2"/>
    </row>
    <row r="34176" spans="1:3" ht="19.2">
      <c r="A34176" s="2"/>
      <c r="B34176" s="2"/>
      <c r="C34176" s="2"/>
    </row>
    <row r="34177" spans="1:3" ht="19.2">
      <c r="A34177" s="2"/>
      <c r="B34177" s="2"/>
      <c r="C34177" s="2"/>
    </row>
    <row r="34178" spans="1:3" ht="19.2">
      <c r="A34178" s="2"/>
      <c r="B34178" s="2"/>
      <c r="C34178" s="2"/>
    </row>
    <row r="34179" spans="1:3" ht="19.2">
      <c r="A34179" s="2"/>
      <c r="B34179" s="2"/>
      <c r="C34179" s="2"/>
    </row>
    <row r="34180" spans="1:3" ht="19.2">
      <c r="A34180" s="2"/>
      <c r="B34180" s="2"/>
      <c r="C34180" s="2"/>
    </row>
    <row r="34181" spans="1:3" ht="19.2">
      <c r="A34181" s="2"/>
      <c r="B34181" s="2"/>
      <c r="C34181" s="2"/>
    </row>
    <row r="34182" spans="1:3" ht="19.2">
      <c r="A34182" s="2"/>
      <c r="B34182" s="2"/>
      <c r="C34182" s="2"/>
    </row>
    <row r="34183" spans="1:3" ht="19.2">
      <c r="A34183" s="2"/>
      <c r="B34183" s="2"/>
      <c r="C34183" s="2"/>
    </row>
    <row r="34184" spans="1:3" ht="19.2">
      <c r="A34184" s="2"/>
      <c r="B34184" s="2"/>
      <c r="C34184" s="2"/>
    </row>
    <row r="34185" spans="1:3" ht="19.2">
      <c r="A34185" s="2"/>
      <c r="B34185" s="2"/>
      <c r="C34185" s="2"/>
    </row>
    <row r="34186" spans="1:3" ht="19.2">
      <c r="A34186" s="2"/>
      <c r="B34186" s="2"/>
      <c r="C34186" s="2"/>
    </row>
    <row r="34187" spans="1:3" ht="19.2">
      <c r="A34187" s="2"/>
      <c r="B34187" s="2"/>
      <c r="C34187" s="2"/>
    </row>
    <row r="34188" spans="1:3" ht="19.2">
      <c r="A34188" s="2"/>
      <c r="B34188" s="2"/>
      <c r="C34188" s="2"/>
    </row>
    <row r="34189" spans="1:3" ht="19.2">
      <c r="A34189" s="2"/>
      <c r="B34189" s="2"/>
      <c r="C34189" s="2"/>
    </row>
    <row r="34190" spans="1:3" ht="19.2">
      <c r="A34190" s="2"/>
      <c r="B34190" s="2"/>
      <c r="C34190" s="2"/>
    </row>
    <row r="34191" spans="1:3" ht="19.2">
      <c r="A34191" s="2"/>
      <c r="B34191" s="2"/>
      <c r="C34191" s="2"/>
    </row>
    <row r="34192" spans="1:3" ht="19.2">
      <c r="A34192" s="2"/>
      <c r="B34192" s="2"/>
      <c r="C34192" s="2"/>
    </row>
    <row r="34193" spans="1:3" ht="19.2">
      <c r="A34193" s="2"/>
      <c r="B34193" s="2"/>
      <c r="C34193" s="2"/>
    </row>
    <row r="34194" spans="1:3" ht="19.2">
      <c r="A34194" s="2"/>
      <c r="B34194" s="2"/>
      <c r="C34194" s="2"/>
    </row>
    <row r="34195" spans="1:3" ht="19.2">
      <c r="A34195" s="2"/>
      <c r="B34195" s="2"/>
      <c r="C34195" s="2"/>
    </row>
    <row r="34196" spans="1:3" ht="19.2">
      <c r="A34196" s="2"/>
      <c r="B34196" s="2"/>
      <c r="C34196" s="2"/>
    </row>
    <row r="34197" spans="1:3" ht="19.2">
      <c r="A34197" s="2"/>
      <c r="B34197" s="2"/>
      <c r="C34197" s="2"/>
    </row>
    <row r="34198" spans="1:3" ht="19.2">
      <c r="A34198" s="2"/>
      <c r="B34198" s="2"/>
      <c r="C34198" s="2"/>
    </row>
    <row r="34199" spans="1:3" ht="19.2">
      <c r="A34199" s="2"/>
      <c r="B34199" s="2"/>
      <c r="C34199" s="2"/>
    </row>
    <row r="34200" spans="1:3" ht="19.2">
      <c r="A34200" s="2"/>
      <c r="B34200" s="2"/>
      <c r="C34200" s="2"/>
    </row>
    <row r="34201" spans="1:3" ht="19.2">
      <c r="A34201" s="2"/>
      <c r="B34201" s="2"/>
      <c r="C34201" s="2"/>
    </row>
    <row r="34202" spans="1:3" ht="19.2">
      <c r="A34202" s="2"/>
      <c r="B34202" s="2"/>
      <c r="C34202" s="2"/>
    </row>
    <row r="34203" spans="1:3" ht="19.2">
      <c r="A34203" s="2"/>
      <c r="B34203" s="2"/>
      <c r="C34203" s="2"/>
    </row>
    <row r="34204" spans="1:3" ht="19.2">
      <c r="A34204" s="2"/>
      <c r="B34204" s="2"/>
      <c r="C34204" s="2"/>
    </row>
    <row r="34205" spans="1:3" ht="19.2">
      <c r="A34205" s="2"/>
      <c r="B34205" s="2"/>
      <c r="C34205" s="2"/>
    </row>
    <row r="34206" spans="1:3" ht="19.2">
      <c r="A34206" s="2"/>
      <c r="B34206" s="2"/>
      <c r="C34206" s="2"/>
    </row>
    <row r="34207" spans="1:3" ht="19.2">
      <c r="A34207" s="2"/>
      <c r="B34207" s="2"/>
      <c r="C34207" s="2"/>
    </row>
    <row r="34208" spans="1:3" ht="19.2">
      <c r="A34208" s="2"/>
      <c r="B34208" s="2"/>
      <c r="C34208" s="2"/>
    </row>
    <row r="34209" spans="1:3" ht="19.2">
      <c r="A34209" s="2"/>
      <c r="B34209" s="2"/>
      <c r="C34209" s="2"/>
    </row>
    <row r="34210" spans="1:3" ht="19.2">
      <c r="A34210" s="2"/>
      <c r="B34210" s="2"/>
      <c r="C34210" s="2"/>
    </row>
    <row r="34211" spans="1:3" ht="19.2">
      <c r="A34211" s="2"/>
      <c r="B34211" s="2"/>
      <c r="C34211" s="2"/>
    </row>
    <row r="34212" spans="1:3" ht="19.2">
      <c r="A34212" s="2"/>
      <c r="B34212" s="2"/>
      <c r="C34212" s="2"/>
    </row>
    <row r="34213" spans="1:3" ht="19.2">
      <c r="A34213" s="2"/>
      <c r="B34213" s="2"/>
      <c r="C34213" s="2"/>
    </row>
    <row r="34214" spans="1:3" ht="19.2">
      <c r="A34214" s="2"/>
      <c r="B34214" s="2"/>
      <c r="C34214" s="2"/>
    </row>
    <row r="34215" spans="1:3" ht="19.2">
      <c r="A34215" s="2"/>
      <c r="B34215" s="2"/>
      <c r="C34215" s="2"/>
    </row>
    <row r="34216" spans="1:3" ht="19.2">
      <c r="A34216" s="2"/>
      <c r="B34216" s="2"/>
      <c r="C34216" s="2"/>
    </row>
    <row r="34217" spans="1:3" ht="19.2">
      <c r="A34217" s="2"/>
      <c r="B34217" s="2"/>
      <c r="C34217" s="2"/>
    </row>
    <row r="34218" spans="1:3" ht="19.2">
      <c r="A34218" s="2"/>
      <c r="B34218" s="2"/>
      <c r="C34218" s="2"/>
    </row>
    <row r="34219" spans="1:3" ht="19.2">
      <c r="A34219" s="2"/>
      <c r="B34219" s="2"/>
      <c r="C34219" s="2"/>
    </row>
    <row r="34220" spans="1:3" ht="19.2">
      <c r="A34220" s="2"/>
      <c r="B34220" s="2"/>
      <c r="C34220" s="2"/>
    </row>
    <row r="34221" spans="1:3" ht="19.2">
      <c r="A34221" s="2"/>
      <c r="B34221" s="2"/>
      <c r="C34221" s="2"/>
    </row>
    <row r="34222" spans="1:3" ht="19.2">
      <c r="A34222" s="2"/>
      <c r="B34222" s="2"/>
      <c r="C34222" s="2"/>
    </row>
    <row r="34223" spans="1:3" ht="19.2">
      <c r="A34223" s="2"/>
      <c r="B34223" s="2"/>
      <c r="C34223" s="2"/>
    </row>
    <row r="34224" spans="1:3" ht="19.2">
      <c r="A34224" s="2"/>
      <c r="B34224" s="2"/>
      <c r="C34224" s="2"/>
    </row>
    <row r="34225" spans="1:3" ht="19.2">
      <c r="A34225" s="2"/>
      <c r="B34225" s="2"/>
      <c r="C34225" s="2"/>
    </row>
    <row r="34226" spans="1:3" ht="19.2">
      <c r="A34226" s="2"/>
      <c r="B34226" s="2"/>
      <c r="C34226" s="2"/>
    </row>
    <row r="34227" spans="1:3" ht="19.2">
      <c r="A34227" s="2"/>
      <c r="B34227" s="2"/>
      <c r="C34227" s="2"/>
    </row>
    <row r="34228" spans="1:3" ht="19.2">
      <c r="A34228" s="2"/>
      <c r="B34228" s="2"/>
      <c r="C34228" s="2"/>
    </row>
    <row r="34229" spans="1:3" ht="19.2">
      <c r="A34229" s="2"/>
      <c r="B34229" s="2"/>
      <c r="C34229" s="2"/>
    </row>
    <row r="34230" spans="1:3" ht="19.2">
      <c r="A34230" s="2"/>
      <c r="B34230" s="2"/>
      <c r="C34230" s="2"/>
    </row>
    <row r="34231" spans="1:3" ht="19.2">
      <c r="A34231" s="2"/>
      <c r="B34231" s="2"/>
      <c r="C34231" s="2"/>
    </row>
    <row r="34232" spans="1:3" ht="19.2">
      <c r="A34232" s="2"/>
      <c r="B34232" s="2"/>
      <c r="C34232" s="2"/>
    </row>
    <row r="34233" spans="1:3" ht="19.2">
      <c r="A34233" s="2"/>
      <c r="B34233" s="2"/>
      <c r="C34233" s="2"/>
    </row>
    <row r="34234" spans="1:3" ht="19.2">
      <c r="A34234" s="2"/>
      <c r="B34234" s="2"/>
      <c r="C34234" s="2"/>
    </row>
    <row r="34235" spans="1:3" ht="19.2">
      <c r="A34235" s="2"/>
      <c r="B34235" s="2"/>
      <c r="C34235" s="2"/>
    </row>
    <row r="34236" spans="1:3" ht="19.2">
      <c r="A34236" s="2"/>
      <c r="B34236" s="2"/>
      <c r="C34236" s="2"/>
    </row>
    <row r="34237" spans="1:3" ht="19.2">
      <c r="A34237" s="2"/>
      <c r="B34237" s="2"/>
      <c r="C34237" s="2"/>
    </row>
    <row r="34238" spans="1:3" ht="19.2">
      <c r="A34238" s="2"/>
      <c r="B34238" s="2"/>
      <c r="C34238" s="2"/>
    </row>
    <row r="34239" spans="1:3" ht="19.2">
      <c r="A34239" s="2"/>
      <c r="B34239" s="2"/>
      <c r="C34239" s="2"/>
    </row>
    <row r="34240" spans="1:3" ht="19.2">
      <c r="A34240" s="2"/>
      <c r="B34240" s="2"/>
      <c r="C34240" s="2"/>
    </row>
    <row r="34241" spans="1:3" ht="19.2">
      <c r="A34241" s="2"/>
      <c r="B34241" s="2"/>
      <c r="C34241" s="2"/>
    </row>
    <row r="34242" spans="1:3" ht="19.2">
      <c r="A34242" s="2"/>
      <c r="B34242" s="2"/>
      <c r="C34242" s="2"/>
    </row>
    <row r="34243" spans="1:3" ht="19.2">
      <c r="A34243" s="2"/>
      <c r="B34243" s="2"/>
      <c r="C34243" s="2"/>
    </row>
    <row r="34244" spans="1:3" ht="19.2">
      <c r="A34244" s="2"/>
      <c r="B34244" s="2"/>
      <c r="C34244" s="2"/>
    </row>
    <row r="34245" spans="1:3" ht="19.2">
      <c r="A34245" s="2"/>
      <c r="B34245" s="2"/>
      <c r="C34245" s="2"/>
    </row>
    <row r="34246" spans="1:3" ht="19.2">
      <c r="A34246" s="2"/>
      <c r="B34246" s="2"/>
      <c r="C34246" s="2"/>
    </row>
    <row r="34247" spans="1:3" ht="19.2">
      <c r="A34247" s="2"/>
      <c r="B34247" s="2"/>
      <c r="C34247" s="2"/>
    </row>
    <row r="34248" spans="1:3" ht="19.2">
      <c r="A34248" s="2"/>
      <c r="B34248" s="2"/>
      <c r="C34248" s="2"/>
    </row>
    <row r="34249" spans="1:3" ht="19.2">
      <c r="A34249" s="2"/>
      <c r="B34249" s="2"/>
      <c r="C34249" s="2"/>
    </row>
    <row r="34250" spans="1:3" ht="19.2">
      <c r="A34250" s="2"/>
      <c r="B34250" s="2"/>
      <c r="C34250" s="2"/>
    </row>
    <row r="34251" spans="1:3" ht="19.2">
      <c r="A34251" s="2"/>
      <c r="B34251" s="2"/>
      <c r="C34251" s="2"/>
    </row>
    <row r="34252" spans="1:3" ht="19.2">
      <c r="A34252" s="2"/>
      <c r="B34252" s="2"/>
      <c r="C34252" s="2"/>
    </row>
    <row r="34253" spans="1:3" ht="19.2">
      <c r="A34253" s="2"/>
      <c r="B34253" s="2"/>
      <c r="C34253" s="2"/>
    </row>
    <row r="34254" spans="1:3" ht="19.2">
      <c r="A34254" s="2"/>
      <c r="B34254" s="2"/>
      <c r="C34254" s="2"/>
    </row>
    <row r="34255" spans="1:3" ht="19.2">
      <c r="A34255" s="2"/>
      <c r="B34255" s="2"/>
      <c r="C34255" s="2"/>
    </row>
    <row r="34256" spans="1:3" ht="19.2">
      <c r="A34256" s="2"/>
      <c r="B34256" s="2"/>
      <c r="C34256" s="2"/>
    </row>
    <row r="34257" spans="1:3" ht="19.2">
      <c r="A34257" s="2"/>
      <c r="B34257" s="2"/>
      <c r="C34257" s="2"/>
    </row>
    <row r="34258" spans="1:3" ht="19.2">
      <c r="A34258" s="2"/>
      <c r="B34258" s="2"/>
      <c r="C34258" s="2"/>
    </row>
    <row r="34259" spans="1:3" ht="19.2">
      <c r="A34259" s="2"/>
      <c r="B34259" s="2"/>
      <c r="C34259" s="2"/>
    </row>
    <row r="34260" spans="1:3" ht="19.2">
      <c r="A34260" s="2"/>
      <c r="B34260" s="2"/>
      <c r="C34260" s="2"/>
    </row>
    <row r="34261" spans="1:3" ht="19.2">
      <c r="A34261" s="2"/>
      <c r="B34261" s="2"/>
      <c r="C34261" s="2"/>
    </row>
    <row r="34262" spans="1:3" ht="19.2">
      <c r="A34262" s="2"/>
      <c r="B34262" s="2"/>
      <c r="C34262" s="2"/>
    </row>
    <row r="34263" spans="1:3" ht="19.2">
      <c r="A34263" s="2"/>
      <c r="B34263" s="2"/>
      <c r="C34263" s="2"/>
    </row>
    <row r="34264" spans="1:3" ht="19.2">
      <c r="A34264" s="2"/>
      <c r="B34264" s="2"/>
      <c r="C34264" s="2"/>
    </row>
    <row r="34265" spans="1:3" ht="19.2">
      <c r="A34265" s="2"/>
      <c r="B34265" s="2"/>
      <c r="C34265" s="2"/>
    </row>
    <row r="34266" spans="1:3" ht="19.2">
      <c r="A34266" s="2"/>
      <c r="B34266" s="2"/>
      <c r="C34266" s="2"/>
    </row>
    <row r="34267" spans="1:3" ht="19.2">
      <c r="A34267" s="2"/>
      <c r="B34267" s="2"/>
      <c r="C34267" s="2"/>
    </row>
    <row r="34268" spans="1:3" ht="19.2">
      <c r="A34268" s="2"/>
      <c r="B34268" s="2"/>
      <c r="C34268" s="2"/>
    </row>
    <row r="34269" spans="1:3" ht="19.2">
      <c r="A34269" s="2"/>
      <c r="B34269" s="2"/>
      <c r="C34269" s="2"/>
    </row>
    <row r="34270" spans="1:3" ht="19.2">
      <c r="A34270" s="2"/>
      <c r="B34270" s="2"/>
      <c r="C34270" s="2"/>
    </row>
    <row r="34271" spans="1:3" ht="19.2">
      <c r="A34271" s="2"/>
      <c r="B34271" s="2"/>
      <c r="C34271" s="2"/>
    </row>
    <row r="34272" spans="1:3" ht="19.2">
      <c r="A34272" s="2"/>
      <c r="B34272" s="2"/>
      <c r="C34272" s="2"/>
    </row>
    <row r="34273" spans="1:3" ht="19.2">
      <c r="A34273" s="2"/>
      <c r="B34273" s="2"/>
      <c r="C34273" s="2"/>
    </row>
    <row r="34274" spans="1:3" ht="19.2">
      <c r="A34274" s="2"/>
      <c r="B34274" s="2"/>
      <c r="C34274" s="2"/>
    </row>
    <row r="34275" spans="1:3" ht="19.2">
      <c r="A34275" s="2"/>
      <c r="B34275" s="2"/>
      <c r="C34275" s="2"/>
    </row>
    <row r="34276" spans="1:3" ht="19.2">
      <c r="A34276" s="2"/>
      <c r="B34276" s="2"/>
      <c r="C34276" s="2"/>
    </row>
    <row r="34277" spans="1:3" ht="19.2">
      <c r="A34277" s="2"/>
      <c r="B34277" s="2"/>
      <c r="C34277" s="2"/>
    </row>
    <row r="34278" spans="1:3" ht="19.2">
      <c r="A34278" s="2"/>
      <c r="B34278" s="2"/>
      <c r="C34278" s="2"/>
    </row>
    <row r="34279" spans="1:3" ht="19.2">
      <c r="A34279" s="2"/>
      <c r="B34279" s="2"/>
      <c r="C34279" s="2"/>
    </row>
    <row r="34280" spans="1:3" ht="19.2">
      <c r="A34280" s="2"/>
      <c r="B34280" s="2"/>
      <c r="C34280" s="2"/>
    </row>
    <row r="34281" spans="1:3" ht="19.2">
      <c r="A34281" s="2"/>
      <c r="B34281" s="2"/>
      <c r="C34281" s="2"/>
    </row>
    <row r="34282" spans="1:3" ht="19.2">
      <c r="A34282" s="2"/>
      <c r="B34282" s="2"/>
      <c r="C34282" s="2"/>
    </row>
    <row r="34283" spans="1:3" ht="19.2">
      <c r="A34283" s="2"/>
      <c r="B34283" s="2"/>
      <c r="C34283" s="2"/>
    </row>
    <row r="34284" spans="1:3" ht="19.2">
      <c r="A34284" s="2"/>
      <c r="B34284" s="2"/>
      <c r="C34284" s="2"/>
    </row>
    <row r="34285" spans="1:3" ht="19.2">
      <c r="A34285" s="2"/>
      <c r="B34285" s="2"/>
      <c r="C34285" s="2"/>
    </row>
    <row r="34286" spans="1:3" ht="19.2">
      <c r="A34286" s="2"/>
      <c r="B34286" s="2"/>
      <c r="C34286" s="2"/>
    </row>
    <row r="34287" spans="1:3" ht="19.2">
      <c r="A34287" s="2"/>
      <c r="B34287" s="2"/>
      <c r="C34287" s="2"/>
    </row>
    <row r="34288" spans="1:3" ht="19.2">
      <c r="A34288" s="2"/>
      <c r="B34288" s="2"/>
      <c r="C34288" s="2"/>
    </row>
    <row r="34289" spans="1:3" ht="19.2">
      <c r="A34289" s="2"/>
      <c r="B34289" s="2"/>
      <c r="C34289" s="2"/>
    </row>
    <row r="34290" spans="1:3" ht="19.2">
      <c r="A34290" s="2"/>
      <c r="B34290" s="2"/>
      <c r="C34290" s="2"/>
    </row>
    <row r="34291" spans="1:3" ht="19.2">
      <c r="A34291" s="2"/>
      <c r="B34291" s="2"/>
      <c r="C34291" s="2"/>
    </row>
    <row r="34292" spans="1:3" ht="19.2">
      <c r="A34292" s="2"/>
      <c r="B34292" s="2"/>
      <c r="C34292" s="2"/>
    </row>
    <row r="34293" spans="1:3" ht="19.2">
      <c r="A34293" s="2"/>
      <c r="B34293" s="2"/>
      <c r="C34293" s="2"/>
    </row>
    <row r="34294" spans="1:3" ht="19.2">
      <c r="A34294" s="2"/>
      <c r="B34294" s="2"/>
      <c r="C34294" s="2"/>
    </row>
    <row r="34295" spans="1:3" ht="19.2">
      <c r="A34295" s="2"/>
      <c r="B34295" s="2"/>
      <c r="C34295" s="2"/>
    </row>
    <row r="34296" spans="1:3" ht="19.2">
      <c r="A34296" s="2"/>
      <c r="B34296" s="2"/>
      <c r="C34296" s="2"/>
    </row>
    <row r="34297" spans="1:3" ht="19.2">
      <c r="A34297" s="2"/>
      <c r="B34297" s="2"/>
      <c r="C34297" s="2"/>
    </row>
    <row r="34298" spans="1:3" ht="19.2">
      <c r="A34298" s="2"/>
      <c r="B34298" s="2"/>
      <c r="C34298" s="2"/>
    </row>
    <row r="34299" spans="1:3" ht="19.2">
      <c r="A34299" s="2"/>
      <c r="B34299" s="2"/>
      <c r="C34299" s="2"/>
    </row>
    <row r="34300" spans="1:3" ht="19.2">
      <c r="A34300" s="2"/>
      <c r="B34300" s="2"/>
      <c r="C34300" s="2"/>
    </row>
    <row r="34301" spans="1:3" ht="19.2">
      <c r="A34301" s="2"/>
      <c r="B34301" s="2"/>
      <c r="C34301" s="2"/>
    </row>
    <row r="34302" spans="1:3" ht="19.2">
      <c r="A34302" s="2"/>
      <c r="B34302" s="2"/>
      <c r="C34302" s="2"/>
    </row>
    <row r="34303" spans="1:3" ht="19.2">
      <c r="A34303" s="2"/>
      <c r="B34303" s="2"/>
      <c r="C34303" s="2"/>
    </row>
    <row r="34304" spans="1:3" ht="19.2">
      <c r="A34304" s="2"/>
      <c r="B34304" s="2"/>
      <c r="C34304" s="2"/>
    </row>
    <row r="34305" spans="1:3" ht="19.2">
      <c r="A34305" s="2"/>
      <c r="B34305" s="2"/>
      <c r="C34305" s="2"/>
    </row>
    <row r="34306" spans="1:3" ht="19.2">
      <c r="A34306" s="2"/>
      <c r="B34306" s="2"/>
      <c r="C34306" s="2"/>
    </row>
    <row r="34307" spans="1:3" ht="19.2">
      <c r="A34307" s="2"/>
      <c r="B34307" s="2"/>
      <c r="C34307" s="2"/>
    </row>
    <row r="34308" spans="1:3" ht="19.2">
      <c r="A34308" s="2"/>
      <c r="B34308" s="2"/>
      <c r="C34308" s="2"/>
    </row>
    <row r="34309" spans="1:3" ht="19.2">
      <c r="A34309" s="2"/>
      <c r="B34309" s="2"/>
      <c r="C34309" s="2"/>
    </row>
    <row r="34310" spans="1:3" ht="19.2">
      <c r="A34310" s="2"/>
      <c r="B34310" s="2"/>
      <c r="C34310" s="2"/>
    </row>
    <row r="34311" spans="1:3" ht="19.2">
      <c r="A34311" s="2"/>
      <c r="B34311" s="2"/>
      <c r="C34311" s="2"/>
    </row>
    <row r="34312" spans="1:3" ht="19.2">
      <c r="A34312" s="2"/>
      <c r="B34312" s="2"/>
      <c r="C34312" s="2"/>
    </row>
    <row r="34313" spans="1:3" ht="19.2">
      <c r="A34313" s="2"/>
      <c r="B34313" s="2"/>
      <c r="C34313" s="2"/>
    </row>
    <row r="34314" spans="1:3" ht="19.2">
      <c r="A34314" s="2"/>
      <c r="B34314" s="2"/>
      <c r="C34314" s="2"/>
    </row>
    <row r="34315" spans="1:3" ht="19.2">
      <c r="A34315" s="2"/>
      <c r="B34315" s="2"/>
      <c r="C34315" s="2"/>
    </row>
    <row r="34316" spans="1:3" ht="19.2">
      <c r="A34316" s="2"/>
      <c r="B34316" s="2"/>
      <c r="C34316" s="2"/>
    </row>
    <row r="34317" spans="1:3" ht="19.2">
      <c r="A34317" s="2"/>
      <c r="B34317" s="2"/>
      <c r="C34317" s="2"/>
    </row>
    <row r="34318" spans="1:3" ht="19.2">
      <c r="A34318" s="2"/>
      <c r="B34318" s="2"/>
      <c r="C34318" s="2"/>
    </row>
    <row r="34319" spans="1:3" ht="19.2">
      <c r="A34319" s="2"/>
      <c r="B34319" s="2"/>
      <c r="C34319" s="2"/>
    </row>
    <row r="34320" spans="1:3" ht="19.2">
      <c r="A34320" s="2"/>
      <c r="B34320" s="2"/>
      <c r="C34320" s="2"/>
    </row>
    <row r="34321" spans="1:3" ht="19.2">
      <c r="A34321" s="2"/>
      <c r="B34321" s="2"/>
      <c r="C34321" s="2"/>
    </row>
    <row r="34322" spans="1:3" ht="19.2">
      <c r="A34322" s="2"/>
      <c r="B34322" s="2"/>
      <c r="C34322" s="2"/>
    </row>
    <row r="34323" spans="1:3" ht="19.2">
      <c r="A34323" s="2"/>
      <c r="B34323" s="2"/>
      <c r="C34323" s="2"/>
    </row>
    <row r="34324" spans="1:3" ht="19.2">
      <c r="A34324" s="2"/>
      <c r="B34324" s="2"/>
      <c r="C34324" s="2"/>
    </row>
    <row r="34325" spans="1:3" ht="19.2">
      <c r="A34325" s="2"/>
      <c r="B34325" s="2"/>
      <c r="C34325" s="2"/>
    </row>
    <row r="34326" spans="1:3" ht="19.2">
      <c r="A34326" s="2"/>
      <c r="B34326" s="2"/>
      <c r="C34326" s="2"/>
    </row>
    <row r="34327" spans="1:3" ht="19.2">
      <c r="A34327" s="2"/>
      <c r="B34327" s="2"/>
      <c r="C34327" s="2"/>
    </row>
    <row r="34328" spans="1:3" ht="19.2">
      <c r="A34328" s="2"/>
      <c r="B34328" s="2"/>
      <c r="C34328" s="2"/>
    </row>
    <row r="34329" spans="1:3" ht="19.2">
      <c r="A34329" s="2"/>
      <c r="B34329" s="2"/>
      <c r="C34329" s="2"/>
    </row>
    <row r="34330" spans="1:3" ht="19.2">
      <c r="A34330" s="2"/>
      <c r="B34330" s="2"/>
      <c r="C34330" s="2"/>
    </row>
    <row r="34331" spans="1:3" ht="19.2">
      <c r="A34331" s="2"/>
      <c r="B34331" s="2"/>
      <c r="C34331" s="2"/>
    </row>
    <row r="34332" spans="1:3" ht="19.2">
      <c r="A34332" s="2"/>
      <c r="B34332" s="2"/>
      <c r="C34332" s="2"/>
    </row>
    <row r="34333" spans="1:3" ht="19.2">
      <c r="A34333" s="2"/>
      <c r="B34333" s="2"/>
      <c r="C34333" s="2"/>
    </row>
    <row r="34334" spans="1:3" ht="19.2">
      <c r="A34334" s="2"/>
      <c r="B34334" s="2"/>
      <c r="C34334" s="2"/>
    </row>
    <row r="34335" spans="1:3" ht="19.2">
      <c r="A34335" s="2"/>
      <c r="B34335" s="2"/>
      <c r="C34335" s="2"/>
    </row>
    <row r="34336" spans="1:3" ht="19.2">
      <c r="A34336" s="2"/>
      <c r="B34336" s="2"/>
      <c r="C34336" s="2"/>
    </row>
    <row r="34337" spans="1:3" ht="19.2">
      <c r="A34337" s="2"/>
      <c r="B34337" s="2"/>
      <c r="C34337" s="2"/>
    </row>
    <row r="34338" spans="1:3" ht="19.2">
      <c r="A34338" s="2"/>
      <c r="B34338" s="2"/>
      <c r="C34338" s="2"/>
    </row>
    <row r="34339" spans="1:3" ht="19.2">
      <c r="A34339" s="2"/>
      <c r="B34339" s="2"/>
      <c r="C34339" s="2"/>
    </row>
    <row r="34340" spans="1:3" ht="19.2">
      <c r="A34340" s="2"/>
      <c r="B34340" s="2"/>
      <c r="C34340" s="2"/>
    </row>
    <row r="34341" spans="1:3" ht="19.2">
      <c r="A34341" s="2"/>
      <c r="B34341" s="2"/>
      <c r="C34341" s="2"/>
    </row>
    <row r="34342" spans="1:3" ht="19.2">
      <c r="A34342" s="2"/>
      <c r="B34342" s="2"/>
      <c r="C34342" s="2"/>
    </row>
    <row r="34343" spans="1:3" ht="19.2">
      <c r="A34343" s="2"/>
      <c r="B34343" s="2"/>
      <c r="C34343" s="2"/>
    </row>
    <row r="34344" spans="1:3" ht="19.2">
      <c r="A34344" s="2"/>
      <c r="B34344" s="2"/>
      <c r="C34344" s="2"/>
    </row>
    <row r="34345" spans="1:3" ht="19.2">
      <c r="A34345" s="2"/>
      <c r="B34345" s="2"/>
      <c r="C34345" s="2"/>
    </row>
    <row r="34346" spans="1:3" ht="19.2">
      <c r="A34346" s="2"/>
      <c r="B34346" s="2"/>
      <c r="C34346" s="2"/>
    </row>
    <row r="34347" spans="1:3" ht="19.2">
      <c r="A34347" s="2"/>
      <c r="B34347" s="2"/>
      <c r="C34347" s="2"/>
    </row>
    <row r="34348" spans="1:3" ht="19.2">
      <c r="A34348" s="2"/>
      <c r="B34348" s="2"/>
      <c r="C34348" s="2"/>
    </row>
    <row r="34349" spans="1:3" ht="19.2">
      <c r="A34349" s="2"/>
      <c r="B34349" s="2"/>
      <c r="C34349" s="2"/>
    </row>
    <row r="34350" spans="1:3" ht="19.2">
      <c r="A34350" s="2"/>
      <c r="B34350" s="2"/>
      <c r="C34350" s="2"/>
    </row>
    <row r="34351" spans="1:3" ht="19.2">
      <c r="A34351" s="2"/>
      <c r="B34351" s="2"/>
      <c r="C34351" s="2"/>
    </row>
    <row r="34352" spans="1:3" ht="19.2">
      <c r="A34352" s="2"/>
      <c r="B34352" s="2"/>
      <c r="C34352" s="2"/>
    </row>
    <row r="34353" spans="1:3" ht="19.2">
      <c r="A34353" s="2"/>
      <c r="B34353" s="2"/>
      <c r="C34353" s="2"/>
    </row>
    <row r="34354" spans="1:3" ht="19.2">
      <c r="A34354" s="2"/>
      <c r="B34354" s="2"/>
      <c r="C34354" s="2"/>
    </row>
    <row r="34355" spans="1:3" ht="19.2">
      <c r="A34355" s="2"/>
      <c r="B34355" s="2"/>
      <c r="C34355" s="2"/>
    </row>
    <row r="34356" spans="1:3" ht="19.2">
      <c r="A34356" s="2"/>
      <c r="B34356" s="2"/>
      <c r="C34356" s="2"/>
    </row>
    <row r="34357" spans="1:3" ht="19.2">
      <c r="A34357" s="2"/>
      <c r="B34357" s="2"/>
      <c r="C34357" s="2"/>
    </row>
    <row r="34358" spans="1:3" ht="19.2">
      <c r="A34358" s="2"/>
      <c r="B34358" s="2"/>
      <c r="C34358" s="2"/>
    </row>
    <row r="34359" spans="1:3" ht="19.2">
      <c r="A34359" s="2"/>
      <c r="B34359" s="2"/>
      <c r="C34359" s="2"/>
    </row>
    <row r="34360" spans="1:3" ht="19.2">
      <c r="A34360" s="2"/>
      <c r="B34360" s="2"/>
      <c r="C34360" s="2"/>
    </row>
    <row r="34361" spans="1:3" ht="19.2">
      <c r="A34361" s="2"/>
      <c r="B34361" s="2"/>
      <c r="C34361" s="2"/>
    </row>
    <row r="34362" spans="1:3" ht="19.2">
      <c r="A34362" s="2"/>
      <c r="B34362" s="2"/>
      <c r="C34362" s="2"/>
    </row>
    <row r="34363" spans="1:3" ht="19.2">
      <c r="A34363" s="2"/>
      <c r="B34363" s="2"/>
      <c r="C34363" s="2"/>
    </row>
    <row r="34364" spans="1:3" ht="19.2">
      <c r="A34364" s="2"/>
      <c r="B34364" s="2"/>
      <c r="C34364" s="2"/>
    </row>
    <row r="34365" spans="1:3" ht="19.2">
      <c r="A34365" s="2"/>
      <c r="B34365" s="2"/>
      <c r="C34365" s="2"/>
    </row>
    <row r="34366" spans="1:3" ht="19.2">
      <c r="A34366" s="2"/>
      <c r="B34366" s="2"/>
      <c r="C34366" s="2"/>
    </row>
    <row r="34367" spans="1:3" ht="19.2">
      <c r="A34367" s="2"/>
      <c r="B34367" s="2"/>
      <c r="C34367" s="2"/>
    </row>
    <row r="34368" spans="1:3" ht="19.2">
      <c r="A34368" s="2"/>
      <c r="B34368" s="2"/>
      <c r="C34368" s="2"/>
    </row>
    <row r="34369" spans="1:3" ht="19.2">
      <c r="A34369" s="2"/>
      <c r="B34369" s="2"/>
      <c r="C34369" s="2"/>
    </row>
    <row r="34370" spans="1:3" ht="19.2">
      <c r="A34370" s="2"/>
      <c r="B34370" s="2"/>
      <c r="C34370" s="2"/>
    </row>
    <row r="34371" spans="1:3" ht="19.2">
      <c r="A34371" s="2"/>
      <c r="B34371" s="2"/>
      <c r="C34371" s="2"/>
    </row>
    <row r="34372" spans="1:3" ht="19.2">
      <c r="A34372" s="2"/>
      <c r="B34372" s="2"/>
      <c r="C34372" s="2"/>
    </row>
    <row r="34373" spans="1:3" ht="19.2">
      <c r="A34373" s="2"/>
      <c r="B34373" s="2"/>
      <c r="C34373" s="2"/>
    </row>
    <row r="34374" spans="1:3" ht="19.2">
      <c r="A34374" s="2"/>
      <c r="B34374" s="2"/>
      <c r="C34374" s="2"/>
    </row>
    <row r="34375" spans="1:3" ht="19.2">
      <c r="A34375" s="2"/>
      <c r="B34375" s="2"/>
      <c r="C34375" s="2"/>
    </row>
    <row r="34376" spans="1:3" ht="19.2">
      <c r="A34376" s="2"/>
      <c r="B34376" s="2"/>
      <c r="C34376" s="2"/>
    </row>
    <row r="34377" spans="1:3" ht="19.2">
      <c r="A34377" s="2"/>
      <c r="B34377" s="2"/>
      <c r="C34377" s="2"/>
    </row>
    <row r="34378" spans="1:3" ht="19.2">
      <c r="A34378" s="2"/>
      <c r="B34378" s="2"/>
      <c r="C34378" s="2"/>
    </row>
    <row r="34379" spans="1:3" ht="19.2">
      <c r="A34379" s="2"/>
      <c r="B34379" s="2"/>
      <c r="C34379" s="2"/>
    </row>
    <row r="34380" spans="1:3" ht="19.2">
      <c r="A34380" s="2"/>
      <c r="B34380" s="2"/>
      <c r="C34380" s="2"/>
    </row>
    <row r="34381" spans="1:3" ht="19.2">
      <c r="A34381" s="2"/>
      <c r="B34381" s="2"/>
      <c r="C34381" s="2"/>
    </row>
    <row r="34382" spans="1:3" ht="19.2">
      <c r="A34382" s="2"/>
      <c r="B34382" s="2"/>
      <c r="C34382" s="2"/>
    </row>
    <row r="34383" spans="1:3" ht="19.2">
      <c r="A34383" s="2"/>
      <c r="B34383" s="2"/>
      <c r="C34383" s="2"/>
    </row>
    <row r="34384" spans="1:3" ht="19.2">
      <c r="A34384" s="2"/>
      <c r="B34384" s="2"/>
      <c r="C34384" s="2"/>
    </row>
    <row r="34385" spans="1:3" ht="19.2">
      <c r="A34385" s="2"/>
      <c r="B34385" s="2"/>
      <c r="C34385" s="2"/>
    </row>
    <row r="34386" spans="1:3" ht="19.2">
      <c r="A34386" s="2"/>
      <c r="B34386" s="2"/>
      <c r="C34386" s="2"/>
    </row>
    <row r="34387" spans="1:3" ht="19.2">
      <c r="A34387" s="2"/>
      <c r="B34387" s="2"/>
      <c r="C34387" s="2"/>
    </row>
    <row r="34388" spans="1:3" ht="19.2">
      <c r="A34388" s="2"/>
      <c r="B34388" s="2"/>
      <c r="C34388" s="2"/>
    </row>
    <row r="34389" spans="1:3" ht="19.2">
      <c r="A34389" s="2"/>
      <c r="B34389" s="2"/>
      <c r="C34389" s="2"/>
    </row>
    <row r="34390" spans="1:3" ht="19.2">
      <c r="A34390" s="2"/>
      <c r="B34390" s="2"/>
      <c r="C34390" s="2"/>
    </row>
    <row r="34391" spans="1:3" ht="19.2">
      <c r="A34391" s="2"/>
      <c r="B34391" s="2"/>
      <c r="C34391" s="2"/>
    </row>
    <row r="34392" spans="1:3" ht="19.2">
      <c r="A34392" s="2"/>
      <c r="B34392" s="2"/>
      <c r="C34392" s="2"/>
    </row>
    <row r="34393" spans="1:3" ht="19.2">
      <c r="A34393" s="2"/>
      <c r="B34393" s="2"/>
      <c r="C34393" s="2"/>
    </row>
    <row r="34394" spans="1:3" ht="19.2">
      <c r="A34394" s="2"/>
      <c r="B34394" s="2"/>
      <c r="C34394" s="2"/>
    </row>
    <row r="34395" spans="1:3" ht="19.2">
      <c r="A34395" s="2"/>
      <c r="B34395" s="2"/>
      <c r="C34395" s="2"/>
    </row>
    <row r="34396" spans="1:3" ht="19.2">
      <c r="A34396" s="2"/>
      <c r="B34396" s="2"/>
      <c r="C34396" s="2"/>
    </row>
    <row r="34397" spans="1:3" ht="19.2">
      <c r="A34397" s="2"/>
      <c r="B34397" s="2"/>
      <c r="C34397" s="2"/>
    </row>
    <row r="34398" spans="1:3" ht="19.2">
      <c r="A34398" s="2"/>
      <c r="B34398" s="2"/>
      <c r="C34398" s="2"/>
    </row>
    <row r="34399" spans="1:3" ht="19.2">
      <c r="A34399" s="2"/>
      <c r="B34399" s="2"/>
      <c r="C34399" s="2"/>
    </row>
    <row r="34400" spans="1:3" ht="19.2">
      <c r="A34400" s="2"/>
      <c r="B34400" s="2"/>
      <c r="C34400" s="2"/>
    </row>
    <row r="34401" spans="1:3" ht="19.2">
      <c r="A34401" s="2"/>
      <c r="B34401" s="2"/>
      <c r="C34401" s="2"/>
    </row>
    <row r="34402" spans="1:3" ht="19.2">
      <c r="A34402" s="2"/>
      <c r="B34402" s="2"/>
      <c r="C34402" s="2"/>
    </row>
    <row r="34403" spans="1:3" ht="19.2">
      <c r="A34403" s="2"/>
      <c r="B34403" s="2"/>
      <c r="C34403" s="2"/>
    </row>
    <row r="34404" spans="1:3" ht="19.2">
      <c r="A34404" s="2"/>
      <c r="B34404" s="2"/>
      <c r="C34404" s="2"/>
    </row>
    <row r="34405" spans="1:3" ht="19.2">
      <c r="A34405" s="2"/>
      <c r="B34405" s="2"/>
      <c r="C34405" s="2"/>
    </row>
    <row r="34406" spans="1:3" ht="19.2">
      <c r="A34406" s="2"/>
      <c r="B34406" s="2"/>
      <c r="C34406" s="2"/>
    </row>
    <row r="34407" spans="1:3" ht="19.2">
      <c r="A34407" s="2"/>
      <c r="B34407" s="2"/>
      <c r="C34407" s="2"/>
    </row>
    <row r="34408" spans="1:3" ht="19.2">
      <c r="A34408" s="2"/>
      <c r="B34408" s="2"/>
      <c r="C34408" s="2"/>
    </row>
    <row r="34409" spans="1:3" ht="19.2">
      <c r="A34409" s="2"/>
      <c r="B34409" s="2"/>
      <c r="C34409" s="2"/>
    </row>
    <row r="34410" spans="1:3" ht="19.2">
      <c r="A34410" s="2"/>
      <c r="B34410" s="2"/>
      <c r="C34410" s="2"/>
    </row>
    <row r="34411" spans="1:3" ht="19.2">
      <c r="A34411" s="2"/>
      <c r="B34411" s="2"/>
      <c r="C34411" s="2"/>
    </row>
    <row r="34412" spans="1:3" ht="19.2">
      <c r="A34412" s="2"/>
      <c r="B34412" s="2"/>
      <c r="C34412" s="2"/>
    </row>
    <row r="34413" spans="1:3" ht="19.2">
      <c r="A34413" s="2"/>
      <c r="B34413" s="2"/>
      <c r="C34413" s="2"/>
    </row>
    <row r="34414" spans="1:3" ht="19.2">
      <c r="A34414" s="2"/>
      <c r="B34414" s="2"/>
      <c r="C34414" s="2"/>
    </row>
    <row r="34415" spans="1:3" ht="19.2">
      <c r="A34415" s="2"/>
      <c r="B34415" s="2"/>
      <c r="C34415" s="2"/>
    </row>
    <row r="34416" spans="1:3" ht="19.2">
      <c r="A34416" s="2"/>
      <c r="B34416" s="2"/>
      <c r="C34416" s="2"/>
    </row>
    <row r="34417" spans="1:3" ht="19.2">
      <c r="A34417" s="2"/>
      <c r="B34417" s="2"/>
      <c r="C34417" s="2"/>
    </row>
    <row r="34418" spans="1:3" ht="19.2">
      <c r="A34418" s="2"/>
      <c r="B34418" s="2"/>
      <c r="C34418" s="2"/>
    </row>
    <row r="34419" spans="1:3" ht="19.2">
      <c r="A34419" s="2"/>
      <c r="B34419" s="2"/>
      <c r="C34419" s="2"/>
    </row>
    <row r="34420" spans="1:3" ht="19.2">
      <c r="A34420" s="2"/>
      <c r="B34420" s="2"/>
      <c r="C34420" s="2"/>
    </row>
    <row r="34421" spans="1:3" ht="19.2">
      <c r="A34421" s="2"/>
      <c r="B34421" s="2"/>
      <c r="C34421" s="2"/>
    </row>
    <row r="34422" spans="1:3" ht="19.2">
      <c r="A34422" s="2"/>
      <c r="B34422" s="2"/>
      <c r="C34422" s="2"/>
    </row>
    <row r="34423" spans="1:3" ht="19.2">
      <c r="A34423" s="2"/>
      <c r="B34423" s="2"/>
      <c r="C34423" s="2"/>
    </row>
    <row r="34424" spans="1:3" ht="19.2">
      <c r="A34424" s="2"/>
      <c r="B34424" s="2"/>
      <c r="C34424" s="2"/>
    </row>
    <row r="34425" spans="1:3" ht="19.2">
      <c r="A34425" s="2"/>
      <c r="B34425" s="2"/>
      <c r="C34425" s="2"/>
    </row>
    <row r="34426" spans="1:3" ht="19.2">
      <c r="A34426" s="2"/>
      <c r="B34426" s="2"/>
      <c r="C34426" s="2"/>
    </row>
    <row r="34427" spans="1:3" ht="19.2">
      <c r="A34427" s="2"/>
      <c r="B34427" s="2"/>
      <c r="C34427" s="2"/>
    </row>
    <row r="34428" spans="1:3" ht="19.2">
      <c r="A34428" s="2"/>
      <c r="B34428" s="2"/>
      <c r="C34428" s="2"/>
    </row>
    <row r="34429" spans="1:3" ht="19.2">
      <c r="A34429" s="2"/>
      <c r="B34429" s="2"/>
      <c r="C34429" s="2"/>
    </row>
    <row r="34430" spans="1:3" ht="19.2">
      <c r="A34430" s="2"/>
      <c r="B34430" s="2"/>
      <c r="C34430" s="2"/>
    </row>
    <row r="34431" spans="1:3" ht="19.2">
      <c r="A34431" s="2"/>
      <c r="B34431" s="2"/>
      <c r="C34431" s="2"/>
    </row>
    <row r="34432" spans="1:3" ht="19.2">
      <c r="A34432" s="2"/>
      <c r="B34432" s="2"/>
      <c r="C34432" s="2"/>
    </row>
    <row r="34433" spans="1:3" ht="19.2">
      <c r="A34433" s="2"/>
      <c r="B34433" s="2"/>
      <c r="C34433" s="2"/>
    </row>
    <row r="34434" spans="1:3" ht="19.2">
      <c r="A34434" s="2"/>
      <c r="B34434" s="2"/>
      <c r="C34434" s="2"/>
    </row>
    <row r="34435" spans="1:3" ht="19.2">
      <c r="A34435" s="2"/>
      <c r="B34435" s="2"/>
      <c r="C34435" s="2"/>
    </row>
    <row r="34436" spans="1:3" ht="19.2">
      <c r="A34436" s="2"/>
      <c r="B34436" s="2"/>
      <c r="C34436" s="2"/>
    </row>
    <row r="34437" spans="1:3" ht="19.2">
      <c r="A34437" s="2"/>
      <c r="B34437" s="2"/>
      <c r="C34437" s="2"/>
    </row>
    <row r="34438" spans="1:3" ht="19.2">
      <c r="A34438" s="2"/>
      <c r="B34438" s="2"/>
      <c r="C34438" s="2"/>
    </row>
    <row r="34439" spans="1:3" ht="19.2">
      <c r="A34439" s="2"/>
      <c r="B34439" s="2"/>
      <c r="C34439" s="2"/>
    </row>
    <row r="34440" spans="1:3" ht="19.2">
      <c r="A34440" s="2"/>
      <c r="B34440" s="2"/>
      <c r="C34440" s="2"/>
    </row>
    <row r="34441" spans="1:3" ht="19.2">
      <c r="A34441" s="2"/>
      <c r="B34441" s="2"/>
      <c r="C34441" s="2"/>
    </row>
    <row r="34442" spans="1:3" ht="19.2">
      <c r="A34442" s="2"/>
      <c r="B34442" s="2"/>
      <c r="C34442" s="2"/>
    </row>
    <row r="34443" spans="1:3" ht="19.2">
      <c r="A34443" s="2"/>
      <c r="B34443" s="2"/>
      <c r="C34443" s="2"/>
    </row>
    <row r="34444" spans="1:3" ht="19.2">
      <c r="A34444" s="2"/>
      <c r="B34444" s="2"/>
      <c r="C34444" s="2"/>
    </row>
    <row r="34445" spans="1:3" ht="19.2">
      <c r="A34445" s="2"/>
      <c r="B34445" s="2"/>
      <c r="C34445" s="2"/>
    </row>
    <row r="34446" spans="1:3" ht="19.2">
      <c r="A34446" s="2"/>
      <c r="B34446" s="2"/>
      <c r="C34446" s="2"/>
    </row>
    <row r="34447" spans="1:3" ht="19.2">
      <c r="A34447" s="2"/>
      <c r="B34447" s="2"/>
      <c r="C34447" s="2"/>
    </row>
    <row r="34448" spans="1:3" ht="19.2">
      <c r="A34448" s="2"/>
      <c r="B34448" s="2"/>
      <c r="C34448" s="2"/>
    </row>
    <row r="34449" spans="1:3" ht="19.2">
      <c r="A34449" s="2"/>
      <c r="B34449" s="2"/>
      <c r="C34449" s="2"/>
    </row>
    <row r="34450" spans="1:3" ht="19.2">
      <c r="A34450" s="2"/>
      <c r="B34450" s="2"/>
      <c r="C34450" s="2"/>
    </row>
    <row r="34451" spans="1:3" ht="19.2">
      <c r="A34451" s="2"/>
      <c r="B34451" s="2"/>
      <c r="C34451" s="2"/>
    </row>
    <row r="34452" spans="1:3" ht="19.2">
      <c r="A34452" s="2"/>
      <c r="B34452" s="2"/>
      <c r="C34452" s="2"/>
    </row>
    <row r="34453" spans="1:3" ht="19.2">
      <c r="A34453" s="2"/>
      <c r="B34453" s="2"/>
      <c r="C34453" s="2"/>
    </row>
    <row r="34454" spans="1:3" ht="19.2">
      <c r="A34454" s="2"/>
      <c r="B34454" s="2"/>
      <c r="C34454" s="2"/>
    </row>
    <row r="34455" spans="1:3" ht="19.2">
      <c r="A34455" s="2"/>
      <c r="B34455" s="2"/>
      <c r="C34455" s="2"/>
    </row>
    <row r="34456" spans="1:3" ht="19.2">
      <c r="A34456" s="2"/>
      <c r="B34456" s="2"/>
      <c r="C34456" s="2"/>
    </row>
    <row r="34457" spans="1:3" ht="19.2">
      <c r="A34457" s="2"/>
      <c r="B34457" s="2"/>
      <c r="C34457" s="2"/>
    </row>
    <row r="34458" spans="1:3" ht="19.2">
      <c r="A34458" s="2"/>
      <c r="B34458" s="2"/>
      <c r="C34458" s="2"/>
    </row>
    <row r="34459" spans="1:3" ht="19.2">
      <c r="A34459" s="2"/>
      <c r="B34459" s="2"/>
      <c r="C34459" s="2"/>
    </row>
    <row r="34460" spans="1:3" ht="19.2">
      <c r="A34460" s="2"/>
      <c r="B34460" s="2"/>
      <c r="C34460" s="2"/>
    </row>
    <row r="34461" spans="1:3" ht="19.2">
      <c r="A34461" s="2"/>
      <c r="B34461" s="2"/>
      <c r="C34461" s="2"/>
    </row>
    <row r="34462" spans="1:3" ht="19.2">
      <c r="A34462" s="2"/>
      <c r="B34462" s="2"/>
      <c r="C34462" s="2"/>
    </row>
    <row r="34463" spans="1:3" ht="19.2">
      <c r="A34463" s="2"/>
      <c r="B34463" s="2"/>
      <c r="C34463" s="2"/>
    </row>
    <row r="34464" spans="1:3" ht="19.2">
      <c r="A34464" s="2"/>
      <c r="B34464" s="2"/>
      <c r="C34464" s="2"/>
    </row>
    <row r="34465" spans="1:3" ht="19.2">
      <c r="A34465" s="2"/>
      <c r="B34465" s="2"/>
      <c r="C34465" s="2"/>
    </row>
    <row r="34466" spans="1:3" ht="19.2">
      <c r="A34466" s="2"/>
      <c r="B34466" s="2"/>
      <c r="C34466" s="2"/>
    </row>
    <row r="34467" spans="1:3" ht="19.2">
      <c r="A34467" s="2"/>
      <c r="B34467" s="2"/>
      <c r="C34467" s="2"/>
    </row>
    <row r="34468" spans="1:3" ht="19.2">
      <c r="A34468" s="2"/>
      <c r="B34468" s="2"/>
      <c r="C34468" s="2"/>
    </row>
    <row r="34469" spans="1:3" ht="19.2">
      <c r="A34469" s="2"/>
      <c r="B34469" s="2"/>
      <c r="C34469" s="2"/>
    </row>
    <row r="34470" spans="1:3" ht="19.2">
      <c r="A34470" s="2"/>
      <c r="B34470" s="2"/>
      <c r="C34470" s="2"/>
    </row>
    <row r="34471" spans="1:3" ht="19.2">
      <c r="A34471" s="2"/>
      <c r="B34471" s="2"/>
      <c r="C34471" s="2"/>
    </row>
    <row r="34472" spans="1:3" ht="19.2">
      <c r="A34472" s="2"/>
      <c r="B34472" s="2"/>
      <c r="C34472" s="2"/>
    </row>
    <row r="34473" spans="1:3" ht="19.2">
      <c r="A34473" s="2"/>
      <c r="B34473" s="2"/>
      <c r="C34473" s="2"/>
    </row>
    <row r="34474" spans="1:3" ht="19.2">
      <c r="A34474" s="2"/>
      <c r="B34474" s="2"/>
      <c r="C34474" s="2"/>
    </row>
    <row r="34475" spans="1:3" ht="19.2">
      <c r="A34475" s="2"/>
      <c r="B34475" s="2"/>
      <c r="C34475" s="2"/>
    </row>
    <row r="34476" spans="1:3" ht="19.2">
      <c r="A34476" s="2"/>
      <c r="B34476" s="2"/>
      <c r="C34476" s="2"/>
    </row>
    <row r="34477" spans="1:3" ht="19.2">
      <c r="A34477" s="2"/>
      <c r="B34477" s="2"/>
      <c r="C34477" s="2"/>
    </row>
    <row r="34478" spans="1:3" ht="19.2">
      <c r="A34478" s="2"/>
      <c r="B34478" s="2"/>
      <c r="C34478" s="2"/>
    </row>
    <row r="34479" spans="1:3" ht="19.2">
      <c r="A34479" s="2"/>
      <c r="B34479" s="2"/>
      <c r="C34479" s="2"/>
    </row>
    <row r="34480" spans="1:3" ht="19.2">
      <c r="A34480" s="2"/>
      <c r="B34480" s="2"/>
      <c r="C34480" s="2"/>
    </row>
    <row r="34481" spans="1:3" ht="19.2">
      <c r="A34481" s="2"/>
      <c r="B34481" s="2"/>
      <c r="C34481" s="2"/>
    </row>
    <row r="34482" spans="1:3" ht="19.2">
      <c r="A34482" s="2"/>
      <c r="B34482" s="2"/>
      <c r="C34482" s="2"/>
    </row>
    <row r="34483" spans="1:3" ht="19.2">
      <c r="A34483" s="2"/>
      <c r="B34483" s="2"/>
      <c r="C34483" s="2"/>
    </row>
    <row r="34484" spans="1:3" ht="19.2">
      <c r="A34484" s="2"/>
      <c r="B34484" s="2"/>
      <c r="C34484" s="2"/>
    </row>
    <row r="34485" spans="1:3" ht="19.2">
      <c r="A34485" s="2"/>
      <c r="B34485" s="2"/>
      <c r="C34485" s="2"/>
    </row>
    <row r="34486" spans="1:3" ht="19.2">
      <c r="A34486" s="2"/>
      <c r="B34486" s="2"/>
      <c r="C34486" s="2"/>
    </row>
    <row r="34487" spans="1:3" ht="19.2">
      <c r="A34487" s="2"/>
      <c r="B34487" s="2"/>
      <c r="C34487" s="2"/>
    </row>
    <row r="34488" spans="1:3" ht="19.2">
      <c r="A34488" s="2"/>
      <c r="B34488" s="2"/>
      <c r="C34488" s="2"/>
    </row>
    <row r="34489" spans="1:3" ht="19.2">
      <c r="A34489" s="2"/>
      <c r="B34489" s="2"/>
      <c r="C34489" s="2"/>
    </row>
    <row r="34490" spans="1:3" ht="19.2">
      <c r="A34490" s="2"/>
      <c r="B34490" s="2"/>
      <c r="C34490" s="2"/>
    </row>
    <row r="34491" spans="1:3" ht="19.2">
      <c r="A34491" s="2"/>
      <c r="B34491" s="2"/>
      <c r="C34491" s="2"/>
    </row>
    <row r="34492" spans="1:3" ht="19.2">
      <c r="A34492" s="2"/>
      <c r="B34492" s="2"/>
      <c r="C34492" s="2"/>
    </row>
    <row r="34493" spans="1:3" ht="19.2">
      <c r="A34493" s="2"/>
      <c r="B34493" s="2"/>
      <c r="C34493" s="2"/>
    </row>
    <row r="34494" spans="1:3" ht="19.2">
      <c r="A34494" s="2"/>
      <c r="B34494" s="2"/>
      <c r="C34494" s="2"/>
    </row>
    <row r="34495" spans="1:3" ht="19.2">
      <c r="A34495" s="2"/>
      <c r="B34495" s="2"/>
      <c r="C34495" s="2"/>
    </row>
    <row r="34496" spans="1:3" ht="19.2">
      <c r="A34496" s="2"/>
      <c r="B34496" s="2"/>
      <c r="C34496" s="2"/>
    </row>
    <row r="34497" spans="1:3" ht="19.2">
      <c r="A34497" s="2"/>
      <c r="B34497" s="2"/>
      <c r="C34497" s="2"/>
    </row>
    <row r="34498" spans="1:3" ht="19.2">
      <c r="A34498" s="2"/>
      <c r="B34498" s="2"/>
      <c r="C34498" s="2"/>
    </row>
    <row r="34499" spans="1:3" ht="19.2">
      <c r="A34499" s="2"/>
      <c r="B34499" s="2"/>
      <c r="C34499" s="2"/>
    </row>
    <row r="34500" spans="1:3" ht="19.2">
      <c r="A34500" s="2"/>
      <c r="B34500" s="2"/>
      <c r="C34500" s="2"/>
    </row>
    <row r="34501" spans="1:3" ht="19.2">
      <c r="A34501" s="2"/>
      <c r="B34501" s="2"/>
      <c r="C34501" s="2"/>
    </row>
    <row r="34502" spans="1:3" ht="19.2">
      <c r="A34502" s="2"/>
      <c r="B34502" s="2"/>
      <c r="C34502" s="2"/>
    </row>
    <row r="34503" spans="1:3" ht="19.2">
      <c r="A34503" s="2"/>
      <c r="B34503" s="2"/>
      <c r="C34503" s="2"/>
    </row>
    <row r="34504" spans="1:3" ht="19.2">
      <c r="A34504" s="2"/>
      <c r="B34504" s="2"/>
      <c r="C34504" s="2"/>
    </row>
    <row r="34505" spans="1:3" ht="19.2">
      <c r="A34505" s="2"/>
      <c r="B34505" s="2"/>
      <c r="C34505" s="2"/>
    </row>
    <row r="34506" spans="1:3" ht="19.2">
      <c r="A34506" s="2"/>
      <c r="B34506" s="2"/>
      <c r="C34506" s="2"/>
    </row>
    <row r="34507" spans="1:3" ht="19.2">
      <c r="A34507" s="2"/>
      <c r="B34507" s="2"/>
      <c r="C34507" s="2"/>
    </row>
    <row r="34508" spans="1:3" ht="19.2">
      <c r="A34508" s="2"/>
      <c r="B34508" s="2"/>
      <c r="C34508" s="2"/>
    </row>
    <row r="34509" spans="1:3" ht="19.2">
      <c r="A34509" s="2"/>
      <c r="B34509" s="2"/>
      <c r="C34509" s="2"/>
    </row>
    <row r="34510" spans="1:3" ht="19.2">
      <c r="A34510" s="2"/>
      <c r="B34510" s="2"/>
      <c r="C34510" s="2"/>
    </row>
    <row r="34511" spans="1:3" ht="19.2">
      <c r="A34511" s="2"/>
      <c r="B34511" s="2"/>
      <c r="C34511" s="2"/>
    </row>
    <row r="34512" spans="1:3" ht="19.2">
      <c r="A34512" s="2"/>
      <c r="B34512" s="2"/>
      <c r="C34512" s="2"/>
    </row>
    <row r="34513" spans="1:3" ht="19.2">
      <c r="A34513" s="2"/>
      <c r="B34513" s="2"/>
      <c r="C34513" s="2"/>
    </row>
    <row r="34514" spans="1:3" ht="19.2">
      <c r="A34514" s="2"/>
      <c r="B34514" s="2"/>
      <c r="C34514" s="2"/>
    </row>
    <row r="34515" spans="1:3" ht="19.2">
      <c r="A34515" s="2"/>
      <c r="B34515" s="2"/>
      <c r="C34515" s="2"/>
    </row>
    <row r="34516" spans="1:3" ht="19.2">
      <c r="A34516" s="2"/>
      <c r="B34516" s="2"/>
      <c r="C34516" s="2"/>
    </row>
    <row r="34517" spans="1:3" ht="19.2">
      <c r="A34517" s="2"/>
      <c r="B34517" s="2"/>
      <c r="C34517" s="2"/>
    </row>
    <row r="34518" spans="1:3" ht="19.2">
      <c r="A34518" s="2"/>
      <c r="B34518" s="2"/>
      <c r="C34518" s="2"/>
    </row>
    <row r="34519" spans="1:3" ht="19.2">
      <c r="A34519" s="2"/>
      <c r="B34519" s="2"/>
      <c r="C34519" s="2"/>
    </row>
    <row r="34520" spans="1:3" ht="19.2">
      <c r="A34520" s="2"/>
      <c r="B34520" s="2"/>
      <c r="C34520" s="2"/>
    </row>
    <row r="34521" spans="1:3" ht="19.2">
      <c r="A34521" s="2"/>
      <c r="B34521" s="2"/>
      <c r="C34521" s="2"/>
    </row>
    <row r="34522" spans="1:3" ht="19.2">
      <c r="A34522" s="2"/>
      <c r="B34522" s="2"/>
      <c r="C34522" s="2"/>
    </row>
    <row r="34523" spans="1:3" ht="19.2">
      <c r="A34523" s="2"/>
      <c r="B34523" s="2"/>
      <c r="C34523" s="2"/>
    </row>
    <row r="34524" spans="1:3" ht="19.2">
      <c r="A34524" s="2"/>
      <c r="B34524" s="2"/>
      <c r="C34524" s="2"/>
    </row>
    <row r="34525" spans="1:3" ht="19.2">
      <c r="A34525" s="2"/>
      <c r="B34525" s="2"/>
      <c r="C34525" s="2"/>
    </row>
    <row r="34526" spans="1:3" ht="19.2">
      <c r="A34526" s="2"/>
      <c r="B34526" s="2"/>
      <c r="C34526" s="2"/>
    </row>
    <row r="34527" spans="1:3" ht="19.2">
      <c r="A34527" s="2"/>
      <c r="B34527" s="2"/>
      <c r="C34527" s="2"/>
    </row>
    <row r="34528" spans="1:3" ht="19.2">
      <c r="A34528" s="2"/>
      <c r="B34528" s="2"/>
      <c r="C34528" s="2"/>
    </row>
    <row r="34529" spans="1:3" ht="19.2">
      <c r="A34529" s="2"/>
      <c r="B34529" s="2"/>
      <c r="C34529" s="2"/>
    </row>
    <row r="34530" spans="1:3" ht="19.2">
      <c r="A34530" s="2"/>
      <c r="B34530" s="2"/>
      <c r="C34530" s="2"/>
    </row>
    <row r="34531" spans="1:3" ht="19.2">
      <c r="A34531" s="2"/>
      <c r="B34531" s="2"/>
      <c r="C34531" s="2"/>
    </row>
    <row r="34532" spans="1:3" ht="19.2">
      <c r="A34532" s="2"/>
      <c r="B34532" s="2"/>
      <c r="C34532" s="2"/>
    </row>
    <row r="34533" spans="1:3" ht="19.2">
      <c r="A34533" s="2"/>
      <c r="B34533" s="2"/>
      <c r="C34533" s="2"/>
    </row>
    <row r="34534" spans="1:3" ht="19.2">
      <c r="A34534" s="2"/>
      <c r="B34534" s="2"/>
      <c r="C34534" s="2"/>
    </row>
    <row r="34535" spans="1:3" ht="19.2">
      <c r="A34535" s="2"/>
      <c r="B34535" s="2"/>
      <c r="C34535" s="2"/>
    </row>
    <row r="34536" spans="1:3" ht="19.2">
      <c r="A34536" s="2"/>
      <c r="B34536" s="2"/>
      <c r="C34536" s="2"/>
    </row>
    <row r="34537" spans="1:3" ht="19.2">
      <c r="A34537" s="2"/>
      <c r="B34537" s="2"/>
      <c r="C34537" s="2"/>
    </row>
    <row r="34538" spans="1:3" ht="19.2">
      <c r="A34538" s="2"/>
      <c r="B34538" s="2"/>
      <c r="C34538" s="2"/>
    </row>
    <row r="34539" spans="1:3" ht="19.2">
      <c r="A34539" s="2"/>
      <c r="B34539" s="2"/>
      <c r="C34539" s="2"/>
    </row>
    <row r="34540" spans="1:3" ht="19.2">
      <c r="A34540" s="2"/>
      <c r="B34540" s="2"/>
      <c r="C34540" s="2"/>
    </row>
    <row r="34541" spans="1:3" ht="19.2">
      <c r="A34541" s="2"/>
      <c r="B34541" s="2"/>
      <c r="C34541" s="2"/>
    </row>
    <row r="34542" spans="1:3" ht="19.2">
      <c r="A34542" s="2"/>
      <c r="B34542" s="2"/>
      <c r="C34542" s="2"/>
    </row>
    <row r="34543" spans="1:3" ht="19.2">
      <c r="A34543" s="2"/>
      <c r="B34543" s="2"/>
      <c r="C34543" s="2"/>
    </row>
    <row r="34544" spans="1:3" ht="19.2">
      <c r="A34544" s="2"/>
      <c r="B34544" s="2"/>
      <c r="C34544" s="2"/>
    </row>
    <row r="34545" spans="1:3" ht="19.2">
      <c r="A34545" s="2"/>
      <c r="B34545" s="2"/>
      <c r="C34545" s="2"/>
    </row>
    <row r="34546" spans="1:3" ht="19.2">
      <c r="A34546" s="2"/>
      <c r="B34546" s="2"/>
      <c r="C34546" s="2"/>
    </row>
    <row r="34547" spans="1:3" ht="19.2">
      <c r="A34547" s="2"/>
      <c r="B34547" s="2"/>
      <c r="C34547" s="2"/>
    </row>
    <row r="34548" spans="1:3" ht="19.2">
      <c r="A34548" s="2"/>
      <c r="B34548" s="2"/>
      <c r="C34548" s="2"/>
    </row>
    <row r="34549" spans="1:3" ht="19.2">
      <c r="A34549" s="2"/>
      <c r="B34549" s="2"/>
      <c r="C34549" s="2"/>
    </row>
    <row r="34550" spans="1:3" ht="19.2">
      <c r="A34550" s="2"/>
      <c r="B34550" s="2"/>
      <c r="C34550" s="2"/>
    </row>
    <row r="34551" spans="1:3" ht="19.2">
      <c r="A34551" s="2"/>
      <c r="B34551" s="2"/>
      <c r="C34551" s="2"/>
    </row>
    <row r="34552" spans="1:3" ht="19.2">
      <c r="A34552" s="2"/>
      <c r="B34552" s="2"/>
      <c r="C34552" s="2"/>
    </row>
    <row r="34553" spans="1:3" ht="19.2">
      <c r="A34553" s="2"/>
      <c r="B34553" s="2"/>
      <c r="C34553" s="2"/>
    </row>
    <row r="34554" spans="1:3" ht="19.2">
      <c r="A34554" s="2"/>
      <c r="B34554" s="2"/>
      <c r="C34554" s="2"/>
    </row>
    <row r="34555" spans="1:3" ht="19.2">
      <c r="A34555" s="2"/>
      <c r="B34555" s="2"/>
      <c r="C34555" s="2"/>
    </row>
    <row r="34556" spans="1:3" ht="19.2">
      <c r="A34556" s="2"/>
      <c r="B34556" s="2"/>
      <c r="C34556" s="2"/>
    </row>
    <row r="34557" spans="1:3" ht="19.2">
      <c r="A34557" s="2"/>
      <c r="B34557" s="2"/>
      <c r="C34557" s="2"/>
    </row>
    <row r="34558" spans="1:3" ht="19.2">
      <c r="A34558" s="2"/>
      <c r="B34558" s="2"/>
      <c r="C34558" s="2"/>
    </row>
    <row r="34559" spans="1:3" ht="19.2">
      <c r="A34559" s="2"/>
      <c r="B34559" s="2"/>
      <c r="C34559" s="2"/>
    </row>
    <row r="34560" spans="1:3" ht="19.2">
      <c r="A34560" s="2"/>
      <c r="B34560" s="2"/>
      <c r="C34560" s="2"/>
    </row>
    <row r="34561" spans="1:3" ht="19.2">
      <c r="A34561" s="2"/>
      <c r="B34561" s="2"/>
      <c r="C34561" s="2"/>
    </row>
    <row r="34562" spans="1:3" ht="19.2">
      <c r="A34562" s="2"/>
      <c r="B34562" s="2"/>
      <c r="C34562" s="2"/>
    </row>
    <row r="34563" spans="1:3" ht="19.2">
      <c r="A34563" s="2"/>
      <c r="B34563" s="2"/>
      <c r="C34563" s="2"/>
    </row>
    <row r="34564" spans="1:3" ht="19.2">
      <c r="A34564" s="2"/>
      <c r="B34564" s="2"/>
      <c r="C34564" s="2"/>
    </row>
    <row r="34565" spans="1:3" ht="19.2">
      <c r="A34565" s="2"/>
      <c r="B34565" s="2"/>
      <c r="C34565" s="2"/>
    </row>
    <row r="34566" spans="1:3" ht="19.2">
      <c r="A34566" s="2"/>
      <c r="B34566" s="2"/>
      <c r="C34566" s="2"/>
    </row>
    <row r="34567" spans="1:3" ht="19.2">
      <c r="A34567" s="2"/>
      <c r="B34567" s="2"/>
      <c r="C34567" s="2"/>
    </row>
    <row r="34568" spans="1:3" ht="19.2">
      <c r="A34568" s="2"/>
      <c r="B34568" s="2"/>
      <c r="C34568" s="2"/>
    </row>
    <row r="34569" spans="1:3" ht="19.2">
      <c r="A34569" s="2"/>
      <c r="B34569" s="2"/>
      <c r="C34569" s="2"/>
    </row>
    <row r="34570" spans="1:3" ht="19.2">
      <c r="A34570" s="2"/>
      <c r="B34570" s="2"/>
      <c r="C34570" s="2"/>
    </row>
    <row r="34571" spans="1:3" ht="19.2">
      <c r="A34571" s="2"/>
      <c r="B34571" s="2"/>
      <c r="C34571" s="2"/>
    </row>
    <row r="34572" spans="1:3" ht="19.2">
      <c r="A34572" s="2"/>
      <c r="B34572" s="2"/>
      <c r="C34572" s="2"/>
    </row>
    <row r="34573" spans="1:3" ht="19.2">
      <c r="A34573" s="2"/>
      <c r="B34573" s="2"/>
      <c r="C34573" s="2"/>
    </row>
    <row r="34574" spans="1:3" ht="19.2">
      <c r="A34574" s="2"/>
      <c r="B34574" s="2"/>
      <c r="C34574" s="2"/>
    </row>
    <row r="34575" spans="1:3" ht="19.2">
      <c r="A34575" s="2"/>
      <c r="B34575" s="2"/>
      <c r="C34575" s="2"/>
    </row>
    <row r="34576" spans="1:3" ht="19.2">
      <c r="A34576" s="2"/>
      <c r="B34576" s="2"/>
      <c r="C34576" s="2"/>
    </row>
    <row r="34577" spans="1:3" ht="19.2">
      <c r="A34577" s="2"/>
      <c r="B34577" s="2"/>
      <c r="C34577" s="2"/>
    </row>
    <row r="34578" spans="1:3" ht="19.2">
      <c r="A34578" s="2"/>
      <c r="B34578" s="2"/>
      <c r="C34578" s="2"/>
    </row>
    <row r="34579" spans="1:3" ht="19.2">
      <c r="A34579" s="2"/>
      <c r="B34579" s="2"/>
      <c r="C34579" s="2"/>
    </row>
    <row r="34580" spans="1:3" ht="19.2">
      <c r="A34580" s="2"/>
      <c r="B34580" s="2"/>
      <c r="C34580" s="2"/>
    </row>
    <row r="34581" spans="1:3" ht="19.2">
      <c r="A34581" s="2"/>
      <c r="B34581" s="2"/>
      <c r="C34581" s="2"/>
    </row>
    <row r="34582" spans="1:3" ht="19.2">
      <c r="A34582" s="2"/>
      <c r="B34582" s="2"/>
      <c r="C34582" s="2"/>
    </row>
    <row r="34583" spans="1:3" ht="19.2">
      <c r="A34583" s="2"/>
      <c r="B34583" s="2"/>
      <c r="C34583" s="2"/>
    </row>
    <row r="34584" spans="1:3" ht="19.2">
      <c r="A34584" s="2"/>
      <c r="B34584" s="2"/>
      <c r="C34584" s="2"/>
    </row>
    <row r="34585" spans="1:3" ht="19.2">
      <c r="A34585" s="2"/>
      <c r="B34585" s="2"/>
      <c r="C34585" s="2"/>
    </row>
    <row r="34586" spans="1:3" ht="19.2">
      <c r="A34586" s="2"/>
      <c r="B34586" s="2"/>
      <c r="C34586" s="2"/>
    </row>
    <row r="34587" spans="1:3" ht="19.2">
      <c r="A34587" s="2"/>
      <c r="B34587" s="2"/>
      <c r="C34587" s="2"/>
    </row>
    <row r="34588" spans="1:3" ht="19.2">
      <c r="A34588" s="2"/>
      <c r="B34588" s="2"/>
      <c r="C34588" s="2"/>
    </row>
    <row r="34589" spans="1:3" ht="19.2">
      <c r="A34589" s="2"/>
      <c r="B34589" s="2"/>
      <c r="C34589" s="2"/>
    </row>
    <row r="34590" spans="1:3" ht="19.2">
      <c r="A34590" s="2"/>
      <c r="B34590" s="2"/>
      <c r="C34590" s="2"/>
    </row>
    <row r="34591" spans="1:3" ht="19.2">
      <c r="A34591" s="2"/>
      <c r="B34591" s="2"/>
      <c r="C34591" s="2"/>
    </row>
    <row r="34592" spans="1:3" ht="19.2">
      <c r="A34592" s="2"/>
      <c r="B34592" s="2"/>
      <c r="C34592" s="2"/>
    </row>
    <row r="34593" spans="1:3" ht="19.2">
      <c r="A34593" s="2"/>
      <c r="B34593" s="2"/>
      <c r="C34593" s="2"/>
    </row>
    <row r="34594" spans="1:3" ht="19.2">
      <c r="A34594" s="2"/>
      <c r="B34594" s="2"/>
      <c r="C34594" s="2"/>
    </row>
    <row r="34595" spans="1:3" ht="19.2">
      <c r="A34595" s="2"/>
      <c r="B34595" s="2"/>
      <c r="C34595" s="2"/>
    </row>
    <row r="34596" spans="1:3" ht="19.2">
      <c r="A34596" s="2"/>
      <c r="B34596" s="2"/>
      <c r="C34596" s="2"/>
    </row>
    <row r="34597" spans="1:3" ht="19.2">
      <c r="A34597" s="2"/>
      <c r="B34597" s="2"/>
      <c r="C34597" s="2"/>
    </row>
    <row r="34598" spans="1:3" ht="19.2">
      <c r="A34598" s="2"/>
      <c r="B34598" s="2"/>
      <c r="C34598" s="2"/>
    </row>
    <row r="34599" spans="1:3" ht="19.2">
      <c r="A34599" s="2"/>
      <c r="B34599" s="2"/>
      <c r="C34599" s="2"/>
    </row>
    <row r="34600" spans="1:3" ht="19.2">
      <c r="A34600" s="2"/>
      <c r="B34600" s="2"/>
      <c r="C34600" s="2"/>
    </row>
    <row r="34601" spans="1:3" ht="19.2">
      <c r="A34601" s="2"/>
      <c r="B34601" s="2"/>
      <c r="C34601" s="2"/>
    </row>
    <row r="34602" spans="1:3" ht="19.2">
      <c r="A34602" s="2"/>
      <c r="B34602" s="2"/>
      <c r="C34602" s="2"/>
    </row>
    <row r="34603" spans="1:3" ht="19.2">
      <c r="A34603" s="2"/>
      <c r="B34603" s="2"/>
      <c r="C34603" s="2"/>
    </row>
    <row r="34604" spans="1:3" ht="19.2">
      <c r="A34604" s="2"/>
      <c r="B34604" s="2"/>
      <c r="C34604" s="2"/>
    </row>
    <row r="34605" spans="1:3" ht="19.2">
      <c r="A34605" s="2"/>
      <c r="B34605" s="2"/>
      <c r="C34605" s="2"/>
    </row>
    <row r="34606" spans="1:3" ht="19.2">
      <c r="A34606" s="2"/>
      <c r="B34606" s="2"/>
      <c r="C34606" s="2"/>
    </row>
    <row r="34607" spans="1:3" ht="19.2">
      <c r="A34607" s="2"/>
      <c r="B34607" s="2"/>
      <c r="C34607" s="2"/>
    </row>
    <row r="34608" spans="1:3" ht="19.2">
      <c r="A34608" s="2"/>
      <c r="B34608" s="2"/>
      <c r="C34608" s="2"/>
    </row>
    <row r="34609" spans="1:3" ht="19.2">
      <c r="A34609" s="2"/>
      <c r="B34609" s="2"/>
      <c r="C34609" s="2"/>
    </row>
    <row r="34610" spans="1:3" ht="19.2">
      <c r="A34610" s="2"/>
      <c r="B34610" s="2"/>
      <c r="C34610" s="2"/>
    </row>
    <row r="34611" spans="1:3" ht="19.2">
      <c r="A34611" s="2"/>
      <c r="B34611" s="2"/>
      <c r="C34611" s="2"/>
    </row>
    <row r="34612" spans="1:3" ht="19.2">
      <c r="A34612" s="2"/>
      <c r="B34612" s="2"/>
      <c r="C34612" s="2"/>
    </row>
    <row r="34613" spans="1:3" ht="19.2">
      <c r="A34613" s="2"/>
      <c r="B34613" s="2"/>
      <c r="C34613" s="2"/>
    </row>
    <row r="34614" spans="1:3" ht="19.2">
      <c r="A34614" s="2"/>
      <c r="B34614" s="2"/>
      <c r="C34614" s="2"/>
    </row>
    <row r="34615" spans="1:3" ht="19.2">
      <c r="A34615" s="2"/>
      <c r="B34615" s="2"/>
      <c r="C34615" s="2"/>
    </row>
    <row r="34616" spans="1:3" ht="19.2">
      <c r="A34616" s="2"/>
      <c r="B34616" s="2"/>
      <c r="C34616" s="2"/>
    </row>
    <row r="34617" spans="1:3" ht="19.2">
      <c r="A34617" s="2"/>
      <c r="B34617" s="2"/>
      <c r="C34617" s="2"/>
    </row>
    <row r="34618" spans="1:3" ht="19.2">
      <c r="A34618" s="2"/>
      <c r="B34618" s="2"/>
      <c r="C34618" s="2"/>
    </row>
    <row r="34619" spans="1:3" ht="19.2">
      <c r="A34619" s="2"/>
      <c r="B34619" s="2"/>
      <c r="C34619" s="2"/>
    </row>
    <row r="34620" spans="1:3" ht="19.2">
      <c r="A34620" s="2"/>
      <c r="B34620" s="2"/>
      <c r="C34620" s="2"/>
    </row>
    <row r="34621" spans="1:3" ht="19.2">
      <c r="A34621" s="2"/>
      <c r="B34621" s="2"/>
      <c r="C34621" s="2"/>
    </row>
    <row r="34622" spans="1:3" ht="19.2">
      <c r="A34622" s="2"/>
      <c r="B34622" s="2"/>
      <c r="C34622" s="2"/>
    </row>
    <row r="34623" spans="1:3" ht="19.2">
      <c r="A34623" s="2"/>
      <c r="B34623" s="2"/>
      <c r="C34623" s="2"/>
    </row>
    <row r="34624" spans="1:3" ht="19.2">
      <c r="A34624" s="2"/>
      <c r="B34624" s="2"/>
      <c r="C34624" s="2"/>
    </row>
    <row r="34625" spans="1:3" ht="19.2">
      <c r="A34625" s="2"/>
      <c r="B34625" s="2"/>
      <c r="C34625" s="2"/>
    </row>
    <row r="34626" spans="1:3" ht="19.2">
      <c r="A34626" s="2"/>
      <c r="B34626" s="2"/>
      <c r="C34626" s="2"/>
    </row>
    <row r="34627" spans="1:3" ht="19.2">
      <c r="A34627" s="2"/>
      <c r="B34627" s="2"/>
      <c r="C34627" s="2"/>
    </row>
    <row r="34628" spans="1:3" ht="19.2">
      <c r="A34628" s="2"/>
      <c r="B34628" s="2"/>
      <c r="C34628" s="2"/>
    </row>
    <row r="34629" spans="1:3" ht="19.2">
      <c r="A34629" s="2"/>
      <c r="B34629" s="2"/>
      <c r="C34629" s="2"/>
    </row>
    <row r="34630" spans="1:3" ht="19.2">
      <c r="A34630" s="2"/>
      <c r="B34630" s="2"/>
      <c r="C34630" s="2"/>
    </row>
    <row r="34631" spans="1:3" ht="19.2">
      <c r="A34631" s="2"/>
      <c r="B34631" s="2"/>
      <c r="C34631" s="2"/>
    </row>
    <row r="34632" spans="1:3" ht="19.2">
      <c r="A34632" s="2"/>
      <c r="B34632" s="2"/>
      <c r="C34632" s="2"/>
    </row>
    <row r="34633" spans="1:3" ht="19.2">
      <c r="A34633" s="2"/>
      <c r="B34633" s="2"/>
      <c r="C34633" s="2"/>
    </row>
    <row r="34634" spans="1:3" ht="19.2">
      <c r="A34634" s="2"/>
      <c r="B34634" s="2"/>
      <c r="C34634" s="2"/>
    </row>
    <row r="34635" spans="1:3" ht="19.2">
      <c r="A34635" s="2"/>
      <c r="B34635" s="2"/>
      <c r="C34635" s="2"/>
    </row>
    <row r="34636" spans="1:3" ht="19.2">
      <c r="A34636" s="2"/>
      <c r="B34636" s="2"/>
      <c r="C34636" s="2"/>
    </row>
    <row r="34637" spans="1:3" ht="19.2">
      <c r="A34637" s="2"/>
      <c r="B34637" s="2"/>
      <c r="C34637" s="2"/>
    </row>
    <row r="34638" spans="1:3" ht="19.2">
      <c r="A34638" s="2"/>
      <c r="B34638" s="2"/>
      <c r="C34638" s="2"/>
    </row>
    <row r="34639" spans="1:3" ht="19.2">
      <c r="A34639" s="2"/>
      <c r="B34639" s="2"/>
      <c r="C34639" s="2"/>
    </row>
    <row r="34640" spans="1:3" ht="19.2">
      <c r="A34640" s="2"/>
      <c r="B34640" s="2"/>
      <c r="C34640" s="2"/>
    </row>
    <row r="34641" spans="1:3" ht="19.2">
      <c r="A34641" s="2"/>
      <c r="B34641" s="2"/>
      <c r="C34641" s="2"/>
    </row>
    <row r="34642" spans="1:3" ht="19.2">
      <c r="A34642" s="2"/>
      <c r="B34642" s="2"/>
      <c r="C34642" s="2"/>
    </row>
    <row r="34643" spans="1:3" ht="19.2">
      <c r="A34643" s="2"/>
      <c r="B34643" s="2"/>
      <c r="C34643" s="2"/>
    </row>
    <row r="34644" spans="1:3" ht="19.2">
      <c r="A34644" s="2"/>
      <c r="B34644" s="2"/>
      <c r="C34644" s="2"/>
    </row>
    <row r="34645" spans="1:3" ht="19.2">
      <c r="A34645" s="2"/>
      <c r="B34645" s="2"/>
      <c r="C34645" s="2"/>
    </row>
    <row r="34646" spans="1:3" ht="19.2">
      <c r="A34646" s="2"/>
      <c r="B34646" s="2"/>
      <c r="C34646" s="2"/>
    </row>
    <row r="34647" spans="1:3" ht="19.2">
      <c r="A34647" s="2"/>
      <c r="B34647" s="2"/>
      <c r="C34647" s="2"/>
    </row>
    <row r="34648" spans="1:3" ht="19.2">
      <c r="A34648" s="2"/>
      <c r="B34648" s="2"/>
      <c r="C34648" s="2"/>
    </row>
    <row r="34649" spans="1:3" ht="19.2">
      <c r="A34649" s="2"/>
      <c r="B34649" s="2"/>
      <c r="C34649" s="2"/>
    </row>
    <row r="34650" spans="1:3" ht="19.2">
      <c r="A34650" s="2"/>
      <c r="B34650" s="2"/>
      <c r="C34650" s="2"/>
    </row>
    <row r="34651" spans="1:3" ht="19.2">
      <c r="A34651" s="2"/>
      <c r="B34651" s="2"/>
      <c r="C34651" s="2"/>
    </row>
    <row r="34652" spans="1:3" ht="19.2">
      <c r="A34652" s="2"/>
      <c r="B34652" s="2"/>
      <c r="C34652" s="2"/>
    </row>
    <row r="34653" spans="1:3" ht="19.2">
      <c r="A34653" s="2"/>
      <c r="B34653" s="2"/>
      <c r="C34653" s="2"/>
    </row>
    <row r="34654" spans="1:3" ht="19.2">
      <c r="A34654" s="2"/>
      <c r="B34654" s="2"/>
      <c r="C34654" s="2"/>
    </row>
    <row r="34655" spans="1:3" ht="19.2">
      <c r="A34655" s="2"/>
      <c r="B34655" s="2"/>
      <c r="C34655" s="2"/>
    </row>
    <row r="34656" spans="1:3" ht="19.2">
      <c r="A34656" s="2"/>
      <c r="B34656" s="2"/>
      <c r="C34656" s="2"/>
    </row>
    <row r="34657" spans="1:3" ht="19.2">
      <c r="A34657" s="2"/>
      <c r="B34657" s="2"/>
      <c r="C34657" s="2"/>
    </row>
    <row r="34658" spans="1:3" ht="19.2">
      <c r="A34658" s="2"/>
      <c r="B34658" s="2"/>
      <c r="C34658" s="2"/>
    </row>
    <row r="34659" spans="1:3" ht="19.2">
      <c r="A34659" s="2"/>
      <c r="B34659" s="2"/>
      <c r="C34659" s="2"/>
    </row>
    <row r="34660" spans="1:3" ht="19.2">
      <c r="A34660" s="2"/>
      <c r="B34660" s="2"/>
      <c r="C34660" s="2"/>
    </row>
    <row r="34661" spans="1:3" ht="19.2">
      <c r="A34661" s="2"/>
      <c r="B34661" s="2"/>
      <c r="C34661" s="2"/>
    </row>
    <row r="34662" spans="1:3" ht="19.2">
      <c r="A34662" s="2"/>
      <c r="B34662" s="2"/>
      <c r="C34662" s="2"/>
    </row>
    <row r="34663" spans="1:3" ht="19.2">
      <c r="A34663" s="2"/>
      <c r="B34663" s="2"/>
      <c r="C34663" s="2"/>
    </row>
    <row r="34664" spans="1:3" ht="19.2">
      <c r="A34664" s="2"/>
      <c r="B34664" s="2"/>
      <c r="C34664" s="2"/>
    </row>
    <row r="34665" spans="1:3" ht="19.2">
      <c r="A34665" s="2"/>
      <c r="B34665" s="2"/>
      <c r="C34665" s="2"/>
    </row>
    <row r="34666" spans="1:3" ht="19.2">
      <c r="A34666" s="2"/>
      <c r="B34666" s="2"/>
      <c r="C34666" s="2"/>
    </row>
    <row r="34667" spans="1:3" ht="19.2">
      <c r="A34667" s="2"/>
      <c r="B34667" s="2"/>
      <c r="C34667" s="2"/>
    </row>
    <row r="34668" spans="1:3" ht="19.2">
      <c r="A34668" s="2"/>
      <c r="B34668" s="2"/>
      <c r="C34668" s="2"/>
    </row>
    <row r="34669" spans="1:3" ht="19.2">
      <c r="A34669" s="2"/>
      <c r="B34669" s="2"/>
      <c r="C34669" s="2"/>
    </row>
    <row r="34670" spans="1:3" ht="19.2">
      <c r="A34670" s="2"/>
      <c r="B34670" s="2"/>
      <c r="C34670" s="2"/>
    </row>
    <row r="34671" spans="1:3" ht="19.2">
      <c r="A34671" s="2"/>
      <c r="B34671" s="2"/>
      <c r="C34671" s="2"/>
    </row>
    <row r="34672" spans="1:3" ht="19.2">
      <c r="A34672" s="2"/>
      <c r="B34672" s="2"/>
      <c r="C34672" s="2"/>
    </row>
    <row r="34673" spans="1:3" ht="19.2">
      <c r="A34673" s="2"/>
      <c r="B34673" s="2"/>
      <c r="C34673" s="2"/>
    </row>
    <row r="34674" spans="1:3" ht="19.2">
      <c r="A34674" s="2"/>
      <c r="B34674" s="2"/>
      <c r="C34674" s="2"/>
    </row>
    <row r="34675" spans="1:3" ht="19.2">
      <c r="A34675" s="2"/>
      <c r="B34675" s="2"/>
      <c r="C34675" s="2"/>
    </row>
    <row r="34676" spans="1:3" ht="19.2">
      <c r="A34676" s="2"/>
      <c r="B34676" s="2"/>
      <c r="C34676" s="2"/>
    </row>
    <row r="34677" spans="1:3" ht="19.2">
      <c r="A34677" s="2"/>
      <c r="B34677" s="2"/>
      <c r="C34677" s="2"/>
    </row>
    <row r="34678" spans="1:3" ht="19.2">
      <c r="A34678" s="2"/>
      <c r="B34678" s="2"/>
      <c r="C34678" s="2"/>
    </row>
    <row r="34679" spans="1:3" ht="19.2">
      <c r="A34679" s="2"/>
      <c r="B34679" s="2"/>
      <c r="C34679" s="2"/>
    </row>
    <row r="34680" spans="1:3" ht="19.2">
      <c r="A34680" s="2"/>
      <c r="B34680" s="2"/>
      <c r="C34680" s="2"/>
    </row>
    <row r="34681" spans="1:3" ht="19.2">
      <c r="A34681" s="2"/>
      <c r="B34681" s="2"/>
      <c r="C34681" s="2"/>
    </row>
    <row r="34682" spans="1:3" ht="19.2">
      <c r="A34682" s="2"/>
      <c r="B34682" s="2"/>
      <c r="C34682" s="2"/>
    </row>
    <row r="34683" spans="1:3" ht="19.2">
      <c r="A34683" s="2"/>
      <c r="B34683" s="2"/>
      <c r="C34683" s="2"/>
    </row>
    <row r="34684" spans="1:3" ht="19.2">
      <c r="A34684" s="2"/>
      <c r="B34684" s="2"/>
      <c r="C34684" s="2"/>
    </row>
    <row r="34685" spans="1:3" ht="19.2">
      <c r="A34685" s="2"/>
      <c r="B34685" s="2"/>
      <c r="C34685" s="2"/>
    </row>
    <row r="34686" spans="1:3" ht="19.2">
      <c r="A34686" s="2"/>
      <c r="B34686" s="2"/>
      <c r="C34686" s="2"/>
    </row>
    <row r="34687" spans="1:3" ht="19.2">
      <c r="A34687" s="2"/>
      <c r="B34687" s="2"/>
      <c r="C34687" s="2"/>
    </row>
    <row r="34688" spans="1:3" ht="19.2">
      <c r="A34688" s="2"/>
      <c r="B34688" s="2"/>
      <c r="C34688" s="2"/>
    </row>
    <row r="34689" spans="1:3" ht="19.2">
      <c r="A34689" s="2"/>
      <c r="B34689" s="2"/>
      <c r="C34689" s="2"/>
    </row>
    <row r="34690" spans="1:3" ht="19.2">
      <c r="A34690" s="2"/>
      <c r="B34690" s="2"/>
      <c r="C34690" s="2"/>
    </row>
    <row r="34691" spans="1:3" ht="19.2">
      <c r="A34691" s="2"/>
      <c r="B34691" s="2"/>
      <c r="C34691" s="2"/>
    </row>
    <row r="34692" spans="1:3" ht="19.2">
      <c r="A34692" s="2"/>
      <c r="B34692" s="2"/>
      <c r="C34692" s="2"/>
    </row>
    <row r="34693" spans="1:3" ht="19.2">
      <c r="A34693" s="2"/>
      <c r="B34693" s="2"/>
      <c r="C34693" s="2"/>
    </row>
    <row r="34694" spans="1:3" ht="19.2">
      <c r="A34694" s="2"/>
      <c r="B34694" s="2"/>
      <c r="C34694" s="2"/>
    </row>
    <row r="34695" spans="1:3" ht="19.2">
      <c r="A34695" s="2"/>
      <c r="B34695" s="2"/>
      <c r="C34695" s="2"/>
    </row>
    <row r="34696" spans="1:3" ht="19.2">
      <c r="A34696" s="2"/>
      <c r="B34696" s="2"/>
      <c r="C34696" s="2"/>
    </row>
    <row r="34697" spans="1:3" ht="19.2">
      <c r="A34697" s="2"/>
      <c r="B34697" s="2"/>
      <c r="C34697" s="2"/>
    </row>
    <row r="34698" spans="1:3" ht="19.2">
      <c r="A34698" s="2"/>
      <c r="B34698" s="2"/>
      <c r="C34698" s="2"/>
    </row>
    <row r="34699" spans="1:3" ht="19.2">
      <c r="A34699" s="2"/>
      <c r="B34699" s="2"/>
      <c r="C34699" s="2"/>
    </row>
    <row r="34700" spans="1:3" ht="19.2">
      <c r="A34700" s="2"/>
      <c r="B34700" s="2"/>
      <c r="C34700" s="2"/>
    </row>
    <row r="34701" spans="1:3" ht="19.2">
      <c r="A34701" s="2"/>
      <c r="B34701" s="2"/>
      <c r="C34701" s="2"/>
    </row>
    <row r="34702" spans="1:3" ht="19.2">
      <c r="A34702" s="2"/>
      <c r="B34702" s="2"/>
      <c r="C34702" s="2"/>
    </row>
    <row r="34703" spans="1:3" ht="19.2">
      <c r="A34703" s="2"/>
      <c r="B34703" s="2"/>
      <c r="C34703" s="2"/>
    </row>
    <row r="34704" spans="1:3" ht="19.2">
      <c r="A34704" s="2"/>
      <c r="B34704" s="2"/>
      <c r="C34704" s="2"/>
    </row>
    <row r="34705" spans="1:3" ht="19.2">
      <c r="A34705" s="2"/>
      <c r="B34705" s="2"/>
      <c r="C34705" s="2"/>
    </row>
    <row r="34706" spans="1:3" ht="19.2">
      <c r="A34706" s="2"/>
      <c r="B34706" s="2"/>
      <c r="C34706" s="2"/>
    </row>
    <row r="34707" spans="1:3" ht="19.2">
      <c r="A34707" s="2"/>
      <c r="B34707" s="2"/>
      <c r="C34707" s="2"/>
    </row>
    <row r="34708" spans="1:3" ht="19.2">
      <c r="A34708" s="2"/>
      <c r="B34708" s="2"/>
      <c r="C34708" s="2"/>
    </row>
    <row r="34709" spans="1:3" ht="19.2">
      <c r="A34709" s="2"/>
      <c r="B34709" s="2"/>
      <c r="C34709" s="2"/>
    </row>
    <row r="34710" spans="1:3" ht="19.2">
      <c r="A34710" s="2"/>
      <c r="B34710" s="2"/>
      <c r="C34710" s="2"/>
    </row>
    <row r="34711" spans="1:3" ht="19.2">
      <c r="A34711" s="2"/>
      <c r="B34711" s="2"/>
      <c r="C34711" s="2"/>
    </row>
    <row r="34712" spans="1:3" ht="19.2">
      <c r="A34712" s="2"/>
      <c r="B34712" s="2"/>
      <c r="C34712" s="2"/>
    </row>
    <row r="34713" spans="1:3" ht="19.2">
      <c r="A34713" s="2"/>
      <c r="B34713" s="2"/>
      <c r="C34713" s="2"/>
    </row>
    <row r="34714" spans="1:3" ht="19.2">
      <c r="A34714" s="2"/>
      <c r="B34714" s="2"/>
      <c r="C34714" s="2"/>
    </row>
    <row r="34715" spans="1:3" ht="19.2">
      <c r="A34715" s="2"/>
      <c r="B34715" s="2"/>
      <c r="C34715" s="2"/>
    </row>
    <row r="34716" spans="1:3" ht="19.2">
      <c r="A34716" s="2"/>
      <c r="B34716" s="2"/>
      <c r="C34716" s="2"/>
    </row>
    <row r="34717" spans="1:3" ht="19.2">
      <c r="A34717" s="2"/>
      <c r="B34717" s="2"/>
      <c r="C34717" s="2"/>
    </row>
    <row r="34718" spans="1:3" ht="19.2">
      <c r="A34718" s="2"/>
      <c r="B34718" s="2"/>
      <c r="C34718" s="2"/>
    </row>
    <row r="34719" spans="1:3" ht="19.2">
      <c r="A34719" s="2"/>
      <c r="B34719" s="2"/>
      <c r="C34719" s="2"/>
    </row>
    <row r="34720" spans="1:3" ht="19.2">
      <c r="A34720" s="2"/>
      <c r="B34720" s="2"/>
      <c r="C34720" s="2"/>
    </row>
    <row r="34721" spans="1:3" ht="19.2">
      <c r="A34721" s="2"/>
      <c r="B34721" s="2"/>
      <c r="C34721" s="2"/>
    </row>
    <row r="34722" spans="1:3" ht="19.2">
      <c r="A34722" s="2"/>
      <c r="B34722" s="2"/>
      <c r="C34722" s="2"/>
    </row>
    <row r="34723" spans="1:3" ht="19.2">
      <c r="A34723" s="2"/>
      <c r="B34723" s="2"/>
      <c r="C34723" s="2"/>
    </row>
    <row r="34724" spans="1:3" ht="19.2">
      <c r="A34724" s="2"/>
      <c r="B34724" s="2"/>
      <c r="C34724" s="2"/>
    </row>
    <row r="34725" spans="1:3" ht="19.2">
      <c r="A34725" s="2"/>
      <c r="B34725" s="2"/>
      <c r="C34725" s="2"/>
    </row>
    <row r="34726" spans="1:3" ht="19.2">
      <c r="A34726" s="2"/>
      <c r="B34726" s="2"/>
      <c r="C34726" s="2"/>
    </row>
    <row r="34727" spans="1:3" ht="19.2">
      <c r="A34727" s="2"/>
      <c r="B34727" s="2"/>
      <c r="C34727" s="2"/>
    </row>
    <row r="34728" spans="1:3" ht="19.2">
      <c r="A34728" s="2"/>
      <c r="B34728" s="2"/>
      <c r="C34728" s="2"/>
    </row>
    <row r="34729" spans="1:3" ht="19.2">
      <c r="A34729" s="2"/>
      <c r="B34729" s="2"/>
      <c r="C34729" s="2"/>
    </row>
    <row r="34730" spans="1:3" ht="19.2">
      <c r="A34730" s="2"/>
      <c r="B34730" s="2"/>
      <c r="C34730" s="2"/>
    </row>
    <row r="34731" spans="1:3" ht="19.2">
      <c r="A34731" s="2"/>
      <c r="B34731" s="2"/>
      <c r="C34731" s="2"/>
    </row>
    <row r="34732" spans="1:3" ht="19.2">
      <c r="A34732" s="2"/>
      <c r="B34732" s="2"/>
      <c r="C34732" s="2"/>
    </row>
    <row r="34733" spans="1:3" ht="19.2">
      <c r="A34733" s="2"/>
      <c r="B34733" s="2"/>
      <c r="C34733" s="2"/>
    </row>
    <row r="34734" spans="1:3" ht="19.2">
      <c r="A34734" s="2"/>
      <c r="B34734" s="2"/>
      <c r="C34734" s="2"/>
    </row>
    <row r="34735" spans="1:3" ht="19.2">
      <c r="A34735" s="2"/>
      <c r="B34735" s="2"/>
      <c r="C34735" s="2"/>
    </row>
    <row r="34736" spans="1:3" ht="19.2">
      <c r="A34736" s="2"/>
      <c r="B34736" s="2"/>
      <c r="C34736" s="2"/>
    </row>
    <row r="34737" spans="1:3" ht="19.2">
      <c r="A34737" s="2"/>
      <c r="B34737" s="2"/>
      <c r="C34737" s="2"/>
    </row>
    <row r="34738" spans="1:3" ht="19.2">
      <c r="A34738" s="2"/>
      <c r="B34738" s="2"/>
      <c r="C34738" s="2"/>
    </row>
    <row r="34739" spans="1:3" ht="19.2">
      <c r="A34739" s="2"/>
      <c r="B34739" s="2"/>
      <c r="C34739" s="2"/>
    </row>
    <row r="34740" spans="1:3" ht="19.2">
      <c r="A34740" s="2"/>
      <c r="B34740" s="2"/>
      <c r="C34740" s="2"/>
    </row>
    <row r="34741" spans="1:3" ht="19.2">
      <c r="A34741" s="2"/>
      <c r="B34741" s="2"/>
      <c r="C34741" s="2"/>
    </row>
    <row r="34742" spans="1:3" ht="19.2">
      <c r="A34742" s="2"/>
      <c r="B34742" s="2"/>
      <c r="C34742" s="2"/>
    </row>
    <row r="34743" spans="1:3" ht="19.2">
      <c r="A34743" s="2"/>
      <c r="B34743" s="2"/>
      <c r="C34743" s="2"/>
    </row>
    <row r="34744" spans="1:3" ht="19.2">
      <c r="A34744" s="2"/>
      <c r="B34744" s="2"/>
      <c r="C34744" s="2"/>
    </row>
    <row r="34745" spans="1:3" ht="19.2">
      <c r="A34745" s="2"/>
      <c r="B34745" s="2"/>
      <c r="C34745" s="2"/>
    </row>
    <row r="34746" spans="1:3" ht="19.2">
      <c r="A34746" s="2"/>
      <c r="B34746" s="2"/>
      <c r="C34746" s="2"/>
    </row>
    <row r="34747" spans="1:3" ht="19.2">
      <c r="A34747" s="2"/>
      <c r="B34747" s="2"/>
      <c r="C34747" s="2"/>
    </row>
    <row r="34748" spans="1:3" ht="19.2">
      <c r="A34748" s="2"/>
      <c r="B34748" s="2"/>
      <c r="C34748" s="2"/>
    </row>
    <row r="34749" spans="1:3" ht="19.2">
      <c r="A34749" s="2"/>
      <c r="B34749" s="2"/>
      <c r="C34749" s="2"/>
    </row>
    <row r="34750" spans="1:3" ht="19.2">
      <c r="A34750" s="2"/>
      <c r="B34750" s="2"/>
      <c r="C34750" s="2"/>
    </row>
    <row r="34751" spans="1:3" ht="19.2">
      <c r="A34751" s="2"/>
      <c r="B34751" s="2"/>
      <c r="C34751" s="2"/>
    </row>
    <row r="34752" spans="1:3" ht="19.2">
      <c r="A34752" s="2"/>
      <c r="B34752" s="2"/>
      <c r="C34752" s="2"/>
    </row>
    <row r="34753" spans="1:3" ht="19.2">
      <c r="A34753" s="2"/>
      <c r="B34753" s="2"/>
      <c r="C34753" s="2"/>
    </row>
    <row r="34754" spans="1:3" ht="19.2">
      <c r="A34754" s="2"/>
      <c r="B34754" s="2"/>
      <c r="C34754" s="2"/>
    </row>
    <row r="34755" spans="1:3" ht="19.2">
      <c r="A34755" s="2"/>
      <c r="B34755" s="2"/>
      <c r="C34755" s="2"/>
    </row>
    <row r="34756" spans="1:3" ht="19.2">
      <c r="A34756" s="2"/>
      <c r="B34756" s="2"/>
      <c r="C34756" s="2"/>
    </row>
    <row r="34757" spans="1:3" ht="19.2">
      <c r="A34757" s="2"/>
      <c r="B34757" s="2"/>
      <c r="C34757" s="2"/>
    </row>
    <row r="34758" spans="1:3" ht="19.2">
      <c r="A34758" s="2"/>
      <c r="B34758" s="2"/>
      <c r="C34758" s="2"/>
    </row>
    <row r="34759" spans="1:3" ht="19.2">
      <c r="A34759" s="2"/>
      <c r="B34759" s="2"/>
      <c r="C34759" s="2"/>
    </row>
    <row r="34760" spans="1:3" ht="19.2">
      <c r="A34760" s="2"/>
      <c r="B34760" s="2"/>
      <c r="C34760" s="2"/>
    </row>
    <row r="34761" spans="1:3" ht="19.2">
      <c r="A34761" s="2"/>
      <c r="B34761" s="2"/>
      <c r="C34761" s="2"/>
    </row>
    <row r="34762" spans="1:3" ht="19.2">
      <c r="A34762" s="2"/>
      <c r="B34762" s="2"/>
      <c r="C34762" s="2"/>
    </row>
    <row r="34763" spans="1:3" ht="19.2">
      <c r="A34763" s="2"/>
      <c r="B34763" s="2"/>
      <c r="C34763" s="2"/>
    </row>
    <row r="34764" spans="1:3" ht="19.2">
      <c r="A34764" s="2"/>
      <c r="B34764" s="2"/>
      <c r="C34764" s="2"/>
    </row>
    <row r="34765" spans="1:3" ht="19.2">
      <c r="A34765" s="2"/>
      <c r="B34765" s="2"/>
      <c r="C34765" s="2"/>
    </row>
    <row r="34766" spans="1:3" ht="19.2">
      <c r="A34766" s="2"/>
      <c r="B34766" s="2"/>
      <c r="C34766" s="2"/>
    </row>
    <row r="34767" spans="1:3" ht="19.2">
      <c r="A34767" s="2"/>
      <c r="B34767" s="2"/>
      <c r="C34767" s="2"/>
    </row>
    <row r="34768" spans="1:3" ht="19.2">
      <c r="A34768" s="2"/>
      <c r="B34768" s="2"/>
      <c r="C34768" s="2"/>
    </row>
    <row r="34769" spans="1:3" ht="19.2">
      <c r="A34769" s="2"/>
      <c r="B34769" s="2"/>
      <c r="C34769" s="2"/>
    </row>
    <row r="34770" spans="1:3" ht="19.2">
      <c r="A34770" s="2"/>
      <c r="B34770" s="2"/>
      <c r="C34770" s="2"/>
    </row>
    <row r="34771" spans="1:3" ht="19.2">
      <c r="A34771" s="2"/>
      <c r="B34771" s="2"/>
      <c r="C34771" s="2"/>
    </row>
    <row r="34772" spans="1:3" ht="19.2">
      <c r="A34772" s="2"/>
      <c r="B34772" s="2"/>
      <c r="C34772" s="2"/>
    </row>
    <row r="34773" spans="1:3" ht="19.2">
      <c r="A34773" s="2"/>
      <c r="B34773" s="2"/>
      <c r="C34773" s="2"/>
    </row>
    <row r="34774" spans="1:3" ht="19.2">
      <c r="A34774" s="2"/>
      <c r="B34774" s="2"/>
      <c r="C34774" s="2"/>
    </row>
    <row r="34775" spans="1:3" ht="19.2">
      <c r="A34775" s="2"/>
      <c r="B34775" s="2"/>
      <c r="C34775" s="2"/>
    </row>
    <row r="34776" spans="1:3" ht="19.2">
      <c r="A34776" s="2"/>
      <c r="B34776" s="2"/>
      <c r="C34776" s="2"/>
    </row>
    <row r="34777" spans="1:3" ht="19.2">
      <c r="A34777" s="2"/>
      <c r="B34777" s="2"/>
      <c r="C34777" s="2"/>
    </row>
    <row r="34778" spans="1:3" ht="19.2">
      <c r="A34778" s="2"/>
      <c r="B34778" s="2"/>
      <c r="C34778" s="2"/>
    </row>
    <row r="34779" spans="1:3" ht="19.2">
      <c r="A34779" s="2"/>
      <c r="B34779" s="2"/>
      <c r="C34779" s="2"/>
    </row>
    <row r="34780" spans="1:3" ht="19.2">
      <c r="A34780" s="2"/>
      <c r="B34780" s="2"/>
      <c r="C34780" s="2"/>
    </row>
    <row r="34781" spans="1:3" ht="19.2">
      <c r="A34781" s="2"/>
      <c r="B34781" s="2"/>
      <c r="C34781" s="2"/>
    </row>
    <row r="34782" spans="1:3" ht="19.2">
      <c r="A34782" s="2"/>
      <c r="B34782" s="2"/>
      <c r="C34782" s="2"/>
    </row>
    <row r="34783" spans="1:3" ht="19.2">
      <c r="A34783" s="2"/>
      <c r="B34783" s="2"/>
      <c r="C34783" s="2"/>
    </row>
    <row r="34784" spans="1:3" ht="19.2">
      <c r="A34784" s="2"/>
      <c r="B34784" s="2"/>
      <c r="C34784" s="2"/>
    </row>
    <row r="34785" spans="1:3" ht="19.2">
      <c r="A34785" s="2"/>
      <c r="B34785" s="2"/>
      <c r="C34785" s="2"/>
    </row>
    <row r="34786" spans="1:3" ht="19.2">
      <c r="A34786" s="2"/>
      <c r="B34786" s="2"/>
      <c r="C34786" s="2"/>
    </row>
    <row r="34787" spans="1:3" ht="19.2">
      <c r="A34787" s="2"/>
      <c r="B34787" s="2"/>
      <c r="C34787" s="2"/>
    </row>
    <row r="34788" spans="1:3" ht="19.2">
      <c r="A34788" s="2"/>
      <c r="B34788" s="2"/>
      <c r="C34788" s="2"/>
    </row>
    <row r="34789" spans="1:3" ht="19.2">
      <c r="A34789" s="2"/>
      <c r="B34789" s="2"/>
      <c r="C34789" s="2"/>
    </row>
    <row r="34790" spans="1:3" ht="19.2">
      <c r="A34790" s="2"/>
      <c r="B34790" s="2"/>
      <c r="C34790" s="2"/>
    </row>
    <row r="34791" spans="1:3" ht="19.2">
      <c r="A34791" s="2"/>
      <c r="B34791" s="2"/>
      <c r="C34791" s="2"/>
    </row>
    <row r="34792" spans="1:3" ht="19.2">
      <c r="A34792" s="2"/>
      <c r="B34792" s="2"/>
      <c r="C34792" s="2"/>
    </row>
    <row r="34793" spans="1:3" ht="19.2">
      <c r="A34793" s="2"/>
      <c r="B34793" s="2"/>
      <c r="C34793" s="2"/>
    </row>
    <row r="34794" spans="1:3" ht="19.2">
      <c r="A34794" s="2"/>
      <c r="B34794" s="2"/>
      <c r="C34794" s="2"/>
    </row>
    <row r="34795" spans="1:3" ht="19.2">
      <c r="A34795" s="2"/>
      <c r="B34795" s="2"/>
      <c r="C34795" s="2"/>
    </row>
    <row r="34796" spans="1:3" ht="19.2">
      <c r="A34796" s="2"/>
      <c r="B34796" s="2"/>
      <c r="C34796" s="2"/>
    </row>
    <row r="34797" spans="1:3" ht="19.2">
      <c r="A34797" s="2"/>
      <c r="B34797" s="2"/>
      <c r="C34797" s="2"/>
    </row>
    <row r="34798" spans="1:3" ht="19.2">
      <c r="A34798" s="2"/>
      <c r="B34798" s="2"/>
      <c r="C34798" s="2"/>
    </row>
    <row r="34799" spans="1:3" ht="19.2">
      <c r="A34799" s="2"/>
      <c r="B34799" s="2"/>
      <c r="C34799" s="2"/>
    </row>
    <row r="34800" spans="1:3" ht="19.2">
      <c r="A34800" s="2"/>
      <c r="B34800" s="2"/>
      <c r="C34800" s="2"/>
    </row>
    <row r="34801" spans="1:3" ht="19.2">
      <c r="A34801" s="2"/>
      <c r="B34801" s="2"/>
      <c r="C34801" s="2"/>
    </row>
    <row r="34802" spans="1:3" ht="19.2">
      <c r="A34802" s="2"/>
      <c r="B34802" s="2"/>
      <c r="C34802" s="2"/>
    </row>
    <row r="34803" spans="1:3" ht="19.2">
      <c r="A34803" s="2"/>
      <c r="B34803" s="2"/>
      <c r="C34803" s="2"/>
    </row>
    <row r="34804" spans="1:3" ht="19.2">
      <c r="A34804" s="2"/>
      <c r="B34804" s="2"/>
      <c r="C34804" s="2"/>
    </row>
    <row r="34805" spans="1:3" ht="19.2">
      <c r="A34805" s="2"/>
      <c r="B34805" s="2"/>
      <c r="C34805" s="2"/>
    </row>
    <row r="34806" spans="1:3" ht="19.2">
      <c r="A34806" s="2"/>
      <c r="B34806" s="2"/>
      <c r="C34806" s="2"/>
    </row>
    <row r="34807" spans="1:3" ht="19.2">
      <c r="A34807" s="2"/>
      <c r="B34807" s="2"/>
      <c r="C34807" s="2"/>
    </row>
    <row r="34808" spans="1:3" ht="19.2">
      <c r="A34808" s="2"/>
      <c r="B34808" s="2"/>
      <c r="C34808" s="2"/>
    </row>
    <row r="34809" spans="1:3" ht="19.2">
      <c r="A34809" s="2"/>
      <c r="B34809" s="2"/>
      <c r="C34809" s="2"/>
    </row>
    <row r="34810" spans="1:3" ht="19.2">
      <c r="A34810" s="2"/>
      <c r="B34810" s="2"/>
      <c r="C34810" s="2"/>
    </row>
    <row r="34811" spans="1:3" ht="19.2">
      <c r="A34811" s="2"/>
      <c r="B34811" s="2"/>
      <c r="C34811" s="2"/>
    </row>
    <row r="34812" spans="1:3" ht="19.2">
      <c r="A34812" s="2"/>
      <c r="B34812" s="2"/>
      <c r="C34812" s="2"/>
    </row>
    <row r="34813" spans="1:3" ht="19.2">
      <c r="A34813" s="2"/>
      <c r="B34813" s="2"/>
      <c r="C34813" s="2"/>
    </row>
    <row r="34814" spans="1:3" ht="19.2">
      <c r="A34814" s="2"/>
      <c r="B34814" s="2"/>
      <c r="C34814" s="2"/>
    </row>
    <row r="34815" spans="1:3" ht="19.2">
      <c r="A34815" s="2"/>
      <c r="B34815" s="2"/>
      <c r="C34815" s="2"/>
    </row>
    <row r="34816" spans="1:3" ht="19.2">
      <c r="A34816" s="2"/>
      <c r="B34816" s="2"/>
      <c r="C34816" s="2"/>
    </row>
    <row r="34817" spans="1:3" ht="19.2">
      <c r="A34817" s="2"/>
      <c r="B34817" s="2"/>
      <c r="C34817" s="2"/>
    </row>
    <row r="34818" spans="1:3" ht="19.2">
      <c r="A34818" s="2"/>
      <c r="B34818" s="2"/>
      <c r="C34818" s="2"/>
    </row>
    <row r="34819" spans="1:3" ht="19.2">
      <c r="A34819" s="2"/>
      <c r="B34819" s="2"/>
      <c r="C34819" s="2"/>
    </row>
    <row r="34820" spans="1:3" ht="19.2">
      <c r="A34820" s="2"/>
      <c r="B34820" s="2"/>
      <c r="C34820" s="2"/>
    </row>
    <row r="34821" spans="1:3" ht="19.2">
      <c r="A34821" s="2"/>
      <c r="B34821" s="2"/>
      <c r="C34821" s="2"/>
    </row>
    <row r="34822" spans="1:3" ht="19.2">
      <c r="A34822" s="2"/>
      <c r="B34822" s="2"/>
      <c r="C34822" s="2"/>
    </row>
    <row r="34823" spans="1:3" ht="19.2">
      <c r="A34823" s="2"/>
      <c r="B34823" s="2"/>
      <c r="C34823" s="2"/>
    </row>
    <row r="34824" spans="1:3" ht="19.2">
      <c r="A34824" s="2"/>
      <c r="B34824" s="2"/>
      <c r="C34824" s="2"/>
    </row>
    <row r="34825" spans="1:3" ht="19.2">
      <c r="A34825" s="2"/>
      <c r="B34825" s="2"/>
      <c r="C34825" s="2"/>
    </row>
    <row r="34826" spans="1:3" ht="19.2">
      <c r="A34826" s="2"/>
      <c r="B34826" s="2"/>
      <c r="C34826" s="2"/>
    </row>
    <row r="34827" spans="1:3" ht="19.2">
      <c r="A34827" s="2"/>
      <c r="B34827" s="2"/>
      <c r="C34827" s="2"/>
    </row>
    <row r="34828" spans="1:3" ht="19.2">
      <c r="A34828" s="2"/>
      <c r="B34828" s="2"/>
      <c r="C34828" s="2"/>
    </row>
    <row r="34829" spans="1:3" ht="19.2">
      <c r="A34829" s="2"/>
      <c r="B34829" s="2"/>
      <c r="C34829" s="2"/>
    </row>
    <row r="34830" spans="1:3" ht="19.2">
      <c r="A34830" s="2"/>
      <c r="B34830" s="2"/>
      <c r="C34830" s="2"/>
    </row>
    <row r="34831" spans="1:3" ht="19.2">
      <c r="A34831" s="2"/>
      <c r="B34831" s="2"/>
      <c r="C34831" s="2"/>
    </row>
    <row r="34832" spans="1:3" ht="19.2">
      <c r="A34832" s="2"/>
      <c r="B34832" s="2"/>
      <c r="C34832" s="2"/>
    </row>
    <row r="34833" spans="1:3" ht="19.2">
      <c r="A34833" s="2"/>
      <c r="B34833" s="2"/>
      <c r="C34833" s="2"/>
    </row>
    <row r="34834" spans="1:3" ht="19.2">
      <c r="A34834" s="2"/>
      <c r="B34834" s="2"/>
      <c r="C34834" s="2"/>
    </row>
    <row r="34835" spans="1:3" ht="19.2">
      <c r="A34835" s="2"/>
      <c r="B34835" s="2"/>
      <c r="C34835" s="2"/>
    </row>
    <row r="34836" spans="1:3" ht="19.2">
      <c r="A34836" s="2"/>
      <c r="B34836" s="2"/>
      <c r="C34836" s="2"/>
    </row>
    <row r="34837" spans="1:3" ht="19.2">
      <c r="A34837" s="2"/>
      <c r="B34837" s="2"/>
      <c r="C34837" s="2"/>
    </row>
    <row r="34838" spans="1:3" ht="19.2">
      <c r="A34838" s="2"/>
      <c r="B34838" s="2"/>
      <c r="C34838" s="2"/>
    </row>
    <row r="34839" spans="1:3" ht="19.2">
      <c r="A34839" s="2"/>
      <c r="B34839" s="2"/>
      <c r="C34839" s="2"/>
    </row>
    <row r="34840" spans="1:3" ht="19.2">
      <c r="A34840" s="2"/>
      <c r="B34840" s="2"/>
      <c r="C34840" s="2"/>
    </row>
    <row r="34841" spans="1:3" ht="19.2">
      <c r="A34841" s="2"/>
      <c r="B34841" s="2"/>
      <c r="C34841" s="2"/>
    </row>
    <row r="34842" spans="1:3" ht="19.2">
      <c r="A34842" s="2"/>
      <c r="B34842" s="2"/>
      <c r="C34842" s="2"/>
    </row>
    <row r="34843" spans="1:3" ht="19.2">
      <c r="A34843" s="2"/>
      <c r="B34843" s="2"/>
      <c r="C34843" s="2"/>
    </row>
    <row r="34844" spans="1:3" ht="19.2">
      <c r="A34844" s="2"/>
      <c r="B34844" s="2"/>
      <c r="C34844" s="2"/>
    </row>
    <row r="34845" spans="1:3" ht="19.2">
      <c r="A34845" s="2"/>
      <c r="B34845" s="2"/>
      <c r="C34845" s="2"/>
    </row>
    <row r="34846" spans="1:3" ht="19.2">
      <c r="A34846" s="2"/>
      <c r="B34846" s="2"/>
      <c r="C34846" s="2"/>
    </row>
    <row r="34847" spans="1:3" ht="19.2">
      <c r="A34847" s="2"/>
      <c r="B34847" s="2"/>
      <c r="C34847" s="2"/>
    </row>
    <row r="34848" spans="1:3" ht="19.2">
      <c r="A34848" s="2"/>
      <c r="B34848" s="2"/>
      <c r="C34848" s="2"/>
    </row>
    <row r="34849" spans="1:3" ht="19.2">
      <c r="A34849" s="2"/>
      <c r="B34849" s="2"/>
      <c r="C34849" s="2"/>
    </row>
    <row r="34850" spans="1:3" ht="19.2">
      <c r="A34850" s="2"/>
      <c r="B34850" s="2"/>
      <c r="C34850" s="2"/>
    </row>
    <row r="34851" spans="1:3" ht="19.2">
      <c r="A34851" s="2"/>
      <c r="B34851" s="2"/>
      <c r="C34851" s="2"/>
    </row>
    <row r="34852" spans="1:3" ht="19.2">
      <c r="A34852" s="2"/>
      <c r="B34852" s="2"/>
      <c r="C34852" s="2"/>
    </row>
    <row r="34853" spans="1:3" ht="19.2">
      <c r="A34853" s="2"/>
      <c r="B34853" s="2"/>
      <c r="C34853" s="2"/>
    </row>
    <row r="34854" spans="1:3" ht="19.2">
      <c r="A34854" s="2"/>
      <c r="B34854" s="2"/>
      <c r="C34854" s="2"/>
    </row>
    <row r="34855" spans="1:3" ht="19.2">
      <c r="A34855" s="2"/>
      <c r="B34855" s="2"/>
      <c r="C34855" s="2"/>
    </row>
    <row r="34856" spans="1:3" ht="19.2">
      <c r="A34856" s="2"/>
      <c r="B34856" s="2"/>
      <c r="C34856" s="2"/>
    </row>
    <row r="34857" spans="1:3" ht="19.2">
      <c r="A34857" s="2"/>
      <c r="B34857" s="2"/>
      <c r="C34857" s="2"/>
    </row>
    <row r="34858" spans="1:3" ht="19.2">
      <c r="A34858" s="2"/>
      <c r="B34858" s="2"/>
      <c r="C34858" s="2"/>
    </row>
    <row r="34859" spans="1:3" ht="19.2">
      <c r="A34859" s="2"/>
      <c r="B34859" s="2"/>
      <c r="C34859" s="2"/>
    </row>
    <row r="34860" spans="1:3" ht="19.2">
      <c r="A34860" s="2"/>
      <c r="B34860" s="2"/>
      <c r="C34860" s="2"/>
    </row>
    <row r="34861" spans="1:3" ht="19.2">
      <c r="A34861" s="2"/>
      <c r="B34861" s="2"/>
      <c r="C34861" s="2"/>
    </row>
    <row r="34862" spans="1:3" ht="19.2">
      <c r="A34862" s="2"/>
      <c r="B34862" s="2"/>
      <c r="C34862" s="2"/>
    </row>
    <row r="34863" spans="1:3" ht="19.2">
      <c r="A34863" s="2"/>
      <c r="B34863" s="2"/>
      <c r="C34863" s="2"/>
    </row>
    <row r="34864" spans="1:3" ht="19.2">
      <c r="A34864" s="2"/>
      <c r="B34864" s="2"/>
      <c r="C34864" s="2"/>
    </row>
    <row r="34865" spans="1:3" ht="19.2">
      <c r="A34865" s="2"/>
      <c r="B34865" s="2"/>
      <c r="C34865" s="2"/>
    </row>
    <row r="34866" spans="1:3" ht="19.2">
      <c r="A34866" s="2"/>
      <c r="B34866" s="2"/>
      <c r="C34866" s="2"/>
    </row>
    <row r="34867" spans="1:3" ht="19.2">
      <c r="A34867" s="2"/>
      <c r="B34867" s="2"/>
      <c r="C34867" s="2"/>
    </row>
    <row r="34868" spans="1:3" ht="19.2">
      <c r="A34868" s="2"/>
      <c r="B34868" s="2"/>
      <c r="C34868" s="2"/>
    </row>
    <row r="34869" spans="1:3" ht="19.2">
      <c r="A34869" s="2"/>
      <c r="B34869" s="2"/>
      <c r="C34869" s="2"/>
    </row>
    <row r="34870" spans="1:3" ht="19.2">
      <c r="A34870" s="2"/>
      <c r="B34870" s="2"/>
      <c r="C34870" s="2"/>
    </row>
    <row r="34871" spans="1:3" ht="19.2">
      <c r="A34871" s="2"/>
      <c r="B34871" s="2"/>
      <c r="C34871" s="2"/>
    </row>
    <row r="34872" spans="1:3" ht="19.2">
      <c r="A34872" s="2"/>
      <c r="B34872" s="2"/>
      <c r="C34872" s="2"/>
    </row>
    <row r="34873" spans="1:3" ht="19.2">
      <c r="A34873" s="2"/>
      <c r="B34873" s="2"/>
      <c r="C34873" s="2"/>
    </row>
    <row r="34874" spans="1:3" ht="19.2">
      <c r="A34874" s="2"/>
      <c r="B34874" s="2"/>
      <c r="C34874" s="2"/>
    </row>
    <row r="34875" spans="1:3" ht="19.2">
      <c r="A34875" s="2"/>
      <c r="B34875" s="2"/>
      <c r="C34875" s="2"/>
    </row>
    <row r="34876" spans="1:3" ht="19.2">
      <c r="A34876" s="2"/>
      <c r="B34876" s="2"/>
      <c r="C34876" s="2"/>
    </row>
    <row r="34877" spans="1:3" ht="19.2">
      <c r="A34877" s="2"/>
      <c r="B34877" s="2"/>
      <c r="C34877" s="2"/>
    </row>
    <row r="34878" spans="1:3" ht="19.2">
      <c r="A34878" s="2"/>
      <c r="B34878" s="2"/>
      <c r="C34878" s="2"/>
    </row>
    <row r="34879" spans="1:3" ht="19.2">
      <c r="A34879" s="2"/>
      <c r="B34879" s="2"/>
      <c r="C34879" s="2"/>
    </row>
    <row r="34880" spans="1:3" ht="19.2">
      <c r="A34880" s="2"/>
      <c r="B34880" s="2"/>
      <c r="C34880" s="2"/>
    </row>
    <row r="34881" spans="1:3" ht="19.2">
      <c r="A34881" s="2"/>
      <c r="B34881" s="2"/>
      <c r="C34881" s="2"/>
    </row>
    <row r="34882" spans="1:3" ht="19.2">
      <c r="A34882" s="2"/>
      <c r="B34882" s="2"/>
      <c r="C34882" s="2"/>
    </row>
    <row r="34883" spans="1:3" ht="19.2">
      <c r="A34883" s="2"/>
      <c r="B34883" s="2"/>
      <c r="C34883" s="2"/>
    </row>
    <row r="34884" spans="1:3" ht="19.2">
      <c r="A34884" s="2"/>
      <c r="B34884" s="2"/>
      <c r="C34884" s="2"/>
    </row>
    <row r="34885" spans="1:3" ht="19.2">
      <c r="A34885" s="2"/>
      <c r="B34885" s="2"/>
      <c r="C34885" s="2"/>
    </row>
    <row r="34886" spans="1:3" ht="19.2">
      <c r="A34886" s="2"/>
      <c r="B34886" s="2"/>
      <c r="C34886" s="2"/>
    </row>
    <row r="34887" spans="1:3" ht="19.2">
      <c r="A34887" s="2"/>
      <c r="B34887" s="2"/>
      <c r="C34887" s="2"/>
    </row>
    <row r="34888" spans="1:3" ht="19.2">
      <c r="A34888" s="2"/>
      <c r="B34888" s="2"/>
      <c r="C34888" s="2"/>
    </row>
    <row r="34889" spans="1:3" ht="19.2">
      <c r="A34889" s="2"/>
      <c r="B34889" s="2"/>
      <c r="C34889" s="2"/>
    </row>
    <row r="34890" spans="1:3" ht="19.2">
      <c r="A34890" s="2"/>
      <c r="B34890" s="2"/>
      <c r="C34890" s="2"/>
    </row>
    <row r="34891" spans="1:3" ht="19.2">
      <c r="A34891" s="2"/>
      <c r="B34891" s="2"/>
      <c r="C34891" s="2"/>
    </row>
    <row r="34892" spans="1:3" ht="19.2">
      <c r="A34892" s="2"/>
      <c r="B34892" s="2"/>
      <c r="C34892" s="2"/>
    </row>
    <row r="34893" spans="1:3" ht="19.2">
      <c r="A34893" s="2"/>
      <c r="B34893" s="2"/>
      <c r="C34893" s="2"/>
    </row>
    <row r="34894" spans="1:3" ht="19.2">
      <c r="A34894" s="2"/>
      <c r="B34894" s="2"/>
      <c r="C34894" s="2"/>
    </row>
    <row r="34895" spans="1:3" ht="19.2">
      <c r="A34895" s="2"/>
      <c r="B34895" s="2"/>
      <c r="C34895" s="2"/>
    </row>
    <row r="34896" spans="1:3" ht="19.2">
      <c r="A34896" s="2"/>
      <c r="B34896" s="2"/>
      <c r="C34896" s="2"/>
    </row>
    <row r="34897" spans="1:3" ht="19.2">
      <c r="A34897" s="2"/>
      <c r="B34897" s="2"/>
      <c r="C34897" s="2"/>
    </row>
    <row r="34898" spans="1:3" ht="19.2">
      <c r="A34898" s="2"/>
      <c r="B34898" s="2"/>
      <c r="C34898" s="2"/>
    </row>
    <row r="34899" spans="1:3" ht="19.2">
      <c r="A34899" s="2"/>
      <c r="B34899" s="2"/>
      <c r="C34899" s="2"/>
    </row>
    <row r="34900" spans="1:3" ht="19.2">
      <c r="A34900" s="2"/>
      <c r="B34900" s="2"/>
      <c r="C34900" s="2"/>
    </row>
    <row r="34901" spans="1:3" ht="19.2">
      <c r="A34901" s="2"/>
      <c r="B34901" s="2"/>
      <c r="C34901" s="2"/>
    </row>
    <row r="34902" spans="1:3" ht="19.2">
      <c r="A34902" s="2"/>
      <c r="B34902" s="2"/>
      <c r="C34902" s="2"/>
    </row>
    <row r="34903" spans="1:3" ht="19.2">
      <c r="A34903" s="2"/>
      <c r="B34903" s="2"/>
      <c r="C34903" s="2"/>
    </row>
    <row r="34904" spans="1:3" ht="19.2">
      <c r="A34904" s="2"/>
      <c r="B34904" s="2"/>
      <c r="C34904" s="2"/>
    </row>
    <row r="34905" spans="1:3" ht="19.2">
      <c r="A34905" s="2"/>
      <c r="B34905" s="2"/>
      <c r="C34905" s="2"/>
    </row>
    <row r="34906" spans="1:3" ht="19.2">
      <c r="A34906" s="2"/>
      <c r="B34906" s="2"/>
      <c r="C34906" s="2"/>
    </row>
    <row r="34907" spans="1:3" ht="19.2">
      <c r="A34907" s="2"/>
      <c r="B34907" s="2"/>
      <c r="C34907" s="2"/>
    </row>
    <row r="34908" spans="1:3" ht="19.2">
      <c r="A34908" s="2"/>
      <c r="B34908" s="2"/>
      <c r="C34908" s="2"/>
    </row>
    <row r="34909" spans="1:3" ht="19.2">
      <c r="A34909" s="2"/>
      <c r="B34909" s="2"/>
      <c r="C34909" s="2"/>
    </row>
    <row r="34910" spans="1:3" ht="19.2">
      <c r="A34910" s="2"/>
      <c r="B34910" s="2"/>
      <c r="C34910" s="2"/>
    </row>
    <row r="34911" spans="1:3" ht="19.2">
      <c r="A34911" s="2"/>
      <c r="B34911" s="2"/>
      <c r="C34911" s="2"/>
    </row>
    <row r="34912" spans="1:3" ht="19.2">
      <c r="A34912" s="2"/>
      <c r="B34912" s="2"/>
      <c r="C34912" s="2"/>
    </row>
    <row r="34913" spans="1:3" ht="19.2">
      <c r="A34913" s="2"/>
      <c r="B34913" s="2"/>
      <c r="C34913" s="2"/>
    </row>
    <row r="34914" spans="1:3" ht="19.2">
      <c r="A34914" s="2"/>
      <c r="B34914" s="2"/>
      <c r="C34914" s="2"/>
    </row>
    <row r="34915" spans="1:3" ht="19.2">
      <c r="A34915" s="2"/>
      <c r="B34915" s="2"/>
      <c r="C34915" s="2"/>
    </row>
    <row r="34916" spans="1:3" ht="19.2">
      <c r="A34916" s="2"/>
      <c r="B34916" s="2"/>
      <c r="C34916" s="2"/>
    </row>
    <row r="34917" spans="1:3" ht="19.2">
      <c r="A34917" s="2"/>
      <c r="B34917" s="2"/>
      <c r="C34917" s="2"/>
    </row>
    <row r="34918" spans="1:3" ht="19.2">
      <c r="A34918" s="2"/>
      <c r="B34918" s="2"/>
      <c r="C34918" s="2"/>
    </row>
    <row r="34919" spans="1:3" ht="19.2">
      <c r="A34919" s="2"/>
      <c r="B34919" s="2"/>
      <c r="C34919" s="2"/>
    </row>
    <row r="34920" spans="1:3" ht="19.2">
      <c r="A34920" s="2"/>
      <c r="B34920" s="2"/>
      <c r="C34920" s="2"/>
    </row>
    <row r="34921" spans="1:3" ht="19.2">
      <c r="A34921" s="2"/>
      <c r="B34921" s="2"/>
      <c r="C34921" s="2"/>
    </row>
    <row r="34922" spans="1:3" ht="19.2">
      <c r="A34922" s="2"/>
      <c r="B34922" s="2"/>
      <c r="C34922" s="2"/>
    </row>
    <row r="34923" spans="1:3" ht="19.2">
      <c r="A34923" s="2"/>
      <c r="B34923" s="2"/>
      <c r="C34923" s="2"/>
    </row>
    <row r="34924" spans="1:3" ht="19.2">
      <c r="A34924" s="2"/>
      <c r="B34924" s="2"/>
      <c r="C34924" s="2"/>
    </row>
    <row r="34925" spans="1:3" ht="19.2">
      <c r="A34925" s="2"/>
      <c r="B34925" s="2"/>
      <c r="C34925" s="2"/>
    </row>
    <row r="34926" spans="1:3" ht="19.2">
      <c r="A34926" s="2"/>
      <c r="B34926" s="2"/>
      <c r="C34926" s="2"/>
    </row>
    <row r="34927" spans="1:3" ht="19.2">
      <c r="A34927" s="2"/>
      <c r="B34927" s="2"/>
      <c r="C34927" s="2"/>
    </row>
    <row r="34928" spans="1:3" ht="19.2">
      <c r="A34928" s="2"/>
      <c r="B34928" s="2"/>
      <c r="C34928" s="2"/>
    </row>
    <row r="34929" spans="1:3" ht="19.2">
      <c r="A34929" s="2"/>
      <c r="B34929" s="2"/>
      <c r="C34929" s="2"/>
    </row>
    <row r="34930" spans="1:3" ht="19.2">
      <c r="A34930" s="2"/>
      <c r="B34930" s="2"/>
      <c r="C34930" s="2"/>
    </row>
    <row r="34931" spans="1:3" ht="19.2">
      <c r="A34931" s="2"/>
      <c r="B34931" s="2"/>
      <c r="C34931" s="2"/>
    </row>
    <row r="34932" spans="1:3" ht="19.2">
      <c r="A34932" s="2"/>
      <c r="B34932" s="2"/>
      <c r="C34932" s="2"/>
    </row>
    <row r="34933" spans="1:3" ht="19.2">
      <c r="A34933" s="2"/>
      <c r="B34933" s="2"/>
      <c r="C34933" s="2"/>
    </row>
    <row r="34934" spans="1:3" ht="19.2">
      <c r="A34934" s="2"/>
      <c r="B34934" s="2"/>
      <c r="C34934" s="2"/>
    </row>
    <row r="34935" spans="1:3" ht="19.2">
      <c r="A34935" s="2"/>
      <c r="B34935" s="2"/>
      <c r="C34935" s="2"/>
    </row>
    <row r="34936" spans="1:3" ht="19.2">
      <c r="A34936" s="2"/>
      <c r="B34936" s="2"/>
      <c r="C34936" s="2"/>
    </row>
    <row r="34937" spans="1:3" ht="19.2">
      <c r="A34937" s="2"/>
      <c r="B34937" s="2"/>
      <c r="C34937" s="2"/>
    </row>
    <row r="34938" spans="1:3" ht="19.2">
      <c r="A34938" s="2"/>
      <c r="B34938" s="2"/>
      <c r="C34938" s="2"/>
    </row>
    <row r="34939" spans="1:3" ht="19.2">
      <c r="A34939" s="2"/>
      <c r="B34939" s="2"/>
      <c r="C34939" s="2"/>
    </row>
    <row r="34940" spans="1:3" ht="19.2">
      <c r="A34940" s="2"/>
      <c r="B34940" s="2"/>
      <c r="C34940" s="2"/>
    </row>
    <row r="34941" spans="1:3" ht="19.2">
      <c r="A34941" s="2"/>
      <c r="B34941" s="2"/>
      <c r="C34941" s="2"/>
    </row>
    <row r="34942" spans="1:3" ht="19.2">
      <c r="A34942" s="2"/>
      <c r="B34942" s="2"/>
      <c r="C34942" s="2"/>
    </row>
    <row r="34943" spans="1:3" ht="19.2">
      <c r="A34943" s="2"/>
      <c r="B34943" s="2"/>
      <c r="C34943" s="2"/>
    </row>
    <row r="34944" spans="1:3" ht="19.2">
      <c r="A34944" s="2"/>
      <c r="B34944" s="2"/>
      <c r="C34944" s="2"/>
    </row>
    <row r="34945" spans="1:3" ht="19.2">
      <c r="A34945" s="2"/>
      <c r="B34945" s="2"/>
      <c r="C34945" s="2"/>
    </row>
    <row r="34946" spans="1:3" ht="19.2">
      <c r="A34946" s="2"/>
      <c r="B34946" s="2"/>
      <c r="C34946" s="2"/>
    </row>
    <row r="34947" spans="1:3" ht="19.2">
      <c r="A34947" s="2"/>
      <c r="B34947" s="2"/>
      <c r="C34947" s="2"/>
    </row>
    <row r="34948" spans="1:3" ht="19.2">
      <c r="A34948" s="2"/>
      <c r="B34948" s="2"/>
      <c r="C34948" s="2"/>
    </row>
    <row r="34949" spans="1:3" ht="19.2">
      <c r="A34949" s="2"/>
      <c r="B34949" s="2"/>
      <c r="C34949" s="2"/>
    </row>
    <row r="34950" spans="1:3" ht="19.2">
      <c r="A34950" s="2"/>
      <c r="B34950" s="2"/>
      <c r="C34950" s="2"/>
    </row>
    <row r="34951" spans="1:3" ht="19.2">
      <c r="A34951" s="2"/>
      <c r="B34951" s="2"/>
      <c r="C34951" s="2"/>
    </row>
    <row r="34952" spans="1:3" ht="19.2">
      <c r="A34952" s="2"/>
      <c r="B34952" s="2"/>
      <c r="C34952" s="2"/>
    </row>
    <row r="34953" spans="1:3" ht="19.2">
      <c r="A34953" s="2"/>
      <c r="B34953" s="2"/>
      <c r="C34953" s="2"/>
    </row>
    <row r="34954" spans="1:3" ht="19.2">
      <c r="A34954" s="2"/>
      <c r="B34954" s="2"/>
      <c r="C34954" s="2"/>
    </row>
    <row r="34955" spans="1:3" ht="19.2">
      <c r="A34955" s="2"/>
      <c r="B34955" s="2"/>
      <c r="C34955" s="2"/>
    </row>
    <row r="34956" spans="1:3" ht="19.2">
      <c r="A34956" s="2"/>
      <c r="B34956" s="2"/>
      <c r="C34956" s="2"/>
    </row>
    <row r="34957" spans="1:3" ht="19.2">
      <c r="A34957" s="2"/>
      <c r="B34957" s="2"/>
      <c r="C34957" s="2"/>
    </row>
    <row r="34958" spans="1:3" ht="19.2">
      <c r="A34958" s="2"/>
      <c r="B34958" s="2"/>
      <c r="C34958" s="2"/>
    </row>
    <row r="34959" spans="1:3" ht="19.2">
      <c r="A34959" s="2"/>
      <c r="B34959" s="2"/>
      <c r="C34959" s="2"/>
    </row>
    <row r="34960" spans="1:3" ht="19.2">
      <c r="A34960" s="2"/>
      <c r="B34960" s="2"/>
      <c r="C34960" s="2"/>
    </row>
    <row r="34961" spans="1:3" ht="19.2">
      <c r="A34961" s="2"/>
      <c r="B34961" s="2"/>
      <c r="C34961" s="2"/>
    </row>
    <row r="34962" spans="1:3" ht="19.2">
      <c r="A34962" s="2"/>
      <c r="B34962" s="2"/>
      <c r="C34962" s="2"/>
    </row>
    <row r="34963" spans="1:3" ht="19.2">
      <c r="A34963" s="2"/>
      <c r="B34963" s="2"/>
      <c r="C34963" s="2"/>
    </row>
    <row r="34964" spans="1:3" ht="19.2">
      <c r="A34964" s="2"/>
      <c r="B34964" s="2"/>
      <c r="C34964" s="2"/>
    </row>
    <row r="34965" spans="1:3" ht="19.2">
      <c r="A34965" s="2"/>
      <c r="B34965" s="2"/>
      <c r="C34965" s="2"/>
    </row>
    <row r="34966" spans="1:3" ht="19.2">
      <c r="A34966" s="2"/>
      <c r="B34966" s="2"/>
      <c r="C34966" s="2"/>
    </row>
    <row r="34967" spans="1:3" ht="19.2">
      <c r="A34967" s="2"/>
      <c r="B34967" s="2"/>
      <c r="C34967" s="2"/>
    </row>
    <row r="34968" spans="1:3" ht="19.2">
      <c r="A34968" s="2"/>
      <c r="B34968" s="2"/>
      <c r="C34968" s="2"/>
    </row>
    <row r="34969" spans="1:3" ht="19.2">
      <c r="A34969" s="2"/>
      <c r="B34969" s="2"/>
      <c r="C34969" s="2"/>
    </row>
    <row r="34970" spans="1:3" ht="19.2">
      <c r="A34970" s="2"/>
      <c r="B34970" s="2"/>
      <c r="C34970" s="2"/>
    </row>
    <row r="34971" spans="1:3" ht="19.2">
      <c r="A34971" s="2"/>
      <c r="B34971" s="2"/>
      <c r="C34971" s="2"/>
    </row>
    <row r="34972" spans="1:3" ht="19.2">
      <c r="A34972" s="2"/>
      <c r="B34972" s="2"/>
      <c r="C34972" s="2"/>
    </row>
    <row r="34973" spans="1:3" ht="19.2">
      <c r="A34973" s="2"/>
      <c r="B34973" s="2"/>
      <c r="C34973" s="2"/>
    </row>
    <row r="34974" spans="1:3" ht="19.2">
      <c r="A34974" s="2"/>
      <c r="B34974" s="2"/>
      <c r="C34974" s="2"/>
    </row>
    <row r="34975" spans="1:3" ht="19.2">
      <c r="A34975" s="2"/>
      <c r="B34975" s="2"/>
      <c r="C34975" s="2"/>
    </row>
    <row r="34976" spans="1:3" ht="19.2">
      <c r="A34976" s="2"/>
      <c r="B34976" s="2"/>
      <c r="C34976" s="2"/>
    </row>
    <row r="34977" spans="1:3" ht="19.2">
      <c r="A34977" s="2"/>
      <c r="B34977" s="2"/>
      <c r="C34977" s="2"/>
    </row>
    <row r="34978" spans="1:3" ht="19.2">
      <c r="A34978" s="2"/>
      <c r="B34978" s="2"/>
      <c r="C34978" s="2"/>
    </row>
    <row r="34979" spans="1:3" ht="19.2">
      <c r="A34979" s="2"/>
      <c r="B34979" s="2"/>
      <c r="C34979" s="2"/>
    </row>
    <row r="34980" spans="1:3" ht="19.2">
      <c r="A34980" s="2"/>
      <c r="B34980" s="2"/>
      <c r="C34980" s="2"/>
    </row>
    <row r="34981" spans="1:3" ht="19.2">
      <c r="A34981" s="2"/>
      <c r="B34981" s="2"/>
      <c r="C34981" s="2"/>
    </row>
    <row r="34982" spans="1:3" ht="19.2">
      <c r="A34982" s="2"/>
      <c r="B34982" s="2"/>
      <c r="C34982" s="2"/>
    </row>
    <row r="34983" spans="1:3" ht="19.2">
      <c r="A34983" s="2"/>
      <c r="B34983" s="2"/>
      <c r="C34983" s="2"/>
    </row>
    <row r="34984" spans="1:3" ht="19.2">
      <c r="A34984" s="2"/>
      <c r="B34984" s="2"/>
      <c r="C34984" s="2"/>
    </row>
    <row r="34985" spans="1:3" ht="19.2">
      <c r="A34985" s="2"/>
      <c r="B34985" s="2"/>
      <c r="C34985" s="2"/>
    </row>
    <row r="34986" spans="1:3" ht="19.2">
      <c r="A34986" s="2"/>
      <c r="B34986" s="2"/>
      <c r="C34986" s="2"/>
    </row>
    <row r="34987" spans="1:3" ht="19.2">
      <c r="A34987" s="2"/>
      <c r="B34987" s="2"/>
      <c r="C34987" s="2"/>
    </row>
    <row r="34988" spans="1:3" ht="19.2">
      <c r="A34988" s="2"/>
      <c r="B34988" s="2"/>
      <c r="C34988" s="2"/>
    </row>
    <row r="34989" spans="1:3" ht="19.2">
      <c r="A34989" s="2"/>
      <c r="B34989" s="2"/>
      <c r="C34989" s="2"/>
    </row>
    <row r="34990" spans="1:3" ht="19.2">
      <c r="A34990" s="2"/>
      <c r="B34990" s="2"/>
      <c r="C34990" s="2"/>
    </row>
    <row r="34991" spans="1:3" ht="19.2">
      <c r="A34991" s="2"/>
      <c r="B34991" s="2"/>
      <c r="C34991" s="2"/>
    </row>
    <row r="34992" spans="1:3" ht="19.2">
      <c r="A34992" s="2"/>
      <c r="B34992" s="2"/>
      <c r="C34992" s="2"/>
    </row>
    <row r="34993" spans="1:3" ht="19.2">
      <c r="A34993" s="2"/>
      <c r="B34993" s="2"/>
      <c r="C34993" s="2"/>
    </row>
    <row r="34994" spans="1:3" ht="19.2">
      <c r="A34994" s="2"/>
      <c r="B34994" s="2"/>
      <c r="C34994" s="2"/>
    </row>
    <row r="34995" spans="1:3" ht="19.2">
      <c r="A34995" s="2"/>
      <c r="B34995" s="2"/>
      <c r="C34995" s="2"/>
    </row>
    <row r="34996" spans="1:3" ht="19.2">
      <c r="A34996" s="2"/>
      <c r="B34996" s="2"/>
      <c r="C34996" s="2"/>
    </row>
    <row r="34997" spans="1:3" ht="19.2">
      <c r="A34997" s="2"/>
      <c r="B34997" s="2"/>
      <c r="C34997" s="2"/>
    </row>
    <row r="34998" spans="1:3" ht="19.2">
      <c r="A34998" s="2"/>
      <c r="B34998" s="2"/>
      <c r="C34998" s="2"/>
    </row>
    <row r="34999" spans="1:3" ht="19.2">
      <c r="A34999" s="2"/>
      <c r="B34999" s="2"/>
      <c r="C34999" s="2"/>
    </row>
    <row r="35000" spans="1:3" ht="19.2">
      <c r="A35000" s="2"/>
      <c r="B35000" s="2"/>
      <c r="C35000" s="2"/>
    </row>
    <row r="35001" spans="1:3" ht="19.2">
      <c r="A35001" s="2"/>
      <c r="B35001" s="2"/>
      <c r="C35001" s="2"/>
    </row>
    <row r="35002" spans="1:3" ht="19.2">
      <c r="A35002" s="2"/>
      <c r="B35002" s="2"/>
      <c r="C35002" s="2"/>
    </row>
    <row r="35003" spans="1:3" ht="19.2">
      <c r="A35003" s="2"/>
      <c r="B35003" s="2"/>
      <c r="C35003" s="2"/>
    </row>
    <row r="35004" spans="1:3" ht="19.2">
      <c r="A35004" s="2"/>
      <c r="B35004" s="2"/>
      <c r="C35004" s="2"/>
    </row>
    <row r="35005" spans="1:3" ht="19.2">
      <c r="A35005" s="2"/>
      <c r="B35005" s="2"/>
      <c r="C35005" s="2"/>
    </row>
    <row r="35006" spans="1:3" ht="19.2">
      <c r="A35006" s="2"/>
      <c r="B35006" s="2"/>
      <c r="C35006" s="2"/>
    </row>
    <row r="35007" spans="1:3" ht="19.2">
      <c r="A35007" s="2"/>
      <c r="B35007" s="2"/>
      <c r="C35007" s="2"/>
    </row>
    <row r="35008" spans="1:3" ht="19.2">
      <c r="A35008" s="2"/>
      <c r="B35008" s="2"/>
      <c r="C35008" s="2"/>
    </row>
    <row r="35009" spans="1:3" ht="19.2">
      <c r="A35009" s="2"/>
      <c r="B35009" s="2"/>
      <c r="C35009" s="2"/>
    </row>
    <row r="35010" spans="1:3" ht="19.2">
      <c r="A35010" s="2"/>
      <c r="B35010" s="2"/>
      <c r="C35010" s="2"/>
    </row>
    <row r="35011" spans="1:3" ht="19.2">
      <c r="A35011" s="2"/>
      <c r="B35011" s="2"/>
      <c r="C35011" s="2"/>
    </row>
    <row r="35012" spans="1:3" ht="19.2">
      <c r="A35012" s="2"/>
      <c r="B35012" s="2"/>
      <c r="C35012" s="2"/>
    </row>
    <row r="35013" spans="1:3" ht="19.2">
      <c r="A35013" s="2"/>
      <c r="B35013" s="2"/>
      <c r="C35013" s="2"/>
    </row>
    <row r="35014" spans="1:3" ht="19.2">
      <c r="A35014" s="2"/>
      <c r="B35014" s="2"/>
      <c r="C35014" s="2"/>
    </row>
    <row r="35015" spans="1:3" ht="19.2">
      <c r="A35015" s="2"/>
      <c r="B35015" s="2"/>
      <c r="C35015" s="2"/>
    </row>
    <row r="35016" spans="1:3" ht="19.2">
      <c r="A35016" s="2"/>
      <c r="B35016" s="2"/>
      <c r="C35016" s="2"/>
    </row>
    <row r="35017" spans="1:3" ht="19.2">
      <c r="A35017" s="2"/>
      <c r="B35017" s="2"/>
      <c r="C35017" s="2"/>
    </row>
    <row r="35018" spans="1:3" ht="19.2">
      <c r="A35018" s="2"/>
      <c r="B35018" s="2"/>
      <c r="C35018" s="2"/>
    </row>
    <row r="35019" spans="1:3" ht="19.2">
      <c r="A35019" s="2"/>
      <c r="B35019" s="2"/>
      <c r="C35019" s="2"/>
    </row>
    <row r="35020" spans="1:3" ht="19.2">
      <c r="A35020" s="2"/>
      <c r="B35020" s="2"/>
      <c r="C35020" s="2"/>
    </row>
    <row r="35021" spans="1:3" ht="19.2">
      <c r="A35021" s="2"/>
      <c r="B35021" s="2"/>
      <c r="C35021" s="2"/>
    </row>
    <row r="35022" spans="1:3" ht="19.2">
      <c r="A35022" s="2"/>
      <c r="B35022" s="2"/>
      <c r="C35022" s="2"/>
    </row>
    <row r="35023" spans="1:3" ht="19.2">
      <c r="A35023" s="2"/>
      <c r="B35023" s="2"/>
      <c r="C35023" s="2"/>
    </row>
    <row r="35024" spans="1:3" ht="19.2">
      <c r="A35024" s="2"/>
      <c r="B35024" s="2"/>
      <c r="C35024" s="2"/>
    </row>
    <row r="35025" spans="1:3" ht="19.2">
      <c r="A35025" s="2"/>
      <c r="B35025" s="2"/>
      <c r="C35025" s="2"/>
    </row>
    <row r="35026" spans="1:3" ht="19.2">
      <c r="A35026" s="2"/>
      <c r="B35026" s="2"/>
      <c r="C35026" s="2"/>
    </row>
    <row r="35027" spans="1:3" ht="19.2">
      <c r="A35027" s="2"/>
      <c r="B35027" s="2"/>
      <c r="C35027" s="2"/>
    </row>
    <row r="35028" spans="1:3" ht="19.2">
      <c r="A35028" s="2"/>
      <c r="B35028" s="2"/>
      <c r="C35028" s="2"/>
    </row>
    <row r="35029" spans="1:3" ht="19.2">
      <c r="A35029" s="2"/>
      <c r="B35029" s="2"/>
      <c r="C35029" s="2"/>
    </row>
    <row r="35030" spans="1:3" ht="19.2">
      <c r="A35030" s="2"/>
      <c r="B35030" s="2"/>
      <c r="C35030" s="2"/>
    </row>
    <row r="35031" spans="1:3" ht="19.2">
      <c r="A35031" s="2"/>
      <c r="B35031" s="2"/>
      <c r="C35031" s="2"/>
    </row>
    <row r="35032" spans="1:3" ht="19.2">
      <c r="A35032" s="2"/>
      <c r="B35032" s="2"/>
      <c r="C35032" s="2"/>
    </row>
    <row r="35033" spans="1:3" ht="19.2">
      <c r="A35033" s="2"/>
      <c r="B35033" s="2"/>
      <c r="C35033" s="2"/>
    </row>
    <row r="35034" spans="1:3" ht="19.2">
      <c r="A35034" s="2"/>
      <c r="B35034" s="2"/>
      <c r="C35034" s="2"/>
    </row>
    <row r="35035" spans="1:3" ht="19.2">
      <c r="A35035" s="2"/>
      <c r="B35035" s="2"/>
      <c r="C35035" s="2"/>
    </row>
    <row r="35036" spans="1:3" ht="19.2">
      <c r="A35036" s="2"/>
      <c r="B35036" s="2"/>
      <c r="C35036" s="2"/>
    </row>
    <row r="35037" spans="1:3" ht="19.2">
      <c r="A35037" s="2"/>
      <c r="B35037" s="2"/>
      <c r="C35037" s="2"/>
    </row>
    <row r="35038" spans="1:3" ht="19.2">
      <c r="A35038" s="2"/>
      <c r="B35038" s="2"/>
      <c r="C35038" s="2"/>
    </row>
    <row r="35039" spans="1:3" ht="19.2">
      <c r="A35039" s="2"/>
      <c r="B35039" s="2"/>
      <c r="C35039" s="2"/>
    </row>
    <row r="35040" spans="1:3" ht="19.2">
      <c r="A35040" s="2"/>
      <c r="B35040" s="2"/>
      <c r="C35040" s="2"/>
    </row>
    <row r="35041" spans="1:3" ht="19.2">
      <c r="A35041" s="2"/>
      <c r="B35041" s="2"/>
      <c r="C35041" s="2"/>
    </row>
    <row r="35042" spans="1:3" ht="19.2">
      <c r="A35042" s="2"/>
      <c r="B35042" s="2"/>
      <c r="C35042" s="2"/>
    </row>
    <row r="35043" spans="1:3" ht="19.2">
      <c r="A35043" s="2"/>
      <c r="B35043" s="2"/>
      <c r="C35043" s="2"/>
    </row>
    <row r="35044" spans="1:3" ht="19.2">
      <c r="A35044" s="2"/>
      <c r="B35044" s="2"/>
      <c r="C35044" s="2"/>
    </row>
    <row r="35045" spans="1:3" ht="19.2">
      <c r="A35045" s="2"/>
      <c r="B35045" s="2"/>
      <c r="C35045" s="2"/>
    </row>
    <row r="35046" spans="1:3" ht="19.2">
      <c r="A35046" s="2"/>
      <c r="B35046" s="2"/>
      <c r="C35046" s="2"/>
    </row>
    <row r="35047" spans="1:3" ht="19.2">
      <c r="A35047" s="2"/>
      <c r="B35047" s="2"/>
      <c r="C35047" s="2"/>
    </row>
    <row r="35048" spans="1:3" ht="19.2">
      <c r="A35048" s="2"/>
      <c r="B35048" s="2"/>
      <c r="C35048" s="2"/>
    </row>
    <row r="35049" spans="1:3" ht="19.2">
      <c r="A35049" s="2"/>
      <c r="B35049" s="2"/>
      <c r="C35049" s="2"/>
    </row>
    <row r="35050" spans="1:3" ht="19.2">
      <c r="A35050" s="2"/>
      <c r="B35050" s="2"/>
      <c r="C35050" s="2"/>
    </row>
    <row r="35051" spans="1:3" ht="19.2">
      <c r="A35051" s="2"/>
      <c r="B35051" s="2"/>
      <c r="C35051" s="2"/>
    </row>
    <row r="35052" spans="1:3" ht="19.2">
      <c r="A35052" s="2"/>
      <c r="B35052" s="2"/>
      <c r="C35052" s="2"/>
    </row>
    <row r="35053" spans="1:3" ht="19.2">
      <c r="A35053" s="2"/>
      <c r="B35053" s="2"/>
      <c r="C35053" s="2"/>
    </row>
    <row r="35054" spans="1:3" ht="19.2">
      <c r="A35054" s="2"/>
      <c r="B35054" s="2"/>
      <c r="C35054" s="2"/>
    </row>
    <row r="35055" spans="1:3" ht="19.2">
      <c r="A35055" s="2"/>
      <c r="B35055" s="2"/>
      <c r="C35055" s="2"/>
    </row>
    <row r="35056" spans="1:3" ht="19.2">
      <c r="A35056" s="2"/>
      <c r="B35056" s="2"/>
      <c r="C35056" s="2"/>
    </row>
    <row r="35057" spans="1:3" ht="19.2">
      <c r="A35057" s="2"/>
      <c r="B35057" s="2"/>
      <c r="C35057" s="2"/>
    </row>
    <row r="35058" spans="1:3" ht="19.2">
      <c r="A35058" s="2"/>
      <c r="B35058" s="2"/>
      <c r="C35058" s="2"/>
    </row>
    <row r="35059" spans="1:3" ht="19.2">
      <c r="A35059" s="2"/>
      <c r="B35059" s="2"/>
      <c r="C35059" s="2"/>
    </row>
    <row r="35060" spans="1:3" ht="19.2">
      <c r="A35060" s="2"/>
      <c r="B35060" s="2"/>
      <c r="C35060" s="2"/>
    </row>
    <row r="35061" spans="1:3" ht="19.2">
      <c r="A35061" s="2"/>
      <c r="B35061" s="2"/>
      <c r="C35061" s="2"/>
    </row>
    <row r="35062" spans="1:3" ht="19.2">
      <c r="A35062" s="2"/>
      <c r="B35062" s="2"/>
      <c r="C35062" s="2"/>
    </row>
    <row r="35063" spans="1:3" ht="19.2">
      <c r="A35063" s="2"/>
      <c r="B35063" s="2"/>
      <c r="C35063" s="2"/>
    </row>
    <row r="35064" spans="1:3" ht="19.2">
      <c r="A35064" s="2"/>
      <c r="B35064" s="2"/>
      <c r="C35064" s="2"/>
    </row>
    <row r="35065" spans="1:3" ht="19.2">
      <c r="A35065" s="2"/>
      <c r="B35065" s="2"/>
      <c r="C35065" s="2"/>
    </row>
    <row r="35066" spans="1:3" ht="19.2">
      <c r="A35066" s="2"/>
      <c r="B35066" s="2"/>
      <c r="C35066" s="2"/>
    </row>
    <row r="35067" spans="1:3" ht="19.2">
      <c r="A35067" s="2"/>
      <c r="B35067" s="2"/>
      <c r="C35067" s="2"/>
    </row>
    <row r="35068" spans="1:3" ht="19.2">
      <c r="A35068" s="2"/>
      <c r="B35068" s="2"/>
      <c r="C35068" s="2"/>
    </row>
    <row r="35069" spans="1:3" ht="19.2">
      <c r="A35069" s="2"/>
      <c r="B35069" s="2"/>
      <c r="C35069" s="2"/>
    </row>
    <row r="35070" spans="1:3" ht="19.2">
      <c r="A35070" s="2"/>
      <c r="B35070" s="2"/>
      <c r="C35070" s="2"/>
    </row>
    <row r="35071" spans="1:3" ht="19.2">
      <c r="A35071" s="2"/>
      <c r="B35071" s="2"/>
      <c r="C35071" s="2"/>
    </row>
    <row r="35072" spans="1:3" ht="19.2">
      <c r="A35072" s="2"/>
      <c r="B35072" s="2"/>
      <c r="C35072" s="2"/>
    </row>
    <row r="35073" spans="1:3" ht="19.2">
      <c r="A35073" s="2"/>
      <c r="B35073" s="2"/>
      <c r="C35073" s="2"/>
    </row>
    <row r="35074" spans="1:3" ht="19.2">
      <c r="A35074" s="2"/>
      <c r="B35074" s="2"/>
      <c r="C35074" s="2"/>
    </row>
    <row r="35075" spans="1:3" ht="19.2">
      <c r="A35075" s="2"/>
      <c r="B35075" s="2"/>
      <c r="C35075" s="2"/>
    </row>
    <row r="35076" spans="1:3" ht="19.2">
      <c r="A35076" s="2"/>
      <c r="B35076" s="2"/>
      <c r="C35076" s="2"/>
    </row>
    <row r="35077" spans="1:3" ht="19.2">
      <c r="A35077" s="2"/>
      <c r="B35077" s="2"/>
      <c r="C35077" s="2"/>
    </row>
    <row r="35078" spans="1:3" ht="19.2">
      <c r="A35078" s="2"/>
      <c r="B35078" s="2"/>
      <c r="C35078" s="2"/>
    </row>
    <row r="35079" spans="1:3" ht="19.2">
      <c r="A35079" s="2"/>
      <c r="B35079" s="2"/>
      <c r="C35079" s="2"/>
    </row>
    <row r="35080" spans="1:3" ht="19.2">
      <c r="A35080" s="2"/>
      <c r="B35080" s="2"/>
      <c r="C35080" s="2"/>
    </row>
    <row r="35081" spans="1:3" ht="19.2">
      <c r="A35081" s="2"/>
      <c r="B35081" s="2"/>
      <c r="C35081" s="2"/>
    </row>
    <row r="35082" spans="1:3" ht="19.2">
      <c r="A35082" s="2"/>
      <c r="B35082" s="2"/>
      <c r="C35082" s="2"/>
    </row>
    <row r="35083" spans="1:3" ht="19.2">
      <c r="A35083" s="2"/>
      <c r="B35083" s="2"/>
      <c r="C35083" s="2"/>
    </row>
    <row r="35084" spans="1:3" ht="19.2">
      <c r="A35084" s="2"/>
      <c r="B35084" s="2"/>
      <c r="C35084" s="2"/>
    </row>
    <row r="35085" spans="1:3" ht="19.2">
      <c r="A35085" s="2"/>
      <c r="B35085" s="2"/>
      <c r="C35085" s="2"/>
    </row>
    <row r="35086" spans="1:3" ht="19.2">
      <c r="A35086" s="2"/>
      <c r="B35086" s="2"/>
      <c r="C35086" s="2"/>
    </row>
    <row r="35087" spans="1:3" ht="19.2">
      <c r="A35087" s="2"/>
      <c r="B35087" s="2"/>
      <c r="C35087" s="2"/>
    </row>
    <row r="35088" spans="1:3" ht="19.2">
      <c r="A35088" s="2"/>
      <c r="B35088" s="2"/>
      <c r="C35088" s="2"/>
    </row>
    <row r="35089" spans="1:3" ht="19.2">
      <c r="A35089" s="2"/>
      <c r="B35089" s="2"/>
      <c r="C35089" s="2"/>
    </row>
    <row r="35090" spans="1:3" ht="19.2">
      <c r="A35090" s="2"/>
      <c r="B35090" s="2"/>
      <c r="C35090" s="2"/>
    </row>
    <row r="35091" spans="1:3" ht="19.2">
      <c r="A35091" s="2"/>
      <c r="B35091" s="2"/>
      <c r="C35091" s="2"/>
    </row>
    <row r="35092" spans="1:3" ht="19.2">
      <c r="A35092" s="2"/>
      <c r="B35092" s="2"/>
      <c r="C35092" s="2"/>
    </row>
    <row r="35093" spans="1:3" ht="19.2">
      <c r="A35093" s="2"/>
      <c r="B35093" s="2"/>
      <c r="C35093" s="2"/>
    </row>
    <row r="35094" spans="1:3" ht="19.2">
      <c r="A35094" s="2"/>
      <c r="B35094" s="2"/>
      <c r="C35094" s="2"/>
    </row>
    <row r="35095" spans="1:3" ht="19.2">
      <c r="A35095" s="2"/>
      <c r="B35095" s="2"/>
      <c r="C35095" s="2"/>
    </row>
    <row r="35096" spans="1:3" ht="19.2">
      <c r="A35096" s="2"/>
      <c r="B35096" s="2"/>
      <c r="C35096" s="2"/>
    </row>
    <row r="35097" spans="1:3" ht="19.2">
      <c r="A35097" s="2"/>
      <c r="B35097" s="2"/>
      <c r="C35097" s="2"/>
    </row>
    <row r="35098" spans="1:3" ht="19.2">
      <c r="A35098" s="2"/>
      <c r="B35098" s="2"/>
      <c r="C35098" s="2"/>
    </row>
    <row r="35099" spans="1:3" ht="19.2">
      <c r="A35099" s="2"/>
      <c r="B35099" s="2"/>
      <c r="C35099" s="2"/>
    </row>
    <row r="35100" spans="1:3" ht="19.2">
      <c r="A35100" s="2"/>
      <c r="B35100" s="2"/>
      <c r="C35100" s="2"/>
    </row>
    <row r="35101" spans="1:3" ht="19.2">
      <c r="A35101" s="2"/>
      <c r="B35101" s="2"/>
      <c r="C35101" s="2"/>
    </row>
    <row r="35102" spans="1:3" ht="19.2">
      <c r="A35102" s="2"/>
      <c r="B35102" s="2"/>
      <c r="C35102" s="2"/>
    </row>
    <row r="35103" spans="1:3" ht="19.2">
      <c r="A35103" s="2"/>
      <c r="B35103" s="2"/>
      <c r="C35103" s="2"/>
    </row>
    <row r="35104" spans="1:3" ht="19.2">
      <c r="A35104" s="2"/>
      <c r="B35104" s="2"/>
      <c r="C35104" s="2"/>
    </row>
    <row r="35105" spans="1:3" ht="19.2">
      <c r="A35105" s="2"/>
      <c r="B35105" s="2"/>
      <c r="C35105" s="2"/>
    </row>
    <row r="35106" spans="1:3" ht="19.2">
      <c r="A35106" s="2"/>
      <c r="B35106" s="2"/>
      <c r="C35106" s="2"/>
    </row>
    <row r="35107" spans="1:3" ht="19.2">
      <c r="A35107" s="2"/>
      <c r="B35107" s="2"/>
      <c r="C35107" s="2"/>
    </row>
    <row r="35108" spans="1:3" ht="19.2">
      <c r="A35108" s="2"/>
      <c r="B35108" s="2"/>
      <c r="C35108" s="2"/>
    </row>
    <row r="35109" spans="1:3" ht="19.2">
      <c r="A35109" s="2"/>
      <c r="B35109" s="2"/>
      <c r="C35109" s="2"/>
    </row>
    <row r="35110" spans="1:3" ht="19.2">
      <c r="A35110" s="2"/>
      <c r="B35110" s="2"/>
      <c r="C35110" s="2"/>
    </row>
    <row r="35111" spans="1:3" ht="19.2">
      <c r="A35111" s="2"/>
      <c r="B35111" s="2"/>
      <c r="C35111" s="2"/>
    </row>
    <row r="35112" spans="1:3" ht="19.2">
      <c r="A35112" s="2"/>
      <c r="B35112" s="2"/>
      <c r="C35112" s="2"/>
    </row>
    <row r="35113" spans="1:3" ht="19.2">
      <c r="A35113" s="2"/>
      <c r="B35113" s="2"/>
      <c r="C35113" s="2"/>
    </row>
    <row r="35114" spans="1:3" ht="19.2">
      <c r="A35114" s="2"/>
      <c r="B35114" s="2"/>
      <c r="C35114" s="2"/>
    </row>
    <row r="35115" spans="1:3" ht="19.2">
      <c r="A35115" s="2"/>
      <c r="B35115" s="2"/>
      <c r="C35115" s="2"/>
    </row>
    <row r="35116" spans="1:3" ht="19.2">
      <c r="A35116" s="2"/>
      <c r="B35116" s="2"/>
      <c r="C35116" s="2"/>
    </row>
    <row r="35117" spans="1:3" ht="19.2">
      <c r="A35117" s="2"/>
      <c r="B35117" s="2"/>
      <c r="C35117" s="2"/>
    </row>
    <row r="35118" spans="1:3" ht="19.2">
      <c r="A35118" s="2"/>
      <c r="B35118" s="2"/>
      <c r="C35118" s="2"/>
    </row>
    <row r="35119" spans="1:3" ht="19.2">
      <c r="A35119" s="2"/>
      <c r="B35119" s="2"/>
      <c r="C35119" s="2"/>
    </row>
    <row r="35120" spans="1:3" ht="19.2">
      <c r="A35120" s="2"/>
      <c r="B35120" s="2"/>
      <c r="C35120" s="2"/>
    </row>
    <row r="35121" spans="1:3" ht="19.2">
      <c r="A35121" s="2"/>
      <c r="B35121" s="2"/>
      <c r="C35121" s="2"/>
    </row>
    <row r="35122" spans="1:3" ht="19.2">
      <c r="A35122" s="2"/>
      <c r="B35122" s="2"/>
      <c r="C35122" s="2"/>
    </row>
    <row r="35123" spans="1:3" ht="19.2">
      <c r="A35123" s="2"/>
      <c r="B35123" s="2"/>
      <c r="C35123" s="2"/>
    </row>
    <row r="35124" spans="1:3" ht="19.2">
      <c r="A35124" s="2"/>
      <c r="B35124" s="2"/>
      <c r="C35124" s="2"/>
    </row>
    <row r="35125" spans="1:3" ht="19.2">
      <c r="A35125" s="2"/>
      <c r="B35125" s="2"/>
      <c r="C35125" s="2"/>
    </row>
    <row r="35126" spans="1:3" ht="19.2">
      <c r="A35126" s="2"/>
      <c r="B35126" s="2"/>
      <c r="C35126" s="2"/>
    </row>
    <row r="35127" spans="1:3" ht="19.2">
      <c r="A35127" s="2"/>
      <c r="B35127" s="2"/>
      <c r="C35127" s="2"/>
    </row>
    <row r="35128" spans="1:3" ht="19.2">
      <c r="A35128" s="2"/>
      <c r="B35128" s="2"/>
      <c r="C35128" s="2"/>
    </row>
    <row r="35129" spans="1:3" ht="19.2">
      <c r="A35129" s="2"/>
      <c r="B35129" s="2"/>
      <c r="C35129" s="2"/>
    </row>
    <row r="35130" spans="1:3" ht="19.2">
      <c r="A35130" s="2"/>
      <c r="B35130" s="2"/>
      <c r="C35130" s="2"/>
    </row>
    <row r="35131" spans="1:3" ht="19.2">
      <c r="A35131" s="2"/>
      <c r="B35131" s="2"/>
      <c r="C35131" s="2"/>
    </row>
    <row r="35132" spans="1:3" ht="19.2">
      <c r="A35132" s="2"/>
      <c r="B35132" s="2"/>
      <c r="C35132" s="2"/>
    </row>
    <row r="35133" spans="1:3" ht="19.2">
      <c r="A35133" s="2"/>
      <c r="B35133" s="2"/>
      <c r="C35133" s="2"/>
    </row>
    <row r="35134" spans="1:3" ht="19.2">
      <c r="A35134" s="2"/>
      <c r="B35134" s="2"/>
      <c r="C35134" s="2"/>
    </row>
    <row r="35135" spans="1:3" ht="19.2">
      <c r="A35135" s="2"/>
      <c r="B35135" s="2"/>
      <c r="C35135" s="2"/>
    </row>
    <row r="35136" spans="1:3" ht="19.2">
      <c r="A35136" s="2"/>
      <c r="B35136" s="2"/>
      <c r="C35136" s="2"/>
    </row>
    <row r="35137" spans="1:3" ht="19.2">
      <c r="A35137" s="2"/>
      <c r="B35137" s="2"/>
      <c r="C35137" s="2"/>
    </row>
    <row r="35138" spans="1:3" ht="19.2">
      <c r="A35138" s="2"/>
      <c r="B35138" s="2"/>
      <c r="C35138" s="2"/>
    </row>
    <row r="35139" spans="1:3" ht="19.2">
      <c r="A35139" s="2"/>
      <c r="B35139" s="2"/>
      <c r="C35139" s="2"/>
    </row>
    <row r="35140" spans="1:3" ht="19.2">
      <c r="A35140" s="2"/>
      <c r="B35140" s="2"/>
      <c r="C35140" s="2"/>
    </row>
    <row r="35141" spans="1:3" ht="19.2">
      <c r="A35141" s="2"/>
      <c r="B35141" s="2"/>
      <c r="C35141" s="2"/>
    </row>
    <row r="35142" spans="1:3" ht="19.2">
      <c r="A35142" s="2"/>
      <c r="B35142" s="2"/>
      <c r="C35142" s="2"/>
    </row>
    <row r="35143" spans="1:3" ht="19.2">
      <c r="A35143" s="2"/>
      <c r="B35143" s="2"/>
      <c r="C35143" s="2"/>
    </row>
    <row r="35144" spans="1:3" ht="19.2">
      <c r="A35144" s="2"/>
      <c r="B35144" s="2"/>
      <c r="C35144" s="2"/>
    </row>
    <row r="35145" spans="1:3" ht="19.2">
      <c r="A35145" s="2"/>
      <c r="B35145" s="2"/>
      <c r="C35145" s="2"/>
    </row>
    <row r="35146" spans="1:3" ht="19.2">
      <c r="A35146" s="2"/>
      <c r="B35146" s="2"/>
      <c r="C35146" s="2"/>
    </row>
    <row r="35147" spans="1:3" ht="19.2">
      <c r="A35147" s="2"/>
      <c r="B35147" s="2"/>
      <c r="C35147" s="2"/>
    </row>
    <row r="35148" spans="1:3" ht="19.2">
      <c r="A35148" s="2"/>
      <c r="B35148" s="2"/>
      <c r="C35148" s="2"/>
    </row>
    <row r="35149" spans="1:3" ht="19.2">
      <c r="A35149" s="2"/>
      <c r="B35149" s="2"/>
      <c r="C35149" s="2"/>
    </row>
    <row r="35150" spans="1:3" ht="19.2">
      <c r="A35150" s="2"/>
      <c r="B35150" s="2"/>
      <c r="C35150" s="2"/>
    </row>
    <row r="35151" spans="1:3" ht="19.2">
      <c r="A35151" s="2"/>
      <c r="B35151" s="2"/>
      <c r="C35151" s="2"/>
    </row>
    <row r="35152" spans="1:3" ht="19.2">
      <c r="A35152" s="2"/>
      <c r="B35152" s="2"/>
      <c r="C35152" s="2"/>
    </row>
    <row r="35153" spans="1:3" ht="19.2">
      <c r="A35153" s="2"/>
      <c r="B35153" s="2"/>
      <c r="C35153" s="2"/>
    </row>
    <row r="35154" spans="1:3" ht="19.2">
      <c r="A35154" s="2"/>
      <c r="B35154" s="2"/>
      <c r="C35154" s="2"/>
    </row>
    <row r="35155" spans="1:3" ht="19.2">
      <c r="A35155" s="2"/>
      <c r="B35155" s="2"/>
      <c r="C35155" s="2"/>
    </row>
    <row r="35156" spans="1:3" ht="19.2">
      <c r="A35156" s="2"/>
      <c r="B35156" s="2"/>
      <c r="C35156" s="2"/>
    </row>
    <row r="35157" spans="1:3" ht="19.2">
      <c r="A35157" s="2"/>
      <c r="B35157" s="2"/>
      <c r="C35157" s="2"/>
    </row>
    <row r="35158" spans="1:3" ht="19.2">
      <c r="A35158" s="2"/>
      <c r="B35158" s="2"/>
      <c r="C35158" s="2"/>
    </row>
    <row r="35159" spans="1:3" ht="19.2">
      <c r="A35159" s="2"/>
      <c r="B35159" s="2"/>
      <c r="C35159" s="2"/>
    </row>
    <row r="35160" spans="1:3" ht="19.2">
      <c r="A35160" s="2"/>
      <c r="B35160" s="2"/>
      <c r="C35160" s="2"/>
    </row>
    <row r="35161" spans="1:3" ht="19.2">
      <c r="A35161" s="2"/>
      <c r="B35161" s="2"/>
      <c r="C35161" s="2"/>
    </row>
    <row r="35162" spans="1:3" ht="19.2">
      <c r="A35162" s="2"/>
      <c r="B35162" s="2"/>
      <c r="C35162" s="2"/>
    </row>
    <row r="35163" spans="1:3" ht="19.2">
      <c r="A35163" s="2"/>
      <c r="B35163" s="2"/>
      <c r="C35163" s="2"/>
    </row>
    <row r="35164" spans="1:3" ht="19.2">
      <c r="A35164" s="2"/>
      <c r="B35164" s="2"/>
      <c r="C35164" s="2"/>
    </row>
    <row r="35165" spans="1:3" ht="19.2">
      <c r="A35165" s="2"/>
      <c r="B35165" s="2"/>
      <c r="C35165" s="2"/>
    </row>
    <row r="35166" spans="1:3" ht="19.2">
      <c r="A35166" s="2"/>
      <c r="B35166" s="2"/>
      <c r="C35166" s="2"/>
    </row>
    <row r="35167" spans="1:3" ht="19.2">
      <c r="A35167" s="2"/>
      <c r="B35167" s="2"/>
      <c r="C35167" s="2"/>
    </row>
    <row r="35168" spans="1:3" ht="19.2">
      <c r="A35168" s="2"/>
      <c r="B35168" s="2"/>
      <c r="C35168" s="2"/>
    </row>
    <row r="35169" spans="1:3" ht="19.2">
      <c r="A35169" s="2"/>
      <c r="B35169" s="2"/>
      <c r="C35169" s="2"/>
    </row>
    <row r="35170" spans="1:3" ht="19.2">
      <c r="A35170" s="2"/>
      <c r="B35170" s="2"/>
      <c r="C35170" s="2"/>
    </row>
    <row r="35171" spans="1:3" ht="19.2">
      <c r="A35171" s="2"/>
      <c r="B35171" s="2"/>
      <c r="C35171" s="2"/>
    </row>
    <row r="35172" spans="1:3" ht="19.2">
      <c r="A35172" s="2"/>
      <c r="B35172" s="2"/>
      <c r="C35172" s="2"/>
    </row>
    <row r="35173" spans="1:3" ht="19.2">
      <c r="A35173" s="2"/>
      <c r="B35173" s="2"/>
      <c r="C35173" s="2"/>
    </row>
    <row r="35174" spans="1:3" ht="19.2">
      <c r="A35174" s="2"/>
      <c r="B35174" s="2"/>
      <c r="C35174" s="2"/>
    </row>
    <row r="35175" spans="1:3" ht="19.2">
      <c r="A35175" s="2"/>
      <c r="B35175" s="2"/>
      <c r="C35175" s="2"/>
    </row>
    <row r="35176" spans="1:3" ht="19.2">
      <c r="A35176" s="2"/>
      <c r="B35176" s="2"/>
      <c r="C35176" s="2"/>
    </row>
    <row r="35177" spans="1:3" ht="19.2">
      <c r="A35177" s="2"/>
      <c r="B35177" s="2"/>
      <c r="C35177" s="2"/>
    </row>
    <row r="35178" spans="1:3" ht="19.2">
      <c r="A35178" s="2"/>
      <c r="B35178" s="2"/>
      <c r="C35178" s="2"/>
    </row>
    <row r="35179" spans="1:3" ht="19.2">
      <c r="A35179" s="2"/>
      <c r="B35179" s="2"/>
      <c r="C35179" s="2"/>
    </row>
    <row r="35180" spans="1:3" ht="19.2">
      <c r="A35180" s="2"/>
      <c r="B35180" s="2"/>
      <c r="C35180" s="2"/>
    </row>
    <row r="35181" spans="1:3" ht="19.2">
      <c r="A35181" s="2"/>
      <c r="B35181" s="2"/>
      <c r="C35181" s="2"/>
    </row>
    <row r="35182" spans="1:3" ht="19.2">
      <c r="A35182" s="2"/>
      <c r="B35182" s="2"/>
      <c r="C35182" s="2"/>
    </row>
    <row r="35183" spans="1:3" ht="19.2">
      <c r="A35183" s="2"/>
      <c r="B35183" s="2"/>
      <c r="C35183" s="2"/>
    </row>
    <row r="35184" spans="1:3" ht="19.2">
      <c r="A35184" s="2"/>
      <c r="B35184" s="2"/>
      <c r="C35184" s="2"/>
    </row>
    <row r="35185" spans="1:3" ht="19.2">
      <c r="A35185" s="2"/>
      <c r="B35185" s="2"/>
      <c r="C35185" s="2"/>
    </row>
    <row r="35186" spans="1:3" ht="19.2">
      <c r="A35186" s="2"/>
      <c r="B35186" s="2"/>
      <c r="C35186" s="2"/>
    </row>
    <row r="35187" spans="1:3" ht="19.2">
      <c r="A35187" s="2"/>
      <c r="B35187" s="2"/>
      <c r="C35187" s="2"/>
    </row>
    <row r="35188" spans="1:3" ht="19.2">
      <c r="A35188" s="2"/>
      <c r="B35188" s="2"/>
      <c r="C35188" s="2"/>
    </row>
    <row r="35189" spans="1:3" ht="19.2">
      <c r="A35189" s="2"/>
      <c r="B35189" s="2"/>
      <c r="C35189" s="2"/>
    </row>
    <row r="35190" spans="1:3" ht="19.2">
      <c r="A35190" s="2"/>
      <c r="B35190" s="2"/>
      <c r="C35190" s="2"/>
    </row>
    <row r="35191" spans="1:3" ht="19.2">
      <c r="A35191" s="2"/>
      <c r="B35191" s="2"/>
      <c r="C35191" s="2"/>
    </row>
    <row r="35192" spans="1:3" ht="19.2">
      <c r="A35192" s="2"/>
      <c r="B35192" s="2"/>
      <c r="C35192" s="2"/>
    </row>
    <row r="35193" spans="1:3" ht="19.2">
      <c r="A35193" s="2"/>
      <c r="B35193" s="2"/>
      <c r="C35193" s="2"/>
    </row>
    <row r="35194" spans="1:3" ht="19.2">
      <c r="A35194" s="2"/>
      <c r="B35194" s="2"/>
      <c r="C35194" s="2"/>
    </row>
    <row r="35195" spans="1:3" ht="19.2">
      <c r="A35195" s="2"/>
      <c r="B35195" s="2"/>
      <c r="C35195" s="2"/>
    </row>
    <row r="35196" spans="1:3" ht="19.2">
      <c r="A35196" s="2"/>
      <c r="B35196" s="2"/>
      <c r="C35196" s="2"/>
    </row>
    <row r="35197" spans="1:3" ht="19.2">
      <c r="A35197" s="2"/>
      <c r="B35197" s="2"/>
      <c r="C35197" s="2"/>
    </row>
    <row r="35198" spans="1:3" ht="19.2">
      <c r="A35198" s="2"/>
      <c r="B35198" s="2"/>
      <c r="C35198" s="2"/>
    </row>
    <row r="35199" spans="1:3" ht="19.2">
      <c r="A35199" s="2"/>
      <c r="B35199" s="2"/>
      <c r="C35199" s="2"/>
    </row>
    <row r="35200" spans="1:3" ht="19.2">
      <c r="A35200" s="2"/>
      <c r="B35200" s="2"/>
      <c r="C35200" s="2"/>
    </row>
    <row r="35201" spans="1:3" ht="19.2">
      <c r="A35201" s="2"/>
      <c r="B35201" s="2"/>
      <c r="C35201" s="2"/>
    </row>
    <row r="35202" spans="1:3" ht="19.2">
      <c r="A35202" s="2"/>
      <c r="B35202" s="2"/>
      <c r="C35202" s="2"/>
    </row>
    <row r="35203" spans="1:3" ht="19.2">
      <c r="A35203" s="2"/>
      <c r="B35203" s="2"/>
      <c r="C35203" s="2"/>
    </row>
    <row r="35204" spans="1:3" ht="19.2">
      <c r="A35204" s="2"/>
      <c r="B35204" s="2"/>
      <c r="C35204" s="2"/>
    </row>
    <row r="35205" spans="1:3" ht="19.2">
      <c r="A35205" s="2"/>
      <c r="B35205" s="2"/>
      <c r="C35205" s="2"/>
    </row>
    <row r="35206" spans="1:3" ht="19.2">
      <c r="A35206" s="2"/>
      <c r="B35206" s="2"/>
      <c r="C35206" s="2"/>
    </row>
    <row r="35207" spans="1:3" ht="19.2">
      <c r="A35207" s="2"/>
      <c r="B35207" s="2"/>
      <c r="C35207" s="2"/>
    </row>
    <row r="35208" spans="1:3" ht="19.2">
      <c r="A35208" s="2"/>
      <c r="B35208" s="2"/>
      <c r="C35208" s="2"/>
    </row>
    <row r="35209" spans="1:3" ht="19.2">
      <c r="A35209" s="2"/>
      <c r="B35209" s="2"/>
      <c r="C35209" s="2"/>
    </row>
    <row r="35210" spans="1:3" ht="19.2">
      <c r="A35210" s="2"/>
      <c r="B35210" s="2"/>
      <c r="C35210" s="2"/>
    </row>
    <row r="35211" spans="1:3" ht="19.2">
      <c r="A35211" s="2"/>
      <c r="B35211" s="2"/>
      <c r="C35211" s="2"/>
    </row>
    <row r="35212" spans="1:3" ht="19.2">
      <c r="A35212" s="2"/>
      <c r="B35212" s="2"/>
      <c r="C35212" s="2"/>
    </row>
    <row r="35213" spans="1:3" ht="19.2">
      <c r="A35213" s="2"/>
      <c r="B35213" s="2"/>
      <c r="C35213" s="2"/>
    </row>
    <row r="35214" spans="1:3" ht="19.2">
      <c r="A35214" s="2"/>
      <c r="B35214" s="2"/>
      <c r="C35214" s="2"/>
    </row>
    <row r="35215" spans="1:3" ht="19.2">
      <c r="A35215" s="2"/>
      <c r="B35215" s="2"/>
      <c r="C35215" s="2"/>
    </row>
    <row r="35216" spans="1:3" ht="19.2">
      <c r="A35216" s="2"/>
      <c r="B35216" s="2"/>
      <c r="C35216" s="2"/>
    </row>
    <row r="35217" spans="1:3" ht="19.2">
      <c r="A35217" s="2"/>
      <c r="B35217" s="2"/>
      <c r="C35217" s="2"/>
    </row>
    <row r="35218" spans="1:3" ht="19.2">
      <c r="A35218" s="2"/>
      <c r="B35218" s="2"/>
      <c r="C35218" s="2"/>
    </row>
    <row r="35219" spans="1:3" ht="19.2">
      <c r="A35219" s="2"/>
      <c r="B35219" s="2"/>
      <c r="C35219" s="2"/>
    </row>
    <row r="35220" spans="1:3" ht="19.2">
      <c r="A35220" s="2"/>
      <c r="B35220" s="2"/>
      <c r="C35220" s="2"/>
    </row>
    <row r="35221" spans="1:3" ht="19.2">
      <c r="A35221" s="2"/>
      <c r="B35221" s="2"/>
      <c r="C35221" s="2"/>
    </row>
    <row r="35222" spans="1:3" ht="19.2">
      <c r="A35222" s="2"/>
      <c r="B35222" s="2"/>
      <c r="C35222" s="2"/>
    </row>
    <row r="35223" spans="1:3" ht="19.2">
      <c r="A35223" s="2"/>
      <c r="B35223" s="2"/>
      <c r="C35223" s="2"/>
    </row>
    <row r="35224" spans="1:3" ht="19.2">
      <c r="A35224" s="2"/>
      <c r="B35224" s="2"/>
      <c r="C35224" s="2"/>
    </row>
    <row r="35225" spans="1:3" ht="19.2">
      <c r="A35225" s="2"/>
      <c r="B35225" s="2"/>
      <c r="C35225" s="2"/>
    </row>
    <row r="35226" spans="1:3" ht="19.2">
      <c r="A35226" s="2"/>
      <c r="B35226" s="2"/>
      <c r="C35226" s="2"/>
    </row>
    <row r="35227" spans="1:3" ht="19.2">
      <c r="A35227" s="2"/>
      <c r="B35227" s="2"/>
      <c r="C35227" s="2"/>
    </row>
    <row r="35228" spans="1:3" ht="19.2">
      <c r="A35228" s="2"/>
      <c r="B35228" s="2"/>
      <c r="C35228" s="2"/>
    </row>
    <row r="35229" spans="1:3" ht="19.2">
      <c r="A35229" s="2"/>
      <c r="B35229" s="2"/>
      <c r="C35229" s="2"/>
    </row>
    <row r="35230" spans="1:3" ht="19.2">
      <c r="A35230" s="2"/>
      <c r="B35230" s="2"/>
      <c r="C35230" s="2"/>
    </row>
    <row r="35231" spans="1:3" ht="19.2">
      <c r="A35231" s="2"/>
      <c r="B35231" s="2"/>
      <c r="C35231" s="2"/>
    </row>
    <row r="35232" spans="1:3" ht="19.2">
      <c r="A35232" s="2"/>
      <c r="B35232" s="2"/>
      <c r="C35232" s="2"/>
    </row>
    <row r="35233" spans="1:3" ht="19.2">
      <c r="A35233" s="2"/>
      <c r="B35233" s="2"/>
      <c r="C35233" s="2"/>
    </row>
    <row r="35234" spans="1:3" ht="19.2">
      <c r="A35234" s="2"/>
      <c r="B35234" s="2"/>
      <c r="C35234" s="2"/>
    </row>
    <row r="35235" spans="1:3" ht="19.2">
      <c r="A35235" s="2"/>
      <c r="B35235" s="2"/>
      <c r="C35235" s="2"/>
    </row>
    <row r="35236" spans="1:3" ht="19.2">
      <c r="A35236" s="2"/>
      <c r="B35236" s="2"/>
      <c r="C35236" s="2"/>
    </row>
    <row r="35237" spans="1:3" ht="19.2">
      <c r="A35237" s="2"/>
      <c r="B35237" s="2"/>
      <c r="C35237" s="2"/>
    </row>
    <row r="35238" spans="1:3" ht="19.2">
      <c r="A35238" s="2"/>
      <c r="B35238" s="2"/>
      <c r="C35238" s="2"/>
    </row>
    <row r="35239" spans="1:3" ht="19.2">
      <c r="A35239" s="2"/>
      <c r="B35239" s="2"/>
      <c r="C35239" s="2"/>
    </row>
    <row r="35240" spans="1:3" ht="19.2">
      <c r="A35240" s="2"/>
      <c r="B35240" s="2"/>
      <c r="C35240" s="2"/>
    </row>
    <row r="35241" spans="1:3" ht="19.2">
      <c r="A35241" s="2"/>
      <c r="B35241" s="2"/>
      <c r="C35241" s="2"/>
    </row>
    <row r="35242" spans="1:3" ht="19.2">
      <c r="A35242" s="2"/>
      <c r="B35242" s="2"/>
      <c r="C35242" s="2"/>
    </row>
    <row r="35243" spans="1:3" ht="19.2">
      <c r="A35243" s="2"/>
      <c r="B35243" s="2"/>
      <c r="C35243" s="2"/>
    </row>
    <row r="35244" spans="1:3" ht="19.2">
      <c r="A35244" s="2"/>
      <c r="B35244" s="2"/>
      <c r="C35244" s="2"/>
    </row>
    <row r="35245" spans="1:3" ht="19.2">
      <c r="A35245" s="2"/>
      <c r="B35245" s="2"/>
      <c r="C35245" s="2"/>
    </row>
    <row r="35246" spans="1:3" ht="19.2">
      <c r="A35246" s="2"/>
      <c r="B35246" s="2"/>
      <c r="C35246" s="2"/>
    </row>
    <row r="35247" spans="1:3" ht="19.2">
      <c r="A35247" s="2"/>
      <c r="B35247" s="2"/>
      <c r="C35247" s="2"/>
    </row>
    <row r="35248" spans="1:3" ht="19.2">
      <c r="A35248" s="2"/>
      <c r="B35248" s="2"/>
      <c r="C35248" s="2"/>
    </row>
    <row r="35249" spans="1:3" ht="19.2">
      <c r="A35249" s="2"/>
      <c r="B35249" s="2"/>
      <c r="C35249" s="2"/>
    </row>
    <row r="35250" spans="1:3" ht="19.2">
      <c r="A35250" s="2"/>
      <c r="B35250" s="2"/>
      <c r="C35250" s="2"/>
    </row>
    <row r="35251" spans="1:3" ht="19.2">
      <c r="A35251" s="2"/>
      <c r="B35251" s="2"/>
      <c r="C35251" s="2"/>
    </row>
    <row r="35252" spans="1:3" ht="19.2">
      <c r="A35252" s="2"/>
      <c r="B35252" s="2"/>
      <c r="C35252" s="2"/>
    </row>
    <row r="35253" spans="1:3" ht="19.2">
      <c r="A35253" s="2"/>
      <c r="B35253" s="2"/>
      <c r="C35253" s="2"/>
    </row>
    <row r="35254" spans="1:3" ht="19.2">
      <c r="A35254" s="2"/>
      <c r="B35254" s="2"/>
      <c r="C35254" s="2"/>
    </row>
    <row r="35255" spans="1:3" ht="19.2">
      <c r="A35255" s="2"/>
      <c r="B35255" s="2"/>
      <c r="C35255" s="2"/>
    </row>
    <row r="35256" spans="1:3" ht="19.2">
      <c r="A35256" s="2"/>
      <c r="B35256" s="2"/>
      <c r="C35256" s="2"/>
    </row>
    <row r="35257" spans="1:3" ht="19.2">
      <c r="A35257" s="2"/>
      <c r="B35257" s="2"/>
      <c r="C35257" s="2"/>
    </row>
    <row r="35258" spans="1:3" ht="19.2">
      <c r="A35258" s="2"/>
      <c r="B35258" s="2"/>
      <c r="C35258" s="2"/>
    </row>
    <row r="35259" spans="1:3" ht="19.2">
      <c r="A35259" s="2"/>
      <c r="B35259" s="2"/>
      <c r="C35259" s="2"/>
    </row>
    <row r="35260" spans="1:3" ht="19.2">
      <c r="A35260" s="2"/>
      <c r="B35260" s="2"/>
      <c r="C35260" s="2"/>
    </row>
    <row r="35261" spans="1:3" ht="19.2">
      <c r="A35261" s="2"/>
      <c r="B35261" s="2"/>
      <c r="C35261" s="2"/>
    </row>
    <row r="35262" spans="1:3" ht="19.2">
      <c r="A35262" s="2"/>
      <c r="B35262" s="2"/>
      <c r="C35262" s="2"/>
    </row>
    <row r="35263" spans="1:3" ht="19.2">
      <c r="A35263" s="2"/>
      <c r="B35263" s="2"/>
      <c r="C35263" s="2"/>
    </row>
    <row r="35264" spans="1:3" ht="19.2">
      <c r="A35264" s="2"/>
      <c r="B35264" s="2"/>
      <c r="C35264" s="2"/>
    </row>
    <row r="35265" spans="1:3" ht="19.2">
      <c r="A35265" s="2"/>
      <c r="B35265" s="2"/>
      <c r="C35265" s="2"/>
    </row>
    <row r="35266" spans="1:3" ht="19.2">
      <c r="A35266" s="2"/>
      <c r="B35266" s="2"/>
      <c r="C35266" s="2"/>
    </row>
    <row r="35267" spans="1:3" ht="19.2">
      <c r="A35267" s="2"/>
      <c r="B35267" s="2"/>
      <c r="C35267" s="2"/>
    </row>
    <row r="35268" spans="1:3" ht="19.2">
      <c r="A35268" s="2"/>
      <c r="B35268" s="2"/>
      <c r="C35268" s="2"/>
    </row>
    <row r="35269" spans="1:3" ht="19.2">
      <c r="A35269" s="2"/>
      <c r="B35269" s="2"/>
      <c r="C35269" s="2"/>
    </row>
    <row r="35270" spans="1:3" ht="19.2">
      <c r="A35270" s="2"/>
      <c r="B35270" s="2"/>
      <c r="C35270" s="2"/>
    </row>
    <row r="35271" spans="1:3" ht="19.2">
      <c r="A35271" s="2"/>
      <c r="B35271" s="2"/>
      <c r="C35271" s="2"/>
    </row>
    <row r="35272" spans="1:3" ht="19.2">
      <c r="A35272" s="2"/>
      <c r="B35272" s="2"/>
      <c r="C35272" s="2"/>
    </row>
    <row r="35273" spans="1:3" ht="19.2">
      <c r="A35273" s="2"/>
      <c r="B35273" s="2"/>
      <c r="C35273" s="2"/>
    </row>
    <row r="35274" spans="1:3" ht="19.2">
      <c r="A35274" s="2"/>
      <c r="B35274" s="2"/>
      <c r="C35274" s="2"/>
    </row>
    <row r="35275" spans="1:3" ht="19.2">
      <c r="A35275" s="2"/>
      <c r="B35275" s="2"/>
      <c r="C35275" s="2"/>
    </row>
    <row r="35276" spans="1:3" ht="19.2">
      <c r="A35276" s="2"/>
      <c r="B35276" s="2"/>
      <c r="C35276" s="2"/>
    </row>
    <row r="35277" spans="1:3" ht="19.2">
      <c r="A35277" s="2"/>
      <c r="B35277" s="2"/>
      <c r="C35277" s="2"/>
    </row>
    <row r="35278" spans="1:3" ht="19.2">
      <c r="A35278" s="2"/>
      <c r="B35278" s="2"/>
      <c r="C35278" s="2"/>
    </row>
    <row r="35279" spans="1:3" ht="19.2">
      <c r="A35279" s="2"/>
      <c r="B35279" s="2"/>
      <c r="C35279" s="2"/>
    </row>
    <row r="35280" spans="1:3" ht="19.2">
      <c r="A35280" s="2"/>
      <c r="B35280" s="2"/>
      <c r="C35280" s="2"/>
    </row>
    <row r="35281" spans="1:3" ht="19.2">
      <c r="A35281" s="2"/>
      <c r="B35281" s="2"/>
      <c r="C35281" s="2"/>
    </row>
    <row r="35282" spans="1:3" ht="19.2">
      <c r="A35282" s="2"/>
      <c r="B35282" s="2"/>
      <c r="C35282" s="2"/>
    </row>
    <row r="35283" spans="1:3" ht="19.2">
      <c r="A35283" s="2"/>
      <c r="B35283" s="2"/>
      <c r="C35283" s="2"/>
    </row>
    <row r="35284" spans="1:3" ht="19.2">
      <c r="A35284" s="2"/>
      <c r="B35284" s="2"/>
      <c r="C35284" s="2"/>
    </row>
    <row r="35285" spans="1:3" ht="19.2">
      <c r="A35285" s="2"/>
      <c r="B35285" s="2"/>
      <c r="C35285" s="2"/>
    </row>
    <row r="35286" spans="1:3" ht="19.2">
      <c r="A35286" s="2"/>
      <c r="B35286" s="2"/>
      <c r="C35286" s="2"/>
    </row>
    <row r="35287" spans="1:3" ht="19.2">
      <c r="A35287" s="2"/>
      <c r="B35287" s="2"/>
      <c r="C35287" s="2"/>
    </row>
    <row r="35288" spans="1:3" ht="19.2">
      <c r="A35288" s="2"/>
      <c r="B35288" s="2"/>
      <c r="C35288" s="2"/>
    </row>
    <row r="35289" spans="1:3" ht="19.2">
      <c r="A35289" s="2"/>
      <c r="B35289" s="2"/>
      <c r="C35289" s="2"/>
    </row>
    <row r="35290" spans="1:3" ht="19.2">
      <c r="A35290" s="2"/>
      <c r="B35290" s="2"/>
      <c r="C35290" s="2"/>
    </row>
    <row r="35291" spans="1:3" ht="19.2">
      <c r="A35291" s="2"/>
      <c r="B35291" s="2"/>
      <c r="C35291" s="2"/>
    </row>
    <row r="35292" spans="1:3" ht="19.2">
      <c r="A35292" s="2"/>
      <c r="B35292" s="2"/>
      <c r="C35292" s="2"/>
    </row>
    <row r="35293" spans="1:3" ht="19.2">
      <c r="A35293" s="2"/>
      <c r="B35293" s="2"/>
      <c r="C35293" s="2"/>
    </row>
    <row r="35294" spans="1:3" ht="19.2">
      <c r="A35294" s="2"/>
      <c r="B35294" s="2"/>
      <c r="C35294" s="2"/>
    </row>
    <row r="35295" spans="1:3" ht="19.2">
      <c r="A35295" s="2"/>
      <c r="B35295" s="2"/>
      <c r="C35295" s="2"/>
    </row>
    <row r="35296" spans="1:3" ht="19.2">
      <c r="A35296" s="2"/>
      <c r="B35296" s="2"/>
      <c r="C35296" s="2"/>
    </row>
    <row r="35297" spans="1:3" ht="19.2">
      <c r="A35297" s="2"/>
      <c r="B35297" s="2"/>
      <c r="C35297" s="2"/>
    </row>
    <row r="35298" spans="1:3" ht="19.2">
      <c r="A35298" s="2"/>
      <c r="B35298" s="2"/>
      <c r="C35298" s="2"/>
    </row>
    <row r="35299" spans="1:3" ht="19.2">
      <c r="A35299" s="2"/>
      <c r="B35299" s="2"/>
      <c r="C35299" s="2"/>
    </row>
    <row r="35300" spans="1:3" ht="19.2">
      <c r="A35300" s="2"/>
      <c r="B35300" s="2"/>
      <c r="C35300" s="2"/>
    </row>
    <row r="35301" spans="1:3" ht="19.2">
      <c r="A35301" s="2"/>
      <c r="B35301" s="2"/>
      <c r="C35301" s="2"/>
    </row>
    <row r="35302" spans="1:3" ht="19.2">
      <c r="A35302" s="2"/>
      <c r="B35302" s="2"/>
      <c r="C35302" s="2"/>
    </row>
    <row r="35303" spans="1:3" ht="19.2">
      <c r="A35303" s="2"/>
      <c r="B35303" s="2"/>
      <c r="C35303" s="2"/>
    </row>
    <row r="35304" spans="1:3" ht="19.2">
      <c r="A35304" s="2"/>
      <c r="B35304" s="2"/>
      <c r="C35304" s="2"/>
    </row>
    <row r="35305" spans="1:3" ht="19.2">
      <c r="A35305" s="2"/>
      <c r="B35305" s="2"/>
      <c r="C35305" s="2"/>
    </row>
    <row r="35306" spans="1:3" ht="19.2">
      <c r="A35306" s="2"/>
      <c r="B35306" s="2"/>
      <c r="C35306" s="2"/>
    </row>
    <row r="35307" spans="1:3" ht="19.2">
      <c r="A35307" s="2"/>
      <c r="B35307" s="2"/>
      <c r="C35307" s="2"/>
    </row>
    <row r="35308" spans="1:3" ht="19.2">
      <c r="A35308" s="2"/>
      <c r="B35308" s="2"/>
      <c r="C35308" s="2"/>
    </row>
    <row r="35309" spans="1:3" ht="19.2">
      <c r="A35309" s="2"/>
      <c r="B35309" s="2"/>
      <c r="C35309" s="2"/>
    </row>
    <row r="35310" spans="1:3" ht="19.2">
      <c r="A35310" s="2"/>
      <c r="B35310" s="2"/>
      <c r="C35310" s="2"/>
    </row>
    <row r="35311" spans="1:3" ht="19.2">
      <c r="A35311" s="2"/>
      <c r="B35311" s="2"/>
      <c r="C35311" s="2"/>
    </row>
    <row r="35312" spans="1:3" ht="19.2">
      <c r="A35312" s="2"/>
      <c r="B35312" s="2"/>
      <c r="C35312" s="2"/>
    </row>
    <row r="35313" spans="1:3" ht="19.2">
      <c r="A35313" s="2"/>
      <c r="B35313" s="2"/>
      <c r="C35313" s="2"/>
    </row>
    <row r="35314" spans="1:3" ht="19.2">
      <c r="A35314" s="2"/>
      <c r="B35314" s="2"/>
      <c r="C35314" s="2"/>
    </row>
    <row r="35315" spans="1:3" ht="19.2">
      <c r="A35315" s="2"/>
      <c r="B35315" s="2"/>
      <c r="C35315" s="2"/>
    </row>
    <row r="35316" spans="1:3" ht="19.2">
      <c r="A35316" s="2"/>
      <c r="B35316" s="2"/>
      <c r="C35316" s="2"/>
    </row>
    <row r="35317" spans="1:3" ht="19.2">
      <c r="A35317" s="2"/>
      <c r="B35317" s="2"/>
      <c r="C35317" s="2"/>
    </row>
    <row r="35318" spans="1:3" ht="19.2">
      <c r="A35318" s="2"/>
      <c r="B35318" s="2"/>
      <c r="C35318" s="2"/>
    </row>
    <row r="35319" spans="1:3" ht="19.2">
      <c r="A35319" s="2"/>
      <c r="B35319" s="2"/>
      <c r="C35319" s="2"/>
    </row>
    <row r="35320" spans="1:3" ht="19.2">
      <c r="A35320" s="2"/>
      <c r="B35320" s="2"/>
      <c r="C35320" s="2"/>
    </row>
    <row r="35321" spans="1:3" ht="19.2">
      <c r="A35321" s="2"/>
      <c r="B35321" s="2"/>
      <c r="C35321" s="2"/>
    </row>
    <row r="35322" spans="1:3" ht="19.2">
      <c r="A35322" s="2"/>
      <c r="B35322" s="2"/>
      <c r="C35322" s="2"/>
    </row>
    <row r="35323" spans="1:3" ht="19.2">
      <c r="A35323" s="2"/>
      <c r="B35323" s="2"/>
      <c r="C35323" s="2"/>
    </row>
    <row r="35324" spans="1:3" ht="19.2">
      <c r="A35324" s="2"/>
      <c r="B35324" s="2"/>
      <c r="C35324" s="2"/>
    </row>
    <row r="35325" spans="1:3" ht="19.2">
      <c r="A35325" s="2"/>
      <c r="B35325" s="2"/>
      <c r="C35325" s="2"/>
    </row>
    <row r="35326" spans="1:3" ht="19.2">
      <c r="A35326" s="2"/>
      <c r="B35326" s="2"/>
      <c r="C35326" s="2"/>
    </row>
    <row r="35327" spans="1:3" ht="19.2">
      <c r="A35327" s="2"/>
      <c r="B35327" s="2"/>
      <c r="C35327" s="2"/>
    </row>
    <row r="35328" spans="1:3" ht="19.2">
      <c r="A35328" s="2"/>
      <c r="B35328" s="2"/>
      <c r="C35328" s="2"/>
    </row>
    <row r="35329" spans="1:3" ht="19.2">
      <c r="A35329" s="2"/>
      <c r="B35329" s="2"/>
      <c r="C35329" s="2"/>
    </row>
    <row r="35330" spans="1:3" ht="19.2">
      <c r="A35330" s="2"/>
      <c r="B35330" s="2"/>
      <c r="C35330" s="2"/>
    </row>
    <row r="35331" spans="1:3" ht="19.2">
      <c r="A35331" s="2"/>
      <c r="B35331" s="2"/>
      <c r="C35331" s="2"/>
    </row>
    <row r="35332" spans="1:3" ht="19.2">
      <c r="A35332" s="2"/>
      <c r="B35332" s="2"/>
      <c r="C35332" s="2"/>
    </row>
    <row r="35333" spans="1:3" ht="19.2">
      <c r="A35333" s="2"/>
      <c r="B35333" s="2"/>
      <c r="C35333" s="2"/>
    </row>
    <row r="35334" spans="1:3" ht="19.2">
      <c r="A35334" s="2"/>
      <c r="B35334" s="2"/>
      <c r="C35334" s="2"/>
    </row>
    <row r="35335" spans="1:3" ht="19.2">
      <c r="A35335" s="2"/>
      <c r="B35335" s="2"/>
      <c r="C35335" s="2"/>
    </row>
    <row r="35336" spans="1:3" ht="19.2">
      <c r="A35336" s="2"/>
      <c r="B35336" s="2"/>
      <c r="C35336" s="2"/>
    </row>
    <row r="35337" spans="1:3" ht="19.2">
      <c r="A35337" s="2"/>
      <c r="B35337" s="2"/>
      <c r="C35337" s="2"/>
    </row>
    <row r="35338" spans="1:3" ht="19.2">
      <c r="A35338" s="2"/>
      <c r="B35338" s="2"/>
      <c r="C35338" s="2"/>
    </row>
    <row r="35339" spans="1:3" ht="19.2">
      <c r="A35339" s="2"/>
      <c r="B35339" s="2"/>
      <c r="C35339" s="2"/>
    </row>
    <row r="35340" spans="1:3" ht="19.2">
      <c r="A35340" s="2"/>
      <c r="B35340" s="2"/>
      <c r="C35340" s="2"/>
    </row>
    <row r="35341" spans="1:3" ht="19.2">
      <c r="A35341" s="2"/>
      <c r="B35341" s="2"/>
      <c r="C35341" s="2"/>
    </row>
    <row r="35342" spans="1:3" ht="19.2">
      <c r="A35342" s="2"/>
      <c r="B35342" s="2"/>
      <c r="C35342" s="2"/>
    </row>
    <row r="35343" spans="1:3" ht="19.2">
      <c r="A35343" s="2"/>
      <c r="B35343" s="2"/>
      <c r="C35343" s="2"/>
    </row>
    <row r="35344" spans="1:3" ht="19.2">
      <c r="A35344" s="2"/>
      <c r="B35344" s="2"/>
      <c r="C35344" s="2"/>
    </row>
    <row r="35345" spans="1:3" ht="19.2">
      <c r="A35345" s="2"/>
      <c r="B35345" s="2"/>
      <c r="C35345" s="2"/>
    </row>
    <row r="35346" spans="1:3" ht="19.2">
      <c r="A35346" s="2"/>
      <c r="B35346" s="2"/>
      <c r="C35346" s="2"/>
    </row>
    <row r="35347" spans="1:3" ht="19.2">
      <c r="A35347" s="2"/>
      <c r="B35347" s="2"/>
      <c r="C35347" s="2"/>
    </row>
    <row r="35348" spans="1:3" ht="19.2">
      <c r="A35348" s="2"/>
      <c r="B35348" s="2"/>
      <c r="C35348" s="2"/>
    </row>
    <row r="35349" spans="1:3" ht="19.2">
      <c r="A35349" s="2"/>
      <c r="B35349" s="2"/>
      <c r="C35349" s="2"/>
    </row>
    <row r="35350" spans="1:3" ht="19.2">
      <c r="A35350" s="2"/>
      <c r="B35350" s="2"/>
      <c r="C35350" s="2"/>
    </row>
    <row r="35351" spans="1:3" ht="19.2">
      <c r="A35351" s="2"/>
      <c r="B35351" s="2"/>
      <c r="C35351" s="2"/>
    </row>
    <row r="35352" spans="1:3" ht="19.2">
      <c r="A35352" s="2"/>
      <c r="B35352" s="2"/>
      <c r="C35352" s="2"/>
    </row>
    <row r="35353" spans="1:3" ht="19.2">
      <c r="A35353" s="2"/>
      <c r="B35353" s="2"/>
      <c r="C35353" s="2"/>
    </row>
    <row r="35354" spans="1:3" ht="19.2">
      <c r="A35354" s="2"/>
      <c r="B35354" s="2"/>
      <c r="C35354" s="2"/>
    </row>
    <row r="35355" spans="1:3" ht="19.2">
      <c r="A35355" s="2"/>
      <c r="B35355" s="2"/>
      <c r="C35355" s="2"/>
    </row>
    <row r="35356" spans="1:3" ht="19.2">
      <c r="A35356" s="2"/>
      <c r="B35356" s="2"/>
      <c r="C35356" s="2"/>
    </row>
    <row r="35357" spans="1:3" ht="19.2">
      <c r="A35357" s="2"/>
      <c r="B35357" s="2"/>
      <c r="C35357" s="2"/>
    </row>
    <row r="35358" spans="1:3" ht="19.2">
      <c r="A35358" s="2"/>
      <c r="B35358" s="2"/>
      <c r="C35358" s="2"/>
    </row>
    <row r="35359" spans="1:3" ht="19.2">
      <c r="A35359" s="2"/>
      <c r="B35359" s="2"/>
      <c r="C35359" s="2"/>
    </row>
    <row r="35360" spans="1:3" ht="19.2">
      <c r="A35360" s="2"/>
      <c r="B35360" s="2"/>
      <c r="C35360" s="2"/>
    </row>
    <row r="35361" spans="1:3" ht="19.2">
      <c r="A35361" s="2"/>
      <c r="B35361" s="2"/>
      <c r="C35361" s="2"/>
    </row>
    <row r="35362" spans="1:3" ht="19.2">
      <c r="A35362" s="2"/>
      <c r="B35362" s="2"/>
      <c r="C35362" s="2"/>
    </row>
    <row r="35363" spans="1:3" ht="19.2">
      <c r="A35363" s="2"/>
      <c r="B35363" s="2"/>
      <c r="C35363" s="2"/>
    </row>
    <row r="35364" spans="1:3" ht="19.2">
      <c r="A35364" s="2"/>
      <c r="B35364" s="2"/>
      <c r="C35364" s="2"/>
    </row>
    <row r="35365" spans="1:3" ht="19.2">
      <c r="A35365" s="2"/>
      <c r="B35365" s="2"/>
      <c r="C35365" s="2"/>
    </row>
    <row r="35366" spans="1:3" ht="19.2">
      <c r="A35366" s="2"/>
      <c r="B35366" s="2"/>
      <c r="C35366" s="2"/>
    </row>
    <row r="35367" spans="1:3" ht="19.2">
      <c r="A35367" s="2"/>
      <c r="B35367" s="2"/>
      <c r="C35367" s="2"/>
    </row>
    <row r="35368" spans="1:3" ht="19.2">
      <c r="A35368" s="2"/>
      <c r="B35368" s="2"/>
      <c r="C35368" s="2"/>
    </row>
    <row r="35369" spans="1:3" ht="19.2">
      <c r="A35369" s="2"/>
      <c r="B35369" s="2"/>
      <c r="C35369" s="2"/>
    </row>
    <row r="35370" spans="1:3" ht="19.2">
      <c r="A35370" s="2"/>
      <c r="B35370" s="2"/>
      <c r="C35370" s="2"/>
    </row>
    <row r="35371" spans="1:3" ht="19.2">
      <c r="A35371" s="2"/>
      <c r="B35371" s="2"/>
      <c r="C35371" s="2"/>
    </row>
    <row r="35372" spans="1:3" ht="19.2">
      <c r="A35372" s="2"/>
      <c r="B35372" s="2"/>
      <c r="C35372" s="2"/>
    </row>
    <row r="35373" spans="1:3" ht="19.2">
      <c r="A35373" s="2"/>
      <c r="B35373" s="2"/>
      <c r="C35373" s="2"/>
    </row>
    <row r="35374" spans="1:3" ht="19.2">
      <c r="A35374" s="2"/>
      <c r="B35374" s="2"/>
      <c r="C35374" s="2"/>
    </row>
    <row r="35375" spans="1:3" ht="19.2">
      <c r="A35375" s="2"/>
      <c r="B35375" s="2"/>
      <c r="C35375" s="2"/>
    </row>
    <row r="35376" spans="1:3" ht="19.2">
      <c r="A35376" s="2"/>
      <c r="B35376" s="2"/>
      <c r="C35376" s="2"/>
    </row>
    <row r="35377" spans="1:3" ht="19.2">
      <c r="A35377" s="2"/>
      <c r="B35377" s="2"/>
      <c r="C35377" s="2"/>
    </row>
    <row r="35378" spans="1:3" ht="19.2">
      <c r="A35378" s="2"/>
      <c r="B35378" s="2"/>
      <c r="C35378" s="2"/>
    </row>
    <row r="35379" spans="1:3" ht="19.2">
      <c r="A35379" s="2"/>
      <c r="B35379" s="2"/>
      <c r="C35379" s="2"/>
    </row>
    <row r="35380" spans="1:3" ht="19.2">
      <c r="A35380" s="2"/>
      <c r="B35380" s="2"/>
      <c r="C35380" s="2"/>
    </row>
    <row r="35381" spans="1:3" ht="19.2">
      <c r="A35381" s="2"/>
      <c r="B35381" s="2"/>
      <c r="C35381" s="2"/>
    </row>
    <row r="35382" spans="1:3" ht="19.2">
      <c r="A35382" s="2"/>
      <c r="B35382" s="2"/>
      <c r="C35382" s="2"/>
    </row>
    <row r="35383" spans="1:3" ht="19.2">
      <c r="A35383" s="2"/>
      <c r="B35383" s="2"/>
      <c r="C35383" s="2"/>
    </row>
    <row r="35384" spans="1:3" ht="19.2">
      <c r="A35384" s="2"/>
      <c r="B35384" s="2"/>
      <c r="C35384" s="2"/>
    </row>
    <row r="35385" spans="1:3" ht="19.2">
      <c r="A35385" s="2"/>
      <c r="B35385" s="2"/>
      <c r="C35385" s="2"/>
    </row>
    <row r="35386" spans="1:3" ht="19.2">
      <c r="A35386" s="2"/>
      <c r="B35386" s="2"/>
      <c r="C35386" s="2"/>
    </row>
    <row r="35387" spans="1:3" ht="19.2">
      <c r="A35387" s="2"/>
      <c r="B35387" s="2"/>
      <c r="C35387" s="2"/>
    </row>
    <row r="35388" spans="1:3" ht="19.2">
      <c r="A35388" s="2"/>
      <c r="B35388" s="2"/>
      <c r="C35388" s="2"/>
    </row>
    <row r="35389" spans="1:3" ht="19.2">
      <c r="A35389" s="2"/>
      <c r="B35389" s="2"/>
      <c r="C35389" s="2"/>
    </row>
    <row r="35390" spans="1:3" ht="19.2">
      <c r="A35390" s="2"/>
      <c r="B35390" s="2"/>
      <c r="C35390" s="2"/>
    </row>
    <row r="35391" spans="1:3" ht="19.2">
      <c r="A35391" s="2"/>
      <c r="B35391" s="2"/>
      <c r="C35391" s="2"/>
    </row>
    <row r="35392" spans="1:3" ht="19.2">
      <c r="A35392" s="2"/>
      <c r="B35392" s="2"/>
      <c r="C35392" s="2"/>
    </row>
    <row r="35393" spans="1:3" ht="19.2">
      <c r="A35393" s="2"/>
      <c r="B35393" s="2"/>
      <c r="C35393" s="2"/>
    </row>
    <row r="35394" spans="1:3" ht="19.2">
      <c r="A35394" s="2"/>
      <c r="B35394" s="2"/>
      <c r="C35394" s="2"/>
    </row>
    <row r="35395" spans="1:3" ht="19.2">
      <c r="A35395" s="2"/>
      <c r="B35395" s="2"/>
      <c r="C35395" s="2"/>
    </row>
    <row r="35396" spans="1:3" ht="19.2">
      <c r="A35396" s="2"/>
      <c r="B35396" s="2"/>
      <c r="C35396" s="2"/>
    </row>
    <row r="35397" spans="1:3" ht="19.2">
      <c r="A35397" s="2"/>
      <c r="B35397" s="2"/>
      <c r="C35397" s="2"/>
    </row>
    <row r="35398" spans="1:3" ht="19.2">
      <c r="A35398" s="2"/>
      <c r="B35398" s="2"/>
      <c r="C35398" s="2"/>
    </row>
    <row r="35399" spans="1:3" ht="19.2">
      <c r="A35399" s="2"/>
      <c r="B35399" s="2"/>
      <c r="C35399" s="2"/>
    </row>
    <row r="35400" spans="1:3" ht="19.2">
      <c r="A35400" s="2"/>
      <c r="B35400" s="2"/>
      <c r="C35400" s="2"/>
    </row>
    <row r="35401" spans="1:3" ht="19.2">
      <c r="A35401" s="2"/>
      <c r="B35401" s="2"/>
      <c r="C35401" s="2"/>
    </row>
    <row r="35402" spans="1:3" ht="19.2">
      <c r="A35402" s="2"/>
      <c r="B35402" s="2"/>
      <c r="C35402" s="2"/>
    </row>
    <row r="35403" spans="1:3" ht="19.2">
      <c r="A35403" s="2"/>
      <c r="B35403" s="2"/>
      <c r="C35403" s="2"/>
    </row>
    <row r="35404" spans="1:3" ht="19.2">
      <c r="A35404" s="2"/>
      <c r="B35404" s="2"/>
      <c r="C35404" s="2"/>
    </row>
    <row r="35405" spans="1:3" ht="19.2">
      <c r="A35405" s="2"/>
      <c r="B35405" s="2"/>
      <c r="C35405" s="2"/>
    </row>
    <row r="35406" spans="1:3" ht="19.2">
      <c r="A35406" s="2"/>
      <c r="B35406" s="2"/>
      <c r="C35406" s="2"/>
    </row>
    <row r="35407" spans="1:3" ht="19.2">
      <c r="A35407" s="2"/>
      <c r="B35407" s="2"/>
      <c r="C35407" s="2"/>
    </row>
    <row r="35408" spans="1:3" ht="19.2">
      <c r="A35408" s="2"/>
      <c r="B35408" s="2"/>
      <c r="C35408" s="2"/>
    </row>
    <row r="35409" spans="1:3" ht="19.2">
      <c r="A35409" s="2"/>
      <c r="B35409" s="2"/>
      <c r="C35409" s="2"/>
    </row>
    <row r="35410" spans="1:3" ht="19.2">
      <c r="A35410" s="2"/>
      <c r="B35410" s="2"/>
      <c r="C35410" s="2"/>
    </row>
    <row r="35411" spans="1:3" ht="19.2">
      <c r="A35411" s="2"/>
      <c r="B35411" s="2"/>
      <c r="C35411" s="2"/>
    </row>
    <row r="35412" spans="1:3" ht="19.2">
      <c r="A35412" s="2"/>
      <c r="B35412" s="2"/>
      <c r="C35412" s="2"/>
    </row>
    <row r="35413" spans="1:3" ht="19.2">
      <c r="A35413" s="2"/>
      <c r="B35413" s="2"/>
      <c r="C35413" s="2"/>
    </row>
    <row r="35414" spans="1:3" ht="19.2">
      <c r="A35414" s="2"/>
      <c r="B35414" s="2"/>
      <c r="C35414" s="2"/>
    </row>
    <row r="35415" spans="1:3" ht="19.2">
      <c r="A35415" s="2"/>
      <c r="B35415" s="2"/>
      <c r="C35415" s="2"/>
    </row>
    <row r="35416" spans="1:3" ht="19.2">
      <c r="A35416" s="2"/>
      <c r="B35416" s="2"/>
      <c r="C35416" s="2"/>
    </row>
    <row r="35417" spans="1:3" ht="19.2">
      <c r="A35417" s="2"/>
      <c r="B35417" s="2"/>
      <c r="C35417" s="2"/>
    </row>
    <row r="35418" spans="1:3" ht="19.2">
      <c r="A35418" s="2"/>
      <c r="B35418" s="2"/>
      <c r="C35418" s="2"/>
    </row>
    <row r="35419" spans="1:3" ht="19.2">
      <c r="A35419" s="2"/>
      <c r="B35419" s="2"/>
      <c r="C35419" s="2"/>
    </row>
    <row r="35420" spans="1:3" ht="19.2">
      <c r="A35420" s="2"/>
      <c r="B35420" s="2"/>
      <c r="C35420" s="2"/>
    </row>
    <row r="35421" spans="1:3" ht="19.2">
      <c r="A35421" s="2"/>
      <c r="B35421" s="2"/>
      <c r="C35421" s="2"/>
    </row>
    <row r="35422" spans="1:3" ht="19.2">
      <c r="A35422" s="2"/>
      <c r="B35422" s="2"/>
      <c r="C35422" s="2"/>
    </row>
    <row r="35423" spans="1:3" ht="19.2">
      <c r="A35423" s="2"/>
      <c r="B35423" s="2"/>
      <c r="C35423" s="2"/>
    </row>
    <row r="35424" spans="1:3" ht="19.2">
      <c r="A35424" s="2"/>
      <c r="B35424" s="2"/>
      <c r="C35424" s="2"/>
    </row>
    <row r="35425" spans="1:3" ht="19.2">
      <c r="A35425" s="2"/>
      <c r="B35425" s="2"/>
      <c r="C35425" s="2"/>
    </row>
    <row r="35426" spans="1:3" ht="19.2">
      <c r="A35426" s="2"/>
      <c r="B35426" s="2"/>
      <c r="C35426" s="2"/>
    </row>
    <row r="35427" spans="1:3" ht="19.2">
      <c r="A35427" s="2"/>
      <c r="B35427" s="2"/>
      <c r="C35427" s="2"/>
    </row>
    <row r="35428" spans="1:3" ht="19.2">
      <c r="A35428" s="2"/>
      <c r="B35428" s="2"/>
      <c r="C35428" s="2"/>
    </row>
    <row r="35429" spans="1:3" ht="19.2">
      <c r="A35429" s="2"/>
      <c r="B35429" s="2"/>
      <c r="C35429" s="2"/>
    </row>
    <row r="35430" spans="1:3" ht="19.2">
      <c r="A35430" s="2"/>
      <c r="B35430" s="2"/>
      <c r="C35430" s="2"/>
    </row>
    <row r="35431" spans="1:3" ht="19.2">
      <c r="A35431" s="2"/>
      <c r="B35431" s="2"/>
      <c r="C35431" s="2"/>
    </row>
    <row r="35432" spans="1:3" ht="19.2">
      <c r="A35432" s="2"/>
      <c r="B35432" s="2"/>
      <c r="C35432" s="2"/>
    </row>
    <row r="35433" spans="1:3" ht="19.2">
      <c r="A35433" s="2"/>
      <c r="B35433" s="2"/>
      <c r="C35433" s="2"/>
    </row>
    <row r="35434" spans="1:3" ht="19.2">
      <c r="A35434" s="2"/>
      <c r="B35434" s="2"/>
      <c r="C35434" s="2"/>
    </row>
    <row r="35435" spans="1:3" ht="19.2">
      <c r="A35435" s="2"/>
      <c r="B35435" s="2"/>
      <c r="C35435" s="2"/>
    </row>
    <row r="35436" spans="1:3" ht="19.2">
      <c r="A35436" s="2"/>
      <c r="B35436" s="2"/>
      <c r="C35436" s="2"/>
    </row>
    <row r="35437" spans="1:3" ht="19.2">
      <c r="A35437" s="2"/>
      <c r="B35437" s="2"/>
      <c r="C35437" s="2"/>
    </row>
    <row r="35438" spans="1:3" ht="19.2">
      <c r="A35438" s="2"/>
      <c r="B35438" s="2"/>
      <c r="C35438" s="2"/>
    </row>
    <row r="35439" spans="1:3" ht="19.2">
      <c r="A35439" s="2"/>
      <c r="B35439" s="2"/>
      <c r="C35439" s="2"/>
    </row>
    <row r="35440" spans="1:3" ht="19.2">
      <c r="A35440" s="2"/>
      <c r="B35440" s="2"/>
      <c r="C35440" s="2"/>
    </row>
    <row r="35441" spans="1:3" ht="19.2">
      <c r="A35441" s="2"/>
      <c r="B35441" s="2"/>
      <c r="C35441" s="2"/>
    </row>
    <row r="35442" spans="1:3" ht="19.2">
      <c r="A35442" s="2"/>
      <c r="B35442" s="2"/>
      <c r="C35442" s="2"/>
    </row>
    <row r="35443" spans="1:3" ht="19.2">
      <c r="A35443" s="2"/>
      <c r="B35443" s="2"/>
      <c r="C35443" s="2"/>
    </row>
    <row r="35444" spans="1:3" ht="19.2">
      <c r="A35444" s="2"/>
      <c r="B35444" s="2"/>
      <c r="C35444" s="2"/>
    </row>
    <row r="35445" spans="1:3" ht="19.2">
      <c r="A35445" s="2"/>
      <c r="B35445" s="2"/>
      <c r="C35445" s="2"/>
    </row>
    <row r="35446" spans="1:3" ht="19.2">
      <c r="A35446" s="2"/>
      <c r="B35446" s="2"/>
      <c r="C35446" s="2"/>
    </row>
    <row r="35447" spans="1:3" ht="19.2">
      <c r="A35447" s="2"/>
      <c r="B35447" s="2"/>
      <c r="C35447" s="2"/>
    </row>
    <row r="35448" spans="1:3" ht="19.2">
      <c r="A35448" s="2"/>
      <c r="B35448" s="2"/>
      <c r="C35448" s="2"/>
    </row>
    <row r="35449" spans="1:3" ht="19.2">
      <c r="A35449" s="2"/>
      <c r="B35449" s="2"/>
      <c r="C35449" s="2"/>
    </row>
    <row r="35450" spans="1:3" ht="19.2">
      <c r="A35450" s="2"/>
      <c r="B35450" s="2"/>
      <c r="C35450" s="2"/>
    </row>
    <row r="35451" spans="1:3" ht="19.2">
      <c r="A35451" s="2"/>
      <c r="B35451" s="2"/>
      <c r="C35451" s="2"/>
    </row>
    <row r="35452" spans="1:3" ht="19.2">
      <c r="A35452" s="2"/>
      <c r="B35452" s="2"/>
      <c r="C35452" s="2"/>
    </row>
    <row r="35453" spans="1:3" ht="19.2">
      <c r="A35453" s="2"/>
      <c r="B35453" s="2"/>
      <c r="C35453" s="2"/>
    </row>
    <row r="35454" spans="1:3" ht="19.2">
      <c r="A35454" s="2"/>
      <c r="B35454" s="2"/>
      <c r="C35454" s="2"/>
    </row>
    <row r="35455" spans="1:3" ht="19.2">
      <c r="A35455" s="2"/>
      <c r="B35455" s="2"/>
      <c r="C35455" s="2"/>
    </row>
    <row r="35456" spans="1:3" ht="19.2">
      <c r="A35456" s="2"/>
      <c r="B35456" s="2"/>
      <c r="C35456" s="2"/>
    </row>
    <row r="35457" spans="1:3" ht="19.2">
      <c r="A35457" s="2"/>
      <c r="B35457" s="2"/>
      <c r="C35457" s="2"/>
    </row>
    <row r="35458" spans="1:3" ht="19.2">
      <c r="A35458" s="2"/>
      <c r="B35458" s="2"/>
      <c r="C35458" s="2"/>
    </row>
    <row r="35459" spans="1:3" ht="19.2">
      <c r="A35459" s="2"/>
      <c r="B35459" s="2"/>
      <c r="C35459" s="2"/>
    </row>
    <row r="35460" spans="1:3" ht="19.2">
      <c r="A35460" s="2"/>
      <c r="B35460" s="2"/>
      <c r="C35460" s="2"/>
    </row>
    <row r="35461" spans="1:3" ht="19.2">
      <c r="A35461" s="2"/>
      <c r="B35461" s="2"/>
      <c r="C35461" s="2"/>
    </row>
    <row r="35462" spans="1:3" ht="19.2">
      <c r="A35462" s="2"/>
      <c r="B35462" s="2"/>
      <c r="C35462" s="2"/>
    </row>
    <row r="35463" spans="1:3" ht="19.2">
      <c r="A35463" s="2"/>
      <c r="B35463" s="2"/>
      <c r="C35463" s="2"/>
    </row>
    <row r="35464" spans="1:3" ht="19.2">
      <c r="A35464" s="2"/>
      <c r="B35464" s="2"/>
      <c r="C35464" s="2"/>
    </row>
    <row r="35465" spans="1:3" ht="19.2">
      <c r="A35465" s="2"/>
      <c r="B35465" s="2"/>
      <c r="C35465" s="2"/>
    </row>
    <row r="35466" spans="1:3" ht="19.2">
      <c r="A35466" s="2"/>
      <c r="B35466" s="2"/>
      <c r="C35466" s="2"/>
    </row>
    <row r="35467" spans="1:3" ht="19.2">
      <c r="A35467" s="2"/>
      <c r="B35467" s="2"/>
      <c r="C35467" s="2"/>
    </row>
    <row r="35468" spans="1:3" ht="19.2">
      <c r="A35468" s="2"/>
      <c r="B35468" s="2"/>
      <c r="C35468" s="2"/>
    </row>
    <row r="35469" spans="1:3" ht="19.2">
      <c r="A35469" s="2"/>
      <c r="B35469" s="2"/>
      <c r="C35469" s="2"/>
    </row>
    <row r="35470" spans="1:3" ht="19.2">
      <c r="A35470" s="2"/>
      <c r="B35470" s="2"/>
      <c r="C35470" s="2"/>
    </row>
    <row r="35471" spans="1:3" ht="19.2">
      <c r="A35471" s="2"/>
      <c r="B35471" s="2"/>
      <c r="C35471" s="2"/>
    </row>
    <row r="35472" spans="1:3" ht="19.2">
      <c r="A35472" s="2"/>
      <c r="B35472" s="2"/>
      <c r="C35472" s="2"/>
    </row>
    <row r="35473" spans="1:3" ht="19.2">
      <c r="A35473" s="2"/>
      <c r="B35473" s="2"/>
      <c r="C35473" s="2"/>
    </row>
    <row r="35474" spans="1:3" ht="19.2">
      <c r="A35474" s="2"/>
      <c r="B35474" s="2"/>
      <c r="C35474" s="2"/>
    </row>
    <row r="35475" spans="1:3" ht="19.2">
      <c r="A35475" s="2"/>
      <c r="B35475" s="2"/>
      <c r="C35475" s="2"/>
    </row>
    <row r="35476" spans="1:3" ht="19.2">
      <c r="A35476" s="2"/>
      <c r="B35476" s="2"/>
      <c r="C35476" s="2"/>
    </row>
    <row r="35477" spans="1:3" ht="19.2">
      <c r="A35477" s="2"/>
      <c r="B35477" s="2"/>
      <c r="C35477" s="2"/>
    </row>
    <row r="35478" spans="1:3" ht="19.2">
      <c r="A35478" s="2"/>
      <c r="B35478" s="2"/>
      <c r="C35478" s="2"/>
    </row>
    <row r="35479" spans="1:3" ht="19.2">
      <c r="A35479" s="2"/>
      <c r="B35479" s="2"/>
      <c r="C35479" s="2"/>
    </row>
    <row r="35480" spans="1:3" ht="19.2">
      <c r="A35480" s="2"/>
      <c r="B35480" s="2"/>
      <c r="C35480" s="2"/>
    </row>
    <row r="35481" spans="1:3" ht="19.2">
      <c r="A35481" s="2"/>
      <c r="B35481" s="2"/>
      <c r="C35481" s="2"/>
    </row>
    <row r="35482" spans="1:3" ht="19.2">
      <c r="A35482" s="2"/>
      <c r="B35482" s="2"/>
      <c r="C35482" s="2"/>
    </row>
    <row r="35483" spans="1:3" ht="19.2">
      <c r="A35483" s="2"/>
      <c r="B35483" s="2"/>
      <c r="C35483" s="2"/>
    </row>
    <row r="35484" spans="1:3" ht="19.2">
      <c r="A35484" s="2"/>
      <c r="B35484" s="2"/>
      <c r="C35484" s="2"/>
    </row>
    <row r="35485" spans="1:3" ht="19.2">
      <c r="A35485" s="2"/>
      <c r="B35485" s="2"/>
      <c r="C35485" s="2"/>
    </row>
    <row r="35486" spans="1:3" ht="19.2">
      <c r="A35486" s="2"/>
      <c r="B35486" s="2"/>
      <c r="C35486" s="2"/>
    </row>
    <row r="35487" spans="1:3" ht="19.2">
      <c r="A35487" s="2"/>
      <c r="B35487" s="2"/>
      <c r="C35487" s="2"/>
    </row>
    <row r="35488" spans="1:3" ht="19.2">
      <c r="A35488" s="2"/>
      <c r="B35488" s="2"/>
      <c r="C35488" s="2"/>
    </row>
    <row r="35489" spans="1:3" ht="19.2">
      <c r="A35489" s="2"/>
      <c r="B35489" s="2"/>
      <c r="C35489" s="2"/>
    </row>
    <row r="35490" spans="1:3" ht="19.2">
      <c r="A35490" s="2"/>
      <c r="B35490" s="2"/>
      <c r="C35490" s="2"/>
    </row>
    <row r="35491" spans="1:3" ht="19.2">
      <c r="A35491" s="2"/>
      <c r="B35491" s="2"/>
      <c r="C35491" s="2"/>
    </row>
    <row r="35492" spans="1:3" ht="19.2">
      <c r="A35492" s="2"/>
      <c r="B35492" s="2"/>
      <c r="C35492" s="2"/>
    </row>
    <row r="35493" spans="1:3" ht="19.2">
      <c r="A35493" s="2"/>
      <c r="B35493" s="2"/>
      <c r="C35493" s="2"/>
    </row>
    <row r="35494" spans="1:3" ht="19.2">
      <c r="A35494" s="2"/>
      <c r="B35494" s="2"/>
      <c r="C35494" s="2"/>
    </row>
    <row r="35495" spans="1:3" ht="19.2">
      <c r="A35495" s="2"/>
      <c r="B35495" s="2"/>
      <c r="C35495" s="2"/>
    </row>
    <row r="35496" spans="1:3" ht="19.2">
      <c r="A35496" s="2"/>
      <c r="B35496" s="2"/>
      <c r="C35496" s="2"/>
    </row>
    <row r="35497" spans="1:3" ht="19.2">
      <c r="A35497" s="2"/>
      <c r="B35497" s="2"/>
      <c r="C35497" s="2"/>
    </row>
    <row r="35498" spans="1:3" ht="19.2">
      <c r="A35498" s="2"/>
      <c r="B35498" s="2"/>
      <c r="C35498" s="2"/>
    </row>
    <row r="35499" spans="1:3" ht="19.2">
      <c r="A35499" s="2"/>
      <c r="B35499" s="2"/>
      <c r="C35499" s="2"/>
    </row>
    <row r="35500" spans="1:3" ht="19.2">
      <c r="A35500" s="2"/>
      <c r="B35500" s="2"/>
      <c r="C35500" s="2"/>
    </row>
    <row r="35501" spans="1:3" ht="19.2">
      <c r="A35501" s="2"/>
      <c r="B35501" s="2"/>
      <c r="C35501" s="2"/>
    </row>
    <row r="35502" spans="1:3" ht="19.2">
      <c r="A35502" s="2"/>
      <c r="B35502" s="2"/>
      <c r="C35502" s="2"/>
    </row>
    <row r="35503" spans="1:3" ht="19.2">
      <c r="A35503" s="2"/>
      <c r="B35503" s="2"/>
      <c r="C35503" s="2"/>
    </row>
    <row r="35504" spans="1:3" ht="19.2">
      <c r="A35504" s="2"/>
      <c r="B35504" s="2"/>
      <c r="C35504" s="2"/>
    </row>
    <row r="35505" spans="1:3" ht="19.2">
      <c r="A35505" s="2"/>
      <c r="B35505" s="2"/>
      <c r="C35505" s="2"/>
    </row>
    <row r="35506" spans="1:3" ht="19.2">
      <c r="A35506" s="2"/>
      <c r="B35506" s="2"/>
      <c r="C35506" s="2"/>
    </row>
    <row r="35507" spans="1:3" ht="19.2">
      <c r="A35507" s="2"/>
      <c r="B35507" s="2"/>
      <c r="C35507" s="2"/>
    </row>
    <row r="35508" spans="1:3" ht="19.2">
      <c r="A35508" s="2"/>
      <c r="B35508" s="2"/>
      <c r="C35508" s="2"/>
    </row>
    <row r="35509" spans="1:3" ht="19.2">
      <c r="A35509" s="2"/>
      <c r="B35509" s="2"/>
      <c r="C35509" s="2"/>
    </row>
    <row r="35510" spans="1:3" ht="19.2">
      <c r="A35510" s="2"/>
      <c r="B35510" s="2"/>
      <c r="C35510" s="2"/>
    </row>
    <row r="35511" spans="1:3" ht="19.2">
      <c r="A35511" s="2"/>
      <c r="B35511" s="2"/>
      <c r="C35511" s="2"/>
    </row>
    <row r="35512" spans="1:3" ht="19.2">
      <c r="A35512" s="2"/>
      <c r="B35512" s="2"/>
      <c r="C35512" s="2"/>
    </row>
    <row r="35513" spans="1:3" ht="19.2">
      <c r="A35513" s="2"/>
      <c r="B35513" s="2"/>
      <c r="C35513" s="2"/>
    </row>
    <row r="35514" spans="1:3" ht="19.2">
      <c r="A35514" s="2"/>
      <c r="B35514" s="2"/>
      <c r="C35514" s="2"/>
    </row>
    <row r="35515" spans="1:3" ht="19.2">
      <c r="A35515" s="2"/>
      <c r="B35515" s="2"/>
      <c r="C35515" s="2"/>
    </row>
    <row r="35516" spans="1:3" ht="19.2">
      <c r="A35516" s="2"/>
      <c r="B35516" s="2"/>
      <c r="C35516" s="2"/>
    </row>
    <row r="35517" spans="1:3" ht="19.2">
      <c r="A35517" s="2"/>
      <c r="B35517" s="2"/>
      <c r="C35517" s="2"/>
    </row>
    <row r="35518" spans="1:3" ht="19.2">
      <c r="A35518" s="2"/>
      <c r="B35518" s="2"/>
      <c r="C35518" s="2"/>
    </row>
    <row r="35519" spans="1:3" ht="19.2">
      <c r="A35519" s="2"/>
      <c r="B35519" s="2"/>
      <c r="C35519" s="2"/>
    </row>
    <row r="35520" spans="1:3" ht="19.2">
      <c r="A35520" s="2"/>
      <c r="B35520" s="2"/>
      <c r="C35520" s="2"/>
    </row>
    <row r="35521" spans="1:3" ht="19.2">
      <c r="A35521" s="2"/>
      <c r="B35521" s="2"/>
      <c r="C35521" s="2"/>
    </row>
    <row r="35522" spans="1:3" ht="19.2">
      <c r="A35522" s="2"/>
      <c r="B35522" s="2"/>
      <c r="C35522" s="2"/>
    </row>
    <row r="35523" spans="1:3" ht="19.2">
      <c r="A35523" s="2"/>
      <c r="B35523" s="2"/>
      <c r="C35523" s="2"/>
    </row>
    <row r="35524" spans="1:3" ht="19.2">
      <c r="A35524" s="2"/>
      <c r="B35524" s="2"/>
      <c r="C35524" s="2"/>
    </row>
    <row r="35525" spans="1:3" ht="19.2">
      <c r="A35525" s="2"/>
      <c r="B35525" s="2"/>
      <c r="C35525" s="2"/>
    </row>
    <row r="35526" spans="1:3" ht="19.2">
      <c r="A35526" s="2"/>
      <c r="B35526" s="2"/>
      <c r="C35526" s="2"/>
    </row>
    <row r="35527" spans="1:3" ht="19.2">
      <c r="A35527" s="2"/>
      <c r="B35527" s="2"/>
      <c r="C35527" s="2"/>
    </row>
    <row r="35528" spans="1:3" ht="19.2">
      <c r="A35528" s="2"/>
      <c r="B35528" s="2"/>
      <c r="C35528" s="2"/>
    </row>
    <row r="35529" spans="1:3" ht="19.2">
      <c r="A35529" s="2"/>
      <c r="B35529" s="2"/>
      <c r="C35529" s="2"/>
    </row>
    <row r="35530" spans="1:3" ht="19.2">
      <c r="A35530" s="2"/>
      <c r="B35530" s="2"/>
      <c r="C35530" s="2"/>
    </row>
    <row r="35531" spans="1:3" ht="19.2">
      <c r="A35531" s="2"/>
      <c r="B35531" s="2"/>
      <c r="C35531" s="2"/>
    </row>
    <row r="35532" spans="1:3" ht="19.2">
      <c r="A35532" s="2"/>
      <c r="B35532" s="2"/>
      <c r="C35532" s="2"/>
    </row>
    <row r="35533" spans="1:3" ht="19.2">
      <c r="A35533" s="2"/>
      <c r="B35533" s="2"/>
      <c r="C35533" s="2"/>
    </row>
    <row r="35534" spans="1:3" ht="19.2">
      <c r="A35534" s="2"/>
      <c r="B35534" s="2"/>
      <c r="C35534" s="2"/>
    </row>
    <row r="35535" spans="1:3" ht="19.2">
      <c r="A35535" s="2"/>
      <c r="B35535" s="2"/>
      <c r="C35535" s="2"/>
    </row>
    <row r="35536" spans="1:3" ht="19.2">
      <c r="A35536" s="2"/>
      <c r="B35536" s="2"/>
      <c r="C35536" s="2"/>
    </row>
    <row r="35537" spans="1:3" ht="19.2">
      <c r="A35537" s="2"/>
      <c r="B35537" s="2"/>
      <c r="C35537" s="2"/>
    </row>
    <row r="35538" spans="1:3" ht="19.2">
      <c r="A35538" s="2"/>
      <c r="B35538" s="2"/>
      <c r="C35538" s="2"/>
    </row>
    <row r="35539" spans="1:3" ht="19.2">
      <c r="A35539" s="2"/>
      <c r="B35539" s="2"/>
      <c r="C35539" s="2"/>
    </row>
    <row r="35540" spans="1:3" ht="19.2">
      <c r="A35540" s="2"/>
      <c r="B35540" s="2"/>
      <c r="C35540" s="2"/>
    </row>
    <row r="35541" spans="1:3" ht="19.2">
      <c r="A35541" s="2"/>
      <c r="B35541" s="2"/>
      <c r="C35541" s="2"/>
    </row>
    <row r="35542" spans="1:3" ht="19.2">
      <c r="A35542" s="2"/>
      <c r="B35542" s="2"/>
      <c r="C35542" s="2"/>
    </row>
    <row r="35543" spans="1:3" ht="19.2">
      <c r="A35543" s="2"/>
      <c r="B35543" s="2"/>
      <c r="C35543" s="2"/>
    </row>
    <row r="35544" spans="1:3" ht="19.2">
      <c r="A35544" s="2"/>
      <c r="B35544" s="2"/>
      <c r="C35544" s="2"/>
    </row>
    <row r="35545" spans="1:3" ht="19.2">
      <c r="A35545" s="2"/>
      <c r="B35545" s="2"/>
      <c r="C35545" s="2"/>
    </row>
    <row r="35546" spans="1:3" ht="19.2">
      <c r="A35546" s="2"/>
      <c r="B35546" s="2"/>
      <c r="C35546" s="2"/>
    </row>
    <row r="35547" spans="1:3" ht="19.2">
      <c r="A35547" s="2"/>
      <c r="B35547" s="2"/>
      <c r="C35547" s="2"/>
    </row>
    <row r="35548" spans="1:3" ht="19.2">
      <c r="A35548" s="2"/>
      <c r="B35548" s="2"/>
      <c r="C35548" s="2"/>
    </row>
    <row r="35549" spans="1:3" ht="19.2">
      <c r="A35549" s="2"/>
      <c r="B35549" s="2"/>
      <c r="C35549" s="2"/>
    </row>
    <row r="35550" spans="1:3" ht="19.2">
      <c r="A35550" s="2"/>
      <c r="B35550" s="2"/>
      <c r="C35550" s="2"/>
    </row>
    <row r="35551" spans="1:3" ht="19.2">
      <c r="A35551" s="2"/>
      <c r="B35551" s="2"/>
      <c r="C35551" s="2"/>
    </row>
    <row r="35552" spans="1:3" ht="19.2">
      <c r="A35552" s="2"/>
      <c r="B35552" s="2"/>
      <c r="C35552" s="2"/>
    </row>
    <row r="35553" spans="1:3" ht="19.2">
      <c r="A35553" s="2"/>
      <c r="B35553" s="2"/>
      <c r="C35553" s="2"/>
    </row>
    <row r="35554" spans="1:3" ht="19.2">
      <c r="A35554" s="2"/>
      <c r="B35554" s="2"/>
      <c r="C35554" s="2"/>
    </row>
    <row r="35555" spans="1:3" ht="19.2">
      <c r="A35555" s="2"/>
      <c r="B35555" s="2"/>
      <c r="C35555" s="2"/>
    </row>
    <row r="35556" spans="1:3" ht="19.2">
      <c r="A35556" s="2"/>
      <c r="B35556" s="2"/>
      <c r="C35556" s="2"/>
    </row>
    <row r="35557" spans="1:3" ht="19.2">
      <c r="A35557" s="2"/>
      <c r="B35557" s="2"/>
      <c r="C35557" s="2"/>
    </row>
    <row r="35558" spans="1:3" ht="19.2">
      <c r="A35558" s="2"/>
      <c r="B35558" s="2"/>
      <c r="C35558" s="2"/>
    </row>
    <row r="35559" spans="1:3" ht="19.2">
      <c r="A35559" s="2"/>
      <c r="B35559" s="2"/>
      <c r="C35559" s="2"/>
    </row>
    <row r="35560" spans="1:3" ht="19.2">
      <c r="A35560" s="2"/>
      <c r="B35560" s="2"/>
      <c r="C35560" s="2"/>
    </row>
    <row r="35561" spans="1:3" ht="19.2">
      <c r="A35561" s="2"/>
      <c r="B35561" s="2"/>
      <c r="C35561" s="2"/>
    </row>
    <row r="35562" spans="1:3" ht="19.2">
      <c r="A35562" s="2"/>
      <c r="B35562" s="2"/>
      <c r="C35562" s="2"/>
    </row>
    <row r="35563" spans="1:3" ht="19.2">
      <c r="A35563" s="2"/>
      <c r="B35563" s="2"/>
      <c r="C35563" s="2"/>
    </row>
    <row r="35564" spans="1:3" ht="19.2">
      <c r="A35564" s="2"/>
      <c r="B35564" s="2"/>
      <c r="C35564" s="2"/>
    </row>
    <row r="35565" spans="1:3" ht="19.2">
      <c r="A35565" s="2"/>
      <c r="B35565" s="2"/>
      <c r="C35565" s="2"/>
    </row>
    <row r="35566" spans="1:3" ht="19.2">
      <c r="A35566" s="2"/>
      <c r="B35566" s="2"/>
      <c r="C35566" s="2"/>
    </row>
    <row r="35567" spans="1:3" ht="19.2">
      <c r="A35567" s="2"/>
      <c r="B35567" s="2"/>
      <c r="C35567" s="2"/>
    </row>
    <row r="35568" spans="1:3" ht="19.2">
      <c r="A35568" s="2"/>
      <c r="B35568" s="2"/>
      <c r="C35568" s="2"/>
    </row>
    <row r="35569" spans="1:3" ht="19.2">
      <c r="A35569" s="2"/>
      <c r="B35569" s="2"/>
      <c r="C35569" s="2"/>
    </row>
    <row r="35570" spans="1:3" ht="19.2">
      <c r="A35570" s="2"/>
      <c r="B35570" s="2"/>
      <c r="C35570" s="2"/>
    </row>
    <row r="35571" spans="1:3" ht="19.2">
      <c r="A35571" s="2"/>
      <c r="B35571" s="2"/>
      <c r="C35571" s="2"/>
    </row>
    <row r="35572" spans="1:3" ht="19.2">
      <c r="A35572" s="2"/>
      <c r="B35572" s="2"/>
      <c r="C35572" s="2"/>
    </row>
    <row r="35573" spans="1:3" ht="19.2">
      <c r="A35573" s="2"/>
      <c r="B35573" s="2"/>
      <c r="C35573" s="2"/>
    </row>
    <row r="35574" spans="1:3" ht="19.2">
      <c r="A35574" s="2"/>
      <c r="B35574" s="2"/>
      <c r="C35574" s="2"/>
    </row>
    <row r="35575" spans="1:3" ht="19.2">
      <c r="A35575" s="2"/>
      <c r="B35575" s="2"/>
      <c r="C35575" s="2"/>
    </row>
    <row r="35576" spans="1:3" ht="19.2">
      <c r="A35576" s="2"/>
      <c r="B35576" s="2"/>
      <c r="C35576" s="2"/>
    </row>
    <row r="35577" spans="1:3" ht="19.2">
      <c r="A35577" s="2"/>
      <c r="B35577" s="2"/>
      <c r="C35577" s="2"/>
    </row>
    <row r="35578" spans="1:3" ht="19.2">
      <c r="A35578" s="2"/>
      <c r="B35578" s="2"/>
      <c r="C35578" s="2"/>
    </row>
    <row r="35579" spans="1:3" ht="19.2">
      <c r="A35579" s="2"/>
      <c r="B35579" s="2"/>
      <c r="C35579" s="2"/>
    </row>
    <row r="35580" spans="1:3" ht="19.2">
      <c r="A35580" s="2"/>
      <c r="B35580" s="2"/>
      <c r="C35580" s="2"/>
    </row>
    <row r="35581" spans="1:3" ht="19.2">
      <c r="A35581" s="2"/>
      <c r="B35581" s="2"/>
      <c r="C35581" s="2"/>
    </row>
    <row r="35582" spans="1:3" ht="19.2">
      <c r="A35582" s="2"/>
      <c r="B35582" s="2"/>
      <c r="C35582" s="2"/>
    </row>
    <row r="35583" spans="1:3" ht="19.2">
      <c r="A35583" s="2"/>
      <c r="B35583" s="2"/>
      <c r="C35583" s="2"/>
    </row>
    <row r="35584" spans="1:3" ht="19.2">
      <c r="A35584" s="2"/>
      <c r="B35584" s="2"/>
      <c r="C35584" s="2"/>
    </row>
    <row r="35585" spans="1:3" ht="19.2">
      <c r="A35585" s="2"/>
      <c r="B35585" s="2"/>
      <c r="C35585" s="2"/>
    </row>
    <row r="35586" spans="1:3" ht="19.2">
      <c r="A35586" s="2"/>
      <c r="B35586" s="2"/>
      <c r="C35586" s="2"/>
    </row>
    <row r="35587" spans="1:3" ht="19.2">
      <c r="A35587" s="2"/>
      <c r="B35587" s="2"/>
      <c r="C35587" s="2"/>
    </row>
    <row r="35588" spans="1:3" ht="19.2">
      <c r="A35588" s="2"/>
      <c r="B35588" s="2"/>
      <c r="C35588" s="2"/>
    </row>
    <row r="35589" spans="1:3" ht="19.2">
      <c r="A35589" s="2"/>
      <c r="B35589" s="2"/>
      <c r="C35589" s="2"/>
    </row>
    <row r="35590" spans="1:3" ht="19.2">
      <c r="A35590" s="2"/>
      <c r="B35590" s="2"/>
      <c r="C35590" s="2"/>
    </row>
    <row r="35591" spans="1:3" ht="19.2">
      <c r="A35591" s="2"/>
      <c r="B35591" s="2"/>
      <c r="C35591" s="2"/>
    </row>
    <row r="35592" spans="1:3" ht="19.2">
      <c r="A35592" s="2"/>
      <c r="B35592" s="2"/>
      <c r="C35592" s="2"/>
    </row>
    <row r="35593" spans="1:3" ht="19.2">
      <c r="A35593" s="2"/>
      <c r="B35593" s="2"/>
      <c r="C35593" s="2"/>
    </row>
    <row r="35594" spans="1:3" ht="19.2">
      <c r="A35594" s="2"/>
      <c r="B35594" s="2"/>
      <c r="C35594" s="2"/>
    </row>
    <row r="35595" spans="1:3" ht="19.2">
      <c r="A35595" s="2"/>
      <c r="B35595" s="2"/>
      <c r="C35595" s="2"/>
    </row>
    <row r="35596" spans="1:3" ht="19.2">
      <c r="A35596" s="2"/>
      <c r="B35596" s="2"/>
      <c r="C35596" s="2"/>
    </row>
    <row r="35597" spans="1:3" ht="19.2">
      <c r="A35597" s="2"/>
      <c r="B35597" s="2"/>
      <c r="C35597" s="2"/>
    </row>
    <row r="35598" spans="1:3" ht="19.2">
      <c r="A35598" s="2"/>
      <c r="B35598" s="2"/>
      <c r="C35598" s="2"/>
    </row>
    <row r="35599" spans="1:3" ht="19.2">
      <c r="A35599" s="2"/>
      <c r="B35599" s="2"/>
      <c r="C35599" s="2"/>
    </row>
    <row r="35600" spans="1:3" ht="19.2">
      <c r="A35600" s="2"/>
      <c r="B35600" s="2"/>
      <c r="C35600" s="2"/>
    </row>
    <row r="35601" spans="1:3" ht="19.2">
      <c r="A35601" s="2"/>
      <c r="B35601" s="2"/>
      <c r="C35601" s="2"/>
    </row>
    <row r="35602" spans="1:3" ht="19.2">
      <c r="A35602" s="2"/>
      <c r="B35602" s="2"/>
      <c r="C35602" s="2"/>
    </row>
    <row r="35603" spans="1:3" ht="19.2">
      <c r="A35603" s="2"/>
      <c r="B35603" s="2"/>
      <c r="C35603" s="2"/>
    </row>
    <row r="35604" spans="1:3" ht="19.2">
      <c r="A35604" s="2"/>
      <c r="B35604" s="2"/>
      <c r="C35604" s="2"/>
    </row>
    <row r="35605" spans="1:3" ht="19.2">
      <c r="A35605" s="2"/>
      <c r="B35605" s="2"/>
      <c r="C35605" s="2"/>
    </row>
    <row r="35606" spans="1:3" ht="19.2">
      <c r="A35606" s="2"/>
      <c r="B35606" s="2"/>
      <c r="C35606" s="2"/>
    </row>
    <row r="35607" spans="1:3" ht="19.2">
      <c r="A35607" s="2"/>
      <c r="B35607" s="2"/>
      <c r="C35607" s="2"/>
    </row>
    <row r="35608" spans="1:3" ht="19.2">
      <c r="A35608" s="2"/>
      <c r="B35608" s="2"/>
      <c r="C35608" s="2"/>
    </row>
    <row r="35609" spans="1:3" ht="19.2">
      <c r="A35609" s="2"/>
      <c r="B35609" s="2"/>
      <c r="C35609" s="2"/>
    </row>
    <row r="35610" spans="1:3" ht="19.2">
      <c r="A35610" s="2"/>
      <c r="B35610" s="2"/>
      <c r="C35610" s="2"/>
    </row>
    <row r="35611" spans="1:3" ht="19.2">
      <c r="A35611" s="2"/>
      <c r="B35611" s="2"/>
      <c r="C35611" s="2"/>
    </row>
    <row r="35612" spans="1:3" ht="19.2">
      <c r="A35612" s="2"/>
      <c r="B35612" s="2"/>
      <c r="C35612" s="2"/>
    </row>
    <row r="35613" spans="1:3" ht="19.2">
      <c r="A35613" s="2"/>
      <c r="B35613" s="2"/>
      <c r="C35613" s="2"/>
    </row>
    <row r="35614" spans="1:3" ht="19.2">
      <c r="A35614" s="2"/>
      <c r="B35614" s="2"/>
      <c r="C35614" s="2"/>
    </row>
    <row r="35615" spans="1:3" ht="19.2">
      <c r="A35615" s="2"/>
      <c r="B35615" s="2"/>
      <c r="C35615" s="2"/>
    </row>
    <row r="35616" spans="1:3" ht="19.2">
      <c r="A35616" s="2"/>
      <c r="B35616" s="2"/>
      <c r="C35616" s="2"/>
    </row>
    <row r="35617" spans="1:3" ht="19.2">
      <c r="A35617" s="2"/>
      <c r="B35617" s="2"/>
      <c r="C35617" s="2"/>
    </row>
    <row r="35618" spans="1:3" ht="19.2">
      <c r="A35618" s="2"/>
      <c r="B35618" s="2"/>
      <c r="C35618" s="2"/>
    </row>
    <row r="35619" spans="1:3" ht="19.2">
      <c r="A35619" s="2"/>
      <c r="B35619" s="2"/>
      <c r="C35619" s="2"/>
    </row>
    <row r="35620" spans="1:3" ht="19.2">
      <c r="A35620" s="2"/>
      <c r="B35620" s="2"/>
      <c r="C35620" s="2"/>
    </row>
    <row r="35621" spans="1:3" ht="19.2">
      <c r="A35621" s="2"/>
      <c r="B35621" s="2"/>
      <c r="C35621" s="2"/>
    </row>
    <row r="35622" spans="1:3" ht="19.2">
      <c r="A35622" s="2"/>
      <c r="B35622" s="2"/>
      <c r="C35622" s="2"/>
    </row>
    <row r="35623" spans="1:3" ht="19.2">
      <c r="A35623" s="2"/>
      <c r="B35623" s="2"/>
      <c r="C35623" s="2"/>
    </row>
    <row r="35624" spans="1:3" ht="19.2">
      <c r="A35624" s="2"/>
      <c r="B35624" s="2"/>
      <c r="C35624" s="2"/>
    </row>
    <row r="35625" spans="1:3" ht="19.2">
      <c r="A35625" s="2"/>
      <c r="B35625" s="2"/>
      <c r="C35625" s="2"/>
    </row>
    <row r="35626" spans="1:3" ht="19.2">
      <c r="A35626" s="2"/>
      <c r="B35626" s="2"/>
      <c r="C35626" s="2"/>
    </row>
    <row r="35627" spans="1:3" ht="19.2">
      <c r="A35627" s="2"/>
      <c r="B35627" s="2"/>
      <c r="C35627" s="2"/>
    </row>
    <row r="35628" spans="1:3" ht="19.2">
      <c r="A35628" s="2"/>
      <c r="B35628" s="2"/>
      <c r="C35628" s="2"/>
    </row>
    <row r="35629" spans="1:3" ht="19.2">
      <c r="A35629" s="2"/>
      <c r="B35629" s="2"/>
      <c r="C35629" s="2"/>
    </row>
    <row r="35630" spans="1:3" ht="19.2">
      <c r="A35630" s="2"/>
      <c r="B35630" s="2"/>
      <c r="C35630" s="2"/>
    </row>
    <row r="35631" spans="1:3" ht="19.2">
      <c r="A35631" s="2"/>
      <c r="B35631" s="2"/>
      <c r="C35631" s="2"/>
    </row>
    <row r="35632" spans="1:3" ht="19.2">
      <c r="A35632" s="2"/>
      <c r="B35632" s="2"/>
      <c r="C35632" s="2"/>
    </row>
    <row r="35633" spans="1:3" ht="19.2">
      <c r="A35633" s="2"/>
      <c r="B35633" s="2"/>
      <c r="C35633" s="2"/>
    </row>
    <row r="35634" spans="1:3" ht="19.2">
      <c r="A35634" s="2"/>
      <c r="B35634" s="2"/>
      <c r="C35634" s="2"/>
    </row>
    <row r="35635" spans="1:3" ht="19.2">
      <c r="A35635" s="2"/>
      <c r="B35635" s="2"/>
      <c r="C35635" s="2"/>
    </row>
    <row r="35636" spans="1:3" ht="19.2">
      <c r="A35636" s="2"/>
      <c r="B35636" s="2"/>
      <c r="C35636" s="2"/>
    </row>
    <row r="35637" spans="1:3" ht="19.2">
      <c r="A35637" s="2"/>
      <c r="B35637" s="2"/>
      <c r="C35637" s="2"/>
    </row>
    <row r="35638" spans="1:3" ht="19.2">
      <c r="A35638" s="2"/>
      <c r="B35638" s="2"/>
      <c r="C35638" s="2"/>
    </row>
    <row r="35639" spans="1:3" ht="19.2">
      <c r="A35639" s="2"/>
      <c r="B35639" s="2"/>
      <c r="C35639" s="2"/>
    </row>
    <row r="35640" spans="1:3" ht="19.2">
      <c r="A35640" s="2"/>
      <c r="B35640" s="2"/>
      <c r="C35640" s="2"/>
    </row>
    <row r="35641" spans="1:3" ht="19.2">
      <c r="A35641" s="2"/>
      <c r="B35641" s="2"/>
      <c r="C35641" s="2"/>
    </row>
    <row r="35642" spans="1:3" ht="19.2">
      <c r="A35642" s="2"/>
      <c r="B35642" s="2"/>
      <c r="C35642" s="2"/>
    </row>
    <row r="35643" spans="1:3" ht="19.2">
      <c r="A35643" s="2"/>
      <c r="B35643" s="2"/>
      <c r="C35643" s="2"/>
    </row>
    <row r="35644" spans="1:3" ht="19.2">
      <c r="A35644" s="2"/>
      <c r="B35644" s="2"/>
      <c r="C35644" s="2"/>
    </row>
    <row r="35645" spans="1:3" ht="19.2">
      <c r="A35645" s="2"/>
      <c r="B35645" s="2"/>
      <c r="C35645" s="2"/>
    </row>
    <row r="35646" spans="1:3" ht="19.2">
      <c r="A35646" s="2"/>
      <c r="B35646" s="2"/>
      <c r="C35646" s="2"/>
    </row>
    <row r="35647" spans="1:3" ht="19.2">
      <c r="A35647" s="2"/>
      <c r="B35647" s="2"/>
      <c r="C35647" s="2"/>
    </row>
    <row r="35648" spans="1:3" ht="19.2">
      <c r="A35648" s="2"/>
      <c r="B35648" s="2"/>
      <c r="C35648" s="2"/>
    </row>
    <row r="35649" spans="1:3" ht="19.2">
      <c r="A35649" s="2"/>
      <c r="B35649" s="2"/>
      <c r="C35649" s="2"/>
    </row>
    <row r="35650" spans="1:3" ht="19.2">
      <c r="A35650" s="2"/>
      <c r="B35650" s="2"/>
      <c r="C35650" s="2"/>
    </row>
    <row r="35651" spans="1:3" ht="19.2">
      <c r="A35651" s="2"/>
      <c r="B35651" s="2"/>
      <c r="C35651" s="2"/>
    </row>
    <row r="35652" spans="1:3" ht="19.2">
      <c r="A35652" s="2"/>
      <c r="B35652" s="2"/>
      <c r="C35652" s="2"/>
    </row>
    <row r="35653" spans="1:3" ht="19.2">
      <c r="A35653" s="2"/>
      <c r="B35653" s="2"/>
      <c r="C35653" s="2"/>
    </row>
    <row r="35654" spans="1:3" ht="19.2">
      <c r="A35654" s="2"/>
      <c r="B35654" s="2"/>
      <c r="C35654" s="2"/>
    </row>
    <row r="35655" spans="1:3" ht="19.2">
      <c r="A35655" s="2"/>
      <c r="B35655" s="2"/>
      <c r="C35655" s="2"/>
    </row>
    <row r="35656" spans="1:3" ht="19.2">
      <c r="A35656" s="2"/>
      <c r="B35656" s="2"/>
      <c r="C35656" s="2"/>
    </row>
    <row r="35657" spans="1:3" ht="19.2">
      <c r="A35657" s="2"/>
      <c r="B35657" s="2"/>
      <c r="C35657" s="2"/>
    </row>
    <row r="35658" spans="1:3" ht="19.2">
      <c r="A35658" s="2"/>
      <c r="B35658" s="2"/>
      <c r="C35658" s="2"/>
    </row>
    <row r="35659" spans="1:3" ht="19.2">
      <c r="A35659" s="2"/>
      <c r="B35659" s="2"/>
      <c r="C35659" s="2"/>
    </row>
    <row r="35660" spans="1:3" ht="19.2">
      <c r="A35660" s="2"/>
      <c r="B35660" s="2"/>
      <c r="C35660" s="2"/>
    </row>
    <row r="35661" spans="1:3" ht="19.2">
      <c r="A35661" s="2"/>
      <c r="B35661" s="2"/>
      <c r="C35661" s="2"/>
    </row>
    <row r="35662" spans="1:3" ht="19.2">
      <c r="A35662" s="2"/>
      <c r="B35662" s="2"/>
      <c r="C35662" s="2"/>
    </row>
    <row r="35663" spans="1:3" ht="19.2">
      <c r="A35663" s="2"/>
      <c r="B35663" s="2"/>
      <c r="C35663" s="2"/>
    </row>
    <row r="35664" spans="1:3" ht="19.2">
      <c r="A35664" s="2"/>
      <c r="B35664" s="2"/>
      <c r="C35664" s="2"/>
    </row>
    <row r="35665" spans="1:3" ht="19.2">
      <c r="A35665" s="2"/>
      <c r="B35665" s="2"/>
      <c r="C35665" s="2"/>
    </row>
    <row r="35666" spans="1:3" ht="19.2">
      <c r="A35666" s="2"/>
      <c r="B35666" s="2"/>
      <c r="C35666" s="2"/>
    </row>
    <row r="35667" spans="1:3" ht="19.2">
      <c r="A35667" s="2"/>
      <c r="B35667" s="2"/>
      <c r="C35667" s="2"/>
    </row>
    <row r="35668" spans="1:3" ht="19.2">
      <c r="A35668" s="2"/>
      <c r="B35668" s="2"/>
      <c r="C35668" s="2"/>
    </row>
    <row r="35669" spans="1:3" ht="19.2">
      <c r="A35669" s="2"/>
      <c r="B35669" s="2"/>
      <c r="C35669" s="2"/>
    </row>
    <row r="35670" spans="1:3" ht="19.2">
      <c r="A35670" s="2"/>
      <c r="B35670" s="2"/>
      <c r="C35670" s="2"/>
    </row>
    <row r="35671" spans="1:3" ht="19.2">
      <c r="A35671" s="2"/>
      <c r="B35671" s="2"/>
      <c r="C35671" s="2"/>
    </row>
    <row r="35672" spans="1:3" ht="19.2">
      <c r="A35672" s="2"/>
      <c r="B35672" s="2"/>
      <c r="C35672" s="2"/>
    </row>
    <row r="35673" spans="1:3" ht="19.2">
      <c r="A35673" s="2"/>
      <c r="B35673" s="2"/>
      <c r="C35673" s="2"/>
    </row>
    <row r="35674" spans="1:3" ht="19.2">
      <c r="A35674" s="2"/>
      <c r="B35674" s="2"/>
      <c r="C35674" s="2"/>
    </row>
    <row r="35675" spans="1:3" ht="19.2">
      <c r="A35675" s="2"/>
      <c r="B35675" s="2"/>
      <c r="C35675" s="2"/>
    </row>
    <row r="35676" spans="1:3" ht="19.2">
      <c r="A35676" s="2"/>
      <c r="B35676" s="2"/>
      <c r="C35676" s="2"/>
    </row>
    <row r="35677" spans="1:3" ht="19.2">
      <c r="A35677" s="2"/>
      <c r="B35677" s="2"/>
      <c r="C35677" s="2"/>
    </row>
    <row r="35678" spans="1:3" ht="19.2">
      <c r="A35678" s="2"/>
      <c r="B35678" s="2"/>
      <c r="C35678" s="2"/>
    </row>
    <row r="35679" spans="1:3" ht="19.2">
      <c r="A35679" s="2"/>
      <c r="B35679" s="2"/>
      <c r="C35679" s="2"/>
    </row>
    <row r="35680" spans="1:3" ht="19.2">
      <c r="A35680" s="2"/>
      <c r="B35680" s="2"/>
      <c r="C35680" s="2"/>
    </row>
    <row r="35681" spans="1:3" ht="19.2">
      <c r="A35681" s="2"/>
      <c r="B35681" s="2"/>
      <c r="C35681" s="2"/>
    </row>
    <row r="35682" spans="1:3" ht="19.2">
      <c r="A35682" s="2"/>
      <c r="B35682" s="2"/>
      <c r="C35682" s="2"/>
    </row>
    <row r="35683" spans="1:3" ht="19.2">
      <c r="A35683" s="2"/>
      <c r="B35683" s="2"/>
      <c r="C35683" s="2"/>
    </row>
    <row r="35684" spans="1:3" ht="19.2">
      <c r="A35684" s="2"/>
      <c r="B35684" s="2"/>
      <c r="C35684" s="2"/>
    </row>
    <row r="35685" spans="1:3" ht="19.2">
      <c r="A35685" s="2"/>
      <c r="B35685" s="2"/>
      <c r="C35685" s="2"/>
    </row>
    <row r="35686" spans="1:3" ht="19.2">
      <c r="A35686" s="2"/>
      <c r="B35686" s="2"/>
      <c r="C35686" s="2"/>
    </row>
    <row r="35687" spans="1:3" ht="19.2">
      <c r="A35687" s="2"/>
      <c r="B35687" s="2"/>
      <c r="C35687" s="2"/>
    </row>
    <row r="35688" spans="1:3" ht="19.2">
      <c r="A35688" s="2"/>
      <c r="B35688" s="2"/>
      <c r="C35688" s="2"/>
    </row>
    <row r="35689" spans="1:3" ht="19.2">
      <c r="A35689" s="2"/>
      <c r="B35689" s="2"/>
      <c r="C35689" s="2"/>
    </row>
    <row r="35690" spans="1:3" ht="19.2">
      <c r="A35690" s="2"/>
      <c r="B35690" s="2"/>
      <c r="C35690" s="2"/>
    </row>
    <row r="35691" spans="1:3" ht="19.2">
      <c r="A35691" s="2"/>
      <c r="B35691" s="2"/>
      <c r="C35691" s="2"/>
    </row>
    <row r="35692" spans="1:3" ht="19.2">
      <c r="A35692" s="2"/>
      <c r="B35692" s="2"/>
      <c r="C35692" s="2"/>
    </row>
    <row r="35693" spans="1:3" ht="19.2">
      <c r="A35693" s="2"/>
      <c r="B35693" s="2"/>
      <c r="C35693" s="2"/>
    </row>
    <row r="35694" spans="1:3" ht="19.2">
      <c r="A35694" s="2"/>
      <c r="B35694" s="2"/>
      <c r="C35694" s="2"/>
    </row>
    <row r="35695" spans="1:3" ht="19.2">
      <c r="A35695" s="2"/>
      <c r="B35695" s="2"/>
      <c r="C35695" s="2"/>
    </row>
    <row r="35696" spans="1:3" ht="19.2">
      <c r="A35696" s="2"/>
      <c r="B35696" s="2"/>
      <c r="C35696" s="2"/>
    </row>
    <row r="35697" spans="1:3" ht="19.2">
      <c r="A35697" s="2"/>
      <c r="B35697" s="2"/>
      <c r="C35697" s="2"/>
    </row>
    <row r="35698" spans="1:3" ht="19.2">
      <c r="A35698" s="2"/>
      <c r="B35698" s="2"/>
      <c r="C35698" s="2"/>
    </row>
    <row r="35699" spans="1:3" ht="19.2">
      <c r="A35699" s="2"/>
      <c r="B35699" s="2"/>
      <c r="C35699" s="2"/>
    </row>
    <row r="35700" spans="1:3" ht="19.2">
      <c r="A35700" s="2"/>
      <c r="B35700" s="2"/>
      <c r="C35700" s="2"/>
    </row>
    <row r="35701" spans="1:3" ht="19.2">
      <c r="A35701" s="2"/>
      <c r="B35701" s="2"/>
      <c r="C35701" s="2"/>
    </row>
    <row r="35702" spans="1:3" ht="19.2">
      <c r="A35702" s="2"/>
      <c r="B35702" s="2"/>
      <c r="C35702" s="2"/>
    </row>
    <row r="35703" spans="1:3" ht="19.2">
      <c r="A35703" s="2"/>
      <c r="B35703" s="2"/>
      <c r="C35703" s="2"/>
    </row>
    <row r="35704" spans="1:3" ht="19.2">
      <c r="A35704" s="2"/>
      <c r="B35704" s="2"/>
      <c r="C35704" s="2"/>
    </row>
    <row r="35705" spans="1:3" ht="19.2">
      <c r="A35705" s="2"/>
      <c r="B35705" s="2"/>
      <c r="C35705" s="2"/>
    </row>
    <row r="35706" spans="1:3" ht="19.2">
      <c r="A35706" s="2"/>
      <c r="B35706" s="2"/>
      <c r="C35706" s="2"/>
    </row>
    <row r="35707" spans="1:3" ht="19.2">
      <c r="A35707" s="2"/>
      <c r="B35707" s="2"/>
      <c r="C35707" s="2"/>
    </row>
    <row r="35708" spans="1:3" ht="19.2">
      <c r="A35708" s="2"/>
      <c r="B35708" s="2"/>
      <c r="C35708" s="2"/>
    </row>
    <row r="35709" spans="1:3" ht="19.2">
      <c r="A35709" s="2"/>
      <c r="B35709" s="2"/>
      <c r="C35709" s="2"/>
    </row>
    <row r="35710" spans="1:3" ht="19.2">
      <c r="A35710" s="2"/>
      <c r="B35710" s="2"/>
      <c r="C35710" s="2"/>
    </row>
    <row r="35711" spans="1:3" ht="19.2">
      <c r="A35711" s="2"/>
      <c r="B35711" s="2"/>
      <c r="C35711" s="2"/>
    </row>
    <row r="35712" spans="1:3" ht="19.2">
      <c r="A35712" s="2"/>
      <c r="B35712" s="2"/>
      <c r="C35712" s="2"/>
    </row>
    <row r="35713" spans="1:3" ht="19.2">
      <c r="A35713" s="2"/>
      <c r="B35713" s="2"/>
      <c r="C35713" s="2"/>
    </row>
    <row r="35714" spans="1:3" ht="19.2">
      <c r="A35714" s="2"/>
      <c r="B35714" s="2"/>
      <c r="C35714" s="2"/>
    </row>
    <row r="35715" spans="1:3" ht="19.2">
      <c r="A35715" s="2"/>
      <c r="B35715" s="2"/>
      <c r="C35715" s="2"/>
    </row>
    <row r="35716" spans="1:3" ht="19.2">
      <c r="A35716" s="2"/>
      <c r="B35716" s="2"/>
      <c r="C35716" s="2"/>
    </row>
    <row r="35717" spans="1:3" ht="19.2">
      <c r="A35717" s="2"/>
      <c r="B35717" s="2"/>
      <c r="C35717" s="2"/>
    </row>
    <row r="35718" spans="1:3" ht="19.2">
      <c r="A35718" s="2"/>
      <c r="B35718" s="2"/>
      <c r="C35718" s="2"/>
    </row>
    <row r="35719" spans="1:3" ht="19.2">
      <c r="A35719" s="2"/>
      <c r="B35719" s="2"/>
      <c r="C35719" s="2"/>
    </row>
    <row r="35720" spans="1:3" ht="19.2">
      <c r="A35720" s="2"/>
      <c r="B35720" s="2"/>
      <c r="C35720" s="2"/>
    </row>
    <row r="35721" spans="1:3" ht="19.2">
      <c r="A35721" s="2"/>
      <c r="B35721" s="2"/>
      <c r="C35721" s="2"/>
    </row>
    <row r="35722" spans="1:3" ht="19.2">
      <c r="A35722" s="2"/>
      <c r="B35722" s="2"/>
      <c r="C35722" s="2"/>
    </row>
    <row r="35723" spans="1:3" ht="19.2">
      <c r="A35723" s="2"/>
      <c r="B35723" s="2"/>
      <c r="C35723" s="2"/>
    </row>
    <row r="35724" spans="1:3" ht="19.2">
      <c r="A35724" s="2"/>
      <c r="B35724" s="2"/>
      <c r="C35724" s="2"/>
    </row>
    <row r="35725" spans="1:3" ht="19.2">
      <c r="A35725" s="2"/>
      <c r="B35725" s="2"/>
      <c r="C35725" s="2"/>
    </row>
    <row r="35726" spans="1:3" ht="19.2">
      <c r="A35726" s="2"/>
      <c r="B35726" s="2"/>
      <c r="C35726" s="2"/>
    </row>
    <row r="35727" spans="1:3" ht="19.2">
      <c r="A35727" s="2"/>
      <c r="B35727" s="2"/>
      <c r="C35727" s="2"/>
    </row>
    <row r="35728" spans="1:3" ht="19.2">
      <c r="A35728" s="2"/>
      <c r="B35728" s="2"/>
      <c r="C35728" s="2"/>
    </row>
    <row r="35729" spans="1:3" ht="19.2">
      <c r="A35729" s="2"/>
      <c r="B35729" s="2"/>
      <c r="C35729" s="2"/>
    </row>
    <row r="35730" spans="1:3" ht="19.2">
      <c r="A35730" s="2"/>
      <c r="B35730" s="2"/>
      <c r="C35730" s="2"/>
    </row>
    <row r="35731" spans="1:3" ht="19.2">
      <c r="A35731" s="2"/>
      <c r="B35731" s="2"/>
      <c r="C35731" s="2"/>
    </row>
    <row r="35732" spans="1:3" ht="19.2">
      <c r="A35732" s="2"/>
      <c r="B35732" s="2"/>
      <c r="C35732" s="2"/>
    </row>
    <row r="35733" spans="1:3" ht="19.2">
      <c r="A35733" s="2"/>
      <c r="B35733" s="2"/>
      <c r="C35733" s="2"/>
    </row>
    <row r="35734" spans="1:3" ht="19.2">
      <c r="A35734" s="2"/>
      <c r="B35734" s="2"/>
      <c r="C35734" s="2"/>
    </row>
    <row r="35735" spans="1:3" ht="19.2">
      <c r="A35735" s="2"/>
      <c r="B35735" s="2"/>
      <c r="C35735" s="2"/>
    </row>
    <row r="35736" spans="1:3" ht="19.2">
      <c r="A35736" s="2"/>
      <c r="B35736" s="2"/>
      <c r="C35736" s="2"/>
    </row>
    <row r="35737" spans="1:3" ht="19.2">
      <c r="A35737" s="2"/>
      <c r="B35737" s="2"/>
      <c r="C35737" s="2"/>
    </row>
    <row r="35738" spans="1:3" ht="19.2">
      <c r="A35738" s="2"/>
      <c r="B35738" s="2"/>
      <c r="C35738" s="2"/>
    </row>
    <row r="35739" spans="1:3" ht="19.2">
      <c r="A35739" s="2"/>
      <c r="B35739" s="2"/>
      <c r="C35739" s="2"/>
    </row>
    <row r="35740" spans="1:3" ht="19.2">
      <c r="A35740" s="2"/>
      <c r="B35740" s="2"/>
      <c r="C35740" s="2"/>
    </row>
    <row r="35741" spans="1:3" ht="19.2">
      <c r="A35741" s="2"/>
      <c r="B35741" s="2"/>
      <c r="C35741" s="2"/>
    </row>
    <row r="35742" spans="1:3" ht="19.2">
      <c r="A35742" s="2"/>
      <c r="B35742" s="2"/>
      <c r="C35742" s="2"/>
    </row>
    <row r="35743" spans="1:3" ht="19.2">
      <c r="A35743" s="2"/>
      <c r="B35743" s="2"/>
      <c r="C35743" s="2"/>
    </row>
    <row r="35744" spans="1:3" ht="19.2">
      <c r="A35744" s="2"/>
      <c r="B35744" s="2"/>
      <c r="C35744" s="2"/>
    </row>
    <row r="35745" spans="1:3" ht="19.2">
      <c r="A35745" s="2"/>
      <c r="B35745" s="2"/>
      <c r="C35745" s="2"/>
    </row>
    <row r="35746" spans="1:3" ht="19.2">
      <c r="A35746" s="2"/>
      <c r="B35746" s="2"/>
      <c r="C35746" s="2"/>
    </row>
    <row r="35747" spans="1:3" ht="19.2">
      <c r="A35747" s="2"/>
      <c r="B35747" s="2"/>
      <c r="C35747" s="2"/>
    </row>
    <row r="35748" spans="1:3" ht="19.2">
      <c r="A35748" s="2"/>
      <c r="B35748" s="2"/>
      <c r="C35748" s="2"/>
    </row>
    <row r="35749" spans="1:3" ht="19.2">
      <c r="A35749" s="2"/>
      <c r="B35749" s="2"/>
      <c r="C35749" s="2"/>
    </row>
    <row r="35750" spans="1:3" ht="19.2">
      <c r="A35750" s="2"/>
      <c r="B35750" s="2"/>
      <c r="C35750" s="2"/>
    </row>
    <row r="35751" spans="1:3" ht="19.2">
      <c r="A35751" s="2"/>
      <c r="B35751" s="2"/>
      <c r="C35751" s="2"/>
    </row>
    <row r="35752" spans="1:3" ht="19.2">
      <c r="A35752" s="2"/>
      <c r="B35752" s="2"/>
      <c r="C35752" s="2"/>
    </row>
    <row r="35753" spans="1:3" ht="19.2">
      <c r="A35753" s="2"/>
      <c r="B35753" s="2"/>
      <c r="C35753" s="2"/>
    </row>
    <row r="35754" spans="1:3" ht="19.2">
      <c r="A35754" s="2"/>
      <c r="B35754" s="2"/>
      <c r="C35754" s="2"/>
    </row>
    <row r="35755" spans="1:3" ht="19.2">
      <c r="A35755" s="2"/>
      <c r="B35755" s="2"/>
      <c r="C35755" s="2"/>
    </row>
    <row r="35756" spans="1:3" ht="19.2">
      <c r="A35756" s="2"/>
      <c r="B35756" s="2"/>
      <c r="C35756" s="2"/>
    </row>
    <row r="35757" spans="1:3" ht="19.2">
      <c r="A35757" s="2"/>
      <c r="B35757" s="2"/>
      <c r="C35757" s="2"/>
    </row>
    <row r="35758" spans="1:3" ht="19.2">
      <c r="A35758" s="2"/>
      <c r="B35758" s="2"/>
      <c r="C35758" s="2"/>
    </row>
    <row r="35759" spans="1:3" ht="19.2">
      <c r="A35759" s="2"/>
      <c r="B35759" s="2"/>
      <c r="C35759" s="2"/>
    </row>
    <row r="35760" spans="1:3" ht="19.2">
      <c r="A35760" s="2"/>
      <c r="B35760" s="2"/>
      <c r="C35760" s="2"/>
    </row>
    <row r="35761" spans="1:3" ht="19.2">
      <c r="A35761" s="2"/>
      <c r="B35761" s="2"/>
      <c r="C35761" s="2"/>
    </row>
    <row r="35762" spans="1:3" ht="19.2">
      <c r="A35762" s="2"/>
      <c r="B35762" s="2"/>
      <c r="C35762" s="2"/>
    </row>
    <row r="35763" spans="1:3" ht="19.2">
      <c r="A35763" s="2"/>
      <c r="B35763" s="2"/>
      <c r="C35763" s="2"/>
    </row>
    <row r="35764" spans="1:3" ht="19.2">
      <c r="A35764" s="2"/>
      <c r="B35764" s="2"/>
      <c r="C35764" s="2"/>
    </row>
    <row r="35765" spans="1:3" ht="19.2">
      <c r="A35765" s="2"/>
      <c r="B35765" s="2"/>
      <c r="C35765" s="2"/>
    </row>
    <row r="35766" spans="1:3" ht="19.2">
      <c r="A35766" s="2"/>
      <c r="B35766" s="2"/>
      <c r="C35766" s="2"/>
    </row>
    <row r="35767" spans="1:3" ht="19.2">
      <c r="A35767" s="2"/>
      <c r="B35767" s="2"/>
      <c r="C35767" s="2"/>
    </row>
    <row r="35768" spans="1:3" ht="19.2">
      <c r="A35768" s="2"/>
      <c r="B35768" s="2"/>
      <c r="C35768" s="2"/>
    </row>
    <row r="35769" spans="1:3" ht="19.2">
      <c r="A35769" s="2"/>
      <c r="B35769" s="2"/>
      <c r="C35769" s="2"/>
    </row>
    <row r="35770" spans="1:3" ht="19.2">
      <c r="A35770" s="2"/>
      <c r="B35770" s="2"/>
      <c r="C35770" s="2"/>
    </row>
    <row r="35771" spans="1:3" ht="19.2">
      <c r="A35771" s="2"/>
      <c r="B35771" s="2"/>
      <c r="C35771" s="2"/>
    </row>
    <row r="35772" spans="1:3" ht="19.2">
      <c r="A35772" s="2"/>
      <c r="B35772" s="2"/>
      <c r="C35772" s="2"/>
    </row>
    <row r="35773" spans="1:3" ht="19.2">
      <c r="A35773" s="2"/>
      <c r="B35773" s="2"/>
      <c r="C35773" s="2"/>
    </row>
    <row r="35774" spans="1:3" ht="19.2">
      <c r="A35774" s="2"/>
      <c r="B35774" s="2"/>
      <c r="C35774" s="2"/>
    </row>
    <row r="35775" spans="1:3" ht="19.2">
      <c r="A35775" s="2"/>
      <c r="B35775" s="2"/>
      <c r="C35775" s="2"/>
    </row>
    <row r="35776" spans="1:3" ht="19.2">
      <c r="A35776" s="2"/>
      <c r="B35776" s="2"/>
      <c r="C35776" s="2"/>
    </row>
    <row r="35777" spans="1:3" ht="19.2">
      <c r="A35777" s="2"/>
      <c r="B35777" s="2"/>
      <c r="C35777" s="2"/>
    </row>
    <row r="35778" spans="1:3" ht="19.2">
      <c r="A35778" s="2"/>
      <c r="B35778" s="2"/>
      <c r="C35778" s="2"/>
    </row>
    <row r="35779" spans="1:3" ht="19.2">
      <c r="A35779" s="2"/>
      <c r="B35779" s="2"/>
      <c r="C35779" s="2"/>
    </row>
    <row r="35780" spans="1:3" ht="19.2">
      <c r="A35780" s="2"/>
      <c r="B35780" s="2"/>
      <c r="C35780" s="2"/>
    </row>
    <row r="35781" spans="1:3" ht="19.2">
      <c r="A35781" s="2"/>
      <c r="B35781" s="2"/>
      <c r="C35781" s="2"/>
    </row>
    <row r="35782" spans="1:3" ht="19.2">
      <c r="A35782" s="2"/>
      <c r="B35782" s="2"/>
      <c r="C35782" s="2"/>
    </row>
    <row r="35783" spans="1:3" ht="19.2">
      <c r="A35783" s="2"/>
      <c r="B35783" s="2"/>
      <c r="C35783" s="2"/>
    </row>
    <row r="35784" spans="1:3" ht="19.2">
      <c r="A35784" s="2"/>
      <c r="B35784" s="2"/>
      <c r="C35784" s="2"/>
    </row>
    <row r="35785" spans="1:3" ht="19.2">
      <c r="A35785" s="2"/>
      <c r="B35785" s="2"/>
      <c r="C35785" s="2"/>
    </row>
    <row r="35786" spans="1:3" ht="19.2">
      <c r="A35786" s="2"/>
      <c r="B35786" s="2"/>
      <c r="C35786" s="2"/>
    </row>
    <row r="35787" spans="1:3" ht="19.2">
      <c r="A35787" s="2"/>
      <c r="B35787" s="2"/>
      <c r="C35787" s="2"/>
    </row>
    <row r="35788" spans="1:3" ht="19.2">
      <c r="A35788" s="2"/>
      <c r="B35788" s="2"/>
      <c r="C35788" s="2"/>
    </row>
    <row r="35789" spans="1:3" ht="19.2">
      <c r="A35789" s="2"/>
      <c r="B35789" s="2"/>
      <c r="C35789" s="2"/>
    </row>
    <row r="35790" spans="1:3" ht="19.2">
      <c r="A35790" s="2"/>
      <c r="B35790" s="2"/>
      <c r="C35790" s="2"/>
    </row>
    <row r="35791" spans="1:3" ht="19.2">
      <c r="A35791" s="2"/>
      <c r="B35791" s="2"/>
      <c r="C35791" s="2"/>
    </row>
    <row r="35792" spans="1:3" ht="19.2">
      <c r="A35792" s="2"/>
      <c r="B35792" s="2"/>
      <c r="C35792" s="2"/>
    </row>
    <row r="35793" spans="1:3" ht="19.2">
      <c r="A35793" s="2"/>
      <c r="B35793" s="2"/>
      <c r="C35793" s="2"/>
    </row>
    <row r="35794" spans="1:3" ht="19.2">
      <c r="A35794" s="2"/>
      <c r="B35794" s="2"/>
      <c r="C35794" s="2"/>
    </row>
    <row r="35795" spans="1:3" ht="19.2">
      <c r="A35795" s="2"/>
      <c r="B35795" s="2"/>
      <c r="C35795" s="2"/>
    </row>
    <row r="35796" spans="1:3" ht="19.2">
      <c r="A35796" s="2"/>
      <c r="B35796" s="2"/>
      <c r="C35796" s="2"/>
    </row>
    <row r="35797" spans="1:3" ht="19.2">
      <c r="A35797" s="2"/>
      <c r="B35797" s="2"/>
      <c r="C35797" s="2"/>
    </row>
    <row r="35798" spans="1:3" ht="19.2">
      <c r="A35798" s="2"/>
      <c r="B35798" s="2"/>
      <c r="C35798" s="2"/>
    </row>
    <row r="35799" spans="1:3" ht="19.2">
      <c r="A35799" s="2"/>
      <c r="B35799" s="2"/>
      <c r="C35799" s="2"/>
    </row>
    <row r="35800" spans="1:3" ht="19.2">
      <c r="A35800" s="2"/>
      <c r="B35800" s="2"/>
      <c r="C35800" s="2"/>
    </row>
    <row r="35801" spans="1:3" ht="19.2">
      <c r="A35801" s="2"/>
      <c r="B35801" s="2"/>
      <c r="C35801" s="2"/>
    </row>
    <row r="35802" spans="1:3" ht="19.2">
      <c r="A35802" s="2"/>
      <c r="B35802" s="2"/>
      <c r="C35802" s="2"/>
    </row>
    <row r="35803" spans="1:3" ht="19.2">
      <c r="A35803" s="2"/>
      <c r="B35803" s="2"/>
      <c r="C35803" s="2"/>
    </row>
    <row r="35804" spans="1:3" ht="19.2">
      <c r="A35804" s="2"/>
      <c r="B35804" s="2"/>
      <c r="C35804" s="2"/>
    </row>
    <row r="35805" spans="1:3" ht="19.2">
      <c r="A35805" s="2"/>
      <c r="B35805" s="2"/>
      <c r="C35805" s="2"/>
    </row>
    <row r="35806" spans="1:3" ht="19.2">
      <c r="A35806" s="2"/>
      <c r="B35806" s="2"/>
      <c r="C35806" s="2"/>
    </row>
    <row r="35807" spans="1:3" ht="19.2">
      <c r="A35807" s="2"/>
      <c r="B35807" s="2"/>
      <c r="C35807" s="2"/>
    </row>
    <row r="35808" spans="1:3" ht="19.2">
      <c r="A35808" s="2"/>
      <c r="B35808" s="2"/>
      <c r="C35808" s="2"/>
    </row>
    <row r="35809" spans="1:3" ht="19.2">
      <c r="A35809" s="2"/>
      <c r="B35809" s="2"/>
      <c r="C35809" s="2"/>
    </row>
    <row r="35810" spans="1:3" ht="19.2">
      <c r="A35810" s="2"/>
      <c r="B35810" s="2"/>
      <c r="C35810" s="2"/>
    </row>
    <row r="35811" spans="1:3" ht="19.2">
      <c r="A35811" s="2"/>
      <c r="B35811" s="2"/>
      <c r="C35811" s="2"/>
    </row>
    <row r="35812" spans="1:3" ht="19.2">
      <c r="A35812" s="2"/>
      <c r="B35812" s="2"/>
      <c r="C35812" s="2"/>
    </row>
    <row r="35813" spans="1:3" ht="19.2">
      <c r="A35813" s="2"/>
      <c r="B35813" s="2"/>
      <c r="C35813" s="2"/>
    </row>
    <row r="35814" spans="1:3" ht="19.2">
      <c r="A35814" s="2"/>
      <c r="B35814" s="2"/>
      <c r="C35814" s="2"/>
    </row>
    <row r="35815" spans="1:3" ht="19.2">
      <c r="A35815" s="2"/>
      <c r="B35815" s="2"/>
      <c r="C35815" s="2"/>
    </row>
    <row r="35816" spans="1:3" ht="19.2">
      <c r="A35816" s="2"/>
      <c r="B35816" s="2"/>
      <c r="C35816" s="2"/>
    </row>
    <row r="35817" spans="1:3" ht="19.2">
      <c r="A35817" s="2"/>
      <c r="B35817" s="2"/>
      <c r="C35817" s="2"/>
    </row>
    <row r="35818" spans="1:3" ht="19.2">
      <c r="A35818" s="2"/>
      <c r="B35818" s="2"/>
      <c r="C35818" s="2"/>
    </row>
    <row r="35819" spans="1:3" ht="19.2">
      <c r="A35819" s="2"/>
      <c r="B35819" s="2"/>
      <c r="C35819" s="2"/>
    </row>
    <row r="35820" spans="1:3" ht="19.2">
      <c r="A35820" s="2"/>
      <c r="B35820" s="2"/>
      <c r="C35820" s="2"/>
    </row>
    <row r="35821" spans="1:3" ht="19.2">
      <c r="A35821" s="2"/>
      <c r="B35821" s="2"/>
      <c r="C35821" s="2"/>
    </row>
    <row r="35822" spans="1:3" ht="19.2">
      <c r="A35822" s="2"/>
      <c r="B35822" s="2"/>
      <c r="C35822" s="2"/>
    </row>
    <row r="35823" spans="1:3" ht="19.2">
      <c r="A35823" s="2"/>
      <c r="B35823" s="2"/>
      <c r="C35823" s="2"/>
    </row>
    <row r="35824" spans="1:3" ht="19.2">
      <c r="A35824" s="2"/>
      <c r="B35824" s="2"/>
      <c r="C35824" s="2"/>
    </row>
    <row r="35825" spans="1:3" ht="19.2">
      <c r="A35825" s="2"/>
      <c r="B35825" s="2"/>
      <c r="C35825" s="2"/>
    </row>
    <row r="35826" spans="1:3" ht="19.2">
      <c r="A35826" s="2"/>
      <c r="B35826" s="2"/>
      <c r="C35826" s="2"/>
    </row>
    <row r="35827" spans="1:3" ht="19.2">
      <c r="A35827" s="2"/>
      <c r="B35827" s="2"/>
      <c r="C35827" s="2"/>
    </row>
    <row r="35828" spans="1:3" ht="19.2">
      <c r="A35828" s="2"/>
      <c r="B35828" s="2"/>
      <c r="C35828" s="2"/>
    </row>
    <row r="35829" spans="1:3" ht="19.2">
      <c r="A35829" s="2"/>
      <c r="B35829" s="2"/>
      <c r="C35829" s="2"/>
    </row>
    <row r="35830" spans="1:3" ht="19.2">
      <c r="A35830" s="2"/>
      <c r="B35830" s="2"/>
      <c r="C35830" s="2"/>
    </row>
    <row r="35831" spans="1:3" ht="19.2">
      <c r="A35831" s="2"/>
      <c r="B35831" s="2"/>
      <c r="C35831" s="2"/>
    </row>
    <row r="35832" spans="1:3" ht="19.2">
      <c r="A35832" s="2"/>
      <c r="B35832" s="2"/>
      <c r="C35832" s="2"/>
    </row>
    <row r="35833" spans="1:3" ht="19.2">
      <c r="A35833" s="2"/>
      <c r="B35833" s="2"/>
      <c r="C35833" s="2"/>
    </row>
    <row r="35834" spans="1:3" ht="19.2">
      <c r="A35834" s="2"/>
      <c r="B35834" s="2"/>
      <c r="C35834" s="2"/>
    </row>
    <row r="35835" spans="1:3" ht="19.2">
      <c r="A35835" s="2"/>
      <c r="B35835" s="2"/>
      <c r="C35835" s="2"/>
    </row>
    <row r="35836" spans="1:3" ht="19.2">
      <c r="A35836" s="2"/>
      <c r="B35836" s="2"/>
      <c r="C35836" s="2"/>
    </row>
    <row r="35837" spans="1:3" ht="19.2">
      <c r="A35837" s="2"/>
      <c r="B35837" s="2"/>
      <c r="C35837" s="2"/>
    </row>
    <row r="35838" spans="1:3" ht="19.2">
      <c r="A35838" s="2"/>
      <c r="B35838" s="2"/>
      <c r="C35838" s="2"/>
    </row>
    <row r="35839" spans="1:3" ht="19.2">
      <c r="A35839" s="2"/>
      <c r="B35839" s="2"/>
      <c r="C35839" s="2"/>
    </row>
    <row r="35840" spans="1:3" ht="19.2">
      <c r="A35840" s="2"/>
      <c r="B35840" s="2"/>
      <c r="C35840" s="2"/>
    </row>
    <row r="35841" spans="1:3" ht="19.2">
      <c r="A35841" s="2"/>
      <c r="B35841" s="2"/>
      <c r="C35841" s="2"/>
    </row>
    <row r="35842" spans="1:3" ht="19.2">
      <c r="A35842" s="2"/>
      <c r="B35842" s="2"/>
      <c r="C35842" s="2"/>
    </row>
    <row r="35843" spans="1:3" ht="19.2">
      <c r="A35843" s="2"/>
      <c r="B35843" s="2"/>
      <c r="C35843" s="2"/>
    </row>
    <row r="35844" spans="1:3" ht="19.2">
      <c r="A35844" s="2"/>
      <c r="B35844" s="2"/>
      <c r="C35844" s="2"/>
    </row>
    <row r="35845" spans="1:3" ht="19.2">
      <c r="A35845" s="2"/>
      <c r="B35845" s="2"/>
      <c r="C35845" s="2"/>
    </row>
    <row r="35846" spans="1:3" ht="19.2">
      <c r="A35846" s="2"/>
      <c r="B35846" s="2"/>
      <c r="C35846" s="2"/>
    </row>
    <row r="35847" spans="1:3" ht="19.2">
      <c r="A35847" s="2"/>
      <c r="B35847" s="2"/>
      <c r="C35847" s="2"/>
    </row>
    <row r="35848" spans="1:3" ht="19.2">
      <c r="A35848" s="2"/>
      <c r="B35848" s="2"/>
      <c r="C35848" s="2"/>
    </row>
    <row r="35849" spans="1:3" ht="19.2">
      <c r="A35849" s="2"/>
      <c r="B35849" s="2"/>
      <c r="C35849" s="2"/>
    </row>
    <row r="35850" spans="1:3" ht="19.2">
      <c r="A35850" s="2"/>
      <c r="B35850" s="2"/>
      <c r="C35850" s="2"/>
    </row>
    <row r="35851" spans="1:3" ht="19.2">
      <c r="A35851" s="2"/>
      <c r="B35851" s="2"/>
      <c r="C35851" s="2"/>
    </row>
    <row r="35852" spans="1:3" ht="19.2">
      <c r="A35852" s="2"/>
      <c r="B35852" s="2"/>
      <c r="C35852" s="2"/>
    </row>
    <row r="35853" spans="1:3" ht="19.2">
      <c r="A35853" s="2"/>
      <c r="B35853" s="2"/>
      <c r="C35853" s="2"/>
    </row>
    <row r="35854" spans="1:3" ht="19.2">
      <c r="A35854" s="2"/>
      <c r="B35854" s="2"/>
      <c r="C35854" s="2"/>
    </row>
    <row r="35855" spans="1:3" ht="19.2">
      <c r="A35855" s="2"/>
      <c r="B35855" s="2"/>
      <c r="C35855" s="2"/>
    </row>
    <row r="35856" spans="1:3" ht="19.2">
      <c r="A35856" s="2"/>
      <c r="B35856" s="2"/>
      <c r="C35856" s="2"/>
    </row>
    <row r="35857" spans="1:3" ht="19.2">
      <c r="A35857" s="2"/>
      <c r="B35857" s="2"/>
      <c r="C35857" s="2"/>
    </row>
    <row r="35858" spans="1:3" ht="19.2">
      <c r="A35858" s="2"/>
      <c r="B35858" s="2"/>
      <c r="C35858" s="2"/>
    </row>
    <row r="35859" spans="1:3" ht="19.2">
      <c r="A35859" s="2"/>
      <c r="B35859" s="2"/>
      <c r="C35859" s="2"/>
    </row>
    <row r="35860" spans="1:3" ht="19.2">
      <c r="A35860" s="2"/>
      <c r="B35860" s="2"/>
      <c r="C35860" s="2"/>
    </row>
    <row r="35861" spans="1:3" ht="19.2">
      <c r="A35861" s="2"/>
      <c r="B35861" s="2"/>
      <c r="C35861" s="2"/>
    </row>
    <row r="35862" spans="1:3" ht="19.2">
      <c r="A35862" s="2"/>
      <c r="B35862" s="2"/>
      <c r="C35862" s="2"/>
    </row>
    <row r="35863" spans="1:3" ht="19.2">
      <c r="A35863" s="2"/>
      <c r="B35863" s="2"/>
      <c r="C35863" s="2"/>
    </row>
    <row r="35864" spans="1:3" ht="19.2">
      <c r="A35864" s="2"/>
      <c r="B35864" s="2"/>
      <c r="C35864" s="2"/>
    </row>
    <row r="35865" spans="1:3" ht="19.2">
      <c r="A35865" s="2"/>
      <c r="B35865" s="2"/>
      <c r="C35865" s="2"/>
    </row>
    <row r="35866" spans="1:3" ht="19.2">
      <c r="A35866" s="2"/>
      <c r="B35866" s="2"/>
      <c r="C35866" s="2"/>
    </row>
    <row r="35867" spans="1:3" ht="19.2">
      <c r="A35867" s="2"/>
      <c r="B35867" s="2"/>
      <c r="C35867" s="2"/>
    </row>
    <row r="35868" spans="1:3" ht="19.2">
      <c r="A35868" s="2"/>
      <c r="B35868" s="2"/>
      <c r="C35868" s="2"/>
    </row>
    <row r="35869" spans="1:3" ht="19.2">
      <c r="A35869" s="2"/>
      <c r="B35869" s="2"/>
      <c r="C35869" s="2"/>
    </row>
    <row r="35870" spans="1:3" ht="19.2">
      <c r="A35870" s="2"/>
      <c r="B35870" s="2"/>
      <c r="C35870" s="2"/>
    </row>
    <row r="35871" spans="1:3" ht="19.2">
      <c r="A35871" s="2"/>
      <c r="B35871" s="2"/>
      <c r="C35871" s="2"/>
    </row>
    <row r="35872" spans="1:3" ht="19.2">
      <c r="A35872" s="2"/>
      <c r="B35872" s="2"/>
      <c r="C35872" s="2"/>
    </row>
    <row r="35873" spans="1:3" ht="19.2">
      <c r="A35873" s="2"/>
      <c r="B35873" s="2"/>
      <c r="C35873" s="2"/>
    </row>
    <row r="35874" spans="1:3" ht="19.2">
      <c r="A35874" s="2"/>
      <c r="B35874" s="2"/>
      <c r="C35874" s="2"/>
    </row>
    <row r="35875" spans="1:3" ht="19.2">
      <c r="A35875" s="2"/>
      <c r="B35875" s="2"/>
      <c r="C35875" s="2"/>
    </row>
    <row r="35876" spans="1:3" ht="19.2">
      <c r="A35876" s="2"/>
      <c r="B35876" s="2"/>
      <c r="C35876" s="2"/>
    </row>
    <row r="35877" spans="1:3" ht="19.2">
      <c r="A35877" s="2"/>
      <c r="B35877" s="2"/>
      <c r="C35877" s="2"/>
    </row>
    <row r="35878" spans="1:3" ht="19.2">
      <c r="A35878" s="2"/>
      <c r="B35878" s="2"/>
      <c r="C35878" s="2"/>
    </row>
    <row r="35879" spans="1:3" ht="19.2">
      <c r="A35879" s="2"/>
      <c r="B35879" s="2"/>
      <c r="C35879" s="2"/>
    </row>
    <row r="35880" spans="1:3" ht="19.2">
      <c r="A35880" s="2"/>
      <c r="B35880" s="2"/>
      <c r="C35880" s="2"/>
    </row>
    <row r="35881" spans="1:3" ht="19.2">
      <c r="A35881" s="2"/>
      <c r="B35881" s="2"/>
      <c r="C35881" s="2"/>
    </row>
    <row r="35882" spans="1:3" ht="19.2">
      <c r="A35882" s="2"/>
      <c r="B35882" s="2"/>
      <c r="C35882" s="2"/>
    </row>
    <row r="35883" spans="1:3" ht="19.2">
      <c r="A35883" s="2"/>
      <c r="B35883" s="2"/>
      <c r="C35883" s="2"/>
    </row>
    <row r="35884" spans="1:3" ht="19.2">
      <c r="A35884" s="2"/>
      <c r="B35884" s="2"/>
      <c r="C35884" s="2"/>
    </row>
    <row r="35885" spans="1:3" ht="19.2">
      <c r="A35885" s="2"/>
      <c r="B35885" s="2"/>
      <c r="C35885" s="2"/>
    </row>
    <row r="35886" spans="1:3" ht="19.2">
      <c r="A35886" s="2"/>
      <c r="B35886" s="2"/>
      <c r="C35886" s="2"/>
    </row>
    <row r="35887" spans="1:3" ht="19.2">
      <c r="A35887" s="2"/>
      <c r="B35887" s="2"/>
      <c r="C35887" s="2"/>
    </row>
    <row r="35888" spans="1:3" ht="19.2">
      <c r="A35888" s="2"/>
      <c r="B35888" s="2"/>
      <c r="C35888" s="2"/>
    </row>
    <row r="35889" spans="1:3" ht="19.2">
      <c r="A35889" s="2"/>
      <c r="B35889" s="2"/>
      <c r="C35889" s="2"/>
    </row>
    <row r="35890" spans="1:3" ht="19.2">
      <c r="A35890" s="2"/>
      <c r="B35890" s="2"/>
      <c r="C35890" s="2"/>
    </row>
    <row r="35891" spans="1:3" ht="19.2">
      <c r="A35891" s="2"/>
      <c r="B35891" s="2"/>
      <c r="C35891" s="2"/>
    </row>
    <row r="35892" spans="1:3" ht="19.2">
      <c r="A35892" s="2"/>
      <c r="B35892" s="2"/>
      <c r="C35892" s="2"/>
    </row>
    <row r="35893" spans="1:3" ht="19.2">
      <c r="A35893" s="2"/>
      <c r="B35893" s="2"/>
      <c r="C35893" s="2"/>
    </row>
    <row r="35894" spans="1:3" ht="19.2">
      <c r="A35894" s="2"/>
      <c r="B35894" s="2"/>
      <c r="C35894" s="2"/>
    </row>
    <row r="35895" spans="1:3" ht="19.2">
      <c r="A35895" s="2"/>
      <c r="B35895" s="2"/>
      <c r="C35895" s="2"/>
    </row>
    <row r="35896" spans="1:3" ht="19.2">
      <c r="A35896" s="2"/>
      <c r="B35896" s="2"/>
      <c r="C35896" s="2"/>
    </row>
    <row r="35897" spans="1:3" ht="19.2">
      <c r="A35897" s="2"/>
      <c r="B35897" s="2"/>
      <c r="C35897" s="2"/>
    </row>
    <row r="35898" spans="1:3" ht="19.2">
      <c r="A35898" s="2"/>
      <c r="B35898" s="2"/>
      <c r="C35898" s="2"/>
    </row>
    <row r="35899" spans="1:3" ht="19.2">
      <c r="A35899" s="2"/>
      <c r="B35899" s="2"/>
      <c r="C35899" s="2"/>
    </row>
    <row r="35900" spans="1:3" ht="19.2">
      <c r="A35900" s="2"/>
      <c r="B35900" s="2"/>
      <c r="C35900" s="2"/>
    </row>
    <row r="35901" spans="1:3" ht="19.2">
      <c r="A35901" s="2"/>
      <c r="B35901" s="2"/>
      <c r="C35901" s="2"/>
    </row>
    <row r="35902" spans="1:3" ht="19.2">
      <c r="A35902" s="2"/>
      <c r="B35902" s="2"/>
      <c r="C35902" s="2"/>
    </row>
    <row r="35903" spans="1:3" ht="19.2">
      <c r="A35903" s="2"/>
      <c r="B35903" s="2"/>
      <c r="C35903" s="2"/>
    </row>
    <row r="35904" spans="1:3" ht="19.2">
      <c r="A35904" s="2"/>
      <c r="B35904" s="2"/>
      <c r="C35904" s="2"/>
    </row>
    <row r="35905" spans="1:3" ht="19.2">
      <c r="A35905" s="2"/>
      <c r="B35905" s="2"/>
      <c r="C35905" s="2"/>
    </row>
    <row r="35906" spans="1:3" ht="19.2">
      <c r="A35906" s="2"/>
      <c r="B35906" s="2"/>
      <c r="C35906" s="2"/>
    </row>
    <row r="35907" spans="1:3" ht="19.2">
      <c r="A35907" s="2"/>
      <c r="B35907" s="2"/>
      <c r="C35907" s="2"/>
    </row>
    <row r="35908" spans="1:3" ht="19.2">
      <c r="A35908" s="2"/>
      <c r="B35908" s="2"/>
      <c r="C35908" s="2"/>
    </row>
    <row r="35909" spans="1:3" ht="19.2">
      <c r="A35909" s="2"/>
      <c r="B35909" s="2"/>
      <c r="C35909" s="2"/>
    </row>
    <row r="35910" spans="1:3" ht="19.2">
      <c r="A35910" s="2"/>
      <c r="B35910" s="2"/>
      <c r="C35910" s="2"/>
    </row>
    <row r="35911" spans="1:3" ht="19.2">
      <c r="A35911" s="2"/>
      <c r="B35911" s="2"/>
      <c r="C35911" s="2"/>
    </row>
    <row r="35912" spans="1:3" ht="19.2">
      <c r="A35912" s="2"/>
      <c r="B35912" s="2"/>
      <c r="C35912" s="2"/>
    </row>
    <row r="35913" spans="1:3" ht="19.2">
      <c r="A35913" s="2"/>
      <c r="B35913" s="2"/>
      <c r="C35913" s="2"/>
    </row>
    <row r="35914" spans="1:3" ht="19.2">
      <c r="A35914" s="2"/>
      <c r="B35914" s="2"/>
      <c r="C35914" s="2"/>
    </row>
    <row r="35915" spans="1:3" ht="19.2">
      <c r="A35915" s="2"/>
      <c r="B35915" s="2"/>
      <c r="C35915" s="2"/>
    </row>
    <row r="35916" spans="1:3" ht="19.2">
      <c r="A35916" s="2"/>
      <c r="B35916" s="2"/>
      <c r="C35916" s="2"/>
    </row>
    <row r="35917" spans="1:3" ht="19.2">
      <c r="A35917" s="2"/>
      <c r="B35917" s="2"/>
      <c r="C35917" s="2"/>
    </row>
    <row r="35918" spans="1:3" ht="19.2">
      <c r="A35918" s="2"/>
      <c r="B35918" s="2"/>
      <c r="C35918" s="2"/>
    </row>
    <row r="35919" spans="1:3" ht="19.2">
      <c r="A35919" s="2"/>
      <c r="B35919" s="2"/>
      <c r="C35919" s="2"/>
    </row>
    <row r="35920" spans="1:3" ht="19.2">
      <c r="A35920" s="2"/>
      <c r="B35920" s="2"/>
      <c r="C35920" s="2"/>
    </row>
    <row r="35921" spans="1:3" ht="19.2">
      <c r="A35921" s="2"/>
      <c r="B35921" s="2"/>
      <c r="C35921" s="2"/>
    </row>
    <row r="35922" spans="1:3" ht="19.2">
      <c r="A35922" s="2"/>
      <c r="B35922" s="2"/>
      <c r="C35922" s="2"/>
    </row>
    <row r="35923" spans="1:3" ht="19.2">
      <c r="A35923" s="2"/>
      <c r="B35923" s="2"/>
      <c r="C35923" s="2"/>
    </row>
    <row r="35924" spans="1:3" ht="19.2">
      <c r="A35924" s="2"/>
      <c r="B35924" s="2"/>
      <c r="C35924" s="2"/>
    </row>
    <row r="35925" spans="1:3" ht="19.2">
      <c r="A35925" s="2"/>
      <c r="B35925" s="2"/>
      <c r="C35925" s="2"/>
    </row>
    <row r="35926" spans="1:3" ht="19.2">
      <c r="A35926" s="2"/>
      <c r="B35926" s="2"/>
      <c r="C35926" s="2"/>
    </row>
    <row r="35927" spans="1:3" ht="19.2">
      <c r="A35927" s="2"/>
      <c r="B35927" s="2"/>
      <c r="C35927" s="2"/>
    </row>
    <row r="35928" spans="1:3" ht="19.2">
      <c r="A35928" s="2"/>
      <c r="B35928" s="2"/>
      <c r="C35928" s="2"/>
    </row>
    <row r="35929" spans="1:3" ht="19.2">
      <c r="A35929" s="2"/>
      <c r="B35929" s="2"/>
      <c r="C35929" s="2"/>
    </row>
    <row r="35930" spans="1:3" ht="19.2">
      <c r="A35930" s="2"/>
      <c r="B35930" s="2"/>
      <c r="C35930" s="2"/>
    </row>
    <row r="35931" spans="1:3" ht="19.2">
      <c r="A35931" s="2"/>
      <c r="B35931" s="2"/>
      <c r="C35931" s="2"/>
    </row>
    <row r="35932" spans="1:3" ht="19.2">
      <c r="A35932" s="2"/>
      <c r="B35932" s="2"/>
      <c r="C35932" s="2"/>
    </row>
    <row r="35933" spans="1:3" ht="19.2">
      <c r="A35933" s="2"/>
      <c r="B35933" s="2"/>
      <c r="C35933" s="2"/>
    </row>
    <row r="35934" spans="1:3" ht="19.2">
      <c r="A35934" s="2"/>
      <c r="B35934" s="2"/>
      <c r="C35934" s="2"/>
    </row>
    <row r="35935" spans="1:3" ht="19.2">
      <c r="A35935" s="2"/>
      <c r="B35935" s="2"/>
      <c r="C35935" s="2"/>
    </row>
    <row r="35936" spans="1:3" ht="19.2">
      <c r="A35936" s="2"/>
      <c r="B35936" s="2"/>
      <c r="C35936" s="2"/>
    </row>
    <row r="35937" spans="1:3" ht="19.2">
      <c r="A35937" s="2"/>
      <c r="B35937" s="2"/>
      <c r="C35937" s="2"/>
    </row>
    <row r="35938" spans="1:3" ht="19.2">
      <c r="A35938" s="2"/>
      <c r="B35938" s="2"/>
      <c r="C35938" s="2"/>
    </row>
    <row r="35939" spans="1:3" ht="19.2">
      <c r="A35939" s="2"/>
      <c r="B35939" s="2"/>
      <c r="C35939" s="2"/>
    </row>
    <row r="35940" spans="1:3" ht="19.2">
      <c r="A35940" s="2"/>
      <c r="B35940" s="2"/>
      <c r="C35940" s="2"/>
    </row>
    <row r="35941" spans="1:3" ht="19.2">
      <c r="A35941" s="2"/>
      <c r="B35941" s="2"/>
      <c r="C35941" s="2"/>
    </row>
    <row r="35942" spans="1:3" ht="19.2">
      <c r="A35942" s="2"/>
      <c r="B35942" s="2"/>
      <c r="C35942" s="2"/>
    </row>
    <row r="35943" spans="1:3" ht="19.2">
      <c r="A35943" s="2"/>
      <c r="B35943" s="2"/>
      <c r="C35943" s="2"/>
    </row>
    <row r="35944" spans="1:3" ht="19.2">
      <c r="A35944" s="2"/>
      <c r="B35944" s="2"/>
      <c r="C35944" s="2"/>
    </row>
    <row r="35945" spans="1:3" ht="19.2">
      <c r="A35945" s="2"/>
      <c r="B35945" s="2"/>
      <c r="C35945" s="2"/>
    </row>
    <row r="35946" spans="1:3" ht="19.2">
      <c r="A35946" s="2"/>
      <c r="B35946" s="2"/>
      <c r="C35946" s="2"/>
    </row>
    <row r="35947" spans="1:3" ht="19.2">
      <c r="A35947" s="2"/>
      <c r="B35947" s="2"/>
      <c r="C35947" s="2"/>
    </row>
    <row r="35948" spans="1:3" ht="19.2">
      <c r="A35948" s="2"/>
      <c r="B35948" s="2"/>
      <c r="C35948" s="2"/>
    </row>
    <row r="35949" spans="1:3" ht="19.2">
      <c r="A35949" s="2"/>
      <c r="B35949" s="2"/>
      <c r="C35949" s="2"/>
    </row>
    <row r="35950" spans="1:3" ht="19.2">
      <c r="A35950" s="2"/>
      <c r="B35950" s="2"/>
      <c r="C35950" s="2"/>
    </row>
    <row r="35951" spans="1:3" ht="19.2">
      <c r="A35951" s="2"/>
      <c r="B35951" s="2"/>
      <c r="C35951" s="2"/>
    </row>
    <row r="35952" spans="1:3" ht="19.2">
      <c r="A35952" s="2"/>
      <c r="B35952" s="2"/>
      <c r="C35952" s="2"/>
    </row>
    <row r="35953" spans="1:3" ht="19.2">
      <c r="A35953" s="2"/>
      <c r="B35953" s="2"/>
      <c r="C35953" s="2"/>
    </row>
    <row r="35954" spans="1:3" ht="19.2">
      <c r="A35954" s="2"/>
      <c r="B35954" s="2"/>
      <c r="C35954" s="2"/>
    </row>
    <row r="35955" spans="1:3" ht="19.2">
      <c r="A35955" s="2"/>
      <c r="B35955" s="2"/>
      <c r="C35955" s="2"/>
    </row>
    <row r="35956" spans="1:3" ht="19.2">
      <c r="A35956" s="2"/>
      <c r="B35956" s="2"/>
      <c r="C35956" s="2"/>
    </row>
    <row r="35957" spans="1:3" ht="19.2">
      <c r="A35957" s="2"/>
      <c r="B35957" s="2"/>
      <c r="C35957" s="2"/>
    </row>
    <row r="35958" spans="1:3" ht="19.2">
      <c r="A35958" s="2"/>
      <c r="B35958" s="2"/>
      <c r="C35958" s="2"/>
    </row>
    <row r="35959" spans="1:3" ht="19.2">
      <c r="A35959" s="2"/>
      <c r="B35959" s="2"/>
      <c r="C35959" s="2"/>
    </row>
    <row r="35960" spans="1:3" ht="19.2">
      <c r="A35960" s="2"/>
      <c r="B35960" s="2"/>
      <c r="C35960" s="2"/>
    </row>
    <row r="35961" spans="1:3" ht="19.2">
      <c r="A35961" s="2"/>
      <c r="B35961" s="2"/>
      <c r="C35961" s="2"/>
    </row>
    <row r="35962" spans="1:3" ht="19.2">
      <c r="A35962" s="2"/>
      <c r="B35962" s="2"/>
      <c r="C35962" s="2"/>
    </row>
    <row r="35963" spans="1:3" ht="19.2">
      <c r="A35963" s="2"/>
      <c r="B35963" s="2"/>
      <c r="C35963" s="2"/>
    </row>
    <row r="35964" spans="1:3" ht="19.2">
      <c r="A35964" s="2"/>
      <c r="B35964" s="2"/>
      <c r="C35964" s="2"/>
    </row>
    <row r="35965" spans="1:3" ht="19.2">
      <c r="A35965" s="2"/>
      <c r="B35965" s="2"/>
      <c r="C35965" s="2"/>
    </row>
    <row r="35966" spans="1:3" ht="19.2">
      <c r="A35966" s="2"/>
      <c r="B35966" s="2"/>
      <c r="C35966" s="2"/>
    </row>
    <row r="35967" spans="1:3" ht="19.2">
      <c r="A35967" s="2"/>
      <c r="B35967" s="2"/>
      <c r="C35967" s="2"/>
    </row>
    <row r="35968" spans="1:3" ht="19.2">
      <c r="A35968" s="2"/>
      <c r="B35968" s="2"/>
      <c r="C35968" s="2"/>
    </row>
    <row r="35969" spans="1:3" ht="19.2">
      <c r="A35969" s="2"/>
      <c r="B35969" s="2"/>
      <c r="C35969" s="2"/>
    </row>
    <row r="35970" spans="1:3" ht="19.2">
      <c r="A35970" s="2"/>
      <c r="B35970" s="2"/>
      <c r="C35970" s="2"/>
    </row>
    <row r="35971" spans="1:3" ht="19.2">
      <c r="A35971" s="2"/>
      <c r="B35971" s="2"/>
      <c r="C35971" s="2"/>
    </row>
    <row r="35972" spans="1:3" ht="19.2">
      <c r="A35972" s="2"/>
      <c r="B35972" s="2"/>
      <c r="C35972" s="2"/>
    </row>
    <row r="35973" spans="1:3" ht="19.2">
      <c r="A35973" s="2"/>
      <c r="B35973" s="2"/>
      <c r="C35973" s="2"/>
    </row>
    <row r="35974" spans="1:3" ht="19.2">
      <c r="A35974" s="2"/>
      <c r="B35974" s="2"/>
      <c r="C35974" s="2"/>
    </row>
    <row r="35975" spans="1:3" ht="19.2">
      <c r="A35975" s="2"/>
      <c r="B35975" s="2"/>
      <c r="C35975" s="2"/>
    </row>
    <row r="35976" spans="1:3" ht="19.2">
      <c r="A35976" s="2"/>
      <c r="B35976" s="2"/>
      <c r="C35976" s="2"/>
    </row>
    <row r="35977" spans="1:3" ht="19.2">
      <c r="A35977" s="2"/>
      <c r="B35977" s="2"/>
      <c r="C35977" s="2"/>
    </row>
    <row r="35978" spans="1:3" ht="19.2">
      <c r="A35978" s="2"/>
      <c r="B35978" s="2"/>
      <c r="C35978" s="2"/>
    </row>
    <row r="35979" spans="1:3" ht="19.2">
      <c r="A35979" s="2"/>
      <c r="B35979" s="2"/>
      <c r="C35979" s="2"/>
    </row>
    <row r="35980" spans="1:3" ht="19.2">
      <c r="A35980" s="2"/>
      <c r="B35980" s="2"/>
      <c r="C35980" s="2"/>
    </row>
    <row r="35981" spans="1:3" ht="19.2">
      <c r="A35981" s="2"/>
      <c r="B35981" s="2"/>
      <c r="C35981" s="2"/>
    </row>
    <row r="35982" spans="1:3" ht="19.2">
      <c r="A35982" s="2"/>
      <c r="B35982" s="2"/>
      <c r="C35982" s="2"/>
    </row>
    <row r="35983" spans="1:3" ht="19.2">
      <c r="A35983" s="2"/>
      <c r="B35983" s="2"/>
      <c r="C35983" s="2"/>
    </row>
    <row r="35984" spans="1:3" ht="19.2">
      <c r="A35984" s="2"/>
      <c r="B35984" s="2"/>
      <c r="C35984" s="2"/>
    </row>
    <row r="35985" spans="1:3" ht="19.2">
      <c r="A35985" s="2"/>
      <c r="B35985" s="2"/>
      <c r="C35985" s="2"/>
    </row>
    <row r="35986" spans="1:3" ht="19.2">
      <c r="A35986" s="2"/>
      <c r="B35986" s="2"/>
      <c r="C35986" s="2"/>
    </row>
    <row r="35987" spans="1:3" ht="19.2">
      <c r="A35987" s="2"/>
      <c r="B35987" s="2"/>
      <c r="C35987" s="2"/>
    </row>
    <row r="35988" spans="1:3" ht="19.2">
      <c r="A35988" s="2"/>
      <c r="B35988" s="2"/>
      <c r="C35988" s="2"/>
    </row>
    <row r="35989" spans="1:3" ht="19.2">
      <c r="A35989" s="2"/>
      <c r="B35989" s="2"/>
      <c r="C35989" s="2"/>
    </row>
    <row r="35990" spans="1:3" ht="19.2">
      <c r="A35990" s="2"/>
      <c r="B35990" s="2"/>
      <c r="C35990" s="2"/>
    </row>
    <row r="35991" spans="1:3" ht="19.2">
      <c r="A35991" s="2"/>
      <c r="B35991" s="2"/>
      <c r="C35991" s="2"/>
    </row>
    <row r="35992" spans="1:3" ht="19.2">
      <c r="A35992" s="2"/>
      <c r="B35992" s="2"/>
      <c r="C35992" s="2"/>
    </row>
    <row r="35993" spans="1:3" ht="19.2">
      <c r="A35993" s="2"/>
      <c r="B35993" s="2"/>
      <c r="C35993" s="2"/>
    </row>
    <row r="35994" spans="1:3" ht="19.2">
      <c r="A35994" s="2"/>
      <c r="B35994" s="2"/>
      <c r="C35994" s="2"/>
    </row>
    <row r="35995" spans="1:3" ht="19.2">
      <c r="A35995" s="2"/>
      <c r="B35995" s="2"/>
      <c r="C35995" s="2"/>
    </row>
    <row r="35996" spans="1:3" ht="19.2">
      <c r="A35996" s="2"/>
      <c r="B35996" s="2"/>
      <c r="C35996" s="2"/>
    </row>
    <row r="35997" spans="1:3" ht="19.2">
      <c r="A35997" s="2"/>
      <c r="B35997" s="2"/>
      <c r="C35997" s="2"/>
    </row>
    <row r="35998" spans="1:3" ht="19.2">
      <c r="A35998" s="2"/>
      <c r="B35998" s="2"/>
      <c r="C35998" s="2"/>
    </row>
    <row r="35999" spans="1:3" ht="19.2">
      <c r="A35999" s="2"/>
      <c r="B35999" s="2"/>
      <c r="C35999" s="2"/>
    </row>
    <row r="36000" spans="1:3" ht="19.2">
      <c r="A36000" s="2"/>
      <c r="B36000" s="2"/>
      <c r="C36000" s="2"/>
    </row>
    <row r="36001" spans="1:3" ht="19.2">
      <c r="A36001" s="2"/>
      <c r="B36001" s="2"/>
      <c r="C36001" s="2"/>
    </row>
    <row r="36002" spans="1:3" ht="19.2">
      <c r="A36002" s="2"/>
      <c r="B36002" s="2"/>
      <c r="C36002" s="2"/>
    </row>
    <row r="36003" spans="1:3" ht="19.2">
      <c r="A36003" s="2"/>
      <c r="B36003" s="2"/>
      <c r="C36003" s="2"/>
    </row>
    <row r="36004" spans="1:3" ht="19.2">
      <c r="A36004" s="2"/>
      <c r="B36004" s="2"/>
      <c r="C36004" s="2"/>
    </row>
    <row r="36005" spans="1:3" ht="19.2">
      <c r="A36005" s="2"/>
      <c r="B36005" s="2"/>
      <c r="C36005" s="2"/>
    </row>
    <row r="36006" spans="1:3" ht="19.2">
      <c r="A36006" s="2"/>
      <c r="B36006" s="2"/>
      <c r="C36006" s="2"/>
    </row>
    <row r="36007" spans="1:3" ht="19.2">
      <c r="A36007" s="2"/>
      <c r="B36007" s="2"/>
      <c r="C36007" s="2"/>
    </row>
    <row r="36008" spans="1:3" ht="19.2">
      <c r="A36008" s="2"/>
      <c r="B36008" s="2"/>
      <c r="C36008" s="2"/>
    </row>
    <row r="36009" spans="1:3" ht="19.2">
      <c r="A36009" s="2"/>
      <c r="B36009" s="2"/>
      <c r="C36009" s="2"/>
    </row>
    <row r="36010" spans="1:3" ht="19.2">
      <c r="A36010" s="2"/>
      <c r="B36010" s="2"/>
      <c r="C36010" s="2"/>
    </row>
    <row r="36011" spans="1:3" ht="19.2">
      <c r="A36011" s="2"/>
      <c r="B36011" s="2"/>
      <c r="C36011" s="2"/>
    </row>
    <row r="36012" spans="1:3" ht="19.2">
      <c r="A36012" s="2"/>
      <c r="B36012" s="2"/>
      <c r="C36012" s="2"/>
    </row>
    <row r="36013" spans="1:3" ht="19.2">
      <c r="A36013" s="2"/>
      <c r="B36013" s="2"/>
      <c r="C36013" s="2"/>
    </row>
    <row r="36014" spans="1:3" ht="19.2">
      <c r="A36014" s="2"/>
      <c r="B36014" s="2"/>
      <c r="C36014" s="2"/>
    </row>
    <row r="36015" spans="1:3" ht="19.2">
      <c r="A36015" s="2"/>
      <c r="B36015" s="2"/>
      <c r="C36015" s="2"/>
    </row>
    <row r="36016" spans="1:3" ht="19.2">
      <c r="A36016" s="2"/>
      <c r="B36016" s="2"/>
      <c r="C36016" s="2"/>
    </row>
    <row r="36017" spans="1:3" ht="19.2">
      <c r="A36017" s="2"/>
      <c r="B36017" s="2"/>
      <c r="C36017" s="2"/>
    </row>
    <row r="36018" spans="1:3" ht="19.2">
      <c r="A36018" s="2"/>
      <c r="B36018" s="2"/>
      <c r="C36018" s="2"/>
    </row>
    <row r="36019" spans="1:3" ht="19.2">
      <c r="A36019" s="2"/>
      <c r="B36019" s="2"/>
      <c r="C36019" s="2"/>
    </row>
    <row r="36020" spans="1:3" ht="19.2">
      <c r="A36020" s="2"/>
      <c r="B36020" s="2"/>
      <c r="C36020" s="2"/>
    </row>
    <row r="36021" spans="1:3" ht="19.2">
      <c r="A36021" s="2"/>
      <c r="B36021" s="2"/>
      <c r="C36021" s="2"/>
    </row>
    <row r="36022" spans="1:3" ht="19.2">
      <c r="A36022" s="2"/>
      <c r="B36022" s="2"/>
      <c r="C36022" s="2"/>
    </row>
    <row r="36023" spans="1:3" ht="19.2">
      <c r="A36023" s="2"/>
      <c r="B36023" s="2"/>
      <c r="C36023" s="2"/>
    </row>
    <row r="36024" spans="1:3" ht="19.2">
      <c r="A36024" s="2"/>
      <c r="B36024" s="2"/>
      <c r="C36024" s="2"/>
    </row>
    <row r="36025" spans="1:3" ht="19.2">
      <c r="A36025" s="2"/>
      <c r="B36025" s="2"/>
      <c r="C36025" s="2"/>
    </row>
    <row r="36026" spans="1:3" ht="19.2">
      <c r="A36026" s="2"/>
      <c r="B36026" s="2"/>
      <c r="C36026" s="2"/>
    </row>
    <row r="36027" spans="1:3" ht="19.2">
      <c r="A36027" s="2"/>
      <c r="B36027" s="2"/>
      <c r="C36027" s="2"/>
    </row>
    <row r="36028" spans="1:3" ht="19.2">
      <c r="A36028" s="2"/>
      <c r="B36028" s="2"/>
      <c r="C36028" s="2"/>
    </row>
    <row r="36029" spans="1:3" ht="19.2">
      <c r="A36029" s="2"/>
      <c r="B36029" s="2"/>
      <c r="C36029" s="2"/>
    </row>
    <row r="36030" spans="1:3" ht="19.2">
      <c r="A36030" s="2"/>
      <c r="B36030" s="2"/>
      <c r="C36030" s="2"/>
    </row>
    <row r="36031" spans="1:3" ht="19.2">
      <c r="A36031" s="2"/>
      <c r="B36031" s="2"/>
      <c r="C36031" s="2"/>
    </row>
    <row r="36032" spans="1:3" ht="19.2">
      <c r="A36032" s="2"/>
      <c r="B36032" s="2"/>
      <c r="C36032" s="2"/>
    </row>
    <row r="36033" spans="1:3" ht="19.2">
      <c r="A36033" s="2"/>
      <c r="B36033" s="2"/>
      <c r="C36033" s="2"/>
    </row>
    <row r="36034" spans="1:3" ht="19.2">
      <c r="A36034" s="2"/>
      <c r="B36034" s="2"/>
      <c r="C36034" s="2"/>
    </row>
    <row r="36035" spans="1:3" ht="19.2">
      <c r="A36035" s="2"/>
      <c r="B36035" s="2"/>
      <c r="C36035" s="2"/>
    </row>
    <row r="36036" spans="1:3" ht="19.2">
      <c r="A36036" s="2"/>
      <c r="B36036" s="2"/>
      <c r="C36036" s="2"/>
    </row>
    <row r="36037" spans="1:3" ht="19.2">
      <c r="A36037" s="2"/>
      <c r="B36037" s="2"/>
      <c r="C36037" s="2"/>
    </row>
    <row r="36038" spans="1:3" ht="19.2">
      <c r="A36038" s="2"/>
      <c r="B36038" s="2"/>
      <c r="C36038" s="2"/>
    </row>
    <row r="36039" spans="1:3" ht="19.2">
      <c r="A36039" s="2"/>
      <c r="B36039" s="2"/>
      <c r="C36039" s="2"/>
    </row>
    <row r="36040" spans="1:3" ht="19.2">
      <c r="A36040" s="2"/>
      <c r="B36040" s="2"/>
      <c r="C36040" s="2"/>
    </row>
    <row r="36041" spans="1:3" ht="19.2">
      <c r="A36041" s="2"/>
      <c r="B36041" s="2"/>
      <c r="C36041" s="2"/>
    </row>
    <row r="36042" spans="1:3" ht="19.2">
      <c r="A36042" s="2"/>
      <c r="B36042" s="2"/>
      <c r="C36042" s="2"/>
    </row>
    <row r="36043" spans="1:3" ht="19.2">
      <c r="A36043" s="2"/>
      <c r="B36043" s="2"/>
      <c r="C36043" s="2"/>
    </row>
    <row r="36044" spans="1:3" ht="19.2">
      <c r="A36044" s="2"/>
      <c r="B36044" s="2"/>
      <c r="C36044" s="2"/>
    </row>
    <row r="36045" spans="1:3" ht="19.2">
      <c r="A36045" s="2"/>
      <c r="B36045" s="2"/>
      <c r="C36045" s="2"/>
    </row>
    <row r="36046" spans="1:3" ht="19.2">
      <c r="A36046" s="2"/>
      <c r="B36046" s="2"/>
      <c r="C36046" s="2"/>
    </row>
    <row r="36047" spans="1:3" ht="19.2">
      <c r="A36047" s="2"/>
      <c r="B36047" s="2"/>
      <c r="C36047" s="2"/>
    </row>
    <row r="36048" spans="1:3" ht="19.2">
      <c r="A36048" s="2"/>
      <c r="B36048" s="2"/>
      <c r="C36048" s="2"/>
    </row>
    <row r="36049" spans="1:3" ht="19.2">
      <c r="A36049" s="2"/>
      <c r="B36049" s="2"/>
      <c r="C36049" s="2"/>
    </row>
    <row r="36050" spans="1:3" ht="19.2">
      <c r="A36050" s="2"/>
      <c r="B36050" s="2"/>
      <c r="C36050" s="2"/>
    </row>
    <row r="36051" spans="1:3" ht="19.2">
      <c r="A36051" s="2"/>
      <c r="B36051" s="2"/>
      <c r="C36051" s="2"/>
    </row>
    <row r="36052" spans="1:3" ht="19.2">
      <c r="A36052" s="2"/>
      <c r="B36052" s="2"/>
      <c r="C36052" s="2"/>
    </row>
    <row r="36053" spans="1:3" ht="19.2">
      <c r="A36053" s="2"/>
      <c r="B36053" s="2"/>
      <c r="C36053" s="2"/>
    </row>
    <row r="36054" spans="1:3" ht="19.2">
      <c r="A36054" s="2"/>
      <c r="B36054" s="2"/>
      <c r="C36054" s="2"/>
    </row>
    <row r="36055" spans="1:3" ht="19.2">
      <c r="A36055" s="2"/>
      <c r="B36055" s="2"/>
      <c r="C36055" s="2"/>
    </row>
    <row r="36056" spans="1:3" ht="19.2">
      <c r="A36056" s="2"/>
      <c r="B36056" s="2"/>
      <c r="C36056" s="2"/>
    </row>
    <row r="36057" spans="1:3" ht="19.2">
      <c r="A36057" s="2"/>
      <c r="B36057" s="2"/>
      <c r="C36057" s="2"/>
    </row>
    <row r="36058" spans="1:3" ht="19.2">
      <c r="A36058" s="2"/>
      <c r="B36058" s="2"/>
      <c r="C36058" s="2"/>
    </row>
    <row r="36059" spans="1:3" ht="19.2">
      <c r="A36059" s="2"/>
      <c r="B36059" s="2"/>
      <c r="C36059" s="2"/>
    </row>
    <row r="36060" spans="1:3" ht="19.2">
      <c r="A36060" s="2"/>
      <c r="B36060" s="2"/>
      <c r="C36060" s="2"/>
    </row>
    <row r="36061" spans="1:3" ht="19.2">
      <c r="A36061" s="2"/>
      <c r="B36061" s="2"/>
      <c r="C36061" s="2"/>
    </row>
    <row r="36062" spans="1:3" ht="19.2">
      <c r="A36062" s="2"/>
      <c r="B36062" s="2"/>
      <c r="C36062" s="2"/>
    </row>
    <row r="36063" spans="1:3" ht="19.2">
      <c r="A36063" s="2"/>
      <c r="B36063" s="2"/>
      <c r="C36063" s="2"/>
    </row>
    <row r="36064" spans="1:3" ht="19.2">
      <c r="A36064" s="2"/>
      <c r="B36064" s="2"/>
      <c r="C36064" s="2"/>
    </row>
    <row r="36065" spans="1:3" ht="19.2">
      <c r="A36065" s="2"/>
      <c r="B36065" s="2"/>
      <c r="C36065" s="2"/>
    </row>
    <row r="36066" spans="1:3" ht="19.2">
      <c r="A36066" s="2"/>
      <c r="B36066" s="2"/>
      <c r="C36066" s="2"/>
    </row>
    <row r="36067" spans="1:3" ht="19.2">
      <c r="A36067" s="2"/>
      <c r="B36067" s="2"/>
      <c r="C36067" s="2"/>
    </row>
    <row r="36068" spans="1:3" ht="19.2">
      <c r="A36068" s="2"/>
      <c r="B36068" s="2"/>
      <c r="C36068" s="2"/>
    </row>
    <row r="36069" spans="1:3" ht="19.2">
      <c r="A36069" s="2"/>
      <c r="B36069" s="2"/>
      <c r="C36069" s="2"/>
    </row>
    <row r="36070" spans="1:3" ht="19.2">
      <c r="A36070" s="2"/>
      <c r="B36070" s="2"/>
      <c r="C36070" s="2"/>
    </row>
    <row r="36071" spans="1:3" ht="19.2">
      <c r="A36071" s="2"/>
      <c r="B36071" s="2"/>
      <c r="C36071" s="2"/>
    </row>
    <row r="36072" spans="1:3" ht="19.2">
      <c r="A36072" s="2"/>
      <c r="B36072" s="2"/>
      <c r="C36072" s="2"/>
    </row>
    <row r="36073" spans="1:3" ht="19.2">
      <c r="A36073" s="2"/>
      <c r="B36073" s="2"/>
      <c r="C36073" s="2"/>
    </row>
    <row r="36074" spans="1:3" ht="19.2">
      <c r="A36074" s="2"/>
      <c r="B36074" s="2"/>
      <c r="C36074" s="2"/>
    </row>
    <row r="36075" spans="1:3" ht="19.2">
      <c r="A36075" s="2"/>
      <c r="B36075" s="2"/>
      <c r="C36075" s="2"/>
    </row>
    <row r="36076" spans="1:3" ht="19.2">
      <c r="A36076" s="2"/>
      <c r="B36076" s="2"/>
      <c r="C36076" s="2"/>
    </row>
    <row r="36077" spans="1:3" ht="19.2">
      <c r="A36077" s="2"/>
      <c r="B36077" s="2"/>
      <c r="C36077" s="2"/>
    </row>
    <row r="36078" spans="1:3" ht="19.2">
      <c r="A36078" s="2"/>
      <c r="B36078" s="2"/>
      <c r="C36078" s="2"/>
    </row>
    <row r="36079" spans="1:3" ht="19.2">
      <c r="A36079" s="2"/>
      <c r="B36079" s="2"/>
      <c r="C36079" s="2"/>
    </row>
    <row r="36080" spans="1:3" ht="19.2">
      <c r="A36080" s="2"/>
      <c r="B36080" s="2"/>
      <c r="C36080" s="2"/>
    </row>
    <row r="36081" spans="1:3" ht="19.2">
      <c r="A36081" s="2"/>
      <c r="B36081" s="2"/>
      <c r="C36081" s="2"/>
    </row>
    <row r="36082" spans="1:3" ht="19.2">
      <c r="A36082" s="2"/>
      <c r="B36082" s="2"/>
      <c r="C36082" s="2"/>
    </row>
    <row r="36083" spans="1:3" ht="19.2">
      <c r="A36083" s="2"/>
      <c r="B36083" s="2"/>
      <c r="C36083" s="2"/>
    </row>
    <row r="36084" spans="1:3" ht="19.2">
      <c r="A36084" s="2"/>
      <c r="B36084" s="2"/>
      <c r="C36084" s="2"/>
    </row>
    <row r="36085" spans="1:3" ht="19.2">
      <c r="A36085" s="2"/>
      <c r="B36085" s="2"/>
      <c r="C36085" s="2"/>
    </row>
    <row r="36086" spans="1:3" ht="19.2">
      <c r="A36086" s="2"/>
      <c r="B36086" s="2"/>
      <c r="C36086" s="2"/>
    </row>
    <row r="36087" spans="1:3" ht="19.2">
      <c r="A36087" s="2"/>
      <c r="B36087" s="2"/>
      <c r="C36087" s="2"/>
    </row>
    <row r="36088" spans="1:3" ht="19.2">
      <c r="A36088" s="2"/>
      <c r="B36088" s="2"/>
      <c r="C36088" s="2"/>
    </row>
    <row r="36089" spans="1:3" ht="19.2">
      <c r="A36089" s="2"/>
      <c r="B36089" s="2"/>
      <c r="C36089" s="2"/>
    </row>
    <row r="36090" spans="1:3" ht="19.2">
      <c r="A36090" s="2"/>
      <c r="B36090" s="2"/>
      <c r="C36090" s="2"/>
    </row>
    <row r="36091" spans="1:3" ht="19.2">
      <c r="A36091" s="2"/>
      <c r="B36091" s="2"/>
      <c r="C36091" s="2"/>
    </row>
    <row r="36092" spans="1:3" ht="19.2">
      <c r="A36092" s="2"/>
      <c r="B36092" s="2"/>
      <c r="C36092" s="2"/>
    </row>
    <row r="36093" spans="1:3" ht="19.2">
      <c r="A36093" s="2"/>
      <c r="B36093" s="2"/>
      <c r="C36093" s="2"/>
    </row>
    <row r="36094" spans="1:3" ht="19.2">
      <c r="A36094" s="2"/>
      <c r="B36094" s="2"/>
      <c r="C36094" s="2"/>
    </row>
    <row r="36095" spans="1:3" ht="19.2">
      <c r="A36095" s="2"/>
      <c r="B36095" s="2"/>
      <c r="C36095" s="2"/>
    </row>
    <row r="36096" spans="1:3" ht="19.2">
      <c r="A36096" s="2"/>
      <c r="B36096" s="2"/>
      <c r="C36096" s="2"/>
    </row>
    <row r="36097" spans="1:3" ht="19.2">
      <c r="A36097" s="2"/>
      <c r="B36097" s="2"/>
      <c r="C36097" s="2"/>
    </row>
    <row r="36098" spans="1:3" ht="19.2">
      <c r="A36098" s="2"/>
      <c r="B36098" s="2"/>
      <c r="C36098" s="2"/>
    </row>
    <row r="36099" spans="1:3" ht="19.2">
      <c r="A36099" s="2"/>
      <c r="B36099" s="2"/>
      <c r="C36099" s="2"/>
    </row>
    <row r="36100" spans="1:3" ht="19.2">
      <c r="A36100" s="2"/>
      <c r="B36100" s="2"/>
      <c r="C36100" s="2"/>
    </row>
    <row r="36101" spans="1:3" ht="19.2">
      <c r="A36101" s="2"/>
      <c r="B36101" s="2"/>
      <c r="C36101" s="2"/>
    </row>
    <row r="36102" spans="1:3" ht="19.2">
      <c r="A36102" s="2"/>
      <c r="B36102" s="2"/>
      <c r="C36102" s="2"/>
    </row>
    <row r="36103" spans="1:3" ht="19.2">
      <c r="A36103" s="2"/>
      <c r="B36103" s="2"/>
      <c r="C36103" s="2"/>
    </row>
    <row r="36104" spans="1:3" ht="19.2">
      <c r="A36104" s="2"/>
      <c r="B36104" s="2"/>
      <c r="C36104" s="2"/>
    </row>
    <row r="36105" spans="1:3" ht="19.2">
      <c r="A36105" s="2"/>
      <c r="B36105" s="2"/>
      <c r="C36105" s="2"/>
    </row>
    <row r="36106" spans="1:3" ht="19.2">
      <c r="A36106" s="2"/>
      <c r="B36106" s="2"/>
      <c r="C36106" s="2"/>
    </row>
    <row r="36107" spans="1:3" ht="19.2">
      <c r="A36107" s="2"/>
      <c r="B36107" s="2"/>
      <c r="C36107" s="2"/>
    </row>
    <row r="36108" spans="1:3" ht="19.2">
      <c r="A36108" s="2"/>
      <c r="B36108" s="2"/>
      <c r="C36108" s="2"/>
    </row>
    <row r="36109" spans="1:3" ht="19.2">
      <c r="A36109" s="2"/>
      <c r="B36109" s="2"/>
      <c r="C36109" s="2"/>
    </row>
    <row r="36110" spans="1:3" ht="19.2">
      <c r="A36110" s="2"/>
      <c r="B36110" s="2"/>
      <c r="C36110" s="2"/>
    </row>
    <row r="36111" spans="1:3" ht="19.2">
      <c r="A36111" s="2"/>
      <c r="B36111" s="2"/>
      <c r="C36111" s="2"/>
    </row>
    <row r="36112" spans="1:3" ht="19.2">
      <c r="A36112" s="2"/>
      <c r="B36112" s="2"/>
      <c r="C36112" s="2"/>
    </row>
    <row r="36113" spans="1:3" ht="19.2">
      <c r="A36113" s="2"/>
      <c r="B36113" s="2"/>
      <c r="C36113" s="2"/>
    </row>
    <row r="36114" spans="1:3" ht="19.2">
      <c r="A36114" s="2"/>
      <c r="B36114" s="2"/>
      <c r="C36114" s="2"/>
    </row>
    <row r="36115" spans="1:3" ht="19.2">
      <c r="A36115" s="2"/>
      <c r="B36115" s="2"/>
      <c r="C36115" s="2"/>
    </row>
    <row r="36116" spans="1:3" ht="19.2">
      <c r="A36116" s="2"/>
      <c r="B36116" s="2"/>
      <c r="C36116" s="2"/>
    </row>
    <row r="36117" spans="1:3" ht="19.2">
      <c r="A36117" s="2"/>
      <c r="B36117" s="2"/>
      <c r="C36117" s="2"/>
    </row>
    <row r="36118" spans="1:3" ht="19.2">
      <c r="A36118" s="2"/>
      <c r="B36118" s="2"/>
      <c r="C36118" s="2"/>
    </row>
    <row r="36119" spans="1:3" ht="19.2">
      <c r="A36119" s="2"/>
      <c r="B36119" s="2"/>
      <c r="C36119" s="2"/>
    </row>
    <row r="36120" spans="1:3" ht="19.2">
      <c r="A36120" s="2"/>
      <c r="B36120" s="2"/>
      <c r="C36120" s="2"/>
    </row>
    <row r="36121" spans="1:3" ht="19.2">
      <c r="A36121" s="2"/>
      <c r="B36121" s="2"/>
      <c r="C36121" s="2"/>
    </row>
    <row r="36122" spans="1:3" ht="19.2">
      <c r="A36122" s="2"/>
      <c r="B36122" s="2"/>
      <c r="C36122" s="2"/>
    </row>
    <row r="36123" spans="1:3" ht="19.2">
      <c r="A36123" s="2"/>
      <c r="B36123" s="2"/>
      <c r="C36123" s="2"/>
    </row>
    <row r="36124" spans="1:3" ht="19.2">
      <c r="A36124" s="2"/>
      <c r="B36124" s="2"/>
      <c r="C36124" s="2"/>
    </row>
    <row r="36125" spans="1:3" ht="19.2">
      <c r="A36125" s="2"/>
      <c r="B36125" s="2"/>
      <c r="C36125" s="2"/>
    </row>
    <row r="36126" spans="1:3" ht="19.2">
      <c r="A36126" s="2"/>
      <c r="B36126" s="2"/>
      <c r="C36126" s="2"/>
    </row>
    <row r="36127" spans="1:3" ht="19.2">
      <c r="A36127" s="2"/>
      <c r="B36127" s="2"/>
      <c r="C36127" s="2"/>
    </row>
    <row r="36128" spans="1:3" ht="19.2">
      <c r="A36128" s="2"/>
      <c r="B36128" s="2"/>
      <c r="C36128" s="2"/>
    </row>
    <row r="36129" spans="1:3" ht="19.2">
      <c r="A36129" s="2"/>
      <c r="B36129" s="2"/>
      <c r="C36129" s="2"/>
    </row>
    <row r="36130" spans="1:3" ht="19.2">
      <c r="A36130" s="2"/>
      <c r="B36130" s="2"/>
      <c r="C36130" s="2"/>
    </row>
    <row r="36131" spans="1:3" ht="19.2">
      <c r="A36131" s="2"/>
      <c r="B36131" s="2"/>
      <c r="C36131" s="2"/>
    </row>
    <row r="36132" spans="1:3" ht="19.2">
      <c r="A36132" s="2"/>
      <c r="B36132" s="2"/>
      <c r="C36132" s="2"/>
    </row>
    <row r="36133" spans="1:3" ht="19.2">
      <c r="A36133" s="2"/>
      <c r="B36133" s="2"/>
      <c r="C36133" s="2"/>
    </row>
    <row r="36134" spans="1:3" ht="19.2">
      <c r="A36134" s="2"/>
      <c r="B36134" s="2"/>
      <c r="C36134" s="2"/>
    </row>
    <row r="36135" spans="1:3" ht="19.2">
      <c r="A36135" s="2"/>
      <c r="B36135" s="2"/>
      <c r="C36135" s="2"/>
    </row>
    <row r="36136" spans="1:3" ht="19.2">
      <c r="A36136" s="2"/>
      <c r="B36136" s="2"/>
      <c r="C36136" s="2"/>
    </row>
    <row r="36137" spans="1:3" ht="19.2">
      <c r="A36137" s="2"/>
      <c r="B36137" s="2"/>
      <c r="C36137" s="2"/>
    </row>
    <row r="36138" spans="1:3" ht="19.2">
      <c r="A36138" s="2"/>
      <c r="B36138" s="2"/>
      <c r="C36138" s="2"/>
    </row>
    <row r="36139" spans="1:3" ht="19.2">
      <c r="A36139" s="2"/>
      <c r="B36139" s="2"/>
      <c r="C36139" s="2"/>
    </row>
    <row r="36140" spans="1:3" ht="19.2">
      <c r="A36140" s="2"/>
      <c r="B36140" s="2"/>
      <c r="C36140" s="2"/>
    </row>
    <row r="36141" spans="1:3" ht="19.2">
      <c r="A36141" s="2"/>
      <c r="B36141" s="2"/>
      <c r="C36141" s="2"/>
    </row>
    <row r="36142" spans="1:3" ht="19.2">
      <c r="A36142" s="2"/>
      <c r="B36142" s="2"/>
      <c r="C36142" s="2"/>
    </row>
    <row r="36143" spans="1:3" ht="19.2">
      <c r="A36143" s="2"/>
      <c r="B36143" s="2"/>
      <c r="C36143" s="2"/>
    </row>
    <row r="36144" spans="1:3" ht="19.2">
      <c r="A36144" s="2"/>
      <c r="B36144" s="2"/>
      <c r="C36144" s="2"/>
    </row>
    <row r="36145" spans="1:3" ht="19.2">
      <c r="A36145" s="2"/>
      <c r="B36145" s="2"/>
      <c r="C36145" s="2"/>
    </row>
    <row r="36146" spans="1:3" ht="19.2">
      <c r="A36146" s="2"/>
      <c r="B36146" s="2"/>
      <c r="C36146" s="2"/>
    </row>
    <row r="36147" spans="1:3" ht="19.2">
      <c r="A36147" s="2"/>
      <c r="B36147" s="2"/>
      <c r="C36147" s="2"/>
    </row>
    <row r="36148" spans="1:3" ht="19.2">
      <c r="A36148" s="2"/>
      <c r="B36148" s="2"/>
      <c r="C36148" s="2"/>
    </row>
    <row r="36149" spans="1:3" ht="19.2">
      <c r="A36149" s="2"/>
      <c r="B36149" s="2"/>
      <c r="C36149" s="2"/>
    </row>
    <row r="36150" spans="1:3" ht="19.2">
      <c r="A36150" s="2"/>
      <c r="B36150" s="2"/>
      <c r="C36150" s="2"/>
    </row>
    <row r="36151" spans="1:3" ht="19.2">
      <c r="A36151" s="2"/>
      <c r="B36151" s="2"/>
      <c r="C36151" s="2"/>
    </row>
    <row r="36152" spans="1:3" ht="19.2">
      <c r="A36152" s="2"/>
      <c r="B36152" s="2"/>
      <c r="C36152" s="2"/>
    </row>
    <row r="36153" spans="1:3" ht="19.2">
      <c r="A36153" s="2"/>
      <c r="B36153" s="2"/>
      <c r="C36153" s="2"/>
    </row>
    <row r="36154" spans="1:3" ht="19.2">
      <c r="A36154" s="2"/>
      <c r="B36154" s="2"/>
      <c r="C36154" s="2"/>
    </row>
    <row r="36155" spans="1:3" ht="19.2">
      <c r="A36155" s="2"/>
      <c r="B36155" s="2"/>
      <c r="C36155" s="2"/>
    </row>
    <row r="36156" spans="1:3" ht="19.2">
      <c r="A36156" s="2"/>
      <c r="B36156" s="2"/>
      <c r="C36156" s="2"/>
    </row>
    <row r="36157" spans="1:3" ht="19.2">
      <c r="A36157" s="2"/>
      <c r="B36157" s="2"/>
      <c r="C36157" s="2"/>
    </row>
    <row r="36158" spans="1:3" ht="19.2">
      <c r="A36158" s="2"/>
      <c r="B36158" s="2"/>
      <c r="C36158" s="2"/>
    </row>
    <row r="36159" spans="1:3" ht="19.2">
      <c r="A36159" s="2"/>
      <c r="B36159" s="2"/>
      <c r="C36159" s="2"/>
    </row>
    <row r="36160" spans="1:3" ht="19.2">
      <c r="A36160" s="2"/>
      <c r="B36160" s="2"/>
      <c r="C36160" s="2"/>
    </row>
    <row r="36161" spans="1:3" ht="19.2">
      <c r="A36161" s="2"/>
      <c r="B36161" s="2"/>
      <c r="C36161" s="2"/>
    </row>
    <row r="36162" spans="1:3" ht="19.2">
      <c r="A36162" s="2"/>
      <c r="B36162" s="2"/>
      <c r="C36162" s="2"/>
    </row>
    <row r="36163" spans="1:3" ht="19.2">
      <c r="A36163" s="2"/>
      <c r="B36163" s="2"/>
      <c r="C36163" s="2"/>
    </row>
    <row r="36164" spans="1:3" ht="19.2">
      <c r="A36164" s="2"/>
      <c r="B36164" s="2"/>
      <c r="C36164" s="2"/>
    </row>
    <row r="36165" spans="1:3" ht="19.2">
      <c r="A36165" s="2"/>
      <c r="B36165" s="2"/>
      <c r="C36165" s="2"/>
    </row>
    <row r="36166" spans="1:3" ht="19.2">
      <c r="A36166" s="2"/>
      <c r="B36166" s="2"/>
      <c r="C36166" s="2"/>
    </row>
    <row r="36167" spans="1:3" ht="19.2">
      <c r="A36167" s="2"/>
      <c r="B36167" s="2"/>
      <c r="C36167" s="2"/>
    </row>
    <row r="36168" spans="1:3" ht="19.2">
      <c r="A36168" s="2"/>
      <c r="B36168" s="2"/>
      <c r="C36168" s="2"/>
    </row>
    <row r="36169" spans="1:3" ht="19.2">
      <c r="A36169" s="2"/>
      <c r="B36169" s="2"/>
      <c r="C36169" s="2"/>
    </row>
    <row r="36170" spans="1:3" ht="19.2">
      <c r="A36170" s="2"/>
      <c r="B36170" s="2"/>
      <c r="C36170" s="2"/>
    </row>
    <row r="36171" spans="1:3" ht="19.2">
      <c r="A36171" s="2"/>
      <c r="B36171" s="2"/>
      <c r="C36171" s="2"/>
    </row>
    <row r="36172" spans="1:3" ht="19.2">
      <c r="A36172" s="2"/>
      <c r="B36172" s="2"/>
      <c r="C36172" s="2"/>
    </row>
    <row r="36173" spans="1:3" ht="19.2">
      <c r="A36173" s="2"/>
      <c r="B36173" s="2"/>
      <c r="C36173" s="2"/>
    </row>
    <row r="36174" spans="1:3" ht="19.2">
      <c r="A36174" s="2"/>
      <c r="B36174" s="2"/>
      <c r="C36174" s="2"/>
    </row>
    <row r="36175" spans="1:3" ht="19.2">
      <c r="A36175" s="2"/>
      <c r="B36175" s="2"/>
      <c r="C36175" s="2"/>
    </row>
    <row r="36176" spans="1:3" ht="19.2">
      <c r="A36176" s="2"/>
      <c r="B36176" s="2"/>
      <c r="C36176" s="2"/>
    </row>
    <row r="36177" spans="1:3" ht="19.2">
      <c r="A36177" s="2"/>
      <c r="B36177" s="2"/>
      <c r="C36177" s="2"/>
    </row>
    <row r="36178" spans="1:3" ht="19.2">
      <c r="A36178" s="2"/>
      <c r="B36178" s="2"/>
      <c r="C36178" s="2"/>
    </row>
    <row r="36179" spans="1:3" ht="19.2">
      <c r="A36179" s="2"/>
      <c r="B36179" s="2"/>
      <c r="C36179" s="2"/>
    </row>
    <row r="36180" spans="1:3" ht="19.2">
      <c r="A36180" s="2"/>
      <c r="B36180" s="2"/>
      <c r="C36180" s="2"/>
    </row>
    <row r="36181" spans="1:3" ht="19.2">
      <c r="A36181" s="2"/>
      <c r="B36181" s="2"/>
      <c r="C36181" s="2"/>
    </row>
    <row r="36182" spans="1:3" ht="19.2">
      <c r="A36182" s="2"/>
      <c r="B36182" s="2"/>
      <c r="C36182" s="2"/>
    </row>
    <row r="36183" spans="1:3" ht="19.2">
      <c r="A36183" s="2"/>
      <c r="B36183" s="2"/>
      <c r="C36183" s="2"/>
    </row>
    <row r="36184" spans="1:3" ht="19.2">
      <c r="A36184" s="2"/>
      <c r="B36184" s="2"/>
      <c r="C36184" s="2"/>
    </row>
    <row r="36185" spans="1:3" ht="19.2">
      <c r="A36185" s="2"/>
      <c r="B36185" s="2"/>
      <c r="C36185" s="2"/>
    </row>
    <row r="36186" spans="1:3" ht="19.2">
      <c r="A36186" s="2"/>
      <c r="B36186" s="2"/>
      <c r="C36186" s="2"/>
    </row>
    <row r="36187" spans="1:3" ht="19.2">
      <c r="A36187" s="2"/>
      <c r="B36187" s="2"/>
      <c r="C36187" s="2"/>
    </row>
    <row r="36188" spans="1:3" ht="19.2">
      <c r="A36188" s="2"/>
      <c r="B36188" s="2"/>
      <c r="C36188" s="2"/>
    </row>
    <row r="36189" spans="1:3" ht="19.2">
      <c r="A36189" s="2"/>
      <c r="B36189" s="2"/>
      <c r="C36189" s="2"/>
    </row>
    <row r="36190" spans="1:3" ht="19.2">
      <c r="A36190" s="2"/>
      <c r="B36190" s="2"/>
      <c r="C36190" s="2"/>
    </row>
    <row r="36191" spans="1:3" ht="19.2">
      <c r="A36191" s="2"/>
      <c r="B36191" s="2"/>
      <c r="C36191" s="2"/>
    </row>
    <row r="36192" spans="1:3" ht="19.2">
      <c r="A36192" s="2"/>
      <c r="B36192" s="2"/>
      <c r="C36192" s="2"/>
    </row>
    <row r="36193" spans="1:3" ht="19.2">
      <c r="A36193" s="2"/>
      <c r="B36193" s="2"/>
      <c r="C36193" s="2"/>
    </row>
    <row r="36194" spans="1:3" ht="19.2">
      <c r="A36194" s="2"/>
      <c r="B36194" s="2"/>
      <c r="C36194" s="2"/>
    </row>
    <row r="36195" spans="1:3" ht="19.2">
      <c r="A36195" s="2"/>
      <c r="B36195" s="2"/>
      <c r="C36195" s="2"/>
    </row>
    <row r="36196" spans="1:3" ht="19.2">
      <c r="A36196" s="2"/>
      <c r="B36196" s="2"/>
      <c r="C36196" s="2"/>
    </row>
    <row r="36197" spans="1:3" ht="19.2">
      <c r="A36197" s="2"/>
      <c r="B36197" s="2"/>
      <c r="C36197" s="2"/>
    </row>
    <row r="36198" spans="1:3" ht="19.2">
      <c r="A36198" s="2"/>
      <c r="B36198" s="2"/>
      <c r="C36198" s="2"/>
    </row>
    <row r="36199" spans="1:3" ht="19.2">
      <c r="A36199" s="2"/>
      <c r="B36199" s="2"/>
      <c r="C36199" s="2"/>
    </row>
    <row r="36200" spans="1:3" ht="19.2">
      <c r="A36200" s="2"/>
      <c r="B36200" s="2"/>
      <c r="C36200" s="2"/>
    </row>
    <row r="36201" spans="1:3" ht="19.2">
      <c r="A36201" s="2"/>
      <c r="B36201" s="2"/>
      <c r="C36201" s="2"/>
    </row>
    <row r="36202" spans="1:3" ht="19.2">
      <c r="A36202" s="2"/>
      <c r="B36202" s="2"/>
      <c r="C36202" s="2"/>
    </row>
    <row r="36203" spans="1:3" ht="19.2">
      <c r="A36203" s="2"/>
      <c r="B36203" s="2"/>
      <c r="C36203" s="2"/>
    </row>
    <row r="36204" spans="1:3" ht="19.2">
      <c r="A36204" s="2"/>
      <c r="B36204" s="2"/>
      <c r="C36204" s="2"/>
    </row>
    <row r="36205" spans="1:3" ht="19.2">
      <c r="A36205" s="2"/>
      <c r="B36205" s="2"/>
      <c r="C36205" s="2"/>
    </row>
    <row r="36206" spans="1:3" ht="19.2">
      <c r="A36206" s="2"/>
      <c r="B36206" s="2"/>
      <c r="C36206" s="2"/>
    </row>
    <row r="36207" spans="1:3" ht="19.2">
      <c r="A36207" s="2"/>
      <c r="B36207" s="2"/>
      <c r="C36207" s="2"/>
    </row>
    <row r="36208" spans="1:3" ht="19.2">
      <c r="A36208" s="2"/>
      <c r="B36208" s="2"/>
      <c r="C36208" s="2"/>
    </row>
    <row r="36209" spans="1:3" ht="19.2">
      <c r="A36209" s="2"/>
      <c r="B36209" s="2"/>
      <c r="C36209" s="2"/>
    </row>
    <row r="36210" spans="1:3" ht="19.2">
      <c r="A36210" s="2"/>
      <c r="B36210" s="2"/>
      <c r="C36210" s="2"/>
    </row>
    <row r="36211" spans="1:3" ht="19.2">
      <c r="A36211" s="2"/>
      <c r="B36211" s="2"/>
      <c r="C36211" s="2"/>
    </row>
    <row r="36212" spans="1:3" ht="19.2">
      <c r="A36212" s="2"/>
      <c r="B36212" s="2"/>
      <c r="C36212" s="2"/>
    </row>
    <row r="36213" spans="1:3" ht="19.2">
      <c r="A36213" s="2"/>
      <c r="B36213" s="2"/>
      <c r="C36213" s="2"/>
    </row>
    <row r="36214" spans="1:3" ht="19.2">
      <c r="A36214" s="2"/>
      <c r="B36214" s="2"/>
      <c r="C36214" s="2"/>
    </row>
    <row r="36215" spans="1:3" ht="19.2">
      <c r="A36215" s="2"/>
      <c r="B36215" s="2"/>
      <c r="C36215" s="2"/>
    </row>
    <row r="36216" spans="1:3" ht="19.2">
      <c r="A36216" s="2"/>
      <c r="B36216" s="2"/>
      <c r="C36216" s="2"/>
    </row>
    <row r="36217" spans="1:3" ht="19.2">
      <c r="A36217" s="2"/>
      <c r="B36217" s="2"/>
      <c r="C36217" s="2"/>
    </row>
    <row r="36218" spans="1:3" ht="19.2">
      <c r="A36218" s="2"/>
      <c r="B36218" s="2"/>
      <c r="C36218" s="2"/>
    </row>
    <row r="36219" spans="1:3" ht="19.2">
      <c r="A36219" s="2"/>
      <c r="B36219" s="2"/>
      <c r="C36219" s="2"/>
    </row>
    <row r="36220" spans="1:3" ht="19.2">
      <c r="A36220" s="2"/>
      <c r="B36220" s="2"/>
      <c r="C36220" s="2"/>
    </row>
    <row r="36221" spans="1:3" ht="19.2">
      <c r="A36221" s="2"/>
      <c r="B36221" s="2"/>
      <c r="C36221" s="2"/>
    </row>
    <row r="36222" spans="1:3" ht="19.2">
      <c r="A36222" s="2"/>
      <c r="B36222" s="2"/>
      <c r="C36222" s="2"/>
    </row>
    <row r="36223" spans="1:3" ht="19.2">
      <c r="A36223" s="2"/>
      <c r="B36223" s="2"/>
      <c r="C36223" s="2"/>
    </row>
    <row r="36224" spans="1:3" ht="19.2">
      <c r="A36224" s="2"/>
      <c r="B36224" s="2"/>
      <c r="C36224" s="2"/>
    </row>
    <row r="36225" spans="1:3" ht="19.2">
      <c r="A36225" s="2"/>
      <c r="B36225" s="2"/>
      <c r="C36225" s="2"/>
    </row>
    <row r="36226" spans="1:3" ht="19.2">
      <c r="A36226" s="2"/>
      <c r="B36226" s="2"/>
      <c r="C36226" s="2"/>
    </row>
    <row r="36227" spans="1:3" ht="19.2">
      <c r="A36227" s="2"/>
      <c r="B36227" s="2"/>
      <c r="C36227" s="2"/>
    </row>
    <row r="36228" spans="1:3" ht="19.2">
      <c r="A36228" s="2"/>
      <c r="B36228" s="2"/>
      <c r="C36228" s="2"/>
    </row>
    <row r="36229" spans="1:3" ht="19.2">
      <c r="A36229" s="2"/>
      <c r="B36229" s="2"/>
      <c r="C36229" s="2"/>
    </row>
    <row r="36230" spans="1:3" ht="19.2">
      <c r="A36230" s="2"/>
      <c r="B36230" s="2"/>
      <c r="C36230" s="2"/>
    </row>
    <row r="36231" spans="1:3" ht="19.2">
      <c r="A36231" s="2"/>
      <c r="B36231" s="2"/>
      <c r="C36231" s="2"/>
    </row>
    <row r="36232" spans="1:3" ht="19.2">
      <c r="A36232" s="2"/>
      <c r="B36232" s="2"/>
      <c r="C36232" s="2"/>
    </row>
    <row r="36233" spans="1:3" ht="19.2">
      <c r="A36233" s="2"/>
      <c r="B36233" s="2"/>
      <c r="C36233" s="2"/>
    </row>
    <row r="36234" spans="1:3" ht="19.2">
      <c r="A36234" s="2"/>
      <c r="B36234" s="2"/>
      <c r="C36234" s="2"/>
    </row>
    <row r="36235" spans="1:3" ht="19.2">
      <c r="A36235" s="2"/>
      <c r="B36235" s="2"/>
      <c r="C36235" s="2"/>
    </row>
    <row r="36236" spans="1:3" ht="19.2">
      <c r="A36236" s="2"/>
      <c r="B36236" s="2"/>
      <c r="C36236" s="2"/>
    </row>
    <row r="36237" spans="1:3" ht="19.2">
      <c r="A36237" s="2"/>
      <c r="B36237" s="2"/>
      <c r="C36237" s="2"/>
    </row>
    <row r="36238" spans="1:3" ht="19.2">
      <c r="A36238" s="2"/>
      <c r="B36238" s="2"/>
      <c r="C36238" s="2"/>
    </row>
    <row r="36239" spans="1:3" ht="19.2">
      <c r="A36239" s="2"/>
      <c r="B36239" s="2"/>
      <c r="C36239" s="2"/>
    </row>
    <row r="36240" spans="1:3" ht="19.2">
      <c r="A36240" s="2"/>
      <c r="B36240" s="2"/>
      <c r="C36240" s="2"/>
    </row>
    <row r="36241" spans="1:3" ht="19.2">
      <c r="A36241" s="2"/>
      <c r="B36241" s="2"/>
      <c r="C36241" s="2"/>
    </row>
    <row r="36242" spans="1:3" ht="19.2">
      <c r="A36242" s="2"/>
      <c r="B36242" s="2"/>
      <c r="C36242" s="2"/>
    </row>
    <row r="36243" spans="1:3" ht="19.2">
      <c r="A36243" s="2"/>
      <c r="B36243" s="2"/>
      <c r="C36243" s="2"/>
    </row>
    <row r="36244" spans="1:3" ht="19.2">
      <c r="A36244" s="2"/>
      <c r="B36244" s="2"/>
      <c r="C36244" s="2"/>
    </row>
    <row r="36245" spans="1:3" ht="19.2">
      <c r="A36245" s="2"/>
      <c r="B36245" s="2"/>
      <c r="C36245" s="2"/>
    </row>
    <row r="36246" spans="1:3" ht="19.2">
      <c r="A36246" s="2"/>
      <c r="B36246" s="2"/>
      <c r="C36246" s="2"/>
    </row>
    <row r="36247" spans="1:3" ht="19.2">
      <c r="A36247" s="2"/>
      <c r="B36247" s="2"/>
      <c r="C36247" s="2"/>
    </row>
    <row r="36248" spans="1:3" ht="19.2">
      <c r="A36248" s="2"/>
      <c r="B36248" s="2"/>
      <c r="C36248" s="2"/>
    </row>
    <row r="36249" spans="1:3" ht="19.2">
      <c r="A36249" s="2"/>
      <c r="B36249" s="2"/>
      <c r="C36249" s="2"/>
    </row>
    <row r="36250" spans="1:3" ht="19.2">
      <c r="A36250" s="2"/>
      <c r="B36250" s="2"/>
      <c r="C36250" s="2"/>
    </row>
    <row r="36251" spans="1:3" ht="19.2">
      <c r="A36251" s="2"/>
      <c r="B36251" s="2"/>
      <c r="C36251" s="2"/>
    </row>
    <row r="36252" spans="1:3" ht="19.2">
      <c r="A36252" s="2"/>
      <c r="B36252" s="2"/>
      <c r="C36252" s="2"/>
    </row>
    <row r="36253" spans="1:3" ht="19.2">
      <c r="A36253" s="2"/>
      <c r="B36253" s="2"/>
      <c r="C36253" s="2"/>
    </row>
    <row r="36254" spans="1:3" ht="19.2">
      <c r="A36254" s="2"/>
      <c r="B36254" s="2"/>
      <c r="C36254" s="2"/>
    </row>
    <row r="36255" spans="1:3" ht="19.2">
      <c r="A36255" s="2"/>
      <c r="B36255" s="2"/>
      <c r="C36255" s="2"/>
    </row>
    <row r="36256" spans="1:3" ht="19.2">
      <c r="A36256" s="2"/>
      <c r="B36256" s="2"/>
      <c r="C36256" s="2"/>
    </row>
    <row r="36257" spans="1:3" ht="19.2">
      <c r="A36257" s="2"/>
      <c r="B36257" s="2"/>
      <c r="C36257" s="2"/>
    </row>
    <row r="36258" spans="1:3" ht="19.2">
      <c r="A36258" s="2"/>
      <c r="B36258" s="2"/>
      <c r="C36258" s="2"/>
    </row>
    <row r="36259" spans="1:3" ht="19.2">
      <c r="A36259" s="2"/>
      <c r="B36259" s="2"/>
      <c r="C36259" s="2"/>
    </row>
    <row r="36260" spans="1:3" ht="19.2">
      <c r="A36260" s="2"/>
      <c r="B36260" s="2"/>
      <c r="C36260" s="2"/>
    </row>
    <row r="36261" spans="1:3" ht="19.2">
      <c r="A36261" s="2"/>
      <c r="B36261" s="2"/>
      <c r="C36261" s="2"/>
    </row>
    <row r="36262" spans="1:3" ht="19.2">
      <c r="A36262" s="2"/>
      <c r="B36262" s="2"/>
      <c r="C36262" s="2"/>
    </row>
    <row r="36263" spans="1:3" ht="19.2">
      <c r="A36263" s="2"/>
      <c r="B36263" s="2"/>
      <c r="C36263" s="2"/>
    </row>
    <row r="36264" spans="1:3" ht="19.2">
      <c r="A36264" s="2"/>
      <c r="B36264" s="2"/>
      <c r="C36264" s="2"/>
    </row>
    <row r="36265" spans="1:3" ht="19.2">
      <c r="A36265" s="2"/>
      <c r="B36265" s="2"/>
      <c r="C36265" s="2"/>
    </row>
    <row r="36266" spans="1:3" ht="19.2">
      <c r="A36266" s="2"/>
      <c r="B36266" s="2"/>
      <c r="C36266" s="2"/>
    </row>
    <row r="36267" spans="1:3" ht="19.2">
      <c r="A36267" s="2"/>
      <c r="B36267" s="2"/>
      <c r="C36267" s="2"/>
    </row>
    <row r="36268" spans="1:3" ht="19.2">
      <c r="A36268" s="2"/>
      <c r="B36268" s="2"/>
      <c r="C36268" s="2"/>
    </row>
    <row r="36269" spans="1:3" ht="19.2">
      <c r="A36269" s="2"/>
      <c r="B36269" s="2"/>
      <c r="C36269" s="2"/>
    </row>
    <row r="36270" spans="1:3" ht="19.2">
      <c r="A36270" s="2"/>
      <c r="B36270" s="2"/>
      <c r="C36270" s="2"/>
    </row>
    <row r="36271" spans="1:3" ht="19.2">
      <c r="A36271" s="2"/>
      <c r="B36271" s="2"/>
      <c r="C36271" s="2"/>
    </row>
    <row r="36272" spans="1:3" ht="19.2">
      <c r="A36272" s="2"/>
      <c r="B36272" s="2"/>
      <c r="C36272" s="2"/>
    </row>
    <row r="36273" spans="1:3" ht="19.2">
      <c r="A36273" s="2"/>
      <c r="B36273" s="2"/>
      <c r="C36273" s="2"/>
    </row>
    <row r="36274" spans="1:3" ht="19.2">
      <c r="A36274" s="2"/>
      <c r="B36274" s="2"/>
      <c r="C36274" s="2"/>
    </row>
    <row r="36275" spans="1:3" ht="19.2">
      <c r="A36275" s="2"/>
      <c r="B36275" s="2"/>
      <c r="C36275" s="2"/>
    </row>
    <row r="36276" spans="1:3" ht="19.2">
      <c r="A36276" s="2"/>
      <c r="B36276" s="2"/>
      <c r="C36276" s="2"/>
    </row>
    <row r="36277" spans="1:3" ht="19.2">
      <c r="A36277" s="2"/>
      <c r="B36277" s="2"/>
      <c r="C36277" s="2"/>
    </row>
    <row r="36278" spans="1:3" ht="19.2">
      <c r="A36278" s="2"/>
      <c r="B36278" s="2"/>
      <c r="C36278" s="2"/>
    </row>
    <row r="36279" spans="1:3" ht="19.2">
      <c r="A36279" s="2"/>
      <c r="B36279" s="2"/>
      <c r="C36279" s="2"/>
    </row>
    <row r="36280" spans="1:3" ht="19.2">
      <c r="A36280" s="2"/>
      <c r="B36280" s="2"/>
      <c r="C36280" s="2"/>
    </row>
    <row r="36281" spans="1:3" ht="19.2">
      <c r="A36281" s="2"/>
      <c r="B36281" s="2"/>
      <c r="C36281" s="2"/>
    </row>
    <row r="36282" spans="1:3" ht="19.2">
      <c r="A36282" s="2"/>
      <c r="B36282" s="2"/>
      <c r="C36282" s="2"/>
    </row>
    <row r="36283" spans="1:3" ht="19.2">
      <c r="A36283" s="2"/>
      <c r="B36283" s="2"/>
      <c r="C36283" s="2"/>
    </row>
    <row r="36284" spans="1:3" ht="19.2">
      <c r="A36284" s="2"/>
      <c r="B36284" s="2"/>
      <c r="C36284" s="2"/>
    </row>
    <row r="36285" spans="1:3" ht="19.2">
      <c r="A36285" s="2"/>
      <c r="B36285" s="2"/>
      <c r="C36285" s="2"/>
    </row>
    <row r="36286" spans="1:3" ht="19.2">
      <c r="A36286" s="2"/>
      <c r="B36286" s="2"/>
      <c r="C36286" s="2"/>
    </row>
    <row r="36287" spans="1:3" ht="19.2">
      <c r="A36287" s="2"/>
      <c r="B36287" s="2"/>
      <c r="C36287" s="2"/>
    </row>
    <row r="36288" spans="1:3" ht="19.2">
      <c r="A36288" s="2"/>
      <c r="B36288" s="2"/>
      <c r="C36288" s="2"/>
    </row>
    <row r="36289" spans="1:3" ht="19.2">
      <c r="A36289" s="2"/>
      <c r="B36289" s="2"/>
      <c r="C36289" s="2"/>
    </row>
    <row r="36290" spans="1:3" ht="19.2">
      <c r="A36290" s="2"/>
      <c r="B36290" s="2"/>
      <c r="C36290" s="2"/>
    </row>
    <row r="36291" spans="1:3" ht="19.2">
      <c r="A36291" s="2"/>
      <c r="B36291" s="2"/>
      <c r="C36291" s="2"/>
    </row>
    <row r="36292" spans="1:3" ht="19.2">
      <c r="A36292" s="2"/>
      <c r="B36292" s="2"/>
      <c r="C36292" s="2"/>
    </row>
    <row r="36293" spans="1:3" ht="19.2">
      <c r="A36293" s="2"/>
      <c r="B36293" s="2"/>
      <c r="C36293" s="2"/>
    </row>
    <row r="36294" spans="1:3" ht="19.2">
      <c r="A36294" s="2"/>
      <c r="B36294" s="2"/>
      <c r="C36294" s="2"/>
    </row>
    <row r="36295" spans="1:3" ht="19.2">
      <c r="A36295" s="2"/>
      <c r="B36295" s="2"/>
      <c r="C36295" s="2"/>
    </row>
    <row r="36296" spans="1:3" ht="19.2">
      <c r="A36296" s="2"/>
      <c r="B36296" s="2"/>
      <c r="C36296" s="2"/>
    </row>
    <row r="36297" spans="1:3" ht="19.2">
      <c r="A36297" s="2"/>
      <c r="B36297" s="2"/>
      <c r="C36297" s="2"/>
    </row>
    <row r="36298" spans="1:3" ht="19.2">
      <c r="A36298" s="2"/>
      <c r="B36298" s="2"/>
      <c r="C36298" s="2"/>
    </row>
    <row r="36299" spans="1:3" ht="19.2">
      <c r="A36299" s="2"/>
      <c r="B36299" s="2"/>
      <c r="C36299" s="2"/>
    </row>
    <row r="36300" spans="1:3" ht="19.2">
      <c r="A36300" s="2"/>
      <c r="B36300" s="2"/>
      <c r="C36300" s="2"/>
    </row>
    <row r="36301" spans="1:3" ht="19.2">
      <c r="A36301" s="2"/>
      <c r="B36301" s="2"/>
      <c r="C36301" s="2"/>
    </row>
    <row r="36302" spans="1:3" ht="19.2">
      <c r="A36302" s="2"/>
      <c r="B36302" s="2"/>
      <c r="C36302" s="2"/>
    </row>
    <row r="36303" spans="1:3" ht="19.2">
      <c r="A36303" s="2"/>
      <c r="B36303" s="2"/>
      <c r="C36303" s="2"/>
    </row>
    <row r="36304" spans="1:3" ht="19.2">
      <c r="A36304" s="2"/>
      <c r="B36304" s="2"/>
      <c r="C36304" s="2"/>
    </row>
    <row r="36305" spans="1:3" ht="19.2">
      <c r="A36305" s="2"/>
      <c r="B36305" s="2"/>
      <c r="C36305" s="2"/>
    </row>
    <row r="36306" spans="1:3" ht="19.2">
      <c r="A36306" s="2"/>
      <c r="B36306" s="2"/>
      <c r="C36306" s="2"/>
    </row>
    <row r="36307" spans="1:3" ht="19.2">
      <c r="A36307" s="2"/>
      <c r="B36307" s="2"/>
      <c r="C36307" s="2"/>
    </row>
    <row r="36308" spans="1:3" ht="19.2">
      <c r="A36308" s="2"/>
      <c r="B36308" s="2"/>
      <c r="C36308" s="2"/>
    </row>
    <row r="36309" spans="1:3" ht="19.2">
      <c r="A36309" s="2"/>
      <c r="B36309" s="2"/>
      <c r="C36309" s="2"/>
    </row>
    <row r="36310" spans="1:3" ht="19.2">
      <c r="A36310" s="2"/>
      <c r="B36310" s="2"/>
      <c r="C36310" s="2"/>
    </row>
    <row r="36311" spans="1:3" ht="19.2">
      <c r="A36311" s="2"/>
      <c r="B36311" s="2"/>
      <c r="C36311" s="2"/>
    </row>
    <row r="36312" spans="1:3" ht="19.2">
      <c r="A36312" s="2"/>
      <c r="B36312" s="2"/>
      <c r="C36312" s="2"/>
    </row>
    <row r="36313" spans="1:3" ht="19.2">
      <c r="A36313" s="2"/>
      <c r="B36313" s="2"/>
      <c r="C36313" s="2"/>
    </row>
    <row r="36314" spans="1:3" ht="19.2">
      <c r="A36314" s="2"/>
      <c r="B36314" s="2"/>
      <c r="C36314" s="2"/>
    </row>
    <row r="36315" spans="1:3" ht="19.2">
      <c r="A36315" s="2"/>
      <c r="B36315" s="2"/>
      <c r="C36315" s="2"/>
    </row>
    <row r="36316" spans="1:3" ht="19.2">
      <c r="A36316" s="2"/>
      <c r="B36316" s="2"/>
      <c r="C36316" s="2"/>
    </row>
    <row r="36317" spans="1:3" ht="19.2">
      <c r="A36317" s="2"/>
      <c r="B36317" s="2"/>
      <c r="C36317" s="2"/>
    </row>
    <row r="36318" spans="1:3" ht="19.2">
      <c r="A36318" s="2"/>
      <c r="B36318" s="2"/>
      <c r="C36318" s="2"/>
    </row>
    <row r="36319" spans="1:3" ht="19.2">
      <c r="A36319" s="2"/>
      <c r="B36319" s="2"/>
      <c r="C36319" s="2"/>
    </row>
    <row r="36320" spans="1:3" ht="19.2">
      <c r="A36320" s="2"/>
      <c r="B36320" s="2"/>
      <c r="C36320" s="2"/>
    </row>
    <row r="36321" spans="1:3" ht="19.2">
      <c r="A36321" s="2"/>
      <c r="B36321" s="2"/>
      <c r="C36321" s="2"/>
    </row>
    <row r="36322" spans="1:3" ht="19.2">
      <c r="A36322" s="2"/>
      <c r="B36322" s="2"/>
      <c r="C36322" s="2"/>
    </row>
    <row r="36323" spans="1:3" ht="19.2">
      <c r="A36323" s="2"/>
      <c r="B36323" s="2"/>
      <c r="C36323" s="2"/>
    </row>
    <row r="36324" spans="1:3" ht="19.2">
      <c r="A36324" s="2"/>
      <c r="B36324" s="2"/>
      <c r="C36324" s="2"/>
    </row>
    <row r="36325" spans="1:3" ht="19.2">
      <c r="A36325" s="2"/>
      <c r="B36325" s="2"/>
      <c r="C36325" s="2"/>
    </row>
    <row r="36326" spans="1:3" ht="19.2">
      <c r="A36326" s="2"/>
      <c r="B36326" s="2"/>
      <c r="C36326" s="2"/>
    </row>
    <row r="36327" spans="1:3" ht="19.2">
      <c r="A36327" s="2"/>
      <c r="B36327" s="2"/>
      <c r="C36327" s="2"/>
    </row>
    <row r="36328" spans="1:3" ht="19.2">
      <c r="A36328" s="2"/>
      <c r="B36328" s="2"/>
      <c r="C36328" s="2"/>
    </row>
    <row r="36329" spans="1:3" ht="19.2">
      <c r="A36329" s="2"/>
      <c r="B36329" s="2"/>
      <c r="C36329" s="2"/>
    </row>
    <row r="36330" spans="1:3" ht="19.2">
      <c r="A36330" s="2"/>
      <c r="B36330" s="2"/>
      <c r="C36330" s="2"/>
    </row>
    <row r="36331" spans="1:3" ht="19.2">
      <c r="A36331" s="2"/>
      <c r="B36331" s="2"/>
      <c r="C36331" s="2"/>
    </row>
    <row r="36332" spans="1:3" ht="19.2">
      <c r="A36332" s="2"/>
      <c r="B36332" s="2"/>
      <c r="C36332" s="2"/>
    </row>
    <row r="36333" spans="1:3" ht="19.2">
      <c r="A36333" s="2"/>
      <c r="B36333" s="2"/>
      <c r="C36333" s="2"/>
    </row>
    <row r="36334" spans="1:3" ht="19.2">
      <c r="A36334" s="2"/>
      <c r="B36334" s="2"/>
      <c r="C36334" s="2"/>
    </row>
    <row r="36335" spans="1:3" ht="19.2">
      <c r="A36335" s="2"/>
      <c r="B36335" s="2"/>
      <c r="C36335" s="2"/>
    </row>
    <row r="36336" spans="1:3" ht="19.2">
      <c r="A36336" s="2"/>
      <c r="B36336" s="2"/>
      <c r="C36336" s="2"/>
    </row>
    <row r="36337" spans="1:3" ht="19.2">
      <c r="A36337" s="2"/>
      <c r="B36337" s="2"/>
      <c r="C36337" s="2"/>
    </row>
    <row r="36338" spans="1:3" ht="19.2">
      <c r="A36338" s="2"/>
      <c r="B36338" s="2"/>
      <c r="C36338" s="2"/>
    </row>
    <row r="36339" spans="1:3" ht="19.2">
      <c r="A36339" s="2"/>
      <c r="B36339" s="2"/>
      <c r="C36339" s="2"/>
    </row>
    <row r="36340" spans="1:3" ht="19.2">
      <c r="A36340" s="2"/>
      <c r="B36340" s="2"/>
      <c r="C36340" s="2"/>
    </row>
    <row r="36341" spans="1:3" ht="19.2">
      <c r="A36341" s="2"/>
      <c r="B36341" s="2"/>
      <c r="C36341" s="2"/>
    </row>
    <row r="36342" spans="1:3" ht="19.2">
      <c r="A36342" s="2"/>
      <c r="B36342" s="2"/>
      <c r="C36342" s="2"/>
    </row>
    <row r="36343" spans="1:3" ht="19.2">
      <c r="A36343" s="2"/>
      <c r="B36343" s="2"/>
      <c r="C36343" s="2"/>
    </row>
    <row r="36344" spans="1:3" ht="19.2">
      <c r="A36344" s="2"/>
      <c r="B36344" s="2"/>
      <c r="C36344" s="2"/>
    </row>
    <row r="36345" spans="1:3" ht="19.2">
      <c r="A36345" s="2"/>
      <c r="B36345" s="2"/>
      <c r="C36345" s="2"/>
    </row>
    <row r="36346" spans="1:3" ht="19.2">
      <c r="A36346" s="2"/>
      <c r="B36346" s="2"/>
      <c r="C36346" s="2"/>
    </row>
    <row r="36347" spans="1:3" ht="19.2">
      <c r="A36347" s="2"/>
      <c r="B36347" s="2"/>
      <c r="C36347" s="2"/>
    </row>
    <row r="36348" spans="1:3" ht="19.2">
      <c r="A36348" s="2"/>
      <c r="B36348" s="2"/>
      <c r="C36348" s="2"/>
    </row>
    <row r="36349" spans="1:3" ht="19.2">
      <c r="A36349" s="2"/>
      <c r="B36349" s="2"/>
      <c r="C36349" s="2"/>
    </row>
    <row r="36350" spans="1:3" ht="19.2">
      <c r="A36350" s="2"/>
      <c r="B36350" s="2"/>
      <c r="C36350" s="2"/>
    </row>
    <row r="36351" spans="1:3" ht="19.2">
      <c r="A36351" s="2"/>
      <c r="B36351" s="2"/>
      <c r="C36351" s="2"/>
    </row>
    <row r="36352" spans="1:3" ht="19.2">
      <c r="A36352" s="2"/>
      <c r="B36352" s="2"/>
      <c r="C36352" s="2"/>
    </row>
    <row r="36353" spans="1:3" ht="19.2">
      <c r="A36353" s="2"/>
      <c r="B36353" s="2"/>
      <c r="C36353" s="2"/>
    </row>
    <row r="36354" spans="1:3" ht="19.2">
      <c r="A36354" s="2"/>
      <c r="B36354" s="2"/>
      <c r="C36354" s="2"/>
    </row>
    <row r="36355" spans="1:3" ht="19.2">
      <c r="A36355" s="2"/>
      <c r="B36355" s="2"/>
      <c r="C36355" s="2"/>
    </row>
    <row r="36356" spans="1:3" ht="19.2">
      <c r="A36356" s="2"/>
      <c r="B36356" s="2"/>
      <c r="C36356" s="2"/>
    </row>
    <row r="36357" spans="1:3" ht="19.2">
      <c r="A36357" s="2"/>
      <c r="B36357" s="2"/>
      <c r="C36357" s="2"/>
    </row>
    <row r="36358" spans="1:3" ht="19.2">
      <c r="A36358" s="2"/>
      <c r="B36358" s="2"/>
      <c r="C36358" s="2"/>
    </row>
    <row r="36359" spans="1:3" ht="19.2">
      <c r="A36359" s="2"/>
      <c r="B36359" s="2"/>
      <c r="C36359" s="2"/>
    </row>
    <row r="36360" spans="1:3" ht="19.2">
      <c r="A36360" s="2"/>
      <c r="B36360" s="2"/>
      <c r="C36360" s="2"/>
    </row>
    <row r="36361" spans="1:3" ht="19.2">
      <c r="A36361" s="2"/>
      <c r="B36361" s="2"/>
      <c r="C36361" s="2"/>
    </row>
    <row r="36362" spans="1:3" ht="19.2">
      <c r="A36362" s="2"/>
      <c r="B36362" s="2"/>
      <c r="C36362" s="2"/>
    </row>
    <row r="36363" spans="1:3" ht="19.2">
      <c r="A36363" s="2"/>
      <c r="B36363" s="2"/>
      <c r="C36363" s="2"/>
    </row>
    <row r="36364" spans="1:3" ht="19.2">
      <c r="A36364" s="2"/>
      <c r="B36364" s="2"/>
      <c r="C36364" s="2"/>
    </row>
    <row r="36365" spans="1:3" ht="19.2">
      <c r="A36365" s="2"/>
      <c r="B36365" s="2"/>
      <c r="C36365" s="2"/>
    </row>
    <row r="36366" spans="1:3" ht="19.2">
      <c r="A36366" s="2"/>
      <c r="B36366" s="2"/>
      <c r="C36366" s="2"/>
    </row>
    <row r="36367" spans="1:3" ht="19.2">
      <c r="A36367" s="2"/>
      <c r="B36367" s="2"/>
      <c r="C36367" s="2"/>
    </row>
    <row r="36368" spans="1:3" ht="19.2">
      <c r="A36368" s="2"/>
      <c r="B36368" s="2"/>
      <c r="C36368" s="2"/>
    </row>
    <row r="36369" spans="1:3" ht="19.2">
      <c r="A36369" s="2"/>
      <c r="B36369" s="2"/>
      <c r="C36369" s="2"/>
    </row>
    <row r="36370" spans="1:3" ht="19.2">
      <c r="A36370" s="2"/>
      <c r="B36370" s="2"/>
      <c r="C36370" s="2"/>
    </row>
    <row r="36371" spans="1:3" ht="19.2">
      <c r="A36371" s="2"/>
      <c r="B36371" s="2"/>
      <c r="C36371" s="2"/>
    </row>
    <row r="36372" spans="1:3" ht="19.2">
      <c r="A36372" s="2"/>
      <c r="B36372" s="2"/>
      <c r="C36372" s="2"/>
    </row>
    <row r="36373" spans="1:3" ht="19.2">
      <c r="A36373" s="2"/>
      <c r="B36373" s="2"/>
      <c r="C36373" s="2"/>
    </row>
    <row r="36374" spans="1:3" ht="19.2">
      <c r="A36374" s="2"/>
      <c r="B36374" s="2"/>
      <c r="C36374" s="2"/>
    </row>
    <row r="36375" spans="1:3" ht="19.2">
      <c r="A36375" s="2"/>
      <c r="B36375" s="2"/>
      <c r="C36375" s="2"/>
    </row>
    <row r="36376" spans="1:3" ht="19.2">
      <c r="A36376" s="2"/>
      <c r="B36376" s="2"/>
      <c r="C36376" s="2"/>
    </row>
    <row r="36377" spans="1:3" ht="19.2">
      <c r="A36377" s="2"/>
      <c r="B36377" s="2"/>
      <c r="C36377" s="2"/>
    </row>
    <row r="36378" spans="1:3" ht="19.2">
      <c r="A36378" s="2"/>
      <c r="B36378" s="2"/>
      <c r="C36378" s="2"/>
    </row>
    <row r="36379" spans="1:3" ht="19.2">
      <c r="A36379" s="2"/>
      <c r="B36379" s="2"/>
      <c r="C36379" s="2"/>
    </row>
    <row r="36380" spans="1:3" ht="19.2">
      <c r="A36380" s="2"/>
      <c r="B36380" s="2"/>
      <c r="C36380" s="2"/>
    </row>
    <row r="36381" spans="1:3" ht="19.2">
      <c r="A36381" s="2"/>
      <c r="B36381" s="2"/>
      <c r="C36381" s="2"/>
    </row>
    <row r="36382" spans="1:3" ht="19.2">
      <c r="A36382" s="2"/>
      <c r="B36382" s="2"/>
      <c r="C36382" s="2"/>
    </row>
    <row r="36383" spans="1:3" ht="19.2">
      <c r="A36383" s="2"/>
      <c r="B36383" s="2"/>
      <c r="C36383" s="2"/>
    </row>
    <row r="36384" spans="1:3" ht="19.2">
      <c r="A36384" s="2"/>
      <c r="B36384" s="2"/>
      <c r="C36384" s="2"/>
    </row>
    <row r="36385" spans="1:3" ht="19.2">
      <c r="A36385" s="2"/>
      <c r="B36385" s="2"/>
      <c r="C36385" s="2"/>
    </row>
    <row r="36386" spans="1:3" ht="19.2">
      <c r="A36386" s="2"/>
      <c r="B36386" s="2"/>
      <c r="C36386" s="2"/>
    </row>
    <row r="36387" spans="1:3" ht="19.2">
      <c r="A36387" s="2"/>
      <c r="B36387" s="2"/>
      <c r="C36387" s="2"/>
    </row>
    <row r="36388" spans="1:3" ht="19.2">
      <c r="A36388" s="2"/>
      <c r="B36388" s="2"/>
      <c r="C36388" s="2"/>
    </row>
    <row r="36389" spans="1:3" ht="19.2">
      <c r="A36389" s="2"/>
      <c r="B36389" s="2"/>
      <c r="C36389" s="2"/>
    </row>
    <row r="36390" spans="1:3" ht="19.2">
      <c r="A36390" s="2"/>
      <c r="B36390" s="2"/>
      <c r="C36390" s="2"/>
    </row>
    <row r="36391" spans="1:3" ht="19.2">
      <c r="A36391" s="2"/>
      <c r="B36391" s="2"/>
      <c r="C36391" s="2"/>
    </row>
    <row r="36392" spans="1:3" ht="19.2">
      <c r="A36392" s="2"/>
      <c r="B36392" s="2"/>
      <c r="C36392" s="2"/>
    </row>
    <row r="36393" spans="1:3" ht="19.2">
      <c r="A36393" s="2"/>
      <c r="B36393" s="2"/>
      <c r="C36393" s="2"/>
    </row>
    <row r="36394" spans="1:3" ht="19.2">
      <c r="A36394" s="2"/>
      <c r="B36394" s="2"/>
      <c r="C36394" s="2"/>
    </row>
    <row r="36395" spans="1:3" ht="19.2">
      <c r="A36395" s="2"/>
      <c r="B36395" s="2"/>
      <c r="C36395" s="2"/>
    </row>
    <row r="36396" spans="1:3" ht="19.2">
      <c r="A36396" s="2"/>
      <c r="B36396" s="2"/>
      <c r="C36396" s="2"/>
    </row>
    <row r="36397" spans="1:3" ht="19.2">
      <c r="A36397" s="2"/>
      <c r="B36397" s="2"/>
      <c r="C36397" s="2"/>
    </row>
    <row r="36398" spans="1:3" ht="19.2">
      <c r="A36398" s="2"/>
      <c r="B36398" s="2"/>
      <c r="C36398" s="2"/>
    </row>
    <row r="36399" spans="1:3" ht="19.2">
      <c r="A36399" s="2"/>
      <c r="B36399" s="2"/>
      <c r="C36399" s="2"/>
    </row>
    <row r="36400" spans="1:3" ht="19.2">
      <c r="A36400" s="2"/>
      <c r="B36400" s="2"/>
      <c r="C36400" s="2"/>
    </row>
    <row r="36401" spans="1:3" ht="19.2">
      <c r="A36401" s="2"/>
      <c r="B36401" s="2"/>
      <c r="C36401" s="2"/>
    </row>
    <row r="36402" spans="1:3" ht="19.2">
      <c r="A36402" s="2"/>
      <c r="B36402" s="2"/>
      <c r="C36402" s="2"/>
    </row>
    <row r="36403" spans="1:3" ht="19.2">
      <c r="A36403" s="2"/>
      <c r="B36403" s="2"/>
      <c r="C36403" s="2"/>
    </row>
    <row r="36404" spans="1:3" ht="19.2">
      <c r="A36404" s="2"/>
      <c r="B36404" s="2"/>
      <c r="C36404" s="2"/>
    </row>
    <row r="36405" spans="1:3" ht="19.2">
      <c r="A36405" s="2"/>
      <c r="B36405" s="2"/>
      <c r="C36405" s="2"/>
    </row>
    <row r="36406" spans="1:3" ht="19.2">
      <c r="A36406" s="2"/>
      <c r="B36406" s="2"/>
      <c r="C36406" s="2"/>
    </row>
    <row r="36407" spans="1:3" ht="19.2">
      <c r="A36407" s="2"/>
      <c r="B36407" s="2"/>
      <c r="C36407" s="2"/>
    </row>
    <row r="36408" spans="1:3" ht="19.2">
      <c r="A36408" s="2"/>
      <c r="B36408" s="2"/>
      <c r="C36408" s="2"/>
    </row>
    <row r="36409" spans="1:3" ht="19.2">
      <c r="A36409" s="2"/>
      <c r="B36409" s="2"/>
      <c r="C36409" s="2"/>
    </row>
    <row r="36410" spans="1:3" ht="19.2">
      <c r="A36410" s="2"/>
      <c r="B36410" s="2"/>
      <c r="C36410" s="2"/>
    </row>
    <row r="36411" spans="1:3" ht="19.2">
      <c r="A36411" s="2"/>
      <c r="B36411" s="2"/>
      <c r="C36411" s="2"/>
    </row>
    <row r="36412" spans="1:3" ht="19.2">
      <c r="A36412" s="2"/>
      <c r="B36412" s="2"/>
      <c r="C36412" s="2"/>
    </row>
    <row r="36413" spans="1:3" ht="19.2">
      <c r="A36413" s="2"/>
      <c r="B36413" s="2"/>
      <c r="C36413" s="2"/>
    </row>
    <row r="36414" spans="1:3" ht="19.2">
      <c r="A36414" s="2"/>
      <c r="B36414" s="2"/>
      <c r="C36414" s="2"/>
    </row>
    <row r="36415" spans="1:3" ht="19.2">
      <c r="A36415" s="2"/>
      <c r="B36415" s="2"/>
      <c r="C36415" s="2"/>
    </row>
    <row r="36416" spans="1:3" ht="19.2">
      <c r="A36416" s="2"/>
      <c r="B36416" s="2"/>
      <c r="C36416" s="2"/>
    </row>
    <row r="36417" spans="1:3" ht="19.2">
      <c r="A36417" s="2"/>
      <c r="B36417" s="2"/>
      <c r="C36417" s="2"/>
    </row>
    <row r="36418" spans="1:3" ht="19.2">
      <c r="A36418" s="2"/>
      <c r="B36418" s="2"/>
      <c r="C36418" s="2"/>
    </row>
    <row r="36419" spans="1:3" ht="19.2">
      <c r="A36419" s="2"/>
      <c r="B36419" s="2"/>
      <c r="C36419" s="2"/>
    </row>
    <row r="36420" spans="1:3" ht="19.2">
      <c r="A36420" s="2"/>
      <c r="B36420" s="2"/>
      <c r="C36420" s="2"/>
    </row>
    <row r="36421" spans="1:3" ht="19.2">
      <c r="A36421" s="2"/>
      <c r="B36421" s="2"/>
      <c r="C36421" s="2"/>
    </row>
    <row r="36422" spans="1:3" ht="19.2">
      <c r="A36422" s="2"/>
      <c r="B36422" s="2"/>
      <c r="C36422" s="2"/>
    </row>
    <row r="36423" spans="1:3" ht="19.2">
      <c r="A36423" s="2"/>
      <c r="B36423" s="2"/>
      <c r="C36423" s="2"/>
    </row>
    <row r="36424" spans="1:3" ht="19.2">
      <c r="A36424" s="2"/>
      <c r="B36424" s="2"/>
      <c r="C36424" s="2"/>
    </row>
    <row r="36425" spans="1:3" ht="19.2">
      <c r="A36425" s="2"/>
      <c r="B36425" s="2"/>
      <c r="C36425" s="2"/>
    </row>
    <row r="36426" spans="1:3" ht="19.2">
      <c r="A36426" s="2"/>
      <c r="B36426" s="2"/>
      <c r="C36426" s="2"/>
    </row>
    <row r="36427" spans="1:3" ht="19.2">
      <c r="A36427" s="2"/>
      <c r="B36427" s="2"/>
      <c r="C36427" s="2"/>
    </row>
    <row r="36428" spans="1:3" ht="19.2">
      <c r="A36428" s="2"/>
      <c r="B36428" s="2"/>
      <c r="C36428" s="2"/>
    </row>
    <row r="36429" spans="1:3" ht="19.2">
      <c r="A36429" s="2"/>
      <c r="B36429" s="2"/>
      <c r="C36429" s="2"/>
    </row>
    <row r="36430" spans="1:3" ht="19.2">
      <c r="A36430" s="2"/>
      <c r="B36430" s="2"/>
      <c r="C36430" s="2"/>
    </row>
    <row r="36431" spans="1:3" ht="19.2">
      <c r="A36431" s="2"/>
      <c r="B36431" s="2"/>
      <c r="C36431" s="2"/>
    </row>
    <row r="36432" spans="1:3" ht="19.2">
      <c r="A36432" s="2"/>
      <c r="B36432" s="2"/>
      <c r="C36432" s="2"/>
    </row>
    <row r="36433" spans="1:3" ht="19.2">
      <c r="A36433" s="2"/>
      <c r="B36433" s="2"/>
      <c r="C36433" s="2"/>
    </row>
    <row r="36434" spans="1:3" ht="19.2">
      <c r="A36434" s="2"/>
      <c r="B36434" s="2"/>
      <c r="C36434" s="2"/>
    </row>
    <row r="36435" spans="1:3" ht="19.2">
      <c r="A36435" s="2"/>
      <c r="B36435" s="2"/>
      <c r="C36435" s="2"/>
    </row>
    <row r="36436" spans="1:3" ht="19.2">
      <c r="A36436" s="2"/>
      <c r="B36436" s="2"/>
      <c r="C36436" s="2"/>
    </row>
    <row r="36437" spans="1:3" ht="19.2">
      <c r="A36437" s="2"/>
      <c r="B36437" s="2"/>
      <c r="C36437" s="2"/>
    </row>
    <row r="36438" spans="1:3" ht="19.2">
      <c r="A36438" s="2"/>
      <c r="B36438" s="2"/>
      <c r="C36438" s="2"/>
    </row>
    <row r="36439" spans="1:3" ht="19.2">
      <c r="A36439" s="2"/>
      <c r="B36439" s="2"/>
      <c r="C36439" s="2"/>
    </row>
    <row r="36440" spans="1:3" ht="19.2">
      <c r="A36440" s="2"/>
      <c r="B36440" s="2"/>
      <c r="C36440" s="2"/>
    </row>
    <row r="36441" spans="1:3" ht="19.2">
      <c r="A36441" s="2"/>
      <c r="B36441" s="2"/>
      <c r="C36441" s="2"/>
    </row>
    <row r="36442" spans="1:3" ht="19.2">
      <c r="A36442" s="2"/>
      <c r="B36442" s="2"/>
      <c r="C36442" s="2"/>
    </row>
    <row r="36443" spans="1:3" ht="19.2">
      <c r="A36443" s="2"/>
      <c r="B36443" s="2"/>
      <c r="C36443" s="2"/>
    </row>
    <row r="36444" spans="1:3" ht="19.2">
      <c r="A36444" s="2"/>
      <c r="B36444" s="2"/>
      <c r="C36444" s="2"/>
    </row>
    <row r="36445" spans="1:3" ht="19.2">
      <c r="A36445" s="2"/>
      <c r="B36445" s="2"/>
      <c r="C36445" s="2"/>
    </row>
    <row r="36446" spans="1:3" ht="19.2">
      <c r="A36446" s="2"/>
      <c r="B36446" s="2"/>
      <c r="C36446" s="2"/>
    </row>
    <row r="36447" spans="1:3" ht="19.2">
      <c r="A36447" s="2"/>
      <c r="B36447" s="2"/>
      <c r="C36447" s="2"/>
    </row>
    <row r="36448" spans="1:3" ht="19.2">
      <c r="A36448" s="2"/>
      <c r="B36448" s="2"/>
      <c r="C36448" s="2"/>
    </row>
    <row r="36449" spans="1:3" ht="19.2">
      <c r="A36449" s="2"/>
      <c r="B36449" s="2"/>
      <c r="C36449" s="2"/>
    </row>
    <row r="36450" spans="1:3" ht="19.2">
      <c r="A36450" s="2"/>
      <c r="B36450" s="2"/>
      <c r="C36450" s="2"/>
    </row>
    <row r="36451" spans="1:3" ht="19.2">
      <c r="A36451" s="2"/>
      <c r="B36451" s="2"/>
      <c r="C36451" s="2"/>
    </row>
    <row r="36452" spans="1:3" ht="19.2">
      <c r="A36452" s="2"/>
      <c r="B36452" s="2"/>
      <c r="C36452" s="2"/>
    </row>
    <row r="36453" spans="1:3" ht="19.2">
      <c r="A36453" s="2"/>
      <c r="B36453" s="2"/>
      <c r="C36453" s="2"/>
    </row>
    <row r="36454" spans="1:3" ht="19.2">
      <c r="A36454" s="2"/>
      <c r="B36454" s="2"/>
      <c r="C36454" s="2"/>
    </row>
    <row r="36455" spans="1:3" ht="19.2">
      <c r="A36455" s="2"/>
      <c r="B36455" s="2"/>
      <c r="C36455" s="2"/>
    </row>
    <row r="36456" spans="1:3" ht="19.2">
      <c r="A36456" s="2"/>
      <c r="B36456" s="2"/>
      <c r="C36456" s="2"/>
    </row>
    <row r="36457" spans="1:3" ht="19.2">
      <c r="A36457" s="2"/>
      <c r="B36457" s="2"/>
      <c r="C36457" s="2"/>
    </row>
    <row r="36458" spans="1:3" ht="19.2">
      <c r="A36458" s="2"/>
      <c r="B36458" s="2"/>
      <c r="C36458" s="2"/>
    </row>
    <row r="36459" spans="1:3" ht="19.2">
      <c r="A36459" s="2"/>
      <c r="B36459" s="2"/>
      <c r="C36459" s="2"/>
    </row>
    <row r="36460" spans="1:3" ht="19.2">
      <c r="A36460" s="2"/>
      <c r="B36460" s="2"/>
      <c r="C36460" s="2"/>
    </row>
    <row r="36461" spans="1:3" ht="19.2">
      <c r="A36461" s="2"/>
      <c r="B36461" s="2"/>
      <c r="C36461" s="2"/>
    </row>
    <row r="36462" spans="1:3" ht="19.2">
      <c r="A36462" s="2"/>
      <c r="B36462" s="2"/>
      <c r="C36462" s="2"/>
    </row>
    <row r="36463" spans="1:3" ht="19.2">
      <c r="A36463" s="2"/>
      <c r="B36463" s="2"/>
      <c r="C36463" s="2"/>
    </row>
    <row r="36464" spans="1:3" ht="19.2">
      <c r="A36464" s="2"/>
      <c r="B36464" s="2"/>
      <c r="C36464" s="2"/>
    </row>
    <row r="36465" spans="1:3" ht="19.2">
      <c r="A36465" s="2"/>
      <c r="B36465" s="2"/>
      <c r="C36465" s="2"/>
    </row>
    <row r="36466" spans="1:3" ht="19.2">
      <c r="A36466" s="2"/>
      <c r="B36466" s="2"/>
      <c r="C36466" s="2"/>
    </row>
    <row r="36467" spans="1:3" ht="19.2">
      <c r="A36467" s="2"/>
      <c r="B36467" s="2"/>
      <c r="C36467" s="2"/>
    </row>
    <row r="36468" spans="1:3" ht="19.2">
      <c r="A36468" s="2"/>
      <c r="B36468" s="2"/>
      <c r="C36468" s="2"/>
    </row>
    <row r="36469" spans="1:3" ht="19.2">
      <c r="A36469" s="2"/>
      <c r="B36469" s="2"/>
      <c r="C36469" s="2"/>
    </row>
    <row r="36470" spans="1:3" ht="19.2">
      <c r="A36470" s="2"/>
      <c r="B36470" s="2"/>
      <c r="C36470" s="2"/>
    </row>
    <row r="36471" spans="1:3" ht="19.2">
      <c r="A36471" s="2"/>
      <c r="B36471" s="2"/>
      <c r="C36471" s="2"/>
    </row>
    <row r="36472" spans="1:3" ht="19.2">
      <c r="A36472" s="2"/>
      <c r="B36472" s="2"/>
      <c r="C36472" s="2"/>
    </row>
    <row r="36473" spans="1:3" ht="19.2">
      <c r="A36473" s="2"/>
      <c r="B36473" s="2"/>
      <c r="C36473" s="2"/>
    </row>
    <row r="36474" spans="1:3" ht="19.2">
      <c r="A36474" s="2"/>
      <c r="B36474" s="2"/>
      <c r="C36474" s="2"/>
    </row>
    <row r="36475" spans="1:3" ht="19.2">
      <c r="A36475" s="2"/>
      <c r="B36475" s="2"/>
      <c r="C36475" s="2"/>
    </row>
    <row r="36476" spans="1:3" ht="19.2">
      <c r="A36476" s="2"/>
      <c r="B36476" s="2"/>
      <c r="C36476" s="2"/>
    </row>
    <row r="36477" spans="1:3" ht="19.2">
      <c r="A36477" s="2"/>
      <c r="B36477" s="2"/>
      <c r="C36477" s="2"/>
    </row>
    <row r="36478" spans="1:3" ht="19.2">
      <c r="A36478" s="2"/>
      <c r="B36478" s="2"/>
      <c r="C36478" s="2"/>
    </row>
    <row r="36479" spans="1:3" ht="19.2">
      <c r="A36479" s="2"/>
      <c r="B36479" s="2"/>
      <c r="C36479" s="2"/>
    </row>
    <row r="36480" spans="1:3" ht="19.2">
      <c r="A36480" s="2"/>
      <c r="B36480" s="2"/>
      <c r="C36480" s="2"/>
    </row>
    <row r="36481" spans="1:3" ht="19.2">
      <c r="A36481" s="2"/>
      <c r="B36481" s="2"/>
      <c r="C36481" s="2"/>
    </row>
    <row r="36482" spans="1:3" ht="19.2">
      <c r="A36482" s="2"/>
      <c r="B36482" s="2"/>
      <c r="C36482" s="2"/>
    </row>
    <row r="36483" spans="1:3" ht="19.2">
      <c r="A36483" s="2"/>
      <c r="B36483" s="2"/>
      <c r="C36483" s="2"/>
    </row>
    <row r="36484" spans="1:3" ht="19.2">
      <c r="A36484" s="2"/>
      <c r="B36484" s="2"/>
      <c r="C36484" s="2"/>
    </row>
    <row r="36485" spans="1:3" ht="19.2">
      <c r="A36485" s="2"/>
      <c r="B36485" s="2"/>
      <c r="C36485" s="2"/>
    </row>
    <row r="36486" spans="1:3" ht="19.2">
      <c r="A36486" s="2"/>
      <c r="B36486" s="2"/>
      <c r="C36486" s="2"/>
    </row>
    <row r="36487" spans="1:3" ht="19.2">
      <c r="A36487" s="2"/>
      <c r="B36487" s="2"/>
      <c r="C36487" s="2"/>
    </row>
    <row r="36488" spans="1:3" ht="19.2">
      <c r="A36488" s="2"/>
      <c r="B36488" s="2"/>
      <c r="C36488" s="2"/>
    </row>
    <row r="36489" spans="1:3" ht="19.2">
      <c r="A36489" s="2"/>
      <c r="B36489" s="2"/>
      <c r="C36489" s="2"/>
    </row>
    <row r="36490" spans="1:3" ht="19.2">
      <c r="A36490" s="2"/>
      <c r="B36490" s="2"/>
      <c r="C36490" s="2"/>
    </row>
    <row r="36491" spans="1:3" ht="19.2">
      <c r="A36491" s="2"/>
      <c r="B36491" s="2"/>
      <c r="C36491" s="2"/>
    </row>
    <row r="36492" spans="1:3" ht="19.2">
      <c r="A36492" s="2"/>
      <c r="B36492" s="2"/>
      <c r="C36492" s="2"/>
    </row>
    <row r="36493" spans="1:3" ht="19.2">
      <c r="A36493" s="2"/>
      <c r="B36493" s="2"/>
      <c r="C36493" s="2"/>
    </row>
    <row r="36494" spans="1:3" ht="19.2">
      <c r="A36494" s="2"/>
      <c r="B36494" s="2"/>
      <c r="C36494" s="2"/>
    </row>
    <row r="36495" spans="1:3" ht="19.2">
      <c r="A36495" s="2"/>
      <c r="B36495" s="2"/>
      <c r="C36495" s="2"/>
    </row>
    <row r="36496" spans="1:3" ht="19.2">
      <c r="A36496" s="2"/>
      <c r="B36496" s="2"/>
      <c r="C36496" s="2"/>
    </row>
    <row r="36497" spans="1:3" ht="19.2">
      <c r="A36497" s="2"/>
      <c r="B36497" s="2"/>
      <c r="C36497" s="2"/>
    </row>
    <row r="36498" spans="1:3" ht="19.2">
      <c r="A36498" s="2"/>
      <c r="B36498" s="2"/>
      <c r="C36498" s="2"/>
    </row>
    <row r="36499" spans="1:3" ht="19.2">
      <c r="A36499" s="2"/>
      <c r="B36499" s="2"/>
      <c r="C36499" s="2"/>
    </row>
    <row r="36500" spans="1:3" ht="19.2">
      <c r="A36500" s="2"/>
      <c r="B36500" s="2"/>
      <c r="C36500" s="2"/>
    </row>
    <row r="36501" spans="1:3" ht="19.2">
      <c r="A36501" s="2"/>
      <c r="B36501" s="2"/>
      <c r="C36501" s="2"/>
    </row>
    <row r="36502" spans="1:3" ht="19.2">
      <c r="A36502" s="2"/>
      <c r="B36502" s="2"/>
      <c r="C36502" s="2"/>
    </row>
    <row r="36503" spans="1:3" ht="19.2">
      <c r="A36503" s="2"/>
      <c r="B36503" s="2"/>
      <c r="C36503" s="2"/>
    </row>
    <row r="36504" spans="1:3" ht="19.2">
      <c r="A36504" s="2"/>
      <c r="B36504" s="2"/>
      <c r="C36504" s="2"/>
    </row>
    <row r="36505" spans="1:3" ht="19.2">
      <c r="A36505" s="2"/>
      <c r="B36505" s="2"/>
      <c r="C36505" s="2"/>
    </row>
    <row r="36506" spans="1:3" ht="19.2">
      <c r="A36506" s="2"/>
      <c r="B36506" s="2"/>
      <c r="C36506" s="2"/>
    </row>
    <row r="36507" spans="1:3" ht="19.2">
      <c r="A36507" s="2"/>
      <c r="B36507" s="2"/>
      <c r="C36507" s="2"/>
    </row>
    <row r="36508" spans="1:3" ht="19.2">
      <c r="A36508" s="2"/>
      <c r="B36508" s="2"/>
      <c r="C36508" s="2"/>
    </row>
    <row r="36509" spans="1:3" ht="19.2">
      <c r="A36509" s="2"/>
      <c r="B36509" s="2"/>
      <c r="C36509" s="2"/>
    </row>
    <row r="36510" spans="1:3" ht="19.2">
      <c r="A36510" s="2"/>
      <c r="B36510" s="2"/>
      <c r="C36510" s="2"/>
    </row>
    <row r="36511" spans="1:3" ht="19.2">
      <c r="A36511" s="2"/>
      <c r="B36511" s="2"/>
      <c r="C36511" s="2"/>
    </row>
    <row r="36512" spans="1:3" ht="19.2">
      <c r="A36512" s="2"/>
      <c r="B36512" s="2"/>
      <c r="C36512" s="2"/>
    </row>
    <row r="36513" spans="1:3" ht="19.2">
      <c r="A36513" s="2"/>
      <c r="B36513" s="2"/>
      <c r="C36513" s="2"/>
    </row>
    <row r="36514" spans="1:3" ht="19.2">
      <c r="A36514" s="2"/>
      <c r="B36514" s="2"/>
      <c r="C36514" s="2"/>
    </row>
    <row r="36515" spans="1:3" ht="19.2">
      <c r="A36515" s="2"/>
      <c r="B36515" s="2"/>
      <c r="C36515" s="2"/>
    </row>
    <row r="36516" spans="1:3" ht="19.2">
      <c r="A36516" s="2"/>
      <c r="B36516" s="2"/>
      <c r="C36516" s="2"/>
    </row>
    <row r="36517" spans="1:3" ht="19.2">
      <c r="A36517" s="2"/>
      <c r="B36517" s="2"/>
      <c r="C36517" s="2"/>
    </row>
    <row r="36518" spans="1:3" ht="19.2">
      <c r="A36518" s="2"/>
      <c r="B36518" s="2"/>
      <c r="C36518" s="2"/>
    </row>
    <row r="36519" spans="1:3" ht="19.2">
      <c r="A36519" s="2"/>
      <c r="B36519" s="2"/>
      <c r="C36519" s="2"/>
    </row>
    <row r="36520" spans="1:3" ht="19.2">
      <c r="A36520" s="2"/>
      <c r="B36520" s="2"/>
      <c r="C36520" s="2"/>
    </row>
    <row r="36521" spans="1:3" ht="19.2">
      <c r="A36521" s="2"/>
      <c r="B36521" s="2"/>
      <c r="C36521" s="2"/>
    </row>
    <row r="36522" spans="1:3" ht="19.2">
      <c r="A36522" s="2"/>
      <c r="B36522" s="2"/>
      <c r="C36522" s="2"/>
    </row>
    <row r="36523" spans="1:3" ht="19.2">
      <c r="A36523" s="2"/>
      <c r="B36523" s="2"/>
      <c r="C36523" s="2"/>
    </row>
    <row r="36524" spans="1:3" ht="19.2">
      <c r="A36524" s="2"/>
      <c r="B36524" s="2"/>
      <c r="C36524" s="2"/>
    </row>
    <row r="36525" spans="1:3" ht="19.2">
      <c r="A36525" s="2"/>
      <c r="B36525" s="2"/>
      <c r="C36525" s="2"/>
    </row>
    <row r="36526" spans="1:3" ht="19.2">
      <c r="A36526" s="2"/>
      <c r="B36526" s="2"/>
      <c r="C36526" s="2"/>
    </row>
    <row r="36527" spans="1:3" ht="19.2">
      <c r="A36527" s="2"/>
      <c r="B36527" s="2"/>
      <c r="C36527" s="2"/>
    </row>
    <row r="36528" spans="1:3" ht="19.2">
      <c r="A36528" s="2"/>
      <c r="B36528" s="2"/>
      <c r="C36528" s="2"/>
    </row>
    <row r="36529" spans="1:3" ht="19.2">
      <c r="A36529" s="2"/>
      <c r="B36529" s="2"/>
      <c r="C36529" s="2"/>
    </row>
    <row r="36530" spans="1:3" ht="19.2">
      <c r="A36530" s="2"/>
      <c r="B36530" s="2"/>
      <c r="C36530" s="2"/>
    </row>
    <row r="36531" spans="1:3" ht="19.2">
      <c r="A36531" s="2"/>
      <c r="B36531" s="2"/>
      <c r="C36531" s="2"/>
    </row>
    <row r="36532" spans="1:3" ht="19.2">
      <c r="A36532" s="2"/>
      <c r="B36532" s="2"/>
      <c r="C36532" s="2"/>
    </row>
    <row r="36533" spans="1:3" ht="19.2">
      <c r="A36533" s="2"/>
      <c r="B36533" s="2"/>
      <c r="C36533" s="2"/>
    </row>
    <row r="36534" spans="1:3" ht="19.2">
      <c r="A36534" s="2"/>
      <c r="B36534" s="2"/>
      <c r="C36534" s="2"/>
    </row>
    <row r="36535" spans="1:3" ht="19.2">
      <c r="A36535" s="2"/>
      <c r="B36535" s="2"/>
      <c r="C36535" s="2"/>
    </row>
    <row r="36536" spans="1:3" ht="19.2">
      <c r="A36536" s="2"/>
      <c r="B36536" s="2"/>
      <c r="C36536" s="2"/>
    </row>
    <row r="36537" spans="1:3" ht="19.2">
      <c r="A36537" s="2"/>
      <c r="B36537" s="2"/>
      <c r="C36537" s="2"/>
    </row>
    <row r="36538" spans="1:3" ht="19.2">
      <c r="A36538" s="2"/>
      <c r="B36538" s="2"/>
      <c r="C36538" s="2"/>
    </row>
    <row r="36539" spans="1:3" ht="19.2">
      <c r="A36539" s="2"/>
      <c r="B36539" s="2"/>
      <c r="C36539" s="2"/>
    </row>
    <row r="36540" spans="1:3" ht="19.2">
      <c r="A36540" s="2"/>
      <c r="B36540" s="2"/>
      <c r="C36540" s="2"/>
    </row>
    <row r="36541" spans="1:3" ht="19.2">
      <c r="A36541" s="2"/>
      <c r="B36541" s="2"/>
      <c r="C36541" s="2"/>
    </row>
    <row r="36542" spans="1:3" ht="19.2">
      <c r="A36542" s="2"/>
      <c r="B36542" s="2"/>
      <c r="C36542" s="2"/>
    </row>
    <row r="36543" spans="1:3" ht="19.2">
      <c r="A36543" s="2"/>
      <c r="B36543" s="2"/>
      <c r="C36543" s="2"/>
    </row>
    <row r="36544" spans="1:3" ht="19.2">
      <c r="A36544" s="2"/>
      <c r="B36544" s="2"/>
      <c r="C36544" s="2"/>
    </row>
    <row r="36545" spans="1:3" ht="19.2">
      <c r="A36545" s="2"/>
      <c r="B36545" s="2"/>
      <c r="C36545" s="2"/>
    </row>
    <row r="36546" spans="1:3" ht="19.2">
      <c r="A36546" s="2"/>
      <c r="B36546" s="2"/>
      <c r="C36546" s="2"/>
    </row>
    <row r="36547" spans="1:3" ht="19.2">
      <c r="A36547" s="2"/>
      <c r="B36547" s="2"/>
      <c r="C36547" s="2"/>
    </row>
    <row r="36548" spans="1:3" ht="19.2">
      <c r="A36548" s="2"/>
      <c r="B36548" s="2"/>
      <c r="C36548" s="2"/>
    </row>
    <row r="36549" spans="1:3" ht="19.2">
      <c r="A36549" s="2"/>
      <c r="B36549" s="2"/>
      <c r="C36549" s="2"/>
    </row>
    <row r="36550" spans="1:3" ht="19.2">
      <c r="A36550" s="2"/>
      <c r="B36550" s="2"/>
      <c r="C36550" s="2"/>
    </row>
    <row r="36551" spans="1:3" ht="19.2">
      <c r="A36551" s="2"/>
      <c r="B36551" s="2"/>
      <c r="C36551" s="2"/>
    </row>
    <row r="36552" spans="1:3" ht="19.2">
      <c r="A36552" s="2"/>
      <c r="B36552" s="2"/>
      <c r="C36552" s="2"/>
    </row>
    <row r="36553" spans="1:3" ht="19.2">
      <c r="A36553" s="2"/>
      <c r="B36553" s="2"/>
      <c r="C36553" s="2"/>
    </row>
    <row r="36554" spans="1:3" ht="19.2">
      <c r="A36554" s="2"/>
      <c r="B36554" s="2"/>
      <c r="C36554" s="2"/>
    </row>
    <row r="36555" spans="1:3" ht="19.2">
      <c r="A36555" s="2"/>
      <c r="B36555" s="2"/>
      <c r="C36555" s="2"/>
    </row>
    <row r="36556" spans="1:3" ht="19.2">
      <c r="A36556" s="2"/>
      <c r="B36556" s="2"/>
      <c r="C36556" s="2"/>
    </row>
    <row r="36557" spans="1:3" ht="19.2">
      <c r="A36557" s="2"/>
      <c r="B36557" s="2"/>
      <c r="C36557" s="2"/>
    </row>
    <row r="36558" spans="1:3" ht="19.2">
      <c r="A36558" s="2"/>
      <c r="B36558" s="2"/>
      <c r="C36558" s="2"/>
    </row>
    <row r="36559" spans="1:3" ht="19.2">
      <c r="A36559" s="2"/>
      <c r="B36559" s="2"/>
      <c r="C36559" s="2"/>
    </row>
    <row r="36560" spans="1:3" ht="19.2">
      <c r="A36560" s="2"/>
      <c r="B36560" s="2"/>
      <c r="C36560" s="2"/>
    </row>
    <row r="36561" spans="1:3" ht="19.2">
      <c r="A36561" s="2"/>
      <c r="B36561" s="2"/>
      <c r="C36561" s="2"/>
    </row>
    <row r="36562" spans="1:3" ht="19.2">
      <c r="A36562" s="2"/>
      <c r="B36562" s="2"/>
      <c r="C36562" s="2"/>
    </row>
    <row r="36563" spans="1:3" ht="19.2">
      <c r="A36563" s="2"/>
      <c r="B36563" s="2"/>
      <c r="C36563" s="2"/>
    </row>
    <row r="36564" spans="1:3" ht="19.2">
      <c r="A36564" s="2"/>
      <c r="B36564" s="2"/>
      <c r="C36564" s="2"/>
    </row>
    <row r="36565" spans="1:3" ht="19.2">
      <c r="A36565" s="2"/>
      <c r="B36565" s="2"/>
      <c r="C36565" s="2"/>
    </row>
    <row r="36566" spans="1:3" ht="19.2">
      <c r="A36566" s="2"/>
      <c r="B36566" s="2"/>
      <c r="C36566" s="2"/>
    </row>
    <row r="36567" spans="1:3" ht="19.2">
      <c r="A36567" s="2"/>
      <c r="B36567" s="2"/>
      <c r="C36567" s="2"/>
    </row>
    <row r="36568" spans="1:3" ht="19.2">
      <c r="A36568" s="2"/>
      <c r="B36568" s="2"/>
      <c r="C36568" s="2"/>
    </row>
    <row r="36569" spans="1:3" ht="19.2">
      <c r="A36569" s="2"/>
      <c r="B36569" s="2"/>
      <c r="C36569" s="2"/>
    </row>
    <row r="36570" spans="1:3" ht="19.2">
      <c r="A36570" s="2"/>
      <c r="B36570" s="2"/>
      <c r="C36570" s="2"/>
    </row>
    <row r="36571" spans="1:3" ht="19.2">
      <c r="A36571" s="2"/>
      <c r="B36571" s="2"/>
      <c r="C36571" s="2"/>
    </row>
    <row r="36572" spans="1:3" ht="19.2">
      <c r="A36572" s="2"/>
      <c r="B36572" s="2"/>
      <c r="C36572" s="2"/>
    </row>
    <row r="36573" spans="1:3" ht="19.2">
      <c r="A36573" s="2"/>
      <c r="B36573" s="2"/>
      <c r="C36573" s="2"/>
    </row>
    <row r="36574" spans="1:3" ht="19.2">
      <c r="A36574" s="2"/>
      <c r="B36574" s="2"/>
      <c r="C36574" s="2"/>
    </row>
    <row r="36575" spans="1:3" ht="19.2">
      <c r="A36575" s="2"/>
      <c r="B36575" s="2"/>
      <c r="C36575" s="2"/>
    </row>
    <row r="36576" spans="1:3" ht="19.2">
      <c r="A36576" s="2"/>
      <c r="B36576" s="2"/>
      <c r="C36576" s="2"/>
    </row>
    <row r="36577" spans="1:3" ht="19.2">
      <c r="A36577" s="2"/>
      <c r="B36577" s="2"/>
      <c r="C36577" s="2"/>
    </row>
    <row r="36578" spans="1:3" ht="19.2">
      <c r="A36578" s="2"/>
      <c r="B36578" s="2"/>
      <c r="C36578" s="2"/>
    </row>
    <row r="36579" spans="1:3" ht="19.2">
      <c r="A36579" s="2"/>
      <c r="B36579" s="2"/>
      <c r="C36579" s="2"/>
    </row>
    <row r="36580" spans="1:3" ht="19.2">
      <c r="A36580" s="2"/>
      <c r="B36580" s="2"/>
      <c r="C36580" s="2"/>
    </row>
    <row r="36581" spans="1:3" ht="19.2">
      <c r="A36581" s="2"/>
      <c r="B36581" s="2"/>
      <c r="C36581" s="2"/>
    </row>
    <row r="36582" spans="1:3" ht="19.2">
      <c r="A36582" s="2"/>
      <c r="B36582" s="2"/>
      <c r="C36582" s="2"/>
    </row>
    <row r="36583" spans="1:3" ht="19.2">
      <c r="A36583" s="2"/>
      <c r="B36583" s="2"/>
      <c r="C36583" s="2"/>
    </row>
    <row r="36584" spans="1:3" ht="19.2">
      <c r="A36584" s="2"/>
      <c r="B36584" s="2"/>
      <c r="C36584" s="2"/>
    </row>
    <row r="36585" spans="1:3" ht="19.2">
      <c r="A36585" s="2"/>
      <c r="B36585" s="2"/>
      <c r="C36585" s="2"/>
    </row>
    <row r="36586" spans="1:3" ht="19.2">
      <c r="A36586" s="2"/>
      <c r="B36586" s="2"/>
      <c r="C36586" s="2"/>
    </row>
    <row r="36587" spans="1:3" ht="19.2">
      <c r="A36587" s="2"/>
      <c r="B36587" s="2"/>
      <c r="C36587" s="2"/>
    </row>
    <row r="36588" spans="1:3" ht="19.2">
      <c r="A36588" s="2"/>
      <c r="B36588" s="2"/>
      <c r="C36588" s="2"/>
    </row>
    <row r="36589" spans="1:3" ht="19.2">
      <c r="A36589" s="2"/>
      <c r="B36589" s="2"/>
      <c r="C36589" s="2"/>
    </row>
    <row r="36590" spans="1:3" ht="19.2">
      <c r="A36590" s="2"/>
      <c r="B36590" s="2"/>
      <c r="C36590" s="2"/>
    </row>
    <row r="36591" spans="1:3" ht="19.2">
      <c r="A36591" s="2"/>
      <c r="B36591" s="2"/>
      <c r="C36591" s="2"/>
    </row>
    <row r="36592" spans="1:3" ht="19.2">
      <c r="A36592" s="2"/>
      <c r="B36592" s="2"/>
      <c r="C36592" s="2"/>
    </row>
    <row r="36593" spans="1:3" ht="19.2">
      <c r="A36593" s="2"/>
      <c r="B36593" s="2"/>
      <c r="C36593" s="2"/>
    </row>
    <row r="36594" spans="1:3" ht="19.2">
      <c r="A36594" s="2"/>
      <c r="B36594" s="2"/>
      <c r="C36594" s="2"/>
    </row>
    <row r="36595" spans="1:3" ht="19.2">
      <c r="A36595" s="2"/>
      <c r="B36595" s="2"/>
      <c r="C36595" s="2"/>
    </row>
    <row r="36596" spans="1:3" ht="19.2">
      <c r="A36596" s="2"/>
      <c r="B36596" s="2"/>
      <c r="C36596" s="2"/>
    </row>
    <row r="36597" spans="1:3" ht="19.2">
      <c r="A36597" s="2"/>
      <c r="B36597" s="2"/>
      <c r="C36597" s="2"/>
    </row>
    <row r="36598" spans="1:3" ht="19.2">
      <c r="A36598" s="2"/>
      <c r="B36598" s="2"/>
      <c r="C36598" s="2"/>
    </row>
    <row r="36599" spans="1:3" ht="19.2">
      <c r="A36599" s="2"/>
      <c r="B36599" s="2"/>
      <c r="C36599" s="2"/>
    </row>
    <row r="36600" spans="1:3" ht="19.2">
      <c r="A36600" s="2"/>
      <c r="B36600" s="2"/>
      <c r="C36600" s="2"/>
    </row>
    <row r="36601" spans="1:3" ht="19.2">
      <c r="A36601" s="2"/>
      <c r="B36601" s="2"/>
      <c r="C36601" s="2"/>
    </row>
    <row r="36602" spans="1:3" ht="19.2">
      <c r="A36602" s="2"/>
      <c r="B36602" s="2"/>
      <c r="C36602" s="2"/>
    </row>
    <row r="36603" spans="1:3" ht="19.2">
      <c r="A36603" s="2"/>
      <c r="B36603" s="2"/>
      <c r="C36603" s="2"/>
    </row>
    <row r="36604" spans="1:3" ht="19.2">
      <c r="A36604" s="2"/>
      <c r="B36604" s="2"/>
      <c r="C36604" s="2"/>
    </row>
    <row r="36605" spans="1:3" ht="19.2">
      <c r="A36605" s="2"/>
      <c r="B36605" s="2"/>
      <c r="C36605" s="2"/>
    </row>
    <row r="36606" spans="1:3" ht="19.2">
      <c r="A36606" s="2"/>
      <c r="B36606" s="2"/>
      <c r="C36606" s="2"/>
    </row>
    <row r="36607" spans="1:3" ht="19.2">
      <c r="A36607" s="2"/>
      <c r="B36607" s="2"/>
      <c r="C36607" s="2"/>
    </row>
    <row r="36608" spans="1:3" ht="19.2">
      <c r="A36608" s="2"/>
      <c r="B36608" s="2"/>
      <c r="C36608" s="2"/>
    </row>
    <row r="36609" spans="1:3" ht="19.2">
      <c r="A36609" s="2"/>
      <c r="B36609" s="2"/>
      <c r="C36609" s="2"/>
    </row>
    <row r="36610" spans="1:3" ht="19.2">
      <c r="A36610" s="2"/>
      <c r="B36610" s="2"/>
      <c r="C36610" s="2"/>
    </row>
    <row r="36611" spans="1:3" ht="19.2">
      <c r="A36611" s="2"/>
      <c r="B36611" s="2"/>
      <c r="C36611" s="2"/>
    </row>
    <row r="36612" spans="1:3" ht="19.2">
      <c r="A36612" s="2"/>
      <c r="B36612" s="2"/>
      <c r="C36612" s="2"/>
    </row>
    <row r="36613" spans="1:3" ht="19.2">
      <c r="A36613" s="2"/>
      <c r="B36613" s="2"/>
      <c r="C36613" s="2"/>
    </row>
    <row r="36614" spans="1:3" ht="19.2">
      <c r="A36614" s="2"/>
      <c r="B36614" s="2"/>
      <c r="C36614" s="2"/>
    </row>
    <row r="36615" spans="1:3" ht="19.2">
      <c r="A36615" s="2"/>
      <c r="B36615" s="2"/>
      <c r="C36615" s="2"/>
    </row>
    <row r="36616" spans="1:3" ht="19.2">
      <c r="A36616" s="2"/>
      <c r="B36616" s="2"/>
      <c r="C36616" s="2"/>
    </row>
    <row r="36617" spans="1:3" ht="19.2">
      <c r="A36617" s="2"/>
      <c r="B36617" s="2"/>
      <c r="C36617" s="2"/>
    </row>
    <row r="36618" spans="1:3" ht="19.2">
      <c r="A36618" s="2"/>
      <c r="B36618" s="2"/>
      <c r="C36618" s="2"/>
    </row>
    <row r="36619" spans="1:3" ht="19.2">
      <c r="A36619" s="2"/>
      <c r="B36619" s="2"/>
      <c r="C36619" s="2"/>
    </row>
    <row r="36620" spans="1:3" ht="19.2">
      <c r="A36620" s="2"/>
      <c r="B36620" s="2"/>
      <c r="C36620" s="2"/>
    </row>
    <row r="36621" spans="1:3" ht="19.2">
      <c r="A36621" s="2"/>
      <c r="B36621" s="2"/>
      <c r="C36621" s="2"/>
    </row>
    <row r="36622" spans="1:3" ht="19.2">
      <c r="A36622" s="2"/>
      <c r="B36622" s="2"/>
      <c r="C36622" s="2"/>
    </row>
    <row r="36623" spans="1:3" ht="19.2">
      <c r="A36623" s="2"/>
      <c r="B36623" s="2"/>
      <c r="C36623" s="2"/>
    </row>
    <row r="36624" spans="1:3" ht="19.2">
      <c r="A36624" s="2"/>
      <c r="B36624" s="2"/>
      <c r="C36624" s="2"/>
    </row>
    <row r="36625" spans="1:3" ht="19.2">
      <c r="A36625" s="2"/>
      <c r="B36625" s="2"/>
      <c r="C36625" s="2"/>
    </row>
    <row r="36626" spans="1:3" ht="19.2">
      <c r="A36626" s="2"/>
      <c r="B36626" s="2"/>
      <c r="C36626" s="2"/>
    </row>
    <row r="36627" spans="1:3" ht="19.2">
      <c r="A36627" s="2"/>
      <c r="B36627" s="2"/>
      <c r="C36627" s="2"/>
    </row>
    <row r="36628" spans="1:3" ht="19.2">
      <c r="A36628" s="2"/>
      <c r="B36628" s="2"/>
      <c r="C36628" s="2"/>
    </row>
    <row r="36629" spans="1:3" ht="19.2">
      <c r="A36629" s="2"/>
      <c r="B36629" s="2"/>
      <c r="C36629" s="2"/>
    </row>
    <row r="36630" spans="1:3" ht="19.2">
      <c r="A36630" s="2"/>
      <c r="B36630" s="2"/>
      <c r="C36630" s="2"/>
    </row>
    <row r="36631" spans="1:3" ht="19.2">
      <c r="A36631" s="2"/>
      <c r="B36631" s="2"/>
      <c r="C36631" s="2"/>
    </row>
    <row r="36632" spans="1:3" ht="19.2">
      <c r="A36632" s="2"/>
      <c r="B36632" s="2"/>
      <c r="C36632" s="2"/>
    </row>
    <row r="36633" spans="1:3" ht="19.2">
      <c r="A36633" s="2"/>
      <c r="B36633" s="2"/>
      <c r="C36633" s="2"/>
    </row>
    <row r="36634" spans="1:3" ht="19.2">
      <c r="A36634" s="2"/>
      <c r="B36634" s="2"/>
      <c r="C36634" s="2"/>
    </row>
    <row r="36635" spans="1:3" ht="19.2">
      <c r="A36635" s="2"/>
      <c r="B36635" s="2"/>
      <c r="C36635" s="2"/>
    </row>
    <row r="36636" spans="1:3" ht="19.2">
      <c r="A36636" s="2"/>
      <c r="B36636" s="2"/>
      <c r="C36636" s="2"/>
    </row>
    <row r="36637" spans="1:3" ht="19.2">
      <c r="A36637" s="2"/>
      <c r="B36637" s="2"/>
      <c r="C36637" s="2"/>
    </row>
    <row r="36638" spans="1:3" ht="19.2">
      <c r="A36638" s="2"/>
      <c r="B36638" s="2"/>
      <c r="C36638" s="2"/>
    </row>
    <row r="36639" spans="1:3" ht="19.2">
      <c r="A36639" s="2"/>
      <c r="B36639" s="2"/>
      <c r="C36639" s="2"/>
    </row>
    <row r="36640" spans="1:3" ht="19.2">
      <c r="A36640" s="2"/>
      <c r="B36640" s="2"/>
      <c r="C36640" s="2"/>
    </row>
    <row r="36641" spans="1:3" ht="19.2">
      <c r="A36641" s="2"/>
      <c r="B36641" s="2"/>
      <c r="C36641" s="2"/>
    </row>
    <row r="36642" spans="1:3" ht="19.2">
      <c r="A36642" s="2"/>
      <c r="B36642" s="2"/>
      <c r="C36642" s="2"/>
    </row>
    <row r="36643" spans="1:3" ht="19.2">
      <c r="A36643" s="2"/>
      <c r="B36643" s="2"/>
      <c r="C36643" s="2"/>
    </row>
    <row r="36644" spans="1:3" ht="19.2">
      <c r="A36644" s="2"/>
      <c r="B36644" s="2"/>
      <c r="C36644" s="2"/>
    </row>
    <row r="36645" spans="1:3" ht="19.2">
      <c r="A36645" s="2"/>
      <c r="B36645" s="2"/>
      <c r="C36645" s="2"/>
    </row>
    <row r="36646" spans="1:3" ht="19.2">
      <c r="A36646" s="2"/>
      <c r="B36646" s="2"/>
      <c r="C36646" s="2"/>
    </row>
    <row r="36647" spans="1:3" ht="19.2">
      <c r="A36647" s="2"/>
      <c r="B36647" s="2"/>
      <c r="C36647" s="2"/>
    </row>
    <row r="36648" spans="1:3" ht="19.2">
      <c r="A36648" s="2"/>
      <c r="B36648" s="2"/>
      <c r="C36648" s="2"/>
    </row>
    <row r="36649" spans="1:3" ht="19.2">
      <c r="A36649" s="2"/>
      <c r="B36649" s="2"/>
      <c r="C36649" s="2"/>
    </row>
    <row r="36650" spans="1:3" ht="19.2">
      <c r="A36650" s="2"/>
      <c r="B36650" s="2"/>
      <c r="C36650" s="2"/>
    </row>
    <row r="36651" spans="1:3" ht="19.2">
      <c r="A36651" s="2"/>
      <c r="B36651" s="2"/>
      <c r="C36651" s="2"/>
    </row>
    <row r="36652" spans="1:3" ht="19.2">
      <c r="A36652" s="2"/>
      <c r="B36652" s="2"/>
      <c r="C36652" s="2"/>
    </row>
    <row r="36653" spans="1:3" ht="19.2">
      <c r="A36653" s="2"/>
      <c r="B36653" s="2"/>
      <c r="C36653" s="2"/>
    </row>
    <row r="36654" spans="1:3" ht="19.2">
      <c r="A36654" s="2"/>
      <c r="B36654" s="2"/>
      <c r="C36654" s="2"/>
    </row>
    <row r="36655" spans="1:3" ht="19.2">
      <c r="A36655" s="2"/>
      <c r="B36655" s="2"/>
      <c r="C36655" s="2"/>
    </row>
    <row r="36656" spans="1:3" ht="19.2">
      <c r="A36656" s="2"/>
      <c r="B36656" s="2"/>
      <c r="C36656" s="2"/>
    </row>
    <row r="36657" spans="1:3" ht="19.2">
      <c r="A36657" s="2"/>
      <c r="B36657" s="2"/>
      <c r="C36657" s="2"/>
    </row>
    <row r="36658" spans="1:3" ht="19.2">
      <c r="A36658" s="2"/>
      <c r="B36658" s="2"/>
      <c r="C36658" s="2"/>
    </row>
    <row r="36659" spans="1:3" ht="19.2">
      <c r="A36659" s="2"/>
      <c r="B36659" s="2"/>
      <c r="C36659" s="2"/>
    </row>
    <row r="36660" spans="1:3" ht="19.2">
      <c r="A36660" s="2"/>
      <c r="B36660" s="2"/>
      <c r="C36660" s="2"/>
    </row>
    <row r="36661" spans="1:3" ht="19.2">
      <c r="A36661" s="2"/>
      <c r="B36661" s="2"/>
      <c r="C36661" s="2"/>
    </row>
    <row r="36662" spans="1:3" ht="19.2">
      <c r="A36662" s="2"/>
      <c r="B36662" s="2"/>
      <c r="C36662" s="2"/>
    </row>
    <row r="36663" spans="1:3" ht="19.2">
      <c r="A36663" s="2"/>
      <c r="B36663" s="2"/>
      <c r="C36663" s="2"/>
    </row>
    <row r="36664" spans="1:3" ht="19.2">
      <c r="A36664" s="2"/>
      <c r="B36664" s="2"/>
      <c r="C36664" s="2"/>
    </row>
    <row r="36665" spans="1:3" ht="19.2">
      <c r="A36665" s="2"/>
      <c r="B36665" s="2"/>
      <c r="C36665" s="2"/>
    </row>
    <row r="36666" spans="1:3" ht="19.2">
      <c r="A36666" s="2"/>
      <c r="B36666" s="2"/>
      <c r="C36666" s="2"/>
    </row>
    <row r="36667" spans="1:3" ht="19.2">
      <c r="A36667" s="2"/>
      <c r="B36667" s="2"/>
      <c r="C36667" s="2"/>
    </row>
    <row r="36668" spans="1:3" ht="19.2">
      <c r="A36668" s="2"/>
      <c r="B36668" s="2"/>
      <c r="C36668" s="2"/>
    </row>
    <row r="36669" spans="1:3" ht="19.2">
      <c r="A36669" s="2"/>
      <c r="B36669" s="2"/>
      <c r="C36669" s="2"/>
    </row>
    <row r="36670" spans="1:3" ht="19.2">
      <c r="A36670" s="2"/>
      <c r="B36670" s="2"/>
      <c r="C36670" s="2"/>
    </row>
    <row r="36671" spans="1:3" ht="19.2">
      <c r="A36671" s="2"/>
      <c r="B36671" s="2"/>
      <c r="C36671" s="2"/>
    </row>
    <row r="36672" spans="1:3" ht="19.2">
      <c r="A36672" s="2"/>
      <c r="B36672" s="2"/>
      <c r="C36672" s="2"/>
    </row>
    <row r="36673" spans="1:3" ht="19.2">
      <c r="A36673" s="2"/>
      <c r="B36673" s="2"/>
      <c r="C36673" s="2"/>
    </row>
    <row r="36674" spans="1:3" ht="19.2">
      <c r="A36674" s="2"/>
      <c r="B36674" s="2"/>
      <c r="C36674" s="2"/>
    </row>
    <row r="36675" spans="1:3" ht="19.2">
      <c r="A36675" s="2"/>
      <c r="B36675" s="2"/>
      <c r="C36675" s="2"/>
    </row>
    <row r="36676" spans="1:3" ht="19.2">
      <c r="A36676" s="2"/>
      <c r="B36676" s="2"/>
      <c r="C36676" s="2"/>
    </row>
    <row r="36677" spans="1:3" ht="19.2">
      <c r="A36677" s="2"/>
      <c r="B36677" s="2"/>
      <c r="C36677" s="2"/>
    </row>
    <row r="36678" spans="1:3" ht="19.2">
      <c r="A36678" s="2"/>
      <c r="B36678" s="2"/>
      <c r="C36678" s="2"/>
    </row>
    <row r="36679" spans="1:3" ht="19.2">
      <c r="A36679" s="2"/>
      <c r="B36679" s="2"/>
      <c r="C36679" s="2"/>
    </row>
    <row r="36680" spans="1:3" ht="19.2">
      <c r="A36680" s="2"/>
      <c r="B36680" s="2"/>
      <c r="C36680" s="2"/>
    </row>
    <row r="36681" spans="1:3" ht="19.2">
      <c r="A36681" s="2"/>
      <c r="B36681" s="2"/>
      <c r="C36681" s="2"/>
    </row>
    <row r="36682" spans="1:3" ht="19.2">
      <c r="A36682" s="2"/>
      <c r="B36682" s="2"/>
      <c r="C36682" s="2"/>
    </row>
    <row r="36683" spans="1:3" ht="19.2">
      <c r="A36683" s="2"/>
      <c r="B36683" s="2"/>
      <c r="C36683" s="2"/>
    </row>
    <row r="36684" spans="1:3" ht="19.2">
      <c r="A36684" s="2"/>
      <c r="B36684" s="2"/>
      <c r="C36684" s="2"/>
    </row>
    <row r="36685" spans="1:3" ht="19.2">
      <c r="A36685" s="2"/>
      <c r="B36685" s="2"/>
      <c r="C36685" s="2"/>
    </row>
    <row r="36686" spans="1:3" ht="19.2">
      <c r="A36686" s="2"/>
      <c r="B36686" s="2"/>
      <c r="C36686" s="2"/>
    </row>
    <row r="36687" spans="1:3" ht="19.2">
      <c r="A36687" s="2"/>
      <c r="B36687" s="2"/>
      <c r="C36687" s="2"/>
    </row>
    <row r="36688" spans="1:3" ht="19.2">
      <c r="A36688" s="2"/>
      <c r="B36688" s="2"/>
      <c r="C36688" s="2"/>
    </row>
    <row r="36689" spans="1:3" ht="19.2">
      <c r="A36689" s="2"/>
      <c r="B36689" s="2"/>
      <c r="C36689" s="2"/>
    </row>
    <row r="36690" spans="1:3" ht="19.2">
      <c r="A36690" s="2"/>
      <c r="B36690" s="2"/>
      <c r="C36690" s="2"/>
    </row>
    <row r="36691" spans="1:3" ht="19.2">
      <c r="A36691" s="2"/>
      <c r="B36691" s="2"/>
      <c r="C36691" s="2"/>
    </row>
    <row r="36692" spans="1:3" ht="19.2">
      <c r="A36692" s="2"/>
      <c r="B36692" s="2"/>
      <c r="C36692" s="2"/>
    </row>
    <row r="36693" spans="1:3" ht="19.2">
      <c r="A36693" s="2"/>
      <c r="B36693" s="2"/>
      <c r="C36693" s="2"/>
    </row>
    <row r="36694" spans="1:3" ht="19.2">
      <c r="A36694" s="2"/>
      <c r="B36694" s="2"/>
      <c r="C36694" s="2"/>
    </row>
    <row r="36695" spans="1:3" ht="19.2">
      <c r="A36695" s="2"/>
      <c r="B36695" s="2"/>
      <c r="C36695" s="2"/>
    </row>
    <row r="36696" spans="1:3" ht="19.2">
      <c r="A36696" s="2"/>
      <c r="B36696" s="2"/>
      <c r="C36696" s="2"/>
    </row>
    <row r="36697" spans="1:3" ht="19.2">
      <c r="A36697" s="2"/>
      <c r="B36697" s="2"/>
      <c r="C36697" s="2"/>
    </row>
    <row r="36698" spans="1:3" ht="19.2">
      <c r="A36698" s="2"/>
      <c r="B36698" s="2"/>
      <c r="C36698" s="2"/>
    </row>
    <row r="36699" spans="1:3" ht="19.2">
      <c r="A36699" s="2"/>
      <c r="B36699" s="2"/>
      <c r="C36699" s="2"/>
    </row>
    <row r="36700" spans="1:3" ht="19.2">
      <c r="A36700" s="2"/>
      <c r="B36700" s="2"/>
      <c r="C36700" s="2"/>
    </row>
    <row r="36701" spans="1:3" ht="19.2">
      <c r="A36701" s="2"/>
      <c r="B36701" s="2"/>
      <c r="C36701" s="2"/>
    </row>
    <row r="36702" spans="1:3" ht="19.2">
      <c r="A36702" s="2"/>
      <c r="B36702" s="2"/>
      <c r="C36702" s="2"/>
    </row>
    <row r="36703" spans="1:3" ht="19.2">
      <c r="A36703" s="2"/>
      <c r="B36703" s="2"/>
      <c r="C36703" s="2"/>
    </row>
    <row r="36704" spans="1:3" ht="19.2">
      <c r="A36704" s="2"/>
      <c r="B36704" s="2"/>
      <c r="C36704" s="2"/>
    </row>
    <row r="36705" spans="1:3" ht="19.2">
      <c r="A36705" s="2"/>
      <c r="B36705" s="2"/>
      <c r="C36705" s="2"/>
    </row>
    <row r="36706" spans="1:3" ht="19.2">
      <c r="A36706" s="2"/>
      <c r="B36706" s="2"/>
      <c r="C36706" s="2"/>
    </row>
    <row r="36707" spans="1:3" ht="19.2">
      <c r="A36707" s="2"/>
      <c r="B36707" s="2"/>
      <c r="C36707" s="2"/>
    </row>
    <row r="36708" spans="1:3" ht="19.2">
      <c r="A36708" s="2"/>
      <c r="B36708" s="2"/>
      <c r="C36708" s="2"/>
    </row>
    <row r="36709" spans="1:3" ht="19.2">
      <c r="A36709" s="2"/>
      <c r="B36709" s="2"/>
      <c r="C36709" s="2"/>
    </row>
    <row r="36710" spans="1:3" ht="19.2">
      <c r="A36710" s="2"/>
      <c r="B36710" s="2"/>
      <c r="C36710" s="2"/>
    </row>
    <row r="36711" spans="1:3" ht="19.2">
      <c r="A36711" s="2"/>
      <c r="B36711" s="2"/>
      <c r="C36711" s="2"/>
    </row>
    <row r="36712" spans="1:3" ht="19.2">
      <c r="A36712" s="2"/>
      <c r="B36712" s="2"/>
      <c r="C36712" s="2"/>
    </row>
    <row r="36713" spans="1:3" ht="19.2">
      <c r="A36713" s="2"/>
      <c r="B36713" s="2"/>
      <c r="C36713" s="2"/>
    </row>
    <row r="36714" spans="1:3" ht="19.2">
      <c r="A36714" s="2"/>
      <c r="B36714" s="2"/>
      <c r="C36714" s="2"/>
    </row>
    <row r="36715" spans="1:3" ht="19.2">
      <c r="A36715" s="2"/>
      <c r="B36715" s="2"/>
      <c r="C36715" s="2"/>
    </row>
    <row r="36716" spans="1:3" ht="19.2">
      <c r="A36716" s="2"/>
      <c r="B36716" s="2"/>
      <c r="C36716" s="2"/>
    </row>
    <row r="36717" spans="1:3" ht="19.2">
      <c r="A36717" s="2"/>
      <c r="B36717" s="2"/>
      <c r="C36717" s="2"/>
    </row>
    <row r="36718" spans="1:3" ht="19.2">
      <c r="A36718" s="2"/>
      <c r="B36718" s="2"/>
      <c r="C36718" s="2"/>
    </row>
    <row r="36719" spans="1:3" ht="19.2">
      <c r="A36719" s="2"/>
      <c r="B36719" s="2"/>
      <c r="C36719" s="2"/>
    </row>
    <row r="36720" spans="1:3" ht="19.2">
      <c r="A36720" s="2"/>
      <c r="B36720" s="2"/>
      <c r="C36720" s="2"/>
    </row>
    <row r="36721" spans="1:3" ht="19.2">
      <c r="A36721" s="2"/>
      <c r="B36721" s="2"/>
      <c r="C36721" s="2"/>
    </row>
    <row r="36722" spans="1:3" ht="19.2">
      <c r="A36722" s="2"/>
      <c r="B36722" s="2"/>
      <c r="C36722" s="2"/>
    </row>
    <row r="36723" spans="1:3" ht="19.2">
      <c r="A36723" s="2"/>
      <c r="B36723" s="2"/>
      <c r="C36723" s="2"/>
    </row>
    <row r="36724" spans="1:3" ht="19.2">
      <c r="A36724" s="2"/>
      <c r="B36724" s="2"/>
      <c r="C36724" s="2"/>
    </row>
    <row r="36725" spans="1:3" ht="19.2">
      <c r="A36725" s="2"/>
      <c r="B36725" s="2"/>
      <c r="C36725" s="2"/>
    </row>
    <row r="36726" spans="1:3" ht="19.2">
      <c r="A36726" s="2"/>
      <c r="B36726" s="2"/>
      <c r="C36726" s="2"/>
    </row>
    <row r="36727" spans="1:3" ht="19.2">
      <c r="A36727" s="2"/>
      <c r="B36727" s="2"/>
      <c r="C36727" s="2"/>
    </row>
    <row r="36728" spans="1:3" ht="19.2">
      <c r="A36728" s="2"/>
      <c r="B36728" s="2"/>
      <c r="C36728" s="2"/>
    </row>
    <row r="36729" spans="1:3" ht="19.2">
      <c r="A36729" s="2"/>
      <c r="B36729" s="2"/>
      <c r="C36729" s="2"/>
    </row>
    <row r="36730" spans="1:3" ht="19.2">
      <c r="A36730" s="2"/>
      <c r="B36730" s="2"/>
      <c r="C36730" s="2"/>
    </row>
    <row r="36731" spans="1:3" ht="19.2">
      <c r="A36731" s="2"/>
      <c r="B36731" s="2"/>
      <c r="C36731" s="2"/>
    </row>
    <row r="36732" spans="1:3" ht="19.2">
      <c r="A36732" s="2"/>
      <c r="B36732" s="2"/>
      <c r="C36732" s="2"/>
    </row>
    <row r="36733" spans="1:3" ht="19.2">
      <c r="A36733" s="2"/>
      <c r="B36733" s="2"/>
      <c r="C36733" s="2"/>
    </row>
    <row r="36734" spans="1:3" ht="19.2">
      <c r="A36734" s="2"/>
      <c r="B36734" s="2"/>
      <c r="C36734" s="2"/>
    </row>
    <row r="36735" spans="1:3" ht="19.2">
      <c r="A36735" s="2"/>
      <c r="B36735" s="2"/>
      <c r="C36735" s="2"/>
    </row>
    <row r="36736" spans="1:3" ht="19.2">
      <c r="A36736" s="2"/>
      <c r="B36736" s="2"/>
      <c r="C36736" s="2"/>
    </row>
    <row r="36737" spans="1:3" ht="19.2">
      <c r="A36737" s="2"/>
      <c r="B36737" s="2"/>
      <c r="C36737" s="2"/>
    </row>
    <row r="36738" spans="1:3" ht="19.2">
      <c r="A36738" s="2"/>
      <c r="B36738" s="2"/>
      <c r="C36738" s="2"/>
    </row>
    <row r="36739" spans="1:3" ht="19.2">
      <c r="A36739" s="2"/>
      <c r="B36739" s="2"/>
      <c r="C36739" s="2"/>
    </row>
    <row r="36740" spans="1:3" ht="19.2">
      <c r="A36740" s="2"/>
      <c r="B36740" s="2"/>
      <c r="C36740" s="2"/>
    </row>
    <row r="36741" spans="1:3" ht="19.2">
      <c r="A36741" s="2"/>
      <c r="B36741" s="2"/>
      <c r="C36741" s="2"/>
    </row>
    <row r="36742" spans="1:3" ht="19.2">
      <c r="A36742" s="2"/>
      <c r="B36742" s="2"/>
      <c r="C36742" s="2"/>
    </row>
    <row r="36743" spans="1:3" ht="19.2">
      <c r="A36743" s="2"/>
      <c r="B36743" s="2"/>
      <c r="C36743" s="2"/>
    </row>
    <row r="36744" spans="1:3" ht="19.2">
      <c r="A36744" s="2"/>
      <c r="B36744" s="2"/>
      <c r="C36744" s="2"/>
    </row>
    <row r="36745" spans="1:3" ht="19.2">
      <c r="A36745" s="2"/>
      <c r="B36745" s="2"/>
      <c r="C36745" s="2"/>
    </row>
    <row r="36746" spans="1:3" ht="19.2">
      <c r="A36746" s="2"/>
      <c r="B36746" s="2"/>
      <c r="C36746" s="2"/>
    </row>
    <row r="36747" spans="1:3" ht="19.2">
      <c r="A36747" s="2"/>
      <c r="B36747" s="2"/>
      <c r="C36747" s="2"/>
    </row>
    <row r="36748" spans="1:3" ht="19.2">
      <c r="A36748" s="2"/>
      <c r="B36748" s="2"/>
      <c r="C36748" s="2"/>
    </row>
    <row r="36749" spans="1:3" ht="19.2">
      <c r="A36749" s="2"/>
      <c r="B36749" s="2"/>
      <c r="C36749" s="2"/>
    </row>
    <row r="36750" spans="1:3" ht="19.2">
      <c r="A36750" s="2"/>
      <c r="B36750" s="2"/>
      <c r="C36750" s="2"/>
    </row>
    <row r="36751" spans="1:3" ht="19.2">
      <c r="A36751" s="2"/>
      <c r="B36751" s="2"/>
      <c r="C36751" s="2"/>
    </row>
    <row r="36752" spans="1:3" ht="19.2">
      <c r="A36752" s="2"/>
      <c r="B36752" s="2"/>
      <c r="C36752" s="2"/>
    </row>
    <row r="36753" spans="1:3" ht="19.2">
      <c r="A36753" s="2"/>
      <c r="B36753" s="2"/>
      <c r="C36753" s="2"/>
    </row>
    <row r="36754" spans="1:3" ht="19.2">
      <c r="A36754" s="2"/>
      <c r="B36754" s="2"/>
      <c r="C36754" s="2"/>
    </row>
    <row r="36755" spans="1:3" ht="19.2">
      <c r="A36755" s="2"/>
      <c r="B36755" s="2"/>
      <c r="C36755" s="2"/>
    </row>
    <row r="36756" spans="1:3" ht="19.2">
      <c r="A36756" s="2"/>
      <c r="B36756" s="2"/>
      <c r="C36756" s="2"/>
    </row>
    <row r="36757" spans="1:3" ht="19.2">
      <c r="A36757" s="2"/>
      <c r="B36757" s="2"/>
      <c r="C36757" s="2"/>
    </row>
    <row r="36758" spans="1:3" ht="19.2">
      <c r="A36758" s="2"/>
      <c r="B36758" s="2"/>
      <c r="C36758" s="2"/>
    </row>
    <row r="36759" spans="1:3" ht="19.2">
      <c r="A36759" s="2"/>
      <c r="B36759" s="2"/>
      <c r="C36759" s="2"/>
    </row>
    <row r="36760" spans="1:3" ht="19.2">
      <c r="A36760" s="2"/>
      <c r="B36760" s="2"/>
      <c r="C36760" s="2"/>
    </row>
    <row r="36761" spans="1:3" ht="19.2">
      <c r="A36761" s="2"/>
      <c r="B36761" s="2"/>
      <c r="C36761" s="2"/>
    </row>
    <row r="36762" spans="1:3" ht="19.2">
      <c r="A36762" s="2"/>
      <c r="B36762" s="2"/>
      <c r="C36762" s="2"/>
    </row>
    <row r="36763" spans="1:3" ht="19.2">
      <c r="A36763" s="2"/>
      <c r="B36763" s="2"/>
      <c r="C36763" s="2"/>
    </row>
    <row r="36764" spans="1:3" ht="19.2">
      <c r="A36764" s="2"/>
      <c r="B36764" s="2"/>
      <c r="C36764" s="2"/>
    </row>
    <row r="36765" spans="1:3" ht="19.2">
      <c r="A36765" s="2"/>
      <c r="B36765" s="2"/>
      <c r="C36765" s="2"/>
    </row>
    <row r="36766" spans="1:3" ht="19.2">
      <c r="A36766" s="2"/>
      <c r="B36766" s="2"/>
      <c r="C36766" s="2"/>
    </row>
    <row r="36767" spans="1:3" ht="19.2">
      <c r="A36767" s="2"/>
      <c r="B36767" s="2"/>
      <c r="C36767" s="2"/>
    </row>
    <row r="36768" spans="1:3" ht="19.2">
      <c r="A36768" s="2"/>
      <c r="B36768" s="2"/>
      <c r="C36768" s="2"/>
    </row>
    <row r="36769" spans="1:3" ht="19.2">
      <c r="A36769" s="2"/>
      <c r="B36769" s="2"/>
      <c r="C36769" s="2"/>
    </row>
    <row r="36770" spans="1:3" ht="19.2">
      <c r="A36770" s="2"/>
      <c r="B36770" s="2"/>
      <c r="C36770" s="2"/>
    </row>
    <row r="36771" spans="1:3" ht="19.2">
      <c r="A36771" s="2"/>
      <c r="B36771" s="2"/>
      <c r="C36771" s="2"/>
    </row>
    <row r="36772" spans="1:3" ht="19.2">
      <c r="A36772" s="2"/>
      <c r="B36772" s="2"/>
      <c r="C36772" s="2"/>
    </row>
    <row r="36773" spans="1:3" ht="19.2">
      <c r="A36773" s="2"/>
      <c r="B36773" s="2"/>
      <c r="C36773" s="2"/>
    </row>
    <row r="36774" spans="1:3" ht="19.2">
      <c r="A36774" s="2"/>
      <c r="B36774" s="2"/>
      <c r="C36774" s="2"/>
    </row>
    <row r="36775" spans="1:3" ht="19.2">
      <c r="A36775" s="2"/>
      <c r="B36775" s="2"/>
      <c r="C36775" s="2"/>
    </row>
    <row r="36776" spans="1:3" ht="19.2">
      <c r="A36776" s="2"/>
      <c r="B36776" s="2"/>
      <c r="C36776" s="2"/>
    </row>
    <row r="36777" spans="1:3" ht="19.2">
      <c r="A36777" s="2"/>
      <c r="B36777" s="2"/>
      <c r="C36777" s="2"/>
    </row>
    <row r="36778" spans="1:3" ht="19.2">
      <c r="A36778" s="2"/>
      <c r="B36778" s="2"/>
      <c r="C36778" s="2"/>
    </row>
    <row r="36779" spans="1:3" ht="19.2">
      <c r="A36779" s="2"/>
      <c r="B36779" s="2"/>
      <c r="C36779" s="2"/>
    </row>
    <row r="36780" spans="1:3" ht="19.2">
      <c r="A36780" s="2"/>
      <c r="B36780" s="2"/>
      <c r="C36780" s="2"/>
    </row>
    <row r="36781" spans="1:3" ht="19.2">
      <c r="A36781" s="2"/>
      <c r="B36781" s="2"/>
      <c r="C36781" s="2"/>
    </row>
    <row r="36782" spans="1:3" ht="19.2">
      <c r="A36782" s="2"/>
      <c r="B36782" s="2"/>
      <c r="C36782" s="2"/>
    </row>
    <row r="36783" spans="1:3" ht="19.2">
      <c r="A36783" s="2"/>
      <c r="B36783" s="2"/>
      <c r="C36783" s="2"/>
    </row>
    <row r="36784" spans="1:3" ht="19.2">
      <c r="A36784" s="2"/>
      <c r="B36784" s="2"/>
      <c r="C36784" s="2"/>
    </row>
    <row r="36785" spans="1:3" ht="19.2">
      <c r="A36785" s="2"/>
      <c r="B36785" s="2"/>
      <c r="C36785" s="2"/>
    </row>
    <row r="36786" spans="1:3" ht="19.2">
      <c r="A36786" s="2"/>
      <c r="B36786" s="2"/>
      <c r="C36786" s="2"/>
    </row>
    <row r="36787" spans="1:3" ht="19.2">
      <c r="A36787" s="2"/>
      <c r="B36787" s="2"/>
      <c r="C36787" s="2"/>
    </row>
    <row r="36788" spans="1:3" ht="19.2">
      <c r="A36788" s="2"/>
      <c r="B36788" s="2"/>
      <c r="C36788" s="2"/>
    </row>
    <row r="36789" spans="1:3" ht="19.2">
      <c r="A36789" s="2"/>
      <c r="B36789" s="2"/>
      <c r="C36789" s="2"/>
    </row>
    <row r="36790" spans="1:3" ht="19.2">
      <c r="A36790" s="2"/>
      <c r="B36790" s="2"/>
      <c r="C36790" s="2"/>
    </row>
    <row r="36791" spans="1:3" ht="19.2">
      <c r="A36791" s="2"/>
      <c r="B36791" s="2"/>
      <c r="C36791" s="2"/>
    </row>
    <row r="36792" spans="1:3" ht="19.2">
      <c r="A36792" s="2"/>
      <c r="B36792" s="2"/>
      <c r="C36792" s="2"/>
    </row>
    <row r="36793" spans="1:3" ht="19.2">
      <c r="A36793" s="2"/>
      <c r="B36793" s="2"/>
      <c r="C36793" s="2"/>
    </row>
    <row r="36794" spans="1:3" ht="19.2">
      <c r="A36794" s="2"/>
      <c r="B36794" s="2"/>
      <c r="C36794" s="2"/>
    </row>
    <row r="36795" spans="1:3" ht="19.2">
      <c r="A36795" s="2"/>
      <c r="B36795" s="2"/>
      <c r="C36795" s="2"/>
    </row>
    <row r="36796" spans="1:3" ht="19.2">
      <c r="A36796" s="2"/>
      <c r="B36796" s="2"/>
      <c r="C36796" s="2"/>
    </row>
    <row r="36797" spans="1:3" ht="19.2">
      <c r="A36797" s="2"/>
      <c r="B36797" s="2"/>
      <c r="C36797" s="2"/>
    </row>
    <row r="36798" spans="1:3" ht="19.2">
      <c r="A36798" s="2"/>
      <c r="B36798" s="2"/>
      <c r="C36798" s="2"/>
    </row>
    <row r="36799" spans="1:3" ht="19.2">
      <c r="A36799" s="2"/>
      <c r="B36799" s="2"/>
      <c r="C36799" s="2"/>
    </row>
    <row r="36800" spans="1:3" ht="19.2">
      <c r="A36800" s="2"/>
      <c r="B36800" s="2"/>
      <c r="C36800" s="2"/>
    </row>
    <row r="36801" spans="1:3" ht="19.2">
      <c r="A36801" s="2"/>
      <c r="B36801" s="2"/>
      <c r="C36801" s="2"/>
    </row>
    <row r="36802" spans="1:3" ht="19.2">
      <c r="A36802" s="2"/>
      <c r="B36802" s="2"/>
      <c r="C36802" s="2"/>
    </row>
    <row r="36803" spans="1:3" ht="19.2">
      <c r="A36803" s="2"/>
      <c r="B36803" s="2"/>
      <c r="C36803" s="2"/>
    </row>
    <row r="36804" spans="1:3" ht="19.2">
      <c r="A36804" s="2"/>
      <c r="B36804" s="2"/>
      <c r="C36804" s="2"/>
    </row>
    <row r="36805" spans="1:3" ht="19.2">
      <c r="A36805" s="2"/>
      <c r="B36805" s="2"/>
      <c r="C36805" s="2"/>
    </row>
    <row r="36806" spans="1:3" ht="19.2">
      <c r="A36806" s="2"/>
      <c r="B36806" s="2"/>
      <c r="C36806" s="2"/>
    </row>
    <row r="36807" spans="1:3" ht="19.2">
      <c r="A36807" s="2"/>
      <c r="B36807" s="2"/>
      <c r="C36807" s="2"/>
    </row>
    <row r="36808" spans="1:3" ht="19.2">
      <c r="A36808" s="2"/>
      <c r="B36808" s="2"/>
      <c r="C36808" s="2"/>
    </row>
    <row r="36809" spans="1:3" ht="19.2">
      <c r="A36809" s="2"/>
      <c r="B36809" s="2"/>
      <c r="C36809" s="2"/>
    </row>
    <row r="36810" spans="1:3" ht="19.2">
      <c r="A36810" s="2"/>
      <c r="B36810" s="2"/>
      <c r="C36810" s="2"/>
    </row>
    <row r="36811" spans="1:3" ht="19.2">
      <c r="A36811" s="2"/>
      <c r="B36811" s="2"/>
      <c r="C36811" s="2"/>
    </row>
    <row r="36812" spans="1:3" ht="19.2">
      <c r="A36812" s="2"/>
      <c r="B36812" s="2"/>
      <c r="C36812" s="2"/>
    </row>
    <row r="36813" spans="1:3" ht="19.2">
      <c r="A36813" s="2"/>
      <c r="B36813" s="2"/>
      <c r="C36813" s="2"/>
    </row>
    <row r="36814" spans="1:3" ht="19.2">
      <c r="A36814" s="2"/>
      <c r="B36814" s="2"/>
      <c r="C36814" s="2"/>
    </row>
    <row r="36815" spans="1:3" ht="19.2">
      <c r="A36815" s="2"/>
      <c r="B36815" s="2"/>
      <c r="C36815" s="2"/>
    </row>
    <row r="36816" spans="1:3" ht="19.2">
      <c r="A36816" s="2"/>
      <c r="B36816" s="2"/>
      <c r="C36816" s="2"/>
    </row>
    <row r="36817" spans="1:3" ht="19.2">
      <c r="A36817" s="2"/>
      <c r="B36817" s="2"/>
      <c r="C36817" s="2"/>
    </row>
    <row r="36818" spans="1:3" ht="19.2">
      <c r="A36818" s="2"/>
      <c r="B36818" s="2"/>
      <c r="C36818" s="2"/>
    </row>
    <row r="36819" spans="1:3" ht="19.2">
      <c r="A36819" s="2"/>
      <c r="B36819" s="2"/>
      <c r="C36819" s="2"/>
    </row>
    <row r="36820" spans="1:3" ht="19.2">
      <c r="A36820" s="2"/>
      <c r="B36820" s="2"/>
      <c r="C36820" s="2"/>
    </row>
    <row r="36821" spans="1:3" ht="19.2">
      <c r="A36821" s="2"/>
      <c r="B36821" s="2"/>
      <c r="C36821" s="2"/>
    </row>
    <row r="36822" spans="1:3" ht="19.2">
      <c r="A36822" s="2"/>
      <c r="B36822" s="2"/>
      <c r="C36822" s="2"/>
    </row>
    <row r="36823" spans="1:3" ht="19.2">
      <c r="A36823" s="2"/>
      <c r="B36823" s="2"/>
      <c r="C36823" s="2"/>
    </row>
    <row r="36824" spans="1:3" ht="19.2">
      <c r="A36824" s="2"/>
      <c r="B36824" s="2"/>
      <c r="C36824" s="2"/>
    </row>
    <row r="36825" spans="1:3" ht="19.2">
      <c r="A36825" s="2"/>
      <c r="B36825" s="2"/>
      <c r="C36825" s="2"/>
    </row>
    <row r="36826" spans="1:3" ht="19.2">
      <c r="A36826" s="2"/>
      <c r="B36826" s="2"/>
      <c r="C36826" s="2"/>
    </row>
    <row r="36827" spans="1:3" ht="19.2">
      <c r="A36827" s="2"/>
      <c r="B36827" s="2"/>
      <c r="C36827" s="2"/>
    </row>
    <row r="36828" spans="1:3" ht="19.2">
      <c r="A36828" s="2"/>
      <c r="B36828" s="2"/>
      <c r="C36828" s="2"/>
    </row>
    <row r="36829" spans="1:3" ht="19.2">
      <c r="A36829" s="2"/>
      <c r="B36829" s="2"/>
      <c r="C36829" s="2"/>
    </row>
    <row r="36830" spans="1:3" ht="19.2">
      <c r="A36830" s="2"/>
      <c r="B36830" s="2"/>
      <c r="C36830" s="2"/>
    </row>
    <row r="36831" spans="1:3" ht="19.2">
      <c r="A36831" s="2"/>
      <c r="B36831" s="2"/>
      <c r="C36831" s="2"/>
    </row>
    <row r="36832" spans="1:3" ht="19.2">
      <c r="A36832" s="2"/>
      <c r="B36832" s="2"/>
      <c r="C36832" s="2"/>
    </row>
    <row r="36833" spans="1:3" ht="19.2">
      <c r="A36833" s="2"/>
      <c r="B36833" s="2"/>
      <c r="C36833" s="2"/>
    </row>
    <row r="36834" spans="1:3" ht="19.2">
      <c r="A36834" s="2"/>
      <c r="B36834" s="2"/>
      <c r="C36834" s="2"/>
    </row>
    <row r="36835" spans="1:3" ht="19.2">
      <c r="A36835" s="2"/>
      <c r="B36835" s="2"/>
      <c r="C36835" s="2"/>
    </row>
    <row r="36836" spans="1:3" ht="19.2">
      <c r="A36836" s="2"/>
      <c r="B36836" s="2"/>
      <c r="C36836" s="2"/>
    </row>
    <row r="36837" spans="1:3" ht="19.2">
      <c r="A36837" s="2"/>
      <c r="B36837" s="2"/>
      <c r="C36837" s="2"/>
    </row>
    <row r="36838" spans="1:3" ht="19.2">
      <c r="A36838" s="2"/>
      <c r="B36838" s="2"/>
      <c r="C36838" s="2"/>
    </row>
    <row r="36839" spans="1:3" ht="19.2">
      <c r="A36839" s="2"/>
      <c r="B36839" s="2"/>
      <c r="C36839" s="2"/>
    </row>
    <row r="36840" spans="1:3" ht="19.2">
      <c r="A36840" s="2"/>
      <c r="B36840" s="2"/>
      <c r="C36840" s="2"/>
    </row>
    <row r="36841" spans="1:3" ht="19.2">
      <c r="A36841" s="2"/>
      <c r="B36841" s="2"/>
      <c r="C36841" s="2"/>
    </row>
    <row r="36842" spans="1:3" ht="19.2">
      <c r="A36842" s="2"/>
      <c r="B36842" s="2"/>
      <c r="C36842" s="2"/>
    </row>
    <row r="36843" spans="1:3" ht="19.2">
      <c r="A36843" s="2"/>
      <c r="B36843" s="2"/>
      <c r="C36843" s="2"/>
    </row>
    <row r="36844" spans="1:3" ht="19.2">
      <c r="A36844" s="2"/>
      <c r="B36844" s="2"/>
      <c r="C36844" s="2"/>
    </row>
    <row r="36845" spans="1:3" ht="19.2">
      <c r="A36845" s="2"/>
      <c r="B36845" s="2"/>
      <c r="C36845" s="2"/>
    </row>
    <row r="36846" spans="1:3" ht="19.2">
      <c r="A36846" s="2"/>
      <c r="B36846" s="2"/>
      <c r="C36846" s="2"/>
    </row>
    <row r="36847" spans="1:3" ht="19.2">
      <c r="A36847" s="2"/>
      <c r="B36847" s="2"/>
      <c r="C36847" s="2"/>
    </row>
    <row r="36848" spans="1:3" ht="19.2">
      <c r="A36848" s="2"/>
      <c r="B36848" s="2"/>
      <c r="C36848" s="2"/>
    </row>
    <row r="36849" spans="1:3" ht="19.2">
      <c r="A36849" s="2"/>
      <c r="B36849" s="2"/>
      <c r="C36849" s="2"/>
    </row>
    <row r="36850" spans="1:3" ht="19.2">
      <c r="A36850" s="2"/>
      <c r="B36850" s="2"/>
      <c r="C36850" s="2"/>
    </row>
    <row r="36851" spans="1:3" ht="19.2">
      <c r="A36851" s="2"/>
      <c r="B36851" s="2"/>
      <c r="C36851" s="2"/>
    </row>
    <row r="36852" spans="1:3" ht="19.2">
      <c r="A36852" s="2"/>
      <c r="B36852" s="2"/>
      <c r="C36852" s="2"/>
    </row>
    <row r="36853" spans="1:3" ht="19.2">
      <c r="A36853" s="2"/>
      <c r="B36853" s="2"/>
      <c r="C36853" s="2"/>
    </row>
    <row r="36854" spans="1:3" ht="19.2">
      <c r="A36854" s="2"/>
      <c r="B36854" s="2"/>
      <c r="C36854" s="2"/>
    </row>
    <row r="36855" spans="1:3" ht="19.2">
      <c r="A36855" s="2"/>
      <c r="B36855" s="2"/>
      <c r="C36855" s="2"/>
    </row>
    <row r="36856" spans="1:3" ht="19.2">
      <c r="A36856" s="2"/>
      <c r="B36856" s="2"/>
      <c r="C36856" s="2"/>
    </row>
    <row r="36857" spans="1:3" ht="19.2">
      <c r="A36857" s="2"/>
      <c r="B36857" s="2"/>
      <c r="C36857" s="2"/>
    </row>
    <row r="36858" spans="1:3" ht="19.2">
      <c r="A36858" s="2"/>
      <c r="B36858" s="2"/>
      <c r="C36858" s="2"/>
    </row>
    <row r="36859" spans="1:3" ht="19.2">
      <c r="A36859" s="2"/>
      <c r="B36859" s="2"/>
      <c r="C36859" s="2"/>
    </row>
    <row r="36860" spans="1:3" ht="19.2">
      <c r="A36860" s="2"/>
      <c r="B36860" s="2"/>
      <c r="C36860" s="2"/>
    </row>
    <row r="36861" spans="1:3" ht="19.2">
      <c r="A36861" s="2"/>
      <c r="B36861" s="2"/>
      <c r="C36861" s="2"/>
    </row>
    <row r="36862" spans="1:3" ht="19.2">
      <c r="A36862" s="2"/>
      <c r="B36862" s="2"/>
      <c r="C36862" s="2"/>
    </row>
    <row r="36863" spans="1:3" ht="19.2">
      <c r="A36863" s="2"/>
      <c r="B36863" s="2"/>
      <c r="C36863" s="2"/>
    </row>
    <row r="36864" spans="1:3" ht="19.2">
      <c r="A36864" s="2"/>
      <c r="B36864" s="2"/>
      <c r="C36864" s="2"/>
    </row>
    <row r="36865" spans="1:3" ht="19.2">
      <c r="A36865" s="2"/>
      <c r="B36865" s="2"/>
      <c r="C36865" s="2"/>
    </row>
    <row r="36866" spans="1:3" ht="19.2">
      <c r="A36866" s="2"/>
      <c r="B36866" s="2"/>
      <c r="C36866" s="2"/>
    </row>
    <row r="36867" spans="1:3" ht="19.2">
      <c r="A36867" s="2"/>
      <c r="B36867" s="2"/>
      <c r="C36867" s="2"/>
    </row>
    <row r="36868" spans="1:3" ht="19.2">
      <c r="A36868" s="2"/>
      <c r="B36868" s="2"/>
      <c r="C36868" s="2"/>
    </row>
    <row r="36869" spans="1:3" ht="19.2">
      <c r="A36869" s="2"/>
      <c r="B36869" s="2"/>
      <c r="C36869" s="2"/>
    </row>
    <row r="36870" spans="1:3" ht="19.2">
      <c r="A36870" s="2"/>
      <c r="B36870" s="2"/>
      <c r="C36870" s="2"/>
    </row>
    <row r="36871" spans="1:3" ht="19.2">
      <c r="A36871" s="2"/>
      <c r="B36871" s="2"/>
      <c r="C36871" s="2"/>
    </row>
    <row r="36872" spans="1:3" ht="19.2">
      <c r="A36872" s="2"/>
      <c r="B36872" s="2"/>
      <c r="C36872" s="2"/>
    </row>
    <row r="36873" spans="1:3" ht="19.2">
      <c r="A36873" s="2"/>
      <c r="B36873" s="2"/>
      <c r="C36873" s="2"/>
    </row>
    <row r="36874" spans="1:3" ht="19.2">
      <c r="A36874" s="2"/>
      <c r="B36874" s="2"/>
      <c r="C36874" s="2"/>
    </row>
    <row r="36875" spans="1:3" ht="19.2">
      <c r="A36875" s="2"/>
      <c r="B36875" s="2"/>
      <c r="C36875" s="2"/>
    </row>
    <row r="36876" spans="1:3" ht="19.2">
      <c r="A36876" s="2"/>
      <c r="B36876" s="2"/>
      <c r="C36876" s="2"/>
    </row>
    <row r="36877" spans="1:3" ht="19.2">
      <c r="A36877" s="2"/>
      <c r="B36877" s="2"/>
      <c r="C36877" s="2"/>
    </row>
    <row r="36878" spans="1:3" ht="19.2">
      <c r="A36878" s="2"/>
      <c r="B36878" s="2"/>
      <c r="C36878" s="2"/>
    </row>
    <row r="36879" spans="1:3" ht="19.2">
      <c r="A36879" s="2"/>
      <c r="B36879" s="2"/>
      <c r="C36879" s="2"/>
    </row>
    <row r="36880" spans="1:3" ht="19.2">
      <c r="A36880" s="2"/>
      <c r="B36880" s="2"/>
      <c r="C36880" s="2"/>
    </row>
    <row r="36881" spans="1:3" ht="19.2">
      <c r="A36881" s="2"/>
      <c r="B36881" s="2"/>
      <c r="C36881" s="2"/>
    </row>
    <row r="36882" spans="1:3" ht="19.2">
      <c r="A36882" s="2"/>
      <c r="B36882" s="2"/>
      <c r="C36882" s="2"/>
    </row>
    <row r="36883" spans="1:3" ht="19.2">
      <c r="A36883" s="2"/>
      <c r="B36883" s="2"/>
      <c r="C36883" s="2"/>
    </row>
    <row r="36884" spans="1:3" ht="19.2">
      <c r="A36884" s="2"/>
      <c r="B36884" s="2"/>
      <c r="C36884" s="2"/>
    </row>
    <row r="36885" spans="1:3" ht="19.2">
      <c r="A36885" s="2"/>
      <c r="B36885" s="2"/>
      <c r="C36885" s="2"/>
    </row>
    <row r="36886" spans="1:3" ht="19.2">
      <c r="A36886" s="2"/>
      <c r="B36886" s="2"/>
      <c r="C36886" s="2"/>
    </row>
    <row r="36887" spans="1:3" ht="19.2">
      <c r="A36887" s="2"/>
      <c r="B36887" s="2"/>
      <c r="C36887" s="2"/>
    </row>
    <row r="36888" spans="1:3" ht="19.2">
      <c r="A36888" s="2"/>
      <c r="B36888" s="2"/>
      <c r="C36888" s="2"/>
    </row>
    <row r="36889" spans="1:3" ht="19.2">
      <c r="A36889" s="2"/>
      <c r="B36889" s="2"/>
      <c r="C36889" s="2"/>
    </row>
    <row r="36890" spans="1:3" ht="19.2">
      <c r="A36890" s="2"/>
      <c r="B36890" s="2"/>
      <c r="C36890" s="2"/>
    </row>
    <row r="36891" spans="1:3" ht="19.2">
      <c r="A36891" s="2"/>
      <c r="B36891" s="2"/>
      <c r="C36891" s="2"/>
    </row>
    <row r="36892" spans="1:3" ht="19.2">
      <c r="A36892" s="2"/>
      <c r="B36892" s="2"/>
      <c r="C36892" s="2"/>
    </row>
    <row r="36893" spans="1:3" ht="19.2">
      <c r="A36893" s="2"/>
      <c r="B36893" s="2"/>
      <c r="C36893" s="2"/>
    </row>
    <row r="36894" spans="1:3" ht="19.2">
      <c r="A36894" s="2"/>
      <c r="B36894" s="2"/>
      <c r="C36894" s="2"/>
    </row>
    <row r="36895" spans="1:3" ht="19.2">
      <c r="A36895" s="2"/>
      <c r="B36895" s="2"/>
      <c r="C36895" s="2"/>
    </row>
    <row r="36896" spans="1:3" ht="19.2">
      <c r="A36896" s="2"/>
      <c r="B36896" s="2"/>
      <c r="C36896" s="2"/>
    </row>
    <row r="36897" spans="1:3" ht="19.2">
      <c r="A36897" s="2"/>
      <c r="B36897" s="2"/>
      <c r="C36897" s="2"/>
    </row>
    <row r="36898" spans="1:3" ht="19.2">
      <c r="A36898" s="2"/>
      <c r="B36898" s="2"/>
      <c r="C36898" s="2"/>
    </row>
    <row r="36899" spans="1:3" ht="19.2">
      <c r="A36899" s="2"/>
      <c r="B36899" s="2"/>
      <c r="C36899" s="2"/>
    </row>
    <row r="36900" spans="1:3" ht="19.2">
      <c r="A36900" s="2"/>
      <c r="B36900" s="2"/>
      <c r="C36900" s="2"/>
    </row>
    <row r="36901" spans="1:3" ht="19.2">
      <c r="A36901" s="2"/>
      <c r="B36901" s="2"/>
      <c r="C36901" s="2"/>
    </row>
    <row r="36902" spans="1:3" ht="19.2">
      <c r="A36902" s="2"/>
      <c r="B36902" s="2"/>
      <c r="C36902" s="2"/>
    </row>
    <row r="36903" spans="1:3" ht="19.2">
      <c r="A36903" s="2"/>
      <c r="B36903" s="2"/>
      <c r="C36903" s="2"/>
    </row>
    <row r="36904" spans="1:3" ht="19.2">
      <c r="A36904" s="2"/>
      <c r="B36904" s="2"/>
      <c r="C36904" s="2"/>
    </row>
    <row r="36905" spans="1:3" ht="19.2">
      <c r="A36905" s="2"/>
      <c r="B36905" s="2"/>
      <c r="C36905" s="2"/>
    </row>
    <row r="36906" spans="1:3" ht="19.2">
      <c r="A36906" s="2"/>
      <c r="B36906" s="2"/>
      <c r="C36906" s="2"/>
    </row>
    <row r="36907" spans="1:3" ht="19.2">
      <c r="A36907" s="2"/>
      <c r="B36907" s="2"/>
      <c r="C36907" s="2"/>
    </row>
    <row r="36908" spans="1:3" ht="19.2">
      <c r="A36908" s="2"/>
      <c r="B36908" s="2"/>
      <c r="C36908" s="2"/>
    </row>
    <row r="36909" spans="1:3" ht="19.2">
      <c r="A36909" s="2"/>
      <c r="B36909" s="2"/>
      <c r="C36909" s="2"/>
    </row>
    <row r="36910" spans="1:3" ht="19.2">
      <c r="A36910" s="2"/>
      <c r="B36910" s="2"/>
      <c r="C36910" s="2"/>
    </row>
    <row r="36911" spans="1:3" ht="19.2">
      <c r="A36911" s="2"/>
      <c r="B36911" s="2"/>
      <c r="C36911" s="2"/>
    </row>
    <row r="36912" spans="1:3" ht="19.2">
      <c r="A36912" s="2"/>
      <c r="B36912" s="2"/>
      <c r="C36912" s="2"/>
    </row>
    <row r="36913" spans="1:3" ht="19.2">
      <c r="A36913" s="2"/>
      <c r="B36913" s="2"/>
      <c r="C36913" s="2"/>
    </row>
    <row r="36914" spans="1:3" ht="19.2">
      <c r="A36914" s="2"/>
      <c r="B36914" s="2"/>
      <c r="C36914" s="2"/>
    </row>
    <row r="36915" spans="1:3" ht="19.2">
      <c r="A36915" s="2"/>
      <c r="B36915" s="2"/>
      <c r="C36915" s="2"/>
    </row>
    <row r="36916" spans="1:3" ht="19.2">
      <c r="A36916" s="2"/>
      <c r="B36916" s="2"/>
      <c r="C36916" s="2"/>
    </row>
    <row r="36917" spans="1:3" ht="19.2">
      <c r="A36917" s="2"/>
      <c r="B36917" s="2"/>
      <c r="C36917" s="2"/>
    </row>
    <row r="36918" spans="1:3" ht="19.2">
      <c r="A36918" s="2"/>
      <c r="B36918" s="2"/>
      <c r="C36918" s="2"/>
    </row>
    <row r="36919" spans="1:3" ht="19.2">
      <c r="A36919" s="2"/>
      <c r="B36919" s="2"/>
      <c r="C36919" s="2"/>
    </row>
    <row r="36920" spans="1:3" ht="19.2">
      <c r="A36920" s="2"/>
      <c r="B36920" s="2"/>
      <c r="C36920" s="2"/>
    </row>
    <row r="36921" spans="1:3" ht="19.2">
      <c r="A36921" s="2"/>
      <c r="B36921" s="2"/>
      <c r="C36921" s="2"/>
    </row>
    <row r="36922" spans="1:3" ht="19.2">
      <c r="A36922" s="2"/>
      <c r="B36922" s="2"/>
      <c r="C36922" s="2"/>
    </row>
    <row r="36923" spans="1:3" ht="19.2">
      <c r="A36923" s="2"/>
      <c r="B36923" s="2"/>
      <c r="C36923" s="2"/>
    </row>
    <row r="36924" spans="1:3" ht="19.2">
      <c r="A36924" s="2"/>
      <c r="B36924" s="2"/>
      <c r="C36924" s="2"/>
    </row>
    <row r="36925" spans="1:3" ht="19.2">
      <c r="A36925" s="2"/>
      <c r="B36925" s="2"/>
      <c r="C36925" s="2"/>
    </row>
    <row r="36926" spans="1:3" ht="19.2">
      <c r="A36926" s="2"/>
      <c r="B36926" s="2"/>
      <c r="C36926" s="2"/>
    </row>
    <row r="36927" spans="1:3" ht="19.2">
      <c r="A36927" s="2"/>
      <c r="B36927" s="2"/>
      <c r="C36927" s="2"/>
    </row>
    <row r="36928" spans="1:3" ht="19.2">
      <c r="A36928" s="2"/>
      <c r="B36928" s="2"/>
      <c r="C36928" s="2"/>
    </row>
    <row r="36929" spans="1:3" ht="19.2">
      <c r="A36929" s="2"/>
      <c r="B36929" s="2"/>
      <c r="C36929" s="2"/>
    </row>
    <row r="36930" spans="1:3" ht="19.2">
      <c r="A36930" s="2"/>
      <c r="B36930" s="2"/>
      <c r="C36930" s="2"/>
    </row>
    <row r="36931" spans="1:3" ht="19.2">
      <c r="A36931" s="2"/>
      <c r="B36931" s="2"/>
      <c r="C36931" s="2"/>
    </row>
    <row r="36932" spans="1:3" ht="19.2">
      <c r="A36932" s="2"/>
      <c r="B36932" s="2"/>
      <c r="C36932" s="2"/>
    </row>
    <row r="36933" spans="1:3" ht="19.2">
      <c r="A36933" s="2"/>
      <c r="B36933" s="2"/>
      <c r="C36933" s="2"/>
    </row>
    <row r="36934" spans="1:3" ht="19.2">
      <c r="A36934" s="2"/>
      <c r="B36934" s="2"/>
      <c r="C36934" s="2"/>
    </row>
    <row r="36935" spans="1:3" ht="19.2">
      <c r="A36935" s="2"/>
      <c r="B36935" s="2"/>
      <c r="C36935" s="2"/>
    </row>
    <row r="36936" spans="1:3" ht="19.2">
      <c r="A36936" s="2"/>
      <c r="B36936" s="2"/>
      <c r="C36936" s="2"/>
    </row>
    <row r="36937" spans="1:3" ht="19.2">
      <c r="A36937" s="2"/>
      <c r="B36937" s="2"/>
      <c r="C36937" s="2"/>
    </row>
    <row r="36938" spans="1:3" ht="19.2">
      <c r="A36938" s="2"/>
      <c r="B36938" s="2"/>
      <c r="C36938" s="2"/>
    </row>
    <row r="36939" spans="1:3" ht="19.2">
      <c r="A36939" s="2"/>
      <c r="B36939" s="2"/>
      <c r="C36939" s="2"/>
    </row>
    <row r="36940" spans="1:3" ht="19.2">
      <c r="A36940" s="2"/>
      <c r="B36940" s="2"/>
      <c r="C36940" s="2"/>
    </row>
    <row r="36941" spans="1:3" ht="19.2">
      <c r="A36941" s="2"/>
      <c r="B36941" s="2"/>
      <c r="C36941" s="2"/>
    </row>
    <row r="36942" spans="1:3" ht="19.2">
      <c r="A36942" s="2"/>
      <c r="B36942" s="2"/>
      <c r="C36942" s="2"/>
    </row>
    <row r="36943" spans="1:3" ht="19.2">
      <c r="A36943" s="2"/>
      <c r="B36943" s="2"/>
      <c r="C36943" s="2"/>
    </row>
    <row r="36944" spans="1:3" ht="19.2">
      <c r="A36944" s="2"/>
      <c r="B36944" s="2"/>
      <c r="C36944" s="2"/>
    </row>
    <row r="36945" spans="1:3" ht="19.2">
      <c r="A36945" s="2"/>
      <c r="B36945" s="2"/>
      <c r="C36945" s="2"/>
    </row>
    <row r="36946" spans="1:3" ht="19.2">
      <c r="A36946" s="2"/>
      <c r="B36946" s="2"/>
      <c r="C36946" s="2"/>
    </row>
    <row r="36947" spans="1:3" ht="19.2">
      <c r="A36947" s="2"/>
      <c r="B36947" s="2"/>
      <c r="C36947" s="2"/>
    </row>
    <row r="36948" spans="1:3" ht="19.2">
      <c r="A36948" s="2"/>
      <c r="B36948" s="2"/>
      <c r="C36948" s="2"/>
    </row>
    <row r="36949" spans="1:3" ht="19.2">
      <c r="A36949" s="2"/>
      <c r="B36949" s="2"/>
      <c r="C36949" s="2"/>
    </row>
    <row r="36950" spans="1:3" ht="19.2">
      <c r="A36950" s="2"/>
      <c r="B36950" s="2"/>
      <c r="C36950" s="2"/>
    </row>
    <row r="36951" spans="1:3" ht="19.2">
      <c r="A36951" s="2"/>
      <c r="B36951" s="2"/>
      <c r="C36951" s="2"/>
    </row>
    <row r="36952" spans="1:3" ht="19.2">
      <c r="A36952" s="2"/>
      <c r="B36952" s="2"/>
      <c r="C36952" s="2"/>
    </row>
    <row r="36953" spans="1:3" ht="19.2">
      <c r="A36953" s="2"/>
      <c r="B36953" s="2"/>
      <c r="C36953" s="2"/>
    </row>
    <row r="36954" spans="1:3" ht="19.2">
      <c r="A36954" s="2"/>
      <c r="B36954" s="2"/>
      <c r="C36954" s="2"/>
    </row>
    <row r="36955" spans="1:3" ht="19.2">
      <c r="A36955" s="2"/>
      <c r="B36955" s="2"/>
      <c r="C36955" s="2"/>
    </row>
    <row r="36956" spans="1:3" ht="19.2">
      <c r="A36956" s="2"/>
      <c r="B36956" s="2"/>
      <c r="C36956" s="2"/>
    </row>
    <row r="36957" spans="1:3" ht="19.2">
      <c r="A36957" s="2"/>
      <c r="B36957" s="2"/>
      <c r="C36957" s="2"/>
    </row>
    <row r="36958" spans="1:3" ht="19.2">
      <c r="A36958" s="2"/>
      <c r="B36958" s="2"/>
      <c r="C36958" s="2"/>
    </row>
    <row r="36959" spans="1:3" ht="19.2">
      <c r="A36959" s="2"/>
      <c r="B36959" s="2"/>
      <c r="C36959" s="2"/>
    </row>
    <row r="36960" spans="1:3" ht="19.2">
      <c r="A36960" s="2"/>
      <c r="B36960" s="2"/>
      <c r="C36960" s="2"/>
    </row>
    <row r="36961" spans="1:3" ht="19.2">
      <c r="A36961" s="2"/>
      <c r="B36961" s="2"/>
      <c r="C36961" s="2"/>
    </row>
    <row r="36962" spans="1:3" ht="19.2">
      <c r="A36962" s="2"/>
      <c r="B36962" s="2"/>
      <c r="C36962" s="2"/>
    </row>
    <row r="36963" spans="1:3" ht="19.2">
      <c r="A36963" s="2"/>
      <c r="B36963" s="2"/>
      <c r="C36963" s="2"/>
    </row>
    <row r="36964" spans="1:3" ht="19.2">
      <c r="A36964" s="2"/>
      <c r="B36964" s="2"/>
      <c r="C36964" s="2"/>
    </row>
    <row r="36965" spans="1:3" ht="19.2">
      <c r="A36965" s="2"/>
      <c r="B36965" s="2"/>
      <c r="C36965" s="2"/>
    </row>
    <row r="36966" spans="1:3" ht="19.2">
      <c r="A36966" s="2"/>
      <c r="B36966" s="2"/>
      <c r="C36966" s="2"/>
    </row>
    <row r="36967" spans="1:3" ht="19.2">
      <c r="A36967" s="2"/>
      <c r="B36967" s="2"/>
      <c r="C36967" s="2"/>
    </row>
    <row r="36968" spans="1:3" ht="19.2">
      <c r="A36968" s="2"/>
      <c r="B36968" s="2"/>
      <c r="C36968" s="2"/>
    </row>
    <row r="36969" spans="1:3" ht="19.2">
      <c r="A36969" s="2"/>
      <c r="B36969" s="2"/>
      <c r="C36969" s="2"/>
    </row>
    <row r="36970" spans="1:3" ht="19.2">
      <c r="A36970" s="2"/>
      <c r="B36970" s="2"/>
      <c r="C36970" s="2"/>
    </row>
    <row r="36971" spans="1:3" ht="19.2">
      <c r="A36971" s="2"/>
      <c r="B36971" s="2"/>
      <c r="C36971" s="2"/>
    </row>
    <row r="36972" spans="1:3" ht="19.2">
      <c r="A36972" s="2"/>
      <c r="B36972" s="2"/>
      <c r="C36972" s="2"/>
    </row>
    <row r="36973" spans="1:3" ht="19.2">
      <c r="A36973" s="2"/>
      <c r="B36973" s="2"/>
      <c r="C36973" s="2"/>
    </row>
    <row r="36974" spans="1:3" ht="19.2">
      <c r="A36974" s="2"/>
      <c r="B36974" s="2"/>
      <c r="C36974" s="2"/>
    </row>
    <row r="36975" spans="1:3" ht="19.2">
      <c r="A36975" s="2"/>
      <c r="B36975" s="2"/>
      <c r="C36975" s="2"/>
    </row>
    <row r="36976" spans="1:3" ht="19.2">
      <c r="A36976" s="2"/>
      <c r="B36976" s="2"/>
      <c r="C36976" s="2"/>
    </row>
    <row r="36977" spans="1:3" ht="19.2">
      <c r="A36977" s="2"/>
      <c r="B36977" s="2"/>
      <c r="C36977" s="2"/>
    </row>
    <row r="36978" spans="1:3" ht="19.2">
      <c r="A36978" s="2"/>
      <c r="B36978" s="2"/>
      <c r="C36978" s="2"/>
    </row>
    <row r="36979" spans="1:3" ht="19.2">
      <c r="A36979" s="2"/>
      <c r="B36979" s="2"/>
      <c r="C36979" s="2"/>
    </row>
    <row r="36980" spans="1:3" ht="19.2">
      <c r="A36980" s="2"/>
      <c r="B36980" s="2"/>
      <c r="C36980" s="2"/>
    </row>
    <row r="36981" spans="1:3" ht="19.2">
      <c r="A36981" s="2"/>
      <c r="B36981" s="2"/>
      <c r="C36981" s="2"/>
    </row>
    <row r="36982" spans="1:3" ht="19.2">
      <c r="A36982" s="2"/>
      <c r="B36982" s="2"/>
      <c r="C36982" s="2"/>
    </row>
    <row r="36983" spans="1:3" ht="19.2">
      <c r="A36983" s="2"/>
      <c r="B36983" s="2"/>
      <c r="C36983" s="2"/>
    </row>
    <row r="36984" spans="1:3" ht="19.2">
      <c r="A36984" s="2"/>
      <c r="B36984" s="2"/>
      <c r="C36984" s="2"/>
    </row>
    <row r="36985" spans="1:3" ht="19.2">
      <c r="A36985" s="2"/>
      <c r="B36985" s="2"/>
      <c r="C36985" s="2"/>
    </row>
    <row r="36986" spans="1:3" ht="19.2">
      <c r="A36986" s="2"/>
      <c r="B36986" s="2"/>
      <c r="C36986" s="2"/>
    </row>
    <row r="36987" spans="1:3" ht="19.2">
      <c r="A36987" s="2"/>
      <c r="B36987" s="2"/>
      <c r="C36987" s="2"/>
    </row>
    <row r="36988" spans="1:3" ht="19.2">
      <c r="A36988" s="2"/>
      <c r="B36988" s="2"/>
      <c r="C36988" s="2"/>
    </row>
    <row r="36989" spans="1:3" ht="19.2">
      <c r="A36989" s="2"/>
      <c r="B36989" s="2"/>
      <c r="C36989" s="2"/>
    </row>
    <row r="36990" spans="1:3" ht="19.2">
      <c r="A36990" s="2"/>
      <c r="B36990" s="2"/>
      <c r="C36990" s="2"/>
    </row>
    <row r="36991" spans="1:3" ht="19.2">
      <c r="A36991" s="2"/>
      <c r="B36991" s="2"/>
      <c r="C36991" s="2"/>
    </row>
    <row r="36992" spans="1:3" ht="19.2">
      <c r="A36992" s="2"/>
      <c r="B36992" s="2"/>
      <c r="C36992" s="2"/>
    </row>
    <row r="36993" spans="1:3" ht="19.2">
      <c r="A36993" s="2"/>
      <c r="B36993" s="2"/>
      <c r="C36993" s="2"/>
    </row>
    <row r="36994" spans="1:3" ht="19.2">
      <c r="A36994" s="2"/>
      <c r="B36994" s="2"/>
      <c r="C36994" s="2"/>
    </row>
    <row r="36995" spans="1:3" ht="19.2">
      <c r="A36995" s="2"/>
      <c r="B36995" s="2"/>
      <c r="C36995" s="2"/>
    </row>
    <row r="36996" spans="1:3" ht="19.2">
      <c r="A36996" s="2"/>
      <c r="B36996" s="2"/>
      <c r="C36996" s="2"/>
    </row>
    <row r="36997" spans="1:3" ht="19.2">
      <c r="A36997" s="2"/>
      <c r="B36997" s="2"/>
      <c r="C36997" s="2"/>
    </row>
    <row r="36998" spans="1:3" ht="19.2">
      <c r="A36998" s="2"/>
      <c r="B36998" s="2"/>
      <c r="C36998" s="2"/>
    </row>
    <row r="36999" spans="1:3" ht="19.2">
      <c r="A36999" s="2"/>
      <c r="B36999" s="2"/>
      <c r="C36999" s="2"/>
    </row>
    <row r="37000" spans="1:3" ht="19.2">
      <c r="A37000" s="2"/>
      <c r="B37000" s="2"/>
      <c r="C37000" s="2"/>
    </row>
    <row r="37001" spans="1:3" ht="19.2">
      <c r="A37001" s="2"/>
      <c r="B37001" s="2"/>
      <c r="C37001" s="2"/>
    </row>
    <row r="37002" spans="1:3" ht="19.2">
      <c r="A37002" s="2"/>
      <c r="B37002" s="2"/>
      <c r="C37002" s="2"/>
    </row>
    <row r="37003" spans="1:3" ht="19.2">
      <c r="A37003" s="2"/>
      <c r="B37003" s="2"/>
      <c r="C37003" s="2"/>
    </row>
    <row r="37004" spans="1:3" ht="19.2">
      <c r="A37004" s="2"/>
      <c r="B37004" s="2"/>
      <c r="C37004" s="2"/>
    </row>
    <row r="37005" spans="1:3" ht="19.2">
      <c r="A37005" s="2"/>
      <c r="B37005" s="2"/>
      <c r="C37005" s="2"/>
    </row>
    <row r="37006" spans="1:3" ht="19.2">
      <c r="A37006" s="2"/>
      <c r="B37006" s="2"/>
      <c r="C37006" s="2"/>
    </row>
    <row r="37007" spans="1:3" ht="19.2">
      <c r="A37007" s="2"/>
      <c r="B37007" s="2"/>
      <c r="C37007" s="2"/>
    </row>
    <row r="37008" spans="1:3" ht="19.2">
      <c r="A37008" s="2"/>
      <c r="B37008" s="2"/>
      <c r="C37008" s="2"/>
    </row>
    <row r="37009" spans="1:3" ht="19.2">
      <c r="A37009" s="2"/>
      <c r="B37009" s="2"/>
      <c r="C37009" s="2"/>
    </row>
    <row r="37010" spans="1:3" ht="19.2">
      <c r="A37010" s="2"/>
      <c r="B37010" s="2"/>
      <c r="C37010" s="2"/>
    </row>
    <row r="37011" spans="1:3" ht="19.2">
      <c r="A37011" s="2"/>
      <c r="B37011" s="2"/>
      <c r="C37011" s="2"/>
    </row>
    <row r="37012" spans="1:3" ht="19.2">
      <c r="A37012" s="2"/>
      <c r="B37012" s="2"/>
      <c r="C37012" s="2"/>
    </row>
    <row r="37013" spans="1:3" ht="19.2">
      <c r="A37013" s="2"/>
      <c r="B37013" s="2"/>
      <c r="C37013" s="2"/>
    </row>
    <row r="37014" spans="1:3" ht="19.2">
      <c r="A37014" s="2"/>
      <c r="B37014" s="2"/>
      <c r="C37014" s="2"/>
    </row>
    <row r="37015" spans="1:3" ht="19.2">
      <c r="A37015" s="2"/>
      <c r="B37015" s="2"/>
      <c r="C37015" s="2"/>
    </row>
    <row r="37016" spans="1:3" ht="19.2">
      <c r="A37016" s="2"/>
      <c r="B37016" s="2"/>
      <c r="C37016" s="2"/>
    </row>
    <row r="37017" spans="1:3" ht="19.2">
      <c r="A37017" s="2"/>
      <c r="B37017" s="2"/>
      <c r="C37017" s="2"/>
    </row>
    <row r="37018" spans="1:3" ht="19.2">
      <c r="A37018" s="2"/>
      <c r="B37018" s="2"/>
      <c r="C37018" s="2"/>
    </row>
    <row r="37019" spans="1:3" ht="19.2">
      <c r="A37019" s="2"/>
      <c r="B37019" s="2"/>
      <c r="C37019" s="2"/>
    </row>
    <row r="37020" spans="1:3" ht="19.2">
      <c r="A37020" s="2"/>
      <c r="B37020" s="2"/>
      <c r="C37020" s="2"/>
    </row>
    <row r="37021" spans="1:3" ht="19.2">
      <c r="A37021" s="2"/>
      <c r="B37021" s="2"/>
      <c r="C37021" s="2"/>
    </row>
    <row r="37022" spans="1:3" ht="19.2">
      <c r="A37022" s="2"/>
      <c r="B37022" s="2"/>
      <c r="C37022" s="2"/>
    </row>
    <row r="37023" spans="1:3" ht="19.2">
      <c r="A37023" s="2"/>
      <c r="B37023" s="2"/>
      <c r="C37023" s="2"/>
    </row>
    <row r="37024" spans="1:3" ht="19.2">
      <c r="A37024" s="2"/>
      <c r="B37024" s="2"/>
      <c r="C37024" s="2"/>
    </row>
    <row r="37025" spans="1:3" ht="19.2">
      <c r="A37025" s="2"/>
      <c r="B37025" s="2"/>
      <c r="C37025" s="2"/>
    </row>
    <row r="37026" spans="1:3" ht="19.2">
      <c r="A37026" s="2"/>
      <c r="B37026" s="2"/>
      <c r="C37026" s="2"/>
    </row>
    <row r="37027" spans="1:3" ht="19.2">
      <c r="A37027" s="2"/>
      <c r="B37027" s="2"/>
      <c r="C37027" s="2"/>
    </row>
    <row r="37028" spans="1:3" ht="19.2">
      <c r="A37028" s="2"/>
      <c r="B37028" s="2"/>
      <c r="C37028" s="2"/>
    </row>
    <row r="37029" spans="1:3" ht="19.2">
      <c r="A37029" s="2"/>
      <c r="B37029" s="2"/>
      <c r="C37029" s="2"/>
    </row>
    <row r="37030" spans="1:3" ht="19.2">
      <c r="A37030" s="2"/>
      <c r="B37030" s="2"/>
      <c r="C37030" s="2"/>
    </row>
    <row r="37031" spans="1:3" ht="19.2">
      <c r="A37031" s="2"/>
      <c r="B37031" s="2"/>
      <c r="C37031" s="2"/>
    </row>
    <row r="37032" spans="1:3" ht="19.2">
      <c r="A37032" s="2"/>
      <c r="B37032" s="2"/>
      <c r="C37032" s="2"/>
    </row>
    <row r="37033" spans="1:3" ht="19.2">
      <c r="A37033" s="2"/>
      <c r="B37033" s="2"/>
      <c r="C37033" s="2"/>
    </row>
    <row r="37034" spans="1:3" ht="19.2">
      <c r="A37034" s="2"/>
      <c r="B37034" s="2"/>
      <c r="C37034" s="2"/>
    </row>
    <row r="37035" spans="1:3" ht="19.2">
      <c r="A37035" s="2"/>
      <c r="B37035" s="2"/>
      <c r="C37035" s="2"/>
    </row>
    <row r="37036" spans="1:3" ht="19.2">
      <c r="A37036" s="2"/>
      <c r="B37036" s="2"/>
      <c r="C37036" s="2"/>
    </row>
    <row r="37037" spans="1:3" ht="19.2">
      <c r="A37037" s="2"/>
      <c r="B37037" s="2"/>
      <c r="C37037" s="2"/>
    </row>
    <row r="37038" spans="1:3" ht="19.2">
      <c r="A37038" s="2"/>
      <c r="B37038" s="2"/>
      <c r="C37038" s="2"/>
    </row>
    <row r="37039" spans="1:3" ht="19.2">
      <c r="A37039" s="2"/>
      <c r="B37039" s="2"/>
      <c r="C37039" s="2"/>
    </row>
    <row r="37040" spans="1:3" ht="19.2">
      <c r="A37040" s="2"/>
      <c r="B37040" s="2"/>
      <c r="C37040" s="2"/>
    </row>
    <row r="37041" spans="1:3" ht="19.2">
      <c r="A37041" s="2"/>
      <c r="B37041" s="2"/>
      <c r="C37041" s="2"/>
    </row>
    <row r="37042" spans="1:3" ht="19.2">
      <c r="A37042" s="2"/>
      <c r="B37042" s="2"/>
      <c r="C37042" s="2"/>
    </row>
    <row r="37043" spans="1:3" ht="19.2">
      <c r="A37043" s="2"/>
      <c r="B37043" s="2"/>
      <c r="C37043" s="2"/>
    </row>
    <row r="37044" spans="1:3" ht="19.2">
      <c r="A37044" s="2"/>
      <c r="B37044" s="2"/>
      <c r="C37044" s="2"/>
    </row>
    <row r="37045" spans="1:3" ht="19.2">
      <c r="A37045" s="2"/>
      <c r="B37045" s="2"/>
      <c r="C37045" s="2"/>
    </row>
    <row r="37046" spans="1:3" ht="19.2">
      <c r="A37046" s="2"/>
      <c r="B37046" s="2"/>
      <c r="C37046" s="2"/>
    </row>
    <row r="37047" spans="1:3" ht="19.2">
      <c r="A37047" s="2"/>
      <c r="B37047" s="2"/>
      <c r="C37047" s="2"/>
    </row>
    <row r="37048" spans="1:3" ht="19.2">
      <c r="A37048" s="2"/>
      <c r="B37048" s="2"/>
      <c r="C37048" s="2"/>
    </row>
    <row r="37049" spans="1:3" ht="19.2">
      <c r="A37049" s="2"/>
      <c r="B37049" s="2"/>
      <c r="C37049" s="2"/>
    </row>
    <row r="37050" spans="1:3" ht="19.2">
      <c r="A37050" s="2"/>
      <c r="B37050" s="2"/>
      <c r="C37050" s="2"/>
    </row>
    <row r="37051" spans="1:3" ht="19.2">
      <c r="A37051" s="2"/>
      <c r="B37051" s="2"/>
      <c r="C37051" s="2"/>
    </row>
    <row r="37052" spans="1:3" ht="19.2">
      <c r="A37052" s="2"/>
      <c r="B37052" s="2"/>
      <c r="C37052" s="2"/>
    </row>
    <row r="37053" spans="1:3" ht="19.2">
      <c r="A37053" s="2"/>
      <c r="B37053" s="2"/>
      <c r="C37053" s="2"/>
    </row>
    <row r="37054" spans="1:3" ht="19.2">
      <c r="A37054" s="2"/>
      <c r="B37054" s="2"/>
      <c r="C37054" s="2"/>
    </row>
    <row r="37055" spans="1:3" ht="19.2">
      <c r="A37055" s="2"/>
      <c r="B37055" s="2"/>
      <c r="C37055" s="2"/>
    </row>
    <row r="37056" spans="1:3" ht="19.2">
      <c r="A37056" s="2"/>
      <c r="B37056" s="2"/>
      <c r="C37056" s="2"/>
    </row>
    <row r="37057" spans="1:3" ht="19.2">
      <c r="A37057" s="2"/>
      <c r="B37057" s="2"/>
      <c r="C37057" s="2"/>
    </row>
    <row r="37058" spans="1:3" ht="19.2">
      <c r="A37058" s="2"/>
      <c r="B37058" s="2"/>
      <c r="C37058" s="2"/>
    </row>
    <row r="37059" spans="1:3" ht="19.2">
      <c r="A37059" s="2"/>
      <c r="B37059" s="2"/>
      <c r="C37059" s="2"/>
    </row>
    <row r="37060" spans="1:3" ht="19.2">
      <c r="A37060" s="2"/>
      <c r="B37060" s="2"/>
      <c r="C37060" s="2"/>
    </row>
    <row r="37061" spans="1:3" ht="19.2">
      <c r="A37061" s="2"/>
      <c r="B37061" s="2"/>
      <c r="C37061" s="2"/>
    </row>
    <row r="37062" spans="1:3" ht="19.2">
      <c r="A37062" s="2"/>
      <c r="B37062" s="2"/>
      <c r="C37062" s="2"/>
    </row>
    <row r="37063" spans="1:3" ht="19.2">
      <c r="A37063" s="2"/>
      <c r="B37063" s="2"/>
      <c r="C37063" s="2"/>
    </row>
    <row r="37064" spans="1:3" ht="19.2">
      <c r="A37064" s="2"/>
      <c r="B37064" s="2"/>
      <c r="C37064" s="2"/>
    </row>
    <row r="37065" spans="1:3" ht="19.2">
      <c r="A37065" s="2"/>
      <c r="B37065" s="2"/>
      <c r="C37065" s="2"/>
    </row>
    <row r="37066" spans="1:3" ht="19.2">
      <c r="A37066" s="2"/>
      <c r="B37066" s="2"/>
      <c r="C37066" s="2"/>
    </row>
    <row r="37067" spans="1:3" ht="19.2">
      <c r="A37067" s="2"/>
      <c r="B37067" s="2"/>
      <c r="C37067" s="2"/>
    </row>
    <row r="37068" spans="1:3" ht="19.2">
      <c r="A37068" s="2"/>
      <c r="B37068" s="2"/>
      <c r="C37068" s="2"/>
    </row>
    <row r="37069" spans="1:3" ht="19.2">
      <c r="A37069" s="2"/>
      <c r="B37069" s="2"/>
      <c r="C37069" s="2"/>
    </row>
    <row r="37070" spans="1:3" ht="19.2">
      <c r="A37070" s="2"/>
      <c r="B37070" s="2"/>
      <c r="C37070" s="2"/>
    </row>
    <row r="37071" spans="1:3" ht="19.2">
      <c r="A37071" s="2"/>
      <c r="B37071" s="2"/>
      <c r="C37071" s="2"/>
    </row>
    <row r="37072" spans="1:3" ht="19.2">
      <c r="A37072" s="2"/>
      <c r="B37072" s="2"/>
      <c r="C37072" s="2"/>
    </row>
    <row r="37073" spans="1:3" ht="19.2">
      <c r="A37073" s="2"/>
      <c r="B37073" s="2"/>
      <c r="C37073" s="2"/>
    </row>
    <row r="37074" spans="1:3" ht="19.2">
      <c r="A37074" s="2"/>
      <c r="B37074" s="2"/>
      <c r="C37074" s="2"/>
    </row>
    <row r="37075" spans="1:3" ht="19.2">
      <c r="A37075" s="2"/>
      <c r="B37075" s="2"/>
      <c r="C37075" s="2"/>
    </row>
    <row r="37076" spans="1:3" ht="19.2">
      <c r="A37076" s="2"/>
      <c r="B37076" s="2"/>
      <c r="C37076" s="2"/>
    </row>
    <row r="37077" spans="1:3" ht="19.2">
      <c r="A37077" s="2"/>
      <c r="B37077" s="2"/>
      <c r="C37077" s="2"/>
    </row>
    <row r="37078" spans="1:3" ht="19.2">
      <c r="A37078" s="2"/>
      <c r="B37078" s="2"/>
      <c r="C37078" s="2"/>
    </row>
    <row r="37079" spans="1:3" ht="19.2">
      <c r="A37079" s="2"/>
      <c r="B37079" s="2"/>
      <c r="C37079" s="2"/>
    </row>
    <row r="37080" spans="1:3" ht="19.2">
      <c r="A37080" s="2"/>
      <c r="B37080" s="2"/>
      <c r="C37080" s="2"/>
    </row>
    <row r="37081" spans="1:3" ht="19.2">
      <c r="A37081" s="2"/>
      <c r="B37081" s="2"/>
      <c r="C37081" s="2"/>
    </row>
    <row r="37082" spans="1:3" ht="19.2">
      <c r="A37082" s="2"/>
      <c r="B37082" s="2"/>
      <c r="C37082" s="2"/>
    </row>
    <row r="37083" spans="1:3" ht="19.2">
      <c r="A37083" s="2"/>
      <c r="B37083" s="2"/>
      <c r="C37083" s="2"/>
    </row>
    <row r="37084" spans="1:3" ht="19.2">
      <c r="A37084" s="2"/>
      <c r="B37084" s="2"/>
      <c r="C37084" s="2"/>
    </row>
    <row r="37085" spans="1:3" ht="19.2">
      <c r="A37085" s="2"/>
      <c r="B37085" s="2"/>
      <c r="C37085" s="2"/>
    </row>
    <row r="37086" spans="1:3" ht="19.2">
      <c r="A37086" s="2"/>
      <c r="B37086" s="2"/>
      <c r="C37086" s="2"/>
    </row>
    <row r="37087" spans="1:3" ht="19.2">
      <c r="A37087" s="2"/>
      <c r="B37087" s="2"/>
      <c r="C37087" s="2"/>
    </row>
    <row r="37088" spans="1:3" ht="19.2">
      <c r="A37088" s="2"/>
      <c r="B37088" s="2"/>
      <c r="C37088" s="2"/>
    </row>
    <row r="37089" spans="1:3" ht="19.2">
      <c r="A37089" s="2"/>
      <c r="B37089" s="2"/>
      <c r="C37089" s="2"/>
    </row>
    <row r="37090" spans="1:3" ht="19.2">
      <c r="A37090" s="2"/>
      <c r="B37090" s="2"/>
      <c r="C37090" s="2"/>
    </row>
    <row r="37091" spans="1:3" ht="19.2">
      <c r="A37091" s="2"/>
      <c r="B37091" s="2"/>
      <c r="C37091" s="2"/>
    </row>
    <row r="37092" spans="1:3" ht="19.2">
      <c r="A37092" s="2"/>
      <c r="B37092" s="2"/>
      <c r="C37092" s="2"/>
    </row>
    <row r="37093" spans="1:3" ht="19.2">
      <c r="A37093" s="2"/>
      <c r="B37093" s="2"/>
      <c r="C37093" s="2"/>
    </row>
    <row r="37094" spans="1:3" ht="19.2">
      <c r="A37094" s="2"/>
      <c r="B37094" s="2"/>
      <c r="C37094" s="2"/>
    </row>
    <row r="37095" spans="1:3" ht="19.2">
      <c r="A37095" s="2"/>
      <c r="B37095" s="2"/>
      <c r="C37095" s="2"/>
    </row>
    <row r="37096" spans="1:3" ht="19.2">
      <c r="A37096" s="2"/>
      <c r="B37096" s="2"/>
      <c r="C37096" s="2"/>
    </row>
    <row r="37097" spans="1:3" ht="19.2">
      <c r="A37097" s="2"/>
      <c r="B37097" s="2"/>
      <c r="C37097" s="2"/>
    </row>
    <row r="37098" spans="1:3" ht="19.2">
      <c r="A37098" s="2"/>
      <c r="B37098" s="2"/>
      <c r="C37098" s="2"/>
    </row>
    <row r="37099" spans="1:3" ht="19.2">
      <c r="A37099" s="2"/>
      <c r="B37099" s="2"/>
      <c r="C37099" s="2"/>
    </row>
    <row r="37100" spans="1:3" ht="19.2">
      <c r="A37100" s="2"/>
      <c r="B37100" s="2"/>
      <c r="C37100" s="2"/>
    </row>
    <row r="37101" spans="1:3" ht="19.2">
      <c r="A37101" s="2"/>
      <c r="B37101" s="2"/>
      <c r="C37101" s="2"/>
    </row>
    <row r="37102" spans="1:3" ht="19.2">
      <c r="A37102" s="2"/>
      <c r="B37102" s="2"/>
      <c r="C37102" s="2"/>
    </row>
    <row r="37103" spans="1:3" ht="19.2">
      <c r="A37103" s="2"/>
      <c r="B37103" s="2"/>
      <c r="C37103" s="2"/>
    </row>
    <row r="37104" spans="1:3" ht="19.2">
      <c r="A37104" s="2"/>
      <c r="B37104" s="2"/>
      <c r="C37104" s="2"/>
    </row>
    <row r="37105" spans="1:3" ht="19.2">
      <c r="A37105" s="2"/>
      <c r="B37105" s="2"/>
      <c r="C37105" s="2"/>
    </row>
    <row r="37106" spans="1:3" ht="19.2">
      <c r="A37106" s="2"/>
      <c r="B37106" s="2"/>
      <c r="C37106" s="2"/>
    </row>
    <row r="37107" spans="1:3" ht="19.2">
      <c r="A37107" s="2"/>
      <c r="B37107" s="2"/>
      <c r="C37107" s="2"/>
    </row>
    <row r="37108" spans="1:3" ht="19.2">
      <c r="A37108" s="2"/>
      <c r="B37108" s="2"/>
      <c r="C37108" s="2"/>
    </row>
    <row r="37109" spans="1:3" ht="19.2">
      <c r="A37109" s="2"/>
      <c r="B37109" s="2"/>
      <c r="C37109" s="2"/>
    </row>
    <row r="37110" spans="1:3" ht="19.2">
      <c r="A37110" s="2"/>
      <c r="B37110" s="2"/>
      <c r="C37110" s="2"/>
    </row>
    <row r="37111" spans="1:3" ht="19.2">
      <c r="A37111" s="2"/>
      <c r="B37111" s="2"/>
      <c r="C37111" s="2"/>
    </row>
    <row r="37112" spans="1:3" ht="19.2">
      <c r="A37112" s="2"/>
      <c r="B37112" s="2"/>
      <c r="C37112" s="2"/>
    </row>
    <row r="37113" spans="1:3" ht="19.2">
      <c r="A37113" s="2"/>
      <c r="B37113" s="2"/>
      <c r="C37113" s="2"/>
    </row>
    <row r="37114" spans="1:3" ht="19.2">
      <c r="A37114" s="2"/>
      <c r="B37114" s="2"/>
      <c r="C37114" s="2"/>
    </row>
    <row r="37115" spans="1:3" ht="19.2">
      <c r="A37115" s="2"/>
      <c r="B37115" s="2"/>
      <c r="C37115" s="2"/>
    </row>
    <row r="37116" spans="1:3" ht="19.2">
      <c r="A37116" s="2"/>
      <c r="B37116" s="2"/>
      <c r="C37116" s="2"/>
    </row>
    <row r="37117" spans="1:3" ht="19.2">
      <c r="A37117" s="2"/>
      <c r="B37117" s="2"/>
      <c r="C37117" s="2"/>
    </row>
    <row r="37118" spans="1:3" ht="19.2">
      <c r="A37118" s="2"/>
      <c r="B37118" s="2"/>
      <c r="C37118" s="2"/>
    </row>
    <row r="37119" spans="1:3" ht="19.2">
      <c r="A37119" s="2"/>
      <c r="B37119" s="2"/>
      <c r="C37119" s="2"/>
    </row>
    <row r="37120" spans="1:3" ht="19.2">
      <c r="A37120" s="2"/>
      <c r="B37120" s="2"/>
      <c r="C37120" s="2"/>
    </row>
    <row r="37121" spans="1:3" ht="19.2">
      <c r="A37121" s="2"/>
      <c r="B37121" s="2"/>
      <c r="C37121" s="2"/>
    </row>
    <row r="37122" spans="1:3" ht="19.2">
      <c r="A37122" s="2"/>
      <c r="B37122" s="2"/>
      <c r="C37122" s="2"/>
    </row>
    <row r="37123" spans="1:3" ht="19.2">
      <c r="A37123" s="2"/>
      <c r="B37123" s="2"/>
      <c r="C37123" s="2"/>
    </row>
    <row r="37124" spans="1:3" ht="19.2">
      <c r="A37124" s="2"/>
      <c r="B37124" s="2"/>
      <c r="C37124" s="2"/>
    </row>
    <row r="37125" spans="1:3" ht="19.2">
      <c r="A37125" s="2"/>
      <c r="B37125" s="2"/>
      <c r="C37125" s="2"/>
    </row>
    <row r="37126" spans="1:3" ht="19.2">
      <c r="A37126" s="2"/>
      <c r="B37126" s="2"/>
      <c r="C37126" s="2"/>
    </row>
    <row r="37127" spans="1:3" ht="19.2">
      <c r="A37127" s="2"/>
      <c r="B37127" s="2"/>
      <c r="C37127" s="2"/>
    </row>
    <row r="37128" spans="1:3" ht="19.2">
      <c r="A37128" s="2"/>
      <c r="B37128" s="2"/>
      <c r="C37128" s="2"/>
    </row>
    <row r="37129" spans="1:3" ht="19.2">
      <c r="A37129" s="2"/>
      <c r="B37129" s="2"/>
      <c r="C37129" s="2"/>
    </row>
    <row r="37130" spans="1:3" ht="19.2">
      <c r="A37130" s="2"/>
      <c r="B37130" s="2"/>
      <c r="C37130" s="2"/>
    </row>
    <row r="37131" spans="1:3" ht="19.2">
      <c r="A37131" s="2"/>
      <c r="B37131" s="2"/>
      <c r="C37131" s="2"/>
    </row>
    <row r="37132" spans="1:3" ht="19.2">
      <c r="A37132" s="2"/>
      <c r="B37132" s="2"/>
      <c r="C37132" s="2"/>
    </row>
    <row r="37133" spans="1:3" ht="19.2">
      <c r="A37133" s="2"/>
      <c r="B37133" s="2"/>
      <c r="C37133" s="2"/>
    </row>
    <row r="37134" spans="1:3" ht="19.2">
      <c r="A37134" s="2"/>
      <c r="B37134" s="2"/>
      <c r="C37134" s="2"/>
    </row>
    <row r="37135" spans="1:3" ht="19.2">
      <c r="A37135" s="2"/>
      <c r="B37135" s="2"/>
      <c r="C37135" s="2"/>
    </row>
    <row r="37136" spans="1:3" ht="19.2">
      <c r="A37136" s="2"/>
      <c r="B37136" s="2"/>
      <c r="C37136" s="2"/>
    </row>
    <row r="37137" spans="1:3" ht="19.2">
      <c r="A37137" s="2"/>
      <c r="B37137" s="2"/>
      <c r="C37137" s="2"/>
    </row>
    <row r="37138" spans="1:3" ht="19.2">
      <c r="A37138" s="2"/>
      <c r="B37138" s="2"/>
      <c r="C37138" s="2"/>
    </row>
    <row r="37139" spans="1:3" ht="19.2">
      <c r="A37139" s="2"/>
      <c r="B37139" s="2"/>
      <c r="C37139" s="2"/>
    </row>
    <row r="37140" spans="1:3" ht="19.2">
      <c r="A37140" s="2"/>
      <c r="B37140" s="2"/>
      <c r="C37140" s="2"/>
    </row>
    <row r="37141" spans="1:3" ht="19.2">
      <c r="A37141" s="2"/>
      <c r="B37141" s="2"/>
      <c r="C37141" s="2"/>
    </row>
    <row r="37142" spans="1:3" ht="19.2">
      <c r="A37142" s="2"/>
      <c r="B37142" s="2"/>
      <c r="C37142" s="2"/>
    </row>
    <row r="37143" spans="1:3" ht="19.2">
      <c r="A37143" s="2"/>
      <c r="B37143" s="2"/>
      <c r="C37143" s="2"/>
    </row>
    <row r="37144" spans="1:3" ht="19.2">
      <c r="A37144" s="2"/>
      <c r="B37144" s="2"/>
      <c r="C37144" s="2"/>
    </row>
    <row r="37145" spans="1:3" ht="19.2">
      <c r="A37145" s="2"/>
      <c r="B37145" s="2"/>
      <c r="C37145" s="2"/>
    </row>
    <row r="37146" spans="1:3" ht="19.2">
      <c r="A37146" s="2"/>
      <c r="B37146" s="2"/>
      <c r="C37146" s="2"/>
    </row>
    <row r="37147" spans="1:3" ht="19.2">
      <c r="A37147" s="2"/>
      <c r="B37147" s="2"/>
      <c r="C37147" s="2"/>
    </row>
    <row r="37148" spans="1:3" ht="19.2">
      <c r="A37148" s="2"/>
      <c r="B37148" s="2"/>
      <c r="C37148" s="2"/>
    </row>
    <row r="37149" spans="1:3" ht="19.2">
      <c r="A37149" s="2"/>
      <c r="B37149" s="2"/>
      <c r="C37149" s="2"/>
    </row>
    <row r="37150" spans="1:3" ht="19.2">
      <c r="A37150" s="2"/>
      <c r="B37150" s="2"/>
      <c r="C37150" s="2"/>
    </row>
    <row r="37151" spans="1:3" ht="19.2">
      <c r="A37151" s="2"/>
      <c r="B37151" s="2"/>
      <c r="C37151" s="2"/>
    </row>
    <row r="37152" spans="1:3" ht="19.2">
      <c r="A37152" s="2"/>
      <c r="B37152" s="2"/>
      <c r="C37152" s="2"/>
    </row>
    <row r="37153" spans="1:3" ht="19.2">
      <c r="A37153" s="2"/>
      <c r="B37153" s="2"/>
      <c r="C37153" s="2"/>
    </row>
    <row r="37154" spans="1:3" ht="19.2">
      <c r="A37154" s="2"/>
      <c r="B37154" s="2"/>
      <c r="C37154" s="2"/>
    </row>
    <row r="37155" spans="1:3" ht="19.2">
      <c r="A37155" s="2"/>
      <c r="B37155" s="2"/>
      <c r="C37155" s="2"/>
    </row>
    <row r="37156" spans="1:3" ht="19.2">
      <c r="A37156" s="2"/>
      <c r="B37156" s="2"/>
      <c r="C37156" s="2"/>
    </row>
    <row r="37157" spans="1:3" ht="19.2">
      <c r="A37157" s="2"/>
      <c r="B37157" s="2"/>
      <c r="C37157" s="2"/>
    </row>
    <row r="37158" spans="1:3" ht="19.2">
      <c r="A37158" s="2"/>
      <c r="B37158" s="2"/>
      <c r="C37158" s="2"/>
    </row>
    <row r="37159" spans="1:3" ht="19.2">
      <c r="A37159" s="2"/>
      <c r="B37159" s="2"/>
      <c r="C37159" s="2"/>
    </row>
    <row r="37160" spans="1:3" ht="19.2">
      <c r="A37160" s="2"/>
      <c r="B37160" s="2"/>
      <c r="C37160" s="2"/>
    </row>
    <row r="37161" spans="1:3" ht="19.2">
      <c r="A37161" s="2"/>
      <c r="B37161" s="2"/>
      <c r="C37161" s="2"/>
    </row>
    <row r="37162" spans="1:3" ht="19.2">
      <c r="A37162" s="2"/>
      <c r="B37162" s="2"/>
      <c r="C37162" s="2"/>
    </row>
    <row r="37163" spans="1:3" ht="19.2">
      <c r="A37163" s="2"/>
      <c r="B37163" s="2"/>
      <c r="C37163" s="2"/>
    </row>
    <row r="37164" spans="1:3" ht="19.2">
      <c r="A37164" s="2"/>
      <c r="B37164" s="2"/>
      <c r="C37164" s="2"/>
    </row>
    <row r="37165" spans="1:3" ht="19.2">
      <c r="A37165" s="2"/>
      <c r="B37165" s="2"/>
      <c r="C37165" s="2"/>
    </row>
    <row r="37166" spans="1:3" ht="19.2">
      <c r="A37166" s="2"/>
      <c r="B37166" s="2"/>
      <c r="C37166" s="2"/>
    </row>
    <row r="37167" spans="1:3" ht="19.2">
      <c r="A37167" s="2"/>
      <c r="B37167" s="2"/>
      <c r="C37167" s="2"/>
    </row>
    <row r="37168" spans="1:3" ht="19.2">
      <c r="A37168" s="2"/>
      <c r="B37168" s="2"/>
      <c r="C37168" s="2"/>
    </row>
    <row r="37169" spans="1:3" ht="19.2">
      <c r="A37169" s="2"/>
      <c r="B37169" s="2"/>
      <c r="C37169" s="2"/>
    </row>
    <row r="37170" spans="1:3" ht="19.2">
      <c r="A37170" s="2"/>
      <c r="B37170" s="2"/>
      <c r="C37170" s="2"/>
    </row>
    <row r="37171" spans="1:3" ht="19.2">
      <c r="A37171" s="2"/>
      <c r="B37171" s="2"/>
      <c r="C37171" s="2"/>
    </row>
    <row r="37172" spans="1:3" ht="19.2">
      <c r="A37172" s="2"/>
      <c r="B37172" s="2"/>
      <c r="C37172" s="2"/>
    </row>
    <row r="37173" spans="1:3" ht="19.2">
      <c r="A37173" s="2"/>
      <c r="B37173" s="2"/>
      <c r="C37173" s="2"/>
    </row>
    <row r="37174" spans="1:3" ht="19.2">
      <c r="A37174" s="2"/>
      <c r="B37174" s="2"/>
      <c r="C37174" s="2"/>
    </row>
    <row r="37175" spans="1:3" ht="19.2">
      <c r="A37175" s="2"/>
      <c r="B37175" s="2"/>
      <c r="C37175" s="2"/>
    </row>
    <row r="37176" spans="1:3" ht="19.2">
      <c r="A37176" s="2"/>
      <c r="B37176" s="2"/>
      <c r="C37176" s="2"/>
    </row>
    <row r="37177" spans="1:3" ht="19.2">
      <c r="A37177" s="2"/>
      <c r="B37177" s="2"/>
      <c r="C37177" s="2"/>
    </row>
    <row r="37178" spans="1:3" ht="19.2">
      <c r="A37178" s="2"/>
      <c r="B37178" s="2"/>
      <c r="C37178" s="2"/>
    </row>
    <row r="37179" spans="1:3" ht="19.2">
      <c r="A37179" s="2"/>
      <c r="B37179" s="2"/>
      <c r="C37179" s="2"/>
    </row>
    <row r="37180" spans="1:3" ht="19.2">
      <c r="A37180" s="2"/>
      <c r="B37180" s="2"/>
      <c r="C37180" s="2"/>
    </row>
    <row r="37181" spans="1:3" ht="19.2">
      <c r="A37181" s="2"/>
      <c r="B37181" s="2"/>
      <c r="C37181" s="2"/>
    </row>
    <row r="37182" spans="1:3" ht="19.2">
      <c r="A37182" s="2"/>
      <c r="B37182" s="2"/>
      <c r="C37182" s="2"/>
    </row>
    <row r="37183" spans="1:3" ht="19.2">
      <c r="A37183" s="2"/>
      <c r="B37183" s="2"/>
      <c r="C37183" s="2"/>
    </row>
    <row r="37184" spans="1:3" ht="19.2">
      <c r="A37184" s="2"/>
      <c r="B37184" s="2"/>
      <c r="C37184" s="2"/>
    </row>
    <row r="37185" spans="1:3" ht="19.2">
      <c r="A37185" s="2"/>
      <c r="B37185" s="2"/>
      <c r="C37185" s="2"/>
    </row>
    <row r="37186" spans="1:3" ht="19.2">
      <c r="A37186" s="2"/>
      <c r="B37186" s="2"/>
      <c r="C37186" s="2"/>
    </row>
    <row r="37187" spans="1:3" ht="19.2">
      <c r="A37187" s="2"/>
      <c r="B37187" s="2"/>
      <c r="C37187" s="2"/>
    </row>
    <row r="37188" spans="1:3" ht="19.2">
      <c r="A37188" s="2"/>
      <c r="B37188" s="2"/>
      <c r="C37188" s="2"/>
    </row>
    <row r="37189" spans="1:3" ht="19.2">
      <c r="A37189" s="2"/>
      <c r="B37189" s="2"/>
      <c r="C37189" s="2"/>
    </row>
    <row r="37190" spans="1:3" ht="19.2">
      <c r="A37190" s="2"/>
      <c r="B37190" s="2"/>
      <c r="C37190" s="2"/>
    </row>
    <row r="37191" spans="1:3" ht="19.2">
      <c r="A37191" s="2"/>
      <c r="B37191" s="2"/>
      <c r="C37191" s="2"/>
    </row>
    <row r="37192" spans="1:3" ht="19.2">
      <c r="A37192" s="2"/>
      <c r="B37192" s="2"/>
      <c r="C37192" s="2"/>
    </row>
    <row r="37193" spans="1:3" ht="19.2">
      <c r="A37193" s="2"/>
      <c r="B37193" s="2"/>
      <c r="C37193" s="2"/>
    </row>
    <row r="37194" spans="1:3" ht="19.2">
      <c r="A37194" s="2"/>
      <c r="B37194" s="2"/>
      <c r="C37194" s="2"/>
    </row>
    <row r="37195" spans="1:3" ht="19.2">
      <c r="A37195" s="2"/>
      <c r="B37195" s="2"/>
      <c r="C37195" s="2"/>
    </row>
    <row r="37196" spans="1:3" ht="19.2">
      <c r="A37196" s="2"/>
      <c r="B37196" s="2"/>
      <c r="C37196" s="2"/>
    </row>
    <row r="37197" spans="1:3" ht="19.2">
      <c r="A37197" s="2"/>
      <c r="B37197" s="2"/>
      <c r="C37197" s="2"/>
    </row>
    <row r="37198" spans="1:3" ht="19.2">
      <c r="A37198" s="2"/>
      <c r="B37198" s="2"/>
      <c r="C37198" s="2"/>
    </row>
    <row r="37199" spans="1:3" ht="19.2">
      <c r="A37199" s="2"/>
      <c r="B37199" s="2"/>
      <c r="C37199" s="2"/>
    </row>
    <row r="37200" spans="1:3" ht="19.2">
      <c r="A37200" s="2"/>
      <c r="B37200" s="2"/>
      <c r="C37200" s="2"/>
    </row>
    <row r="37201" spans="1:3" ht="19.2">
      <c r="A37201" s="2"/>
      <c r="B37201" s="2"/>
      <c r="C37201" s="2"/>
    </row>
    <row r="37202" spans="1:3" ht="19.2">
      <c r="A37202" s="2"/>
      <c r="B37202" s="2"/>
      <c r="C37202" s="2"/>
    </row>
    <row r="37203" spans="1:3" ht="19.2">
      <c r="A37203" s="2"/>
      <c r="B37203" s="2"/>
      <c r="C37203" s="2"/>
    </row>
    <row r="37204" spans="1:3" ht="19.2">
      <c r="A37204" s="2"/>
      <c r="B37204" s="2"/>
      <c r="C37204" s="2"/>
    </row>
    <row r="37205" spans="1:3" ht="19.2">
      <c r="A37205" s="2"/>
      <c r="B37205" s="2"/>
      <c r="C37205" s="2"/>
    </row>
    <row r="37206" spans="1:3" ht="19.2">
      <c r="A37206" s="2"/>
      <c r="B37206" s="2"/>
      <c r="C37206" s="2"/>
    </row>
    <row r="37207" spans="1:3" ht="19.2">
      <c r="A37207" s="2"/>
      <c r="B37207" s="2"/>
      <c r="C37207" s="2"/>
    </row>
    <row r="37208" spans="1:3" ht="19.2">
      <c r="A37208" s="2"/>
      <c r="B37208" s="2"/>
      <c r="C37208" s="2"/>
    </row>
    <row r="37209" spans="1:3" ht="19.2">
      <c r="A37209" s="2"/>
      <c r="B37209" s="2"/>
      <c r="C37209" s="2"/>
    </row>
    <row r="37210" spans="1:3" ht="19.2">
      <c r="A37210" s="2"/>
      <c r="B37210" s="2"/>
      <c r="C37210" s="2"/>
    </row>
    <row r="37211" spans="1:3" ht="19.2">
      <c r="A37211" s="2"/>
      <c r="B37211" s="2"/>
      <c r="C37211" s="2"/>
    </row>
    <row r="37212" spans="1:3" ht="19.2">
      <c r="A37212" s="2"/>
      <c r="B37212" s="2"/>
      <c r="C37212" s="2"/>
    </row>
    <row r="37213" spans="1:3" ht="19.2">
      <c r="A37213" s="2"/>
      <c r="B37213" s="2"/>
      <c r="C37213" s="2"/>
    </row>
    <row r="37214" spans="1:3" ht="19.2">
      <c r="A37214" s="2"/>
      <c r="B37214" s="2"/>
      <c r="C37214" s="2"/>
    </row>
    <row r="37215" spans="1:3" ht="19.2">
      <c r="A37215" s="2"/>
      <c r="B37215" s="2"/>
      <c r="C37215" s="2"/>
    </row>
    <row r="37216" spans="1:3" ht="19.2">
      <c r="A37216" s="2"/>
      <c r="B37216" s="2"/>
      <c r="C37216" s="2"/>
    </row>
    <row r="37217" spans="1:3" ht="19.2">
      <c r="A37217" s="2"/>
      <c r="B37217" s="2"/>
      <c r="C37217" s="2"/>
    </row>
    <row r="37218" spans="1:3" ht="19.2">
      <c r="A37218" s="2"/>
      <c r="B37218" s="2"/>
      <c r="C37218" s="2"/>
    </row>
    <row r="37219" spans="1:3" ht="19.2">
      <c r="A37219" s="2"/>
      <c r="B37219" s="2"/>
      <c r="C37219" s="2"/>
    </row>
    <row r="37220" spans="1:3" ht="19.2">
      <c r="A37220" s="2"/>
      <c r="B37220" s="2"/>
      <c r="C37220" s="2"/>
    </row>
    <row r="37221" spans="1:3" ht="19.2">
      <c r="A37221" s="2"/>
      <c r="B37221" s="2"/>
      <c r="C37221" s="2"/>
    </row>
    <row r="37222" spans="1:3" ht="19.2">
      <c r="A37222" s="2"/>
      <c r="B37222" s="2"/>
      <c r="C37222" s="2"/>
    </row>
    <row r="37223" spans="1:3" ht="19.2">
      <c r="A37223" s="2"/>
      <c r="B37223" s="2"/>
      <c r="C37223" s="2"/>
    </row>
    <row r="37224" spans="1:3" ht="19.2">
      <c r="A37224" s="2"/>
      <c r="B37224" s="2"/>
      <c r="C37224" s="2"/>
    </row>
    <row r="37225" spans="1:3" ht="19.2">
      <c r="A37225" s="2"/>
      <c r="B37225" s="2"/>
      <c r="C37225" s="2"/>
    </row>
    <row r="37226" spans="1:3" ht="19.2">
      <c r="A37226" s="2"/>
      <c r="B37226" s="2"/>
      <c r="C37226" s="2"/>
    </row>
    <row r="37227" spans="1:3" ht="19.2">
      <c r="A37227" s="2"/>
      <c r="B37227" s="2"/>
      <c r="C37227" s="2"/>
    </row>
    <row r="37228" spans="1:3" ht="19.2">
      <c r="A37228" s="2"/>
      <c r="B37228" s="2"/>
      <c r="C37228" s="2"/>
    </row>
    <row r="37229" spans="1:3" ht="19.2">
      <c r="A37229" s="2"/>
      <c r="B37229" s="2"/>
      <c r="C37229" s="2"/>
    </row>
    <row r="37230" spans="1:3" ht="19.2">
      <c r="A37230" s="2"/>
      <c r="B37230" s="2"/>
      <c r="C37230" s="2"/>
    </row>
    <row r="37231" spans="1:3" ht="19.2">
      <c r="A37231" s="2"/>
      <c r="B37231" s="2"/>
      <c r="C37231" s="2"/>
    </row>
    <row r="37232" spans="1:3" ht="19.2">
      <c r="A37232" s="2"/>
      <c r="B37232" s="2"/>
      <c r="C37232" s="2"/>
    </row>
    <row r="37233" spans="1:3" ht="19.2">
      <c r="A37233" s="2"/>
      <c r="B37233" s="2"/>
      <c r="C37233" s="2"/>
    </row>
    <row r="37234" spans="1:3" ht="19.2">
      <c r="A37234" s="2"/>
      <c r="B37234" s="2"/>
      <c r="C37234" s="2"/>
    </row>
    <row r="37235" spans="1:3" ht="19.2">
      <c r="A37235" s="2"/>
      <c r="B37235" s="2"/>
      <c r="C37235" s="2"/>
    </row>
    <row r="37236" spans="1:3" ht="19.2">
      <c r="A37236" s="2"/>
      <c r="B37236" s="2"/>
      <c r="C37236" s="2"/>
    </row>
    <row r="37237" spans="1:3" ht="19.2">
      <c r="A37237" s="2"/>
      <c r="B37237" s="2"/>
      <c r="C37237" s="2"/>
    </row>
    <row r="37238" spans="1:3" ht="19.2">
      <c r="A37238" s="2"/>
      <c r="B37238" s="2"/>
      <c r="C37238" s="2"/>
    </row>
    <row r="37239" spans="1:3" ht="19.2">
      <c r="A37239" s="2"/>
      <c r="B37239" s="2"/>
      <c r="C37239" s="2"/>
    </row>
    <row r="37240" spans="1:3" ht="19.2">
      <c r="A37240" s="2"/>
      <c r="B37240" s="2"/>
      <c r="C37240" s="2"/>
    </row>
    <row r="37241" spans="1:3" ht="19.2">
      <c r="A37241" s="2"/>
      <c r="B37241" s="2"/>
      <c r="C37241" s="2"/>
    </row>
    <row r="37242" spans="1:3" ht="19.2">
      <c r="A37242" s="2"/>
      <c r="B37242" s="2"/>
      <c r="C37242" s="2"/>
    </row>
    <row r="37243" spans="1:3" ht="19.2">
      <c r="A37243" s="2"/>
      <c r="B37243" s="2"/>
      <c r="C37243" s="2"/>
    </row>
    <row r="37244" spans="1:3" ht="19.2">
      <c r="A37244" s="2"/>
      <c r="B37244" s="2"/>
      <c r="C37244" s="2"/>
    </row>
    <row r="37245" spans="1:3" ht="19.2">
      <c r="A37245" s="2"/>
      <c r="B37245" s="2"/>
      <c r="C37245" s="2"/>
    </row>
    <row r="37246" spans="1:3" ht="19.2">
      <c r="A37246" s="2"/>
      <c r="B37246" s="2"/>
      <c r="C37246" s="2"/>
    </row>
    <row r="37247" spans="1:3" ht="19.2">
      <c r="A37247" s="2"/>
      <c r="B37247" s="2"/>
      <c r="C37247" s="2"/>
    </row>
    <row r="37248" spans="1:3" ht="19.2">
      <c r="A37248" s="2"/>
      <c r="B37248" s="2"/>
      <c r="C37248" s="2"/>
    </row>
    <row r="37249" spans="1:3" ht="19.2">
      <c r="A37249" s="2"/>
      <c r="B37249" s="2"/>
      <c r="C37249" s="2"/>
    </row>
    <row r="37250" spans="1:3" ht="19.2">
      <c r="A37250" s="2"/>
      <c r="B37250" s="2"/>
      <c r="C37250" s="2"/>
    </row>
    <row r="37251" spans="1:3" ht="19.2">
      <c r="A37251" s="2"/>
      <c r="B37251" s="2"/>
      <c r="C37251" s="2"/>
    </row>
    <row r="37252" spans="1:3" ht="19.2">
      <c r="A37252" s="2"/>
      <c r="B37252" s="2"/>
      <c r="C37252" s="2"/>
    </row>
    <row r="37253" spans="1:3" ht="19.2">
      <c r="A37253" s="2"/>
      <c r="B37253" s="2"/>
      <c r="C37253" s="2"/>
    </row>
    <row r="37254" spans="1:3" ht="19.2">
      <c r="A37254" s="2"/>
      <c r="B37254" s="2"/>
      <c r="C37254" s="2"/>
    </row>
    <row r="37255" spans="1:3" ht="19.2">
      <c r="A37255" s="2"/>
      <c r="B37255" s="2"/>
      <c r="C37255" s="2"/>
    </row>
    <row r="37256" spans="1:3" ht="19.2">
      <c r="A37256" s="2"/>
      <c r="B37256" s="2"/>
      <c r="C37256" s="2"/>
    </row>
    <row r="37257" spans="1:3" ht="19.2">
      <c r="A37257" s="2"/>
      <c r="B37257" s="2"/>
      <c r="C37257" s="2"/>
    </row>
    <row r="37258" spans="1:3" ht="19.2">
      <c r="A37258" s="2"/>
      <c r="B37258" s="2"/>
      <c r="C37258" s="2"/>
    </row>
    <row r="37259" spans="1:3" ht="19.2">
      <c r="A37259" s="2"/>
      <c r="B37259" s="2"/>
      <c r="C37259" s="2"/>
    </row>
    <row r="37260" spans="1:3" ht="19.2">
      <c r="A37260" s="2"/>
      <c r="B37260" s="2"/>
      <c r="C37260" s="2"/>
    </row>
    <row r="37261" spans="1:3" ht="19.2">
      <c r="A37261" s="2"/>
      <c r="B37261" s="2"/>
      <c r="C37261" s="2"/>
    </row>
    <row r="37262" spans="1:3" ht="19.2">
      <c r="A37262" s="2"/>
      <c r="B37262" s="2"/>
      <c r="C37262" s="2"/>
    </row>
    <row r="37263" spans="1:3" ht="19.2">
      <c r="A37263" s="2"/>
      <c r="B37263" s="2"/>
      <c r="C37263" s="2"/>
    </row>
    <row r="37264" spans="1:3" ht="19.2">
      <c r="A37264" s="2"/>
      <c r="B37264" s="2"/>
      <c r="C37264" s="2"/>
    </row>
    <row r="37265" spans="1:3" ht="19.2">
      <c r="A37265" s="2"/>
      <c r="B37265" s="2"/>
      <c r="C37265" s="2"/>
    </row>
    <row r="37266" spans="1:3" ht="19.2">
      <c r="A37266" s="2"/>
      <c r="B37266" s="2"/>
      <c r="C37266" s="2"/>
    </row>
    <row r="37267" spans="1:3" ht="19.2">
      <c r="A37267" s="2"/>
      <c r="B37267" s="2"/>
      <c r="C37267" s="2"/>
    </row>
    <row r="37268" spans="1:3" ht="19.2">
      <c r="A37268" s="2"/>
      <c r="B37268" s="2"/>
      <c r="C37268" s="2"/>
    </row>
    <row r="37269" spans="1:3" ht="19.2">
      <c r="A37269" s="2"/>
      <c r="B37269" s="2"/>
      <c r="C37269" s="2"/>
    </row>
    <row r="37270" spans="1:3" ht="19.2">
      <c r="A37270" s="2"/>
      <c r="B37270" s="2"/>
      <c r="C37270" s="2"/>
    </row>
    <row r="37271" spans="1:3" ht="19.2">
      <c r="A37271" s="2"/>
      <c r="B37271" s="2"/>
      <c r="C37271" s="2"/>
    </row>
    <row r="37272" spans="1:3" ht="19.2">
      <c r="A37272" s="2"/>
      <c r="B37272" s="2"/>
      <c r="C37272" s="2"/>
    </row>
    <row r="37273" spans="1:3" ht="19.2">
      <c r="A37273" s="2"/>
      <c r="B37273" s="2"/>
      <c r="C37273" s="2"/>
    </row>
    <row r="37274" spans="1:3" ht="19.2">
      <c r="A37274" s="2"/>
      <c r="B37274" s="2"/>
      <c r="C37274" s="2"/>
    </row>
    <row r="37275" spans="1:3" ht="19.2">
      <c r="A37275" s="2"/>
      <c r="B37275" s="2"/>
      <c r="C37275" s="2"/>
    </row>
    <row r="37276" spans="1:3" ht="19.2">
      <c r="A37276" s="2"/>
      <c r="B37276" s="2"/>
      <c r="C37276" s="2"/>
    </row>
    <row r="37277" spans="1:3" ht="19.2">
      <c r="A37277" s="2"/>
      <c r="B37277" s="2"/>
      <c r="C37277" s="2"/>
    </row>
    <row r="37278" spans="1:3" ht="19.2">
      <c r="A37278" s="2"/>
      <c r="B37278" s="2"/>
      <c r="C37278" s="2"/>
    </row>
    <row r="37279" spans="1:3" ht="19.2">
      <c r="A37279" s="2"/>
      <c r="B37279" s="2"/>
      <c r="C37279" s="2"/>
    </row>
    <row r="37280" spans="1:3" ht="19.2">
      <c r="A37280" s="2"/>
      <c r="B37280" s="2"/>
      <c r="C37280" s="2"/>
    </row>
    <row r="37281" spans="1:3" ht="19.2">
      <c r="A37281" s="2"/>
      <c r="B37281" s="2"/>
      <c r="C37281" s="2"/>
    </row>
    <row r="37282" spans="1:3" ht="19.2">
      <c r="A37282" s="2"/>
      <c r="B37282" s="2"/>
      <c r="C37282" s="2"/>
    </row>
    <row r="37283" spans="1:3" ht="19.2">
      <c r="A37283" s="2"/>
      <c r="B37283" s="2"/>
      <c r="C37283" s="2"/>
    </row>
    <row r="37284" spans="1:3" ht="19.2">
      <c r="A37284" s="2"/>
      <c r="B37284" s="2"/>
      <c r="C37284" s="2"/>
    </row>
    <row r="37285" spans="1:3" ht="19.2">
      <c r="A37285" s="2"/>
      <c r="B37285" s="2"/>
      <c r="C37285" s="2"/>
    </row>
    <row r="37286" spans="1:3" ht="19.2">
      <c r="A37286" s="2"/>
      <c r="B37286" s="2"/>
      <c r="C37286" s="2"/>
    </row>
    <row r="37287" spans="1:3" ht="19.2">
      <c r="A37287" s="2"/>
      <c r="B37287" s="2"/>
      <c r="C37287" s="2"/>
    </row>
    <row r="37288" spans="1:3" ht="19.2">
      <c r="A37288" s="2"/>
      <c r="B37288" s="2"/>
      <c r="C37288" s="2"/>
    </row>
    <row r="37289" spans="1:3" ht="19.2">
      <c r="A37289" s="2"/>
      <c r="B37289" s="2"/>
      <c r="C37289" s="2"/>
    </row>
    <row r="37290" spans="1:3" ht="19.2">
      <c r="A37290" s="2"/>
      <c r="B37290" s="2"/>
      <c r="C37290" s="2"/>
    </row>
    <row r="37291" spans="1:3" ht="19.2">
      <c r="A37291" s="2"/>
      <c r="B37291" s="2"/>
      <c r="C37291" s="2"/>
    </row>
    <row r="37292" spans="1:3" ht="19.2">
      <c r="A37292" s="2"/>
      <c r="B37292" s="2"/>
      <c r="C37292" s="2"/>
    </row>
    <row r="37293" spans="1:3" ht="19.2">
      <c r="A37293" s="2"/>
      <c r="B37293" s="2"/>
      <c r="C37293" s="2"/>
    </row>
    <row r="37294" spans="1:3" ht="19.2">
      <c r="A37294" s="2"/>
      <c r="B37294" s="2"/>
      <c r="C37294" s="2"/>
    </row>
    <row r="37295" spans="1:3" ht="19.2">
      <c r="A37295" s="2"/>
      <c r="B37295" s="2"/>
      <c r="C37295" s="2"/>
    </row>
    <row r="37296" spans="1:3" ht="19.2">
      <c r="A37296" s="2"/>
      <c r="B37296" s="2"/>
      <c r="C37296" s="2"/>
    </row>
    <row r="37297" spans="1:3" ht="19.2">
      <c r="A37297" s="2"/>
      <c r="B37297" s="2"/>
      <c r="C37297" s="2"/>
    </row>
    <row r="37298" spans="1:3" ht="19.2">
      <c r="A37298" s="2"/>
      <c r="B37298" s="2"/>
      <c r="C37298" s="2"/>
    </row>
    <row r="37299" spans="1:3" ht="19.2">
      <c r="A37299" s="2"/>
      <c r="B37299" s="2"/>
      <c r="C37299" s="2"/>
    </row>
    <row r="37300" spans="1:3" ht="19.2">
      <c r="A37300" s="2"/>
      <c r="B37300" s="2"/>
      <c r="C37300" s="2"/>
    </row>
    <row r="37301" spans="1:3" ht="19.2">
      <c r="A37301" s="2"/>
      <c r="B37301" s="2"/>
      <c r="C37301" s="2"/>
    </row>
    <row r="37302" spans="1:3" ht="19.2">
      <c r="A37302" s="2"/>
      <c r="B37302" s="2"/>
      <c r="C37302" s="2"/>
    </row>
    <row r="37303" spans="1:3" ht="19.2">
      <c r="A37303" s="2"/>
      <c r="B37303" s="2"/>
      <c r="C37303" s="2"/>
    </row>
    <row r="37304" spans="1:3" ht="19.2">
      <c r="A37304" s="2"/>
      <c r="B37304" s="2"/>
      <c r="C37304" s="2"/>
    </row>
    <row r="37305" spans="1:3" ht="19.2">
      <c r="A37305" s="2"/>
      <c r="B37305" s="2"/>
      <c r="C37305" s="2"/>
    </row>
    <row r="37306" spans="1:3" ht="19.2">
      <c r="A37306" s="2"/>
      <c r="B37306" s="2"/>
      <c r="C37306" s="2"/>
    </row>
    <row r="37307" spans="1:3" ht="19.2">
      <c r="A37307" s="2"/>
      <c r="B37307" s="2"/>
      <c r="C37307" s="2"/>
    </row>
    <row r="37308" spans="1:3" ht="19.2">
      <c r="A37308" s="2"/>
      <c r="B37308" s="2"/>
      <c r="C37308" s="2"/>
    </row>
    <row r="37309" spans="1:3" ht="19.2">
      <c r="A37309" s="2"/>
      <c r="B37309" s="2"/>
      <c r="C37309" s="2"/>
    </row>
    <row r="37310" spans="1:3" ht="19.2">
      <c r="A37310" s="2"/>
      <c r="B37310" s="2"/>
      <c r="C37310" s="2"/>
    </row>
    <row r="37311" spans="1:3" ht="19.2">
      <c r="A37311" s="2"/>
      <c r="B37311" s="2"/>
      <c r="C37311" s="2"/>
    </row>
    <row r="37312" spans="1:3" ht="19.2">
      <c r="A37312" s="2"/>
      <c r="B37312" s="2"/>
      <c r="C37312" s="2"/>
    </row>
    <row r="37313" spans="1:3" ht="19.2">
      <c r="A37313" s="2"/>
      <c r="B37313" s="2"/>
      <c r="C37313" s="2"/>
    </row>
    <row r="37314" spans="1:3" ht="19.2">
      <c r="A37314" s="2"/>
      <c r="B37314" s="2"/>
      <c r="C37314" s="2"/>
    </row>
    <row r="37315" spans="1:3" ht="19.2">
      <c r="A37315" s="2"/>
      <c r="B37315" s="2"/>
      <c r="C37315" s="2"/>
    </row>
    <row r="37316" spans="1:3" ht="19.2">
      <c r="A37316" s="2"/>
      <c r="B37316" s="2"/>
      <c r="C37316" s="2"/>
    </row>
    <row r="37317" spans="1:3" ht="19.2">
      <c r="A37317" s="2"/>
      <c r="B37317" s="2"/>
      <c r="C37317" s="2"/>
    </row>
    <row r="37318" spans="1:3" ht="19.2">
      <c r="A37318" s="2"/>
      <c r="B37318" s="2"/>
      <c r="C37318" s="2"/>
    </row>
    <row r="37319" spans="1:3" ht="19.2">
      <c r="A37319" s="2"/>
      <c r="B37319" s="2"/>
      <c r="C37319" s="2"/>
    </row>
    <row r="37320" spans="1:3" ht="19.2">
      <c r="A37320" s="2"/>
      <c r="B37320" s="2"/>
      <c r="C37320" s="2"/>
    </row>
    <row r="37321" spans="1:3" ht="19.2">
      <c r="A37321" s="2"/>
      <c r="B37321" s="2"/>
      <c r="C37321" s="2"/>
    </row>
    <row r="37322" spans="1:3" ht="19.2">
      <c r="A37322" s="2"/>
      <c r="B37322" s="2"/>
      <c r="C37322" s="2"/>
    </row>
    <row r="37323" spans="1:3" ht="19.2">
      <c r="A37323" s="2"/>
      <c r="B37323" s="2"/>
      <c r="C37323" s="2"/>
    </row>
    <row r="37324" spans="1:3" ht="19.2">
      <c r="A37324" s="2"/>
      <c r="B37324" s="2"/>
      <c r="C37324" s="2"/>
    </row>
    <row r="37325" spans="1:3" ht="19.2">
      <c r="A37325" s="2"/>
      <c r="B37325" s="2"/>
      <c r="C37325" s="2"/>
    </row>
    <row r="37326" spans="1:3" ht="19.2">
      <c r="A37326" s="2"/>
      <c r="B37326" s="2"/>
      <c r="C37326" s="2"/>
    </row>
    <row r="37327" spans="1:3" ht="19.2">
      <c r="A37327" s="2"/>
      <c r="B37327" s="2"/>
      <c r="C37327" s="2"/>
    </row>
    <row r="37328" spans="1:3" ht="19.2">
      <c r="A37328" s="2"/>
      <c r="B37328" s="2"/>
      <c r="C37328" s="2"/>
    </row>
    <row r="37329" spans="1:3" ht="19.2">
      <c r="A37329" s="2"/>
      <c r="B37329" s="2"/>
      <c r="C37329" s="2"/>
    </row>
    <row r="37330" spans="1:3" ht="19.2">
      <c r="A37330" s="2"/>
      <c r="B37330" s="2"/>
      <c r="C37330" s="2"/>
    </row>
    <row r="37331" spans="1:3" ht="19.2">
      <c r="A37331" s="2"/>
      <c r="B37331" s="2"/>
      <c r="C37331" s="2"/>
    </row>
    <row r="37332" spans="1:3" ht="19.2">
      <c r="A37332" s="2"/>
      <c r="B37332" s="2"/>
      <c r="C37332" s="2"/>
    </row>
    <row r="37333" spans="1:3" ht="19.2">
      <c r="A37333" s="2"/>
      <c r="B37333" s="2"/>
      <c r="C37333" s="2"/>
    </row>
    <row r="37334" spans="1:3" ht="19.2">
      <c r="A37334" s="2"/>
      <c r="B37334" s="2"/>
      <c r="C37334" s="2"/>
    </row>
    <row r="37335" spans="1:3" ht="19.2">
      <c r="A37335" s="2"/>
      <c r="B37335" s="2"/>
      <c r="C37335" s="2"/>
    </row>
    <row r="37336" spans="1:3" ht="19.2">
      <c r="A37336" s="2"/>
      <c r="B37336" s="2"/>
      <c r="C37336" s="2"/>
    </row>
    <row r="37337" spans="1:3" ht="19.2">
      <c r="A37337" s="2"/>
      <c r="B37337" s="2"/>
      <c r="C37337" s="2"/>
    </row>
    <row r="37338" spans="1:3" ht="19.2">
      <c r="A37338" s="2"/>
      <c r="B37338" s="2"/>
      <c r="C37338" s="2"/>
    </row>
    <row r="37339" spans="1:3" ht="19.2">
      <c r="A37339" s="2"/>
      <c r="B37339" s="2"/>
      <c r="C37339" s="2"/>
    </row>
    <row r="37340" spans="1:3" ht="19.2">
      <c r="A37340" s="2"/>
      <c r="B37340" s="2"/>
      <c r="C37340" s="2"/>
    </row>
    <row r="37341" spans="1:3" ht="19.2">
      <c r="A37341" s="2"/>
      <c r="B37341" s="2"/>
      <c r="C37341" s="2"/>
    </row>
    <row r="37342" spans="1:3" ht="19.2">
      <c r="A37342" s="2"/>
      <c r="B37342" s="2"/>
      <c r="C37342" s="2"/>
    </row>
    <row r="37343" spans="1:3" ht="19.2">
      <c r="A37343" s="2"/>
      <c r="B37343" s="2"/>
      <c r="C37343" s="2"/>
    </row>
    <row r="37344" spans="1:3" ht="19.2">
      <c r="A37344" s="2"/>
      <c r="B37344" s="2"/>
      <c r="C37344" s="2"/>
    </row>
    <row r="37345" spans="1:3" ht="19.2">
      <c r="A37345" s="2"/>
      <c r="B37345" s="2"/>
      <c r="C37345" s="2"/>
    </row>
    <row r="37346" spans="1:3" ht="19.2">
      <c r="A37346" s="2"/>
      <c r="B37346" s="2"/>
      <c r="C37346" s="2"/>
    </row>
    <row r="37347" spans="1:3" ht="19.2">
      <c r="A37347" s="2"/>
      <c r="B37347" s="2"/>
      <c r="C37347" s="2"/>
    </row>
    <row r="37348" spans="1:3" ht="19.2">
      <c r="A37348" s="2"/>
      <c r="B37348" s="2"/>
      <c r="C37348" s="2"/>
    </row>
    <row r="37349" spans="1:3" ht="19.2">
      <c r="A37349" s="2"/>
      <c r="B37349" s="2"/>
      <c r="C37349" s="2"/>
    </row>
    <row r="37350" spans="1:3" ht="19.2">
      <c r="A37350" s="2"/>
      <c r="B37350" s="2"/>
      <c r="C37350" s="2"/>
    </row>
    <row r="37351" spans="1:3" ht="19.2">
      <c r="A37351" s="2"/>
      <c r="B37351" s="2"/>
      <c r="C37351" s="2"/>
    </row>
    <row r="37352" spans="1:3" ht="19.2">
      <c r="A37352" s="2"/>
      <c r="B37352" s="2"/>
      <c r="C37352" s="2"/>
    </row>
    <row r="37353" spans="1:3" ht="19.2">
      <c r="A37353" s="2"/>
      <c r="B37353" s="2"/>
      <c r="C37353" s="2"/>
    </row>
    <row r="37354" spans="1:3" ht="19.2">
      <c r="A37354" s="2"/>
      <c r="B37354" s="2"/>
      <c r="C37354" s="2"/>
    </row>
    <row r="37355" spans="1:3" ht="19.2">
      <c r="A37355" s="2"/>
      <c r="B37355" s="2"/>
      <c r="C37355" s="2"/>
    </row>
    <row r="37356" spans="1:3" ht="19.2">
      <c r="A37356" s="2"/>
      <c r="B37356" s="2"/>
      <c r="C37356" s="2"/>
    </row>
    <row r="37357" spans="1:3" ht="19.2">
      <c r="A37357" s="2"/>
      <c r="B37357" s="2"/>
      <c r="C37357" s="2"/>
    </row>
    <row r="37358" spans="1:3" ht="19.2">
      <c r="A37358" s="2"/>
      <c r="B37358" s="2"/>
      <c r="C37358" s="2"/>
    </row>
    <row r="37359" spans="1:3" ht="19.2">
      <c r="A37359" s="2"/>
      <c r="B37359" s="2"/>
      <c r="C37359" s="2"/>
    </row>
    <row r="37360" spans="1:3" ht="19.2">
      <c r="A37360" s="2"/>
      <c r="B37360" s="2"/>
      <c r="C37360" s="2"/>
    </row>
    <row r="37361" spans="1:3" ht="19.2">
      <c r="A37361" s="2"/>
      <c r="B37361" s="2"/>
      <c r="C37361" s="2"/>
    </row>
    <row r="37362" spans="1:3" ht="19.2">
      <c r="A37362" s="2"/>
      <c r="B37362" s="2"/>
      <c r="C37362" s="2"/>
    </row>
    <row r="37363" spans="1:3" ht="19.2">
      <c r="A37363" s="2"/>
      <c r="B37363" s="2"/>
      <c r="C37363" s="2"/>
    </row>
    <row r="37364" spans="1:3" ht="19.2">
      <c r="A37364" s="2"/>
      <c r="B37364" s="2"/>
      <c r="C37364" s="2"/>
    </row>
    <row r="37365" spans="1:3" ht="19.2">
      <c r="A37365" s="2"/>
      <c r="B37365" s="2"/>
      <c r="C37365" s="2"/>
    </row>
    <row r="37366" spans="1:3" ht="19.2">
      <c r="A37366" s="2"/>
      <c r="B37366" s="2"/>
      <c r="C37366" s="2"/>
    </row>
    <row r="37367" spans="1:3" ht="19.2">
      <c r="A37367" s="2"/>
      <c r="B37367" s="2"/>
      <c r="C37367" s="2"/>
    </row>
    <row r="37368" spans="1:3" ht="19.2">
      <c r="A37368" s="2"/>
      <c r="B37368" s="2"/>
      <c r="C37368" s="2"/>
    </row>
    <row r="37369" spans="1:3" ht="19.2">
      <c r="A37369" s="2"/>
      <c r="B37369" s="2"/>
      <c r="C37369" s="2"/>
    </row>
    <row r="37370" spans="1:3" ht="19.2">
      <c r="A37370" s="2"/>
      <c r="B37370" s="2"/>
      <c r="C37370" s="2"/>
    </row>
    <row r="37371" spans="1:3" ht="19.2">
      <c r="A37371" s="2"/>
      <c r="B37371" s="2"/>
      <c r="C37371" s="2"/>
    </row>
    <row r="37372" spans="1:3" ht="19.2">
      <c r="A37372" s="2"/>
      <c r="B37372" s="2"/>
      <c r="C37372" s="2"/>
    </row>
    <row r="37373" spans="1:3" ht="19.2">
      <c r="A37373" s="2"/>
      <c r="B37373" s="2"/>
      <c r="C37373" s="2"/>
    </row>
    <row r="37374" spans="1:3" ht="19.2">
      <c r="A37374" s="2"/>
      <c r="B37374" s="2"/>
      <c r="C37374" s="2"/>
    </row>
    <row r="37375" spans="1:3" ht="19.2">
      <c r="A37375" s="2"/>
      <c r="B37375" s="2"/>
      <c r="C37375" s="2"/>
    </row>
    <row r="37376" spans="1:3" ht="19.2">
      <c r="A37376" s="2"/>
      <c r="B37376" s="2"/>
      <c r="C37376" s="2"/>
    </row>
    <row r="37377" spans="1:3" ht="19.2">
      <c r="A37377" s="2"/>
      <c r="B37377" s="2"/>
      <c r="C37377" s="2"/>
    </row>
    <row r="37378" spans="1:3" ht="19.2">
      <c r="A37378" s="2"/>
      <c r="B37378" s="2"/>
      <c r="C37378" s="2"/>
    </row>
    <row r="37379" spans="1:3" ht="19.2">
      <c r="A37379" s="2"/>
      <c r="B37379" s="2"/>
      <c r="C37379" s="2"/>
    </row>
    <row r="37380" spans="1:3" ht="19.2">
      <c r="A37380" s="2"/>
      <c r="B37380" s="2"/>
      <c r="C37380" s="2"/>
    </row>
    <row r="37381" spans="1:3" ht="19.2">
      <c r="A37381" s="2"/>
      <c r="B37381" s="2"/>
      <c r="C37381" s="2"/>
    </row>
    <row r="37382" spans="1:3" ht="19.2">
      <c r="A37382" s="2"/>
      <c r="B37382" s="2"/>
      <c r="C37382" s="2"/>
    </row>
    <row r="37383" spans="1:3" ht="19.2">
      <c r="A37383" s="2"/>
      <c r="B37383" s="2"/>
      <c r="C37383" s="2"/>
    </row>
    <row r="37384" spans="1:3" ht="19.2">
      <c r="A37384" s="2"/>
      <c r="B37384" s="2"/>
      <c r="C37384" s="2"/>
    </row>
    <row r="37385" spans="1:3" ht="19.2">
      <c r="A37385" s="2"/>
      <c r="B37385" s="2"/>
      <c r="C37385" s="2"/>
    </row>
    <row r="37386" spans="1:3" ht="19.2">
      <c r="A37386" s="2"/>
      <c r="B37386" s="2"/>
      <c r="C37386" s="2"/>
    </row>
    <row r="37387" spans="1:3" ht="19.2">
      <c r="A37387" s="2"/>
      <c r="B37387" s="2"/>
      <c r="C37387" s="2"/>
    </row>
    <row r="37388" spans="1:3" ht="19.2">
      <c r="A37388" s="2"/>
      <c r="B37388" s="2"/>
      <c r="C37388" s="2"/>
    </row>
    <row r="37389" spans="1:3" ht="19.2">
      <c r="A37389" s="2"/>
      <c r="B37389" s="2"/>
      <c r="C37389" s="2"/>
    </row>
    <row r="37390" spans="1:3" ht="19.2">
      <c r="A37390" s="2"/>
      <c r="B37390" s="2"/>
      <c r="C37390" s="2"/>
    </row>
    <row r="37391" spans="1:3" ht="19.2">
      <c r="A37391" s="2"/>
      <c r="B37391" s="2"/>
      <c r="C37391" s="2"/>
    </row>
    <row r="37392" spans="1:3" ht="19.2">
      <c r="A37392" s="2"/>
      <c r="B37392" s="2"/>
      <c r="C37392" s="2"/>
    </row>
    <row r="37393" spans="1:3" ht="19.2">
      <c r="A37393" s="2"/>
      <c r="B37393" s="2"/>
      <c r="C37393" s="2"/>
    </row>
    <row r="37394" spans="1:3" ht="19.2">
      <c r="A37394" s="2"/>
      <c r="B37394" s="2"/>
      <c r="C37394" s="2"/>
    </row>
    <row r="37395" spans="1:3" ht="19.2">
      <c r="A37395" s="2"/>
      <c r="B37395" s="2"/>
      <c r="C37395" s="2"/>
    </row>
    <row r="37396" spans="1:3" ht="19.2">
      <c r="A37396" s="2"/>
      <c r="B37396" s="2"/>
      <c r="C37396" s="2"/>
    </row>
    <row r="37397" spans="1:3" ht="19.2">
      <c r="A37397" s="2"/>
      <c r="B37397" s="2"/>
      <c r="C37397" s="2"/>
    </row>
    <row r="37398" spans="1:3" ht="19.2">
      <c r="A37398" s="2"/>
      <c r="B37398" s="2"/>
      <c r="C37398" s="2"/>
    </row>
    <row r="37399" spans="1:3" ht="19.2">
      <c r="A37399" s="2"/>
      <c r="B37399" s="2"/>
      <c r="C37399" s="2"/>
    </row>
    <row r="37400" spans="1:3" ht="19.2">
      <c r="A37400" s="2"/>
      <c r="B37400" s="2"/>
      <c r="C37400" s="2"/>
    </row>
    <row r="37401" spans="1:3" ht="19.2">
      <c r="A37401" s="2"/>
      <c r="B37401" s="2"/>
      <c r="C37401" s="2"/>
    </row>
    <row r="37402" spans="1:3" ht="19.2">
      <c r="A37402" s="2"/>
      <c r="B37402" s="2"/>
      <c r="C37402" s="2"/>
    </row>
    <row r="37403" spans="1:3" ht="19.2">
      <c r="A37403" s="2"/>
      <c r="B37403" s="2"/>
      <c r="C37403" s="2"/>
    </row>
    <row r="37404" spans="1:3" ht="19.2">
      <c r="A37404" s="2"/>
      <c r="B37404" s="2"/>
      <c r="C37404" s="2"/>
    </row>
    <row r="37405" spans="1:3" ht="19.2">
      <c r="A37405" s="2"/>
      <c r="B37405" s="2"/>
      <c r="C37405" s="2"/>
    </row>
    <row r="37406" spans="1:3" ht="19.2">
      <c r="A37406" s="2"/>
      <c r="B37406" s="2"/>
      <c r="C37406" s="2"/>
    </row>
    <row r="37407" spans="1:3" ht="19.2">
      <c r="A37407" s="2"/>
      <c r="B37407" s="2"/>
      <c r="C37407" s="2"/>
    </row>
    <row r="37408" spans="1:3" ht="19.2">
      <c r="A37408" s="2"/>
      <c r="B37408" s="2"/>
      <c r="C37408" s="2"/>
    </row>
    <row r="37409" spans="1:3" ht="19.2">
      <c r="A37409" s="2"/>
      <c r="B37409" s="2"/>
      <c r="C37409" s="2"/>
    </row>
    <row r="37410" spans="1:3" ht="19.2">
      <c r="A37410" s="2"/>
      <c r="B37410" s="2"/>
      <c r="C37410" s="2"/>
    </row>
    <row r="37411" spans="1:3" ht="19.2">
      <c r="A37411" s="2"/>
      <c r="B37411" s="2"/>
      <c r="C37411" s="2"/>
    </row>
    <row r="37412" spans="1:3" ht="19.2">
      <c r="A37412" s="2"/>
      <c r="B37412" s="2"/>
      <c r="C37412" s="2"/>
    </row>
    <row r="37413" spans="1:3" ht="19.2">
      <c r="A37413" s="2"/>
      <c r="B37413" s="2"/>
      <c r="C37413" s="2"/>
    </row>
    <row r="37414" spans="1:3" ht="19.2">
      <c r="A37414" s="2"/>
      <c r="B37414" s="2"/>
      <c r="C37414" s="2"/>
    </row>
    <row r="37415" spans="1:3" ht="19.2">
      <c r="A37415" s="2"/>
      <c r="B37415" s="2"/>
      <c r="C37415" s="2"/>
    </row>
    <row r="37416" spans="1:3" ht="19.2">
      <c r="A37416" s="2"/>
      <c r="B37416" s="2"/>
      <c r="C37416" s="2"/>
    </row>
    <row r="37417" spans="1:3" ht="19.2">
      <c r="A37417" s="2"/>
      <c r="B37417" s="2"/>
      <c r="C37417" s="2"/>
    </row>
    <row r="37418" spans="1:3" ht="19.2">
      <c r="A37418" s="2"/>
      <c r="B37418" s="2"/>
      <c r="C37418" s="2"/>
    </row>
    <row r="37419" spans="1:3" ht="19.2">
      <c r="A37419" s="2"/>
      <c r="B37419" s="2"/>
      <c r="C37419" s="2"/>
    </row>
    <row r="37420" spans="1:3" ht="19.2">
      <c r="A37420" s="2"/>
      <c r="B37420" s="2"/>
      <c r="C37420" s="2"/>
    </row>
    <row r="37421" spans="1:3" ht="19.2">
      <c r="A37421" s="2"/>
      <c r="B37421" s="2"/>
      <c r="C37421" s="2"/>
    </row>
    <row r="37422" spans="1:3" ht="19.2">
      <c r="A37422" s="2"/>
      <c r="B37422" s="2"/>
      <c r="C37422" s="2"/>
    </row>
    <row r="37423" spans="1:3" ht="19.2">
      <c r="A37423" s="2"/>
      <c r="B37423" s="2"/>
      <c r="C37423" s="2"/>
    </row>
    <row r="37424" spans="1:3" ht="19.2">
      <c r="A37424" s="2"/>
      <c r="B37424" s="2"/>
      <c r="C37424" s="2"/>
    </row>
    <row r="37425" spans="1:3" ht="19.2">
      <c r="A37425" s="2"/>
      <c r="B37425" s="2"/>
      <c r="C37425" s="2"/>
    </row>
    <row r="37426" spans="1:3" ht="19.2">
      <c r="A37426" s="2"/>
      <c r="B37426" s="2"/>
      <c r="C37426" s="2"/>
    </row>
    <row r="37427" spans="1:3" ht="19.2">
      <c r="A37427" s="2"/>
      <c r="B37427" s="2"/>
      <c r="C37427" s="2"/>
    </row>
    <row r="37428" spans="1:3" ht="19.2">
      <c r="A37428" s="2"/>
      <c r="B37428" s="2"/>
      <c r="C37428" s="2"/>
    </row>
    <row r="37429" spans="1:3" ht="19.2">
      <c r="A37429" s="2"/>
      <c r="B37429" s="2"/>
      <c r="C37429" s="2"/>
    </row>
    <row r="37430" spans="1:3" ht="19.2">
      <c r="A37430" s="2"/>
      <c r="B37430" s="2"/>
      <c r="C37430" s="2"/>
    </row>
    <row r="37431" spans="1:3" ht="19.2">
      <c r="A37431" s="2"/>
      <c r="B37431" s="2"/>
      <c r="C37431" s="2"/>
    </row>
    <row r="37432" spans="1:3" ht="19.2">
      <c r="A37432" s="2"/>
      <c r="B37432" s="2"/>
      <c r="C37432" s="2"/>
    </row>
    <row r="37433" spans="1:3" ht="19.2">
      <c r="A37433" s="2"/>
      <c r="B37433" s="2"/>
      <c r="C37433" s="2"/>
    </row>
    <row r="37434" spans="1:3" ht="19.2">
      <c r="A37434" s="2"/>
      <c r="B37434" s="2"/>
      <c r="C37434" s="2"/>
    </row>
    <row r="37435" spans="1:3" ht="19.2">
      <c r="A37435" s="2"/>
      <c r="B37435" s="2"/>
      <c r="C37435" s="2"/>
    </row>
    <row r="37436" spans="1:3" ht="19.2">
      <c r="A37436" s="2"/>
      <c r="B37436" s="2"/>
      <c r="C37436" s="2"/>
    </row>
    <row r="37437" spans="1:3" ht="19.2">
      <c r="A37437" s="2"/>
      <c r="B37437" s="2"/>
      <c r="C37437" s="2"/>
    </row>
    <row r="37438" spans="1:3" ht="19.2">
      <c r="A37438" s="2"/>
      <c r="B37438" s="2"/>
      <c r="C37438" s="2"/>
    </row>
    <row r="37439" spans="1:3" ht="19.2">
      <c r="A37439" s="2"/>
      <c r="B37439" s="2"/>
      <c r="C37439" s="2"/>
    </row>
    <row r="37440" spans="1:3" ht="19.2">
      <c r="A37440" s="2"/>
      <c r="B37440" s="2"/>
      <c r="C37440" s="2"/>
    </row>
    <row r="37441" spans="1:3" ht="19.2">
      <c r="A37441" s="2"/>
      <c r="B37441" s="2"/>
      <c r="C37441" s="2"/>
    </row>
    <row r="37442" spans="1:3" ht="19.2">
      <c r="A37442" s="2"/>
      <c r="B37442" s="2"/>
      <c r="C37442" s="2"/>
    </row>
    <row r="37443" spans="1:3" ht="19.2">
      <c r="A37443" s="2"/>
      <c r="B37443" s="2"/>
      <c r="C37443" s="2"/>
    </row>
    <row r="37444" spans="1:3" ht="19.2">
      <c r="A37444" s="2"/>
      <c r="B37444" s="2"/>
      <c r="C37444" s="2"/>
    </row>
    <row r="37445" spans="1:3" ht="19.2">
      <c r="A37445" s="2"/>
      <c r="B37445" s="2"/>
      <c r="C37445" s="2"/>
    </row>
    <row r="37446" spans="1:3" ht="19.2">
      <c r="A37446" s="2"/>
      <c r="B37446" s="2"/>
      <c r="C37446" s="2"/>
    </row>
    <row r="37447" spans="1:3" ht="19.2">
      <c r="A37447" s="2"/>
      <c r="B37447" s="2"/>
      <c r="C37447" s="2"/>
    </row>
    <row r="37448" spans="1:3" ht="19.2">
      <c r="A37448" s="2"/>
      <c r="B37448" s="2"/>
      <c r="C37448" s="2"/>
    </row>
    <row r="37449" spans="1:3" ht="19.2">
      <c r="A37449" s="2"/>
      <c r="B37449" s="2"/>
      <c r="C37449" s="2"/>
    </row>
    <row r="37450" spans="1:3" ht="19.2">
      <c r="A37450" s="2"/>
      <c r="B37450" s="2"/>
      <c r="C37450" s="2"/>
    </row>
    <row r="37451" spans="1:3" ht="19.2">
      <c r="A37451" s="2"/>
      <c r="B37451" s="2"/>
      <c r="C37451" s="2"/>
    </row>
    <row r="37452" spans="1:3" ht="19.2">
      <c r="A37452" s="2"/>
      <c r="B37452" s="2"/>
      <c r="C37452" s="2"/>
    </row>
    <row r="37453" spans="1:3" ht="19.2">
      <c r="A37453" s="2"/>
      <c r="B37453" s="2"/>
      <c r="C37453" s="2"/>
    </row>
    <row r="37454" spans="1:3" ht="19.2">
      <c r="A37454" s="2"/>
      <c r="B37454" s="2"/>
      <c r="C37454" s="2"/>
    </row>
    <row r="37455" spans="1:3" ht="19.2">
      <c r="A37455" s="2"/>
      <c r="B37455" s="2"/>
      <c r="C37455" s="2"/>
    </row>
    <row r="37456" spans="1:3" ht="19.2">
      <c r="A37456" s="2"/>
      <c r="B37456" s="2"/>
      <c r="C37456" s="2"/>
    </row>
    <row r="37457" spans="1:3" ht="19.2">
      <c r="A37457" s="2"/>
      <c r="B37457" s="2"/>
      <c r="C37457" s="2"/>
    </row>
    <row r="37458" spans="1:3" ht="19.2">
      <c r="A37458" s="2"/>
      <c r="B37458" s="2"/>
      <c r="C37458" s="2"/>
    </row>
    <row r="37459" spans="1:3" ht="19.2">
      <c r="A37459" s="2"/>
      <c r="B37459" s="2"/>
      <c r="C37459" s="2"/>
    </row>
    <row r="37460" spans="1:3" ht="19.2">
      <c r="A37460" s="2"/>
      <c r="B37460" s="2"/>
      <c r="C37460" s="2"/>
    </row>
    <row r="37461" spans="1:3" ht="19.2">
      <c r="A37461" s="2"/>
      <c r="B37461" s="2"/>
      <c r="C37461" s="2"/>
    </row>
    <row r="37462" spans="1:3" ht="19.2">
      <c r="A37462" s="2"/>
      <c r="B37462" s="2"/>
      <c r="C37462" s="2"/>
    </row>
    <row r="37463" spans="1:3" ht="19.2">
      <c r="A37463" s="2"/>
      <c r="B37463" s="2"/>
      <c r="C37463" s="2"/>
    </row>
    <row r="37464" spans="1:3" ht="19.2">
      <c r="A37464" s="2"/>
      <c r="B37464" s="2"/>
      <c r="C37464" s="2"/>
    </row>
    <row r="37465" spans="1:3" ht="19.2">
      <c r="A37465" s="2"/>
      <c r="B37465" s="2"/>
      <c r="C37465" s="2"/>
    </row>
    <row r="37466" spans="1:3" ht="19.2">
      <c r="A37466" s="2"/>
      <c r="B37466" s="2"/>
      <c r="C37466" s="2"/>
    </row>
    <row r="37467" spans="1:3" ht="19.2">
      <c r="A37467" s="2"/>
      <c r="B37467" s="2"/>
      <c r="C37467" s="2"/>
    </row>
    <row r="37468" spans="1:3" ht="19.2">
      <c r="A37468" s="2"/>
      <c r="B37468" s="2"/>
      <c r="C37468" s="2"/>
    </row>
    <row r="37469" spans="1:3" ht="19.2">
      <c r="A37469" s="2"/>
      <c r="B37469" s="2"/>
      <c r="C37469" s="2"/>
    </row>
    <row r="37470" spans="1:3" ht="19.2">
      <c r="A37470" s="2"/>
      <c r="B37470" s="2"/>
      <c r="C37470" s="2"/>
    </row>
    <row r="37471" spans="1:3" ht="19.2">
      <c r="A37471" s="2"/>
      <c r="B37471" s="2"/>
      <c r="C37471" s="2"/>
    </row>
    <row r="37472" spans="1:3" ht="19.2">
      <c r="A37472" s="2"/>
      <c r="B37472" s="2"/>
      <c r="C37472" s="2"/>
    </row>
    <row r="37473" spans="1:3" ht="19.2">
      <c r="A37473" s="2"/>
      <c r="B37473" s="2"/>
      <c r="C37473" s="2"/>
    </row>
    <row r="37474" spans="1:3" ht="19.2">
      <c r="A37474" s="2"/>
      <c r="B37474" s="2"/>
      <c r="C37474" s="2"/>
    </row>
    <row r="37475" spans="1:3" ht="19.2">
      <c r="A37475" s="2"/>
      <c r="B37475" s="2"/>
      <c r="C37475" s="2"/>
    </row>
    <row r="37476" spans="1:3" ht="19.2">
      <c r="A37476" s="2"/>
      <c r="B37476" s="2"/>
      <c r="C37476" s="2"/>
    </row>
    <row r="37477" spans="1:3" ht="19.2">
      <c r="A37477" s="2"/>
      <c r="B37477" s="2"/>
      <c r="C37477" s="2"/>
    </row>
    <row r="37478" spans="1:3" ht="19.2">
      <c r="A37478" s="2"/>
      <c r="B37478" s="2"/>
      <c r="C37478" s="2"/>
    </row>
    <row r="37479" spans="1:3" ht="19.2">
      <c r="A37479" s="2"/>
      <c r="B37479" s="2"/>
      <c r="C37479" s="2"/>
    </row>
    <row r="37480" spans="1:3" ht="19.2">
      <c r="A37480" s="2"/>
      <c r="B37480" s="2"/>
      <c r="C37480" s="2"/>
    </row>
    <row r="37481" spans="1:3" ht="19.2">
      <c r="A37481" s="2"/>
      <c r="B37481" s="2"/>
      <c r="C37481" s="2"/>
    </row>
    <row r="37482" spans="1:3" ht="19.2">
      <c r="A37482" s="2"/>
      <c r="B37482" s="2"/>
      <c r="C37482" s="2"/>
    </row>
    <row r="37483" spans="1:3" ht="19.2">
      <c r="A37483" s="2"/>
      <c r="B37483" s="2"/>
      <c r="C37483" s="2"/>
    </row>
    <row r="37484" spans="1:3" ht="19.2">
      <c r="A37484" s="2"/>
      <c r="B37484" s="2"/>
      <c r="C37484" s="2"/>
    </row>
    <row r="37485" spans="1:3" ht="19.2">
      <c r="A37485" s="2"/>
      <c r="B37485" s="2"/>
      <c r="C37485" s="2"/>
    </row>
    <row r="37486" spans="1:3" ht="19.2">
      <c r="A37486" s="2"/>
      <c r="B37486" s="2"/>
      <c r="C37486" s="2"/>
    </row>
    <row r="37487" spans="1:3" ht="19.2">
      <c r="A37487" s="2"/>
      <c r="B37487" s="2"/>
      <c r="C37487" s="2"/>
    </row>
    <row r="37488" spans="1:3" ht="19.2">
      <c r="A37488" s="2"/>
      <c r="B37488" s="2"/>
      <c r="C37488" s="2"/>
    </row>
    <row r="37489" spans="1:3" ht="19.2">
      <c r="A37489" s="2"/>
      <c r="B37489" s="2"/>
      <c r="C37489" s="2"/>
    </row>
    <row r="37490" spans="1:3" ht="19.2">
      <c r="A37490" s="2"/>
      <c r="B37490" s="2"/>
      <c r="C37490" s="2"/>
    </row>
    <row r="37491" spans="1:3" ht="19.2">
      <c r="A37491" s="2"/>
      <c r="B37491" s="2"/>
      <c r="C37491" s="2"/>
    </row>
    <row r="37492" spans="1:3" ht="19.2">
      <c r="A37492" s="2"/>
      <c r="B37492" s="2"/>
      <c r="C37492" s="2"/>
    </row>
    <row r="37493" spans="1:3" ht="19.2">
      <c r="A37493" s="2"/>
      <c r="B37493" s="2"/>
      <c r="C37493" s="2"/>
    </row>
    <row r="37494" spans="1:3" ht="19.2">
      <c r="A37494" s="2"/>
      <c r="B37494" s="2"/>
      <c r="C37494" s="2"/>
    </row>
    <row r="37495" spans="1:3" ht="19.2">
      <c r="A37495" s="2"/>
      <c r="B37495" s="2"/>
      <c r="C37495" s="2"/>
    </row>
    <row r="37496" spans="1:3" ht="19.2">
      <c r="A37496" s="2"/>
      <c r="B37496" s="2"/>
      <c r="C37496" s="2"/>
    </row>
    <row r="37497" spans="1:3" ht="19.2">
      <c r="A37497" s="2"/>
      <c r="B37497" s="2"/>
      <c r="C37497" s="2"/>
    </row>
    <row r="37498" spans="1:3" ht="19.2">
      <c r="A37498" s="2"/>
      <c r="B37498" s="2"/>
      <c r="C37498" s="2"/>
    </row>
    <row r="37499" spans="1:3" ht="19.2">
      <c r="A37499" s="2"/>
      <c r="B37499" s="2"/>
      <c r="C37499" s="2"/>
    </row>
    <row r="37500" spans="1:3" ht="19.2">
      <c r="A37500" s="2"/>
      <c r="B37500" s="2"/>
      <c r="C37500" s="2"/>
    </row>
    <row r="37501" spans="1:3" ht="19.2">
      <c r="A37501" s="2"/>
      <c r="B37501" s="2"/>
      <c r="C37501" s="2"/>
    </row>
    <row r="37502" spans="1:3" ht="19.2">
      <c r="A37502" s="2"/>
      <c r="B37502" s="2"/>
      <c r="C37502" s="2"/>
    </row>
    <row r="37503" spans="1:3" ht="19.2">
      <c r="A37503" s="2"/>
      <c r="B37503" s="2"/>
      <c r="C37503" s="2"/>
    </row>
    <row r="37504" spans="1:3" ht="19.2">
      <c r="A37504" s="2"/>
      <c r="B37504" s="2"/>
      <c r="C37504" s="2"/>
    </row>
    <row r="37505" spans="1:3" ht="19.2">
      <c r="A37505" s="2"/>
      <c r="B37505" s="2"/>
      <c r="C37505" s="2"/>
    </row>
    <row r="37506" spans="1:3" ht="19.2">
      <c r="A37506" s="2"/>
      <c r="B37506" s="2"/>
      <c r="C37506" s="2"/>
    </row>
    <row r="37507" spans="1:3" ht="19.2">
      <c r="A37507" s="2"/>
      <c r="B37507" s="2"/>
      <c r="C37507" s="2"/>
    </row>
    <row r="37508" spans="1:3" ht="19.2">
      <c r="A37508" s="2"/>
      <c r="B37508" s="2"/>
      <c r="C37508" s="2"/>
    </row>
    <row r="37509" spans="1:3" ht="19.2">
      <c r="A37509" s="2"/>
      <c r="B37509" s="2"/>
      <c r="C37509" s="2"/>
    </row>
    <row r="37510" spans="1:3" ht="19.2">
      <c r="A37510" s="2"/>
      <c r="B37510" s="2"/>
      <c r="C37510" s="2"/>
    </row>
    <row r="37511" spans="1:3" ht="19.2">
      <c r="A37511" s="2"/>
      <c r="B37511" s="2"/>
      <c r="C37511" s="2"/>
    </row>
    <row r="37512" spans="1:3" ht="19.2">
      <c r="A37512" s="2"/>
      <c r="B37512" s="2"/>
      <c r="C37512" s="2"/>
    </row>
    <row r="37513" spans="1:3" ht="19.2">
      <c r="A37513" s="2"/>
      <c r="B37513" s="2"/>
      <c r="C37513" s="2"/>
    </row>
    <row r="37514" spans="1:3" ht="19.2">
      <c r="A37514" s="2"/>
      <c r="B37514" s="2"/>
      <c r="C37514" s="2"/>
    </row>
    <row r="37515" spans="1:3" ht="19.2">
      <c r="A37515" s="2"/>
      <c r="B37515" s="2"/>
      <c r="C37515" s="2"/>
    </row>
    <row r="37516" spans="1:3" ht="19.2">
      <c r="A37516" s="2"/>
      <c r="B37516" s="2"/>
      <c r="C37516" s="2"/>
    </row>
    <row r="37517" spans="1:3" ht="19.2">
      <c r="A37517" s="2"/>
      <c r="B37517" s="2"/>
      <c r="C37517" s="2"/>
    </row>
    <row r="37518" spans="1:3" ht="19.2">
      <c r="A37518" s="2"/>
      <c r="B37518" s="2"/>
      <c r="C37518" s="2"/>
    </row>
    <row r="37519" spans="1:3" ht="19.2">
      <c r="A37519" s="2"/>
      <c r="B37519" s="2"/>
      <c r="C37519" s="2"/>
    </row>
    <row r="37520" spans="1:3" ht="19.2">
      <c r="A37520" s="2"/>
      <c r="B37520" s="2"/>
      <c r="C37520" s="2"/>
    </row>
    <row r="37521" spans="1:3" ht="19.2">
      <c r="A37521" s="2"/>
      <c r="B37521" s="2"/>
      <c r="C37521" s="2"/>
    </row>
    <row r="37522" spans="1:3" ht="19.2">
      <c r="A37522" s="2"/>
      <c r="B37522" s="2"/>
      <c r="C37522" s="2"/>
    </row>
    <row r="37523" spans="1:3" ht="19.2">
      <c r="A37523" s="2"/>
      <c r="B37523" s="2"/>
      <c r="C37523" s="2"/>
    </row>
    <row r="37524" spans="1:3" ht="19.2">
      <c r="A37524" s="2"/>
      <c r="B37524" s="2"/>
      <c r="C37524" s="2"/>
    </row>
    <row r="37525" spans="1:3" ht="19.2">
      <c r="A37525" s="2"/>
      <c r="B37525" s="2"/>
      <c r="C37525" s="2"/>
    </row>
    <row r="37526" spans="1:3" ht="19.2">
      <c r="A37526" s="2"/>
      <c r="B37526" s="2"/>
      <c r="C37526" s="2"/>
    </row>
    <row r="37527" spans="1:3" ht="19.2">
      <c r="A37527" s="2"/>
      <c r="B37527" s="2"/>
      <c r="C37527" s="2"/>
    </row>
    <row r="37528" spans="1:3" ht="19.2">
      <c r="A37528" s="2"/>
      <c r="B37528" s="2"/>
      <c r="C37528" s="2"/>
    </row>
    <row r="37529" spans="1:3" ht="19.2">
      <c r="A37529" s="2"/>
      <c r="B37529" s="2"/>
      <c r="C37529" s="2"/>
    </row>
    <row r="37530" spans="1:3" ht="19.2">
      <c r="A37530" s="2"/>
      <c r="B37530" s="2"/>
      <c r="C37530" s="2"/>
    </row>
    <row r="37531" spans="1:3" ht="19.2">
      <c r="A37531" s="2"/>
      <c r="B37531" s="2"/>
      <c r="C37531" s="2"/>
    </row>
    <row r="37532" spans="1:3" ht="19.2">
      <c r="A37532" s="2"/>
      <c r="B37532" s="2"/>
      <c r="C37532" s="2"/>
    </row>
    <row r="37533" spans="1:3" ht="19.2">
      <c r="A37533" s="2"/>
      <c r="B37533" s="2"/>
      <c r="C37533" s="2"/>
    </row>
    <row r="37534" spans="1:3" ht="19.2">
      <c r="A37534" s="2"/>
      <c r="B37534" s="2"/>
      <c r="C37534" s="2"/>
    </row>
    <row r="37535" spans="1:3" ht="19.2">
      <c r="A37535" s="2"/>
      <c r="B37535" s="2"/>
      <c r="C37535" s="2"/>
    </row>
    <row r="37536" spans="1:3" ht="19.2">
      <c r="A37536" s="2"/>
      <c r="B37536" s="2"/>
      <c r="C37536" s="2"/>
    </row>
    <row r="37537" spans="1:3" ht="19.2">
      <c r="A37537" s="2"/>
      <c r="B37537" s="2"/>
      <c r="C37537" s="2"/>
    </row>
    <row r="37538" spans="1:3" ht="19.2">
      <c r="A37538" s="2"/>
      <c r="B37538" s="2"/>
      <c r="C37538" s="2"/>
    </row>
    <row r="37539" spans="1:3" ht="19.2">
      <c r="A37539" s="2"/>
      <c r="B37539" s="2"/>
      <c r="C37539" s="2"/>
    </row>
    <row r="37540" spans="1:3" ht="19.2">
      <c r="A37540" s="2"/>
      <c r="B37540" s="2"/>
      <c r="C37540" s="2"/>
    </row>
    <row r="37541" spans="1:3" ht="19.2">
      <c r="A37541" s="2"/>
      <c r="B37541" s="2"/>
      <c r="C37541" s="2"/>
    </row>
    <row r="37542" spans="1:3" ht="19.2">
      <c r="A37542" s="2"/>
      <c r="B37542" s="2"/>
      <c r="C37542" s="2"/>
    </row>
    <row r="37543" spans="1:3" ht="19.2">
      <c r="A37543" s="2"/>
      <c r="B37543" s="2"/>
      <c r="C37543" s="2"/>
    </row>
    <row r="37544" spans="1:3" ht="19.2">
      <c r="A37544" s="2"/>
      <c r="B37544" s="2"/>
      <c r="C37544" s="2"/>
    </row>
    <row r="37545" spans="1:3" ht="19.2">
      <c r="A37545" s="2"/>
      <c r="B37545" s="2"/>
      <c r="C37545" s="2"/>
    </row>
    <row r="37546" spans="1:3" ht="19.2">
      <c r="A37546" s="2"/>
      <c r="B37546" s="2"/>
      <c r="C37546" s="2"/>
    </row>
    <row r="37547" spans="1:3" ht="19.2">
      <c r="A37547" s="2"/>
      <c r="B37547" s="2"/>
      <c r="C37547" s="2"/>
    </row>
    <row r="37548" spans="1:3" ht="19.2">
      <c r="A37548" s="2"/>
      <c r="B37548" s="2"/>
      <c r="C37548" s="2"/>
    </row>
    <row r="37549" spans="1:3" ht="19.2">
      <c r="A37549" s="2"/>
      <c r="B37549" s="2"/>
      <c r="C37549" s="2"/>
    </row>
    <row r="37550" spans="1:3" ht="19.2">
      <c r="A37550" s="2"/>
      <c r="B37550" s="2"/>
      <c r="C37550" s="2"/>
    </row>
    <row r="37551" spans="1:3" ht="19.2">
      <c r="A37551" s="2"/>
      <c r="B37551" s="2"/>
      <c r="C37551" s="2"/>
    </row>
    <row r="37552" spans="1:3" ht="19.2">
      <c r="A37552" s="2"/>
      <c r="B37552" s="2"/>
      <c r="C37552" s="2"/>
    </row>
    <row r="37553" spans="1:3" ht="19.2">
      <c r="A37553" s="2"/>
      <c r="B37553" s="2"/>
      <c r="C37553" s="2"/>
    </row>
    <row r="37554" spans="1:3" ht="19.2">
      <c r="A37554" s="2"/>
      <c r="B37554" s="2"/>
      <c r="C37554" s="2"/>
    </row>
    <row r="37555" spans="1:3" ht="19.2">
      <c r="A37555" s="2"/>
      <c r="B37555" s="2"/>
      <c r="C37555" s="2"/>
    </row>
    <row r="37556" spans="1:3" ht="19.2">
      <c r="A37556" s="2"/>
      <c r="B37556" s="2"/>
      <c r="C37556" s="2"/>
    </row>
    <row r="37557" spans="1:3" ht="19.2">
      <c r="A37557" s="2"/>
      <c r="B37557" s="2"/>
      <c r="C37557" s="2"/>
    </row>
    <row r="37558" spans="1:3" ht="19.2">
      <c r="A37558" s="2"/>
      <c r="B37558" s="2"/>
      <c r="C37558" s="2"/>
    </row>
    <row r="37559" spans="1:3" ht="19.2">
      <c r="A37559" s="2"/>
      <c r="B37559" s="2"/>
      <c r="C37559" s="2"/>
    </row>
    <row r="37560" spans="1:3" ht="19.2">
      <c r="A37560" s="2"/>
      <c r="B37560" s="2"/>
      <c r="C37560" s="2"/>
    </row>
    <row r="37561" spans="1:3" ht="19.2">
      <c r="A37561" s="2"/>
      <c r="B37561" s="2"/>
      <c r="C37561" s="2"/>
    </row>
    <row r="37562" spans="1:3" ht="19.2">
      <c r="A37562" s="2"/>
      <c r="B37562" s="2"/>
      <c r="C37562" s="2"/>
    </row>
    <row r="37563" spans="1:3" ht="19.2">
      <c r="A37563" s="2"/>
      <c r="B37563" s="2"/>
      <c r="C37563" s="2"/>
    </row>
    <row r="37564" spans="1:3" ht="19.2">
      <c r="A37564" s="2"/>
      <c r="B37564" s="2"/>
      <c r="C37564" s="2"/>
    </row>
    <row r="37565" spans="1:3" ht="19.2">
      <c r="A37565" s="2"/>
      <c r="B37565" s="2"/>
      <c r="C37565" s="2"/>
    </row>
    <row r="37566" spans="1:3" ht="19.2">
      <c r="A37566" s="2"/>
      <c r="B37566" s="2"/>
      <c r="C37566" s="2"/>
    </row>
    <row r="37567" spans="1:3" ht="19.2">
      <c r="A37567" s="2"/>
      <c r="B37567" s="2"/>
      <c r="C37567" s="2"/>
    </row>
    <row r="37568" spans="1:3" ht="19.2">
      <c r="A37568" s="2"/>
      <c r="B37568" s="2"/>
      <c r="C37568" s="2"/>
    </row>
    <row r="37569" spans="1:3" ht="19.2">
      <c r="A37569" s="2"/>
      <c r="B37569" s="2"/>
      <c r="C37569" s="2"/>
    </row>
    <row r="37570" spans="1:3" ht="19.2">
      <c r="A37570" s="2"/>
      <c r="B37570" s="2"/>
      <c r="C37570" s="2"/>
    </row>
    <row r="37571" spans="1:3" ht="19.2">
      <c r="A37571" s="2"/>
      <c r="B37571" s="2"/>
      <c r="C37571" s="2"/>
    </row>
    <row r="37572" spans="1:3" ht="19.2">
      <c r="A37572" s="2"/>
      <c r="B37572" s="2"/>
      <c r="C37572" s="2"/>
    </row>
    <row r="37573" spans="1:3" ht="19.2">
      <c r="A37573" s="2"/>
      <c r="B37573" s="2"/>
      <c r="C37573" s="2"/>
    </row>
    <row r="37574" spans="1:3" ht="19.2">
      <c r="A37574" s="2"/>
      <c r="B37574" s="2"/>
      <c r="C37574" s="2"/>
    </row>
    <row r="37575" spans="1:3" ht="19.2">
      <c r="A37575" s="2"/>
      <c r="B37575" s="2"/>
      <c r="C37575" s="2"/>
    </row>
    <row r="37576" spans="1:3" ht="19.2">
      <c r="A37576" s="2"/>
      <c r="B37576" s="2"/>
      <c r="C37576" s="2"/>
    </row>
    <row r="37577" spans="1:3" ht="19.2">
      <c r="A37577" s="2"/>
      <c r="B37577" s="2"/>
      <c r="C37577" s="2"/>
    </row>
    <row r="37578" spans="1:3" ht="19.2">
      <c r="A37578" s="2"/>
      <c r="B37578" s="2"/>
      <c r="C37578" s="2"/>
    </row>
    <row r="37579" spans="1:3" ht="19.2">
      <c r="A37579" s="2"/>
      <c r="B37579" s="2"/>
      <c r="C37579" s="2"/>
    </row>
    <row r="37580" spans="1:3" ht="19.2">
      <c r="A37580" s="2"/>
      <c r="B37580" s="2"/>
      <c r="C37580" s="2"/>
    </row>
    <row r="37581" spans="1:3" ht="19.2">
      <c r="A37581" s="2"/>
      <c r="B37581" s="2"/>
      <c r="C37581" s="2"/>
    </row>
    <row r="37582" spans="1:3" ht="19.2">
      <c r="A37582" s="2"/>
      <c r="B37582" s="2"/>
      <c r="C37582" s="2"/>
    </row>
    <row r="37583" spans="1:3" ht="19.2">
      <c r="A37583" s="2"/>
      <c r="B37583" s="2"/>
      <c r="C37583" s="2"/>
    </row>
    <row r="37584" spans="1:3" ht="19.2">
      <c r="A37584" s="2"/>
      <c r="B37584" s="2"/>
      <c r="C37584" s="2"/>
    </row>
    <row r="37585" spans="1:3" ht="19.2">
      <c r="A37585" s="2"/>
      <c r="B37585" s="2"/>
      <c r="C37585" s="2"/>
    </row>
    <row r="37586" spans="1:3" ht="19.2">
      <c r="A37586" s="2"/>
      <c r="B37586" s="2"/>
      <c r="C37586" s="2"/>
    </row>
    <row r="37587" spans="1:3" ht="19.2">
      <c r="A37587" s="2"/>
      <c r="B37587" s="2"/>
      <c r="C37587" s="2"/>
    </row>
    <row r="37588" spans="1:3" ht="19.2">
      <c r="A37588" s="2"/>
      <c r="B37588" s="2"/>
      <c r="C37588" s="2"/>
    </row>
    <row r="37589" spans="1:3" ht="19.2">
      <c r="A37589" s="2"/>
      <c r="B37589" s="2"/>
      <c r="C37589" s="2"/>
    </row>
    <row r="37590" spans="1:3" ht="19.2">
      <c r="A37590" s="2"/>
      <c r="B37590" s="2"/>
      <c r="C37590" s="2"/>
    </row>
    <row r="37591" spans="1:3" ht="19.2">
      <c r="A37591" s="2"/>
      <c r="B37591" s="2"/>
      <c r="C37591" s="2"/>
    </row>
    <row r="37592" spans="1:3" ht="19.2">
      <c r="A37592" s="2"/>
      <c r="B37592" s="2"/>
      <c r="C37592" s="2"/>
    </row>
    <row r="37593" spans="1:3" ht="19.2">
      <c r="A37593" s="2"/>
      <c r="B37593" s="2"/>
      <c r="C37593" s="2"/>
    </row>
    <row r="37594" spans="1:3" ht="19.2">
      <c r="A37594" s="2"/>
      <c r="B37594" s="2"/>
      <c r="C37594" s="2"/>
    </row>
    <row r="37595" spans="1:3" ht="19.2">
      <c r="A37595" s="2"/>
      <c r="B37595" s="2"/>
      <c r="C37595" s="2"/>
    </row>
    <row r="37596" spans="1:3" ht="19.2">
      <c r="A37596" s="2"/>
      <c r="B37596" s="2"/>
      <c r="C37596" s="2"/>
    </row>
    <row r="37597" spans="1:3" ht="19.2">
      <c r="A37597" s="2"/>
      <c r="B37597" s="2"/>
      <c r="C37597" s="2"/>
    </row>
    <row r="37598" spans="1:3" ht="19.2">
      <c r="A37598" s="2"/>
      <c r="B37598" s="2"/>
      <c r="C37598" s="2"/>
    </row>
    <row r="37599" spans="1:3" ht="19.2">
      <c r="A37599" s="2"/>
      <c r="B37599" s="2"/>
      <c r="C37599" s="2"/>
    </row>
    <row r="37600" spans="1:3" ht="19.2">
      <c r="A37600" s="2"/>
      <c r="B37600" s="2"/>
      <c r="C37600" s="2"/>
    </row>
    <row r="37601" spans="1:3" ht="19.2">
      <c r="A37601" s="2"/>
      <c r="B37601" s="2"/>
      <c r="C37601" s="2"/>
    </row>
    <row r="37602" spans="1:3" ht="19.2">
      <c r="A37602" s="2"/>
      <c r="B37602" s="2"/>
      <c r="C37602" s="2"/>
    </row>
    <row r="37603" spans="1:3" ht="19.2">
      <c r="A37603" s="2"/>
      <c r="B37603" s="2"/>
      <c r="C37603" s="2"/>
    </row>
    <row r="37604" spans="1:3" ht="19.2">
      <c r="A37604" s="2"/>
      <c r="B37604" s="2"/>
      <c r="C37604" s="2"/>
    </row>
    <row r="37605" spans="1:3" ht="19.2">
      <c r="A37605" s="2"/>
      <c r="B37605" s="2"/>
      <c r="C37605" s="2"/>
    </row>
    <row r="37606" spans="1:3" ht="19.2">
      <c r="A37606" s="2"/>
      <c r="B37606" s="2"/>
      <c r="C37606" s="2"/>
    </row>
    <row r="37607" spans="1:3" ht="19.2">
      <c r="A37607" s="2"/>
      <c r="B37607" s="2"/>
      <c r="C37607" s="2"/>
    </row>
    <row r="37608" spans="1:3" ht="19.2">
      <c r="A37608" s="2"/>
      <c r="B37608" s="2"/>
      <c r="C37608" s="2"/>
    </row>
    <row r="37609" spans="1:3" ht="19.2">
      <c r="A37609" s="2"/>
      <c r="B37609" s="2"/>
      <c r="C37609" s="2"/>
    </row>
    <row r="37610" spans="1:3" ht="19.2">
      <c r="A37610" s="2"/>
      <c r="B37610" s="2"/>
      <c r="C37610" s="2"/>
    </row>
    <row r="37611" spans="1:3" ht="19.2">
      <c r="A37611" s="2"/>
      <c r="B37611" s="2"/>
      <c r="C37611" s="2"/>
    </row>
    <row r="37612" spans="1:3" ht="19.2">
      <c r="A37612" s="2"/>
      <c r="B37612" s="2"/>
      <c r="C37612" s="2"/>
    </row>
    <row r="37613" spans="1:3" ht="19.2">
      <c r="A37613" s="2"/>
      <c r="B37613" s="2"/>
      <c r="C37613" s="2"/>
    </row>
    <row r="37614" spans="1:3" ht="19.2">
      <c r="A37614" s="2"/>
      <c r="B37614" s="2"/>
      <c r="C37614" s="2"/>
    </row>
    <row r="37615" spans="1:3" ht="19.2">
      <c r="A37615" s="2"/>
      <c r="B37615" s="2"/>
      <c r="C37615" s="2"/>
    </row>
    <row r="37616" spans="1:3" ht="19.2">
      <c r="A37616" s="2"/>
      <c r="B37616" s="2"/>
      <c r="C37616" s="2"/>
    </row>
    <row r="37617" spans="1:3" ht="19.2">
      <c r="A37617" s="2"/>
      <c r="B37617" s="2"/>
      <c r="C37617" s="2"/>
    </row>
    <row r="37618" spans="1:3" ht="19.2">
      <c r="A37618" s="2"/>
      <c r="B37618" s="2"/>
      <c r="C37618" s="2"/>
    </row>
    <row r="37619" spans="1:3" ht="19.2">
      <c r="A37619" s="2"/>
      <c r="B37619" s="2"/>
      <c r="C37619" s="2"/>
    </row>
    <row r="37620" spans="1:3" ht="19.2">
      <c r="A37620" s="2"/>
      <c r="B37620" s="2"/>
      <c r="C37620" s="2"/>
    </row>
    <row r="37621" spans="1:3" ht="19.2">
      <c r="A37621" s="2"/>
      <c r="B37621" s="2"/>
      <c r="C37621" s="2"/>
    </row>
    <row r="37622" spans="1:3" ht="19.2">
      <c r="A37622" s="2"/>
      <c r="B37622" s="2"/>
      <c r="C37622" s="2"/>
    </row>
    <row r="37623" spans="1:3" ht="19.2">
      <c r="A37623" s="2"/>
      <c r="B37623" s="2"/>
      <c r="C37623" s="2"/>
    </row>
    <row r="37624" spans="1:3" ht="19.2">
      <c r="A37624" s="2"/>
      <c r="B37624" s="2"/>
      <c r="C37624" s="2"/>
    </row>
    <row r="37625" spans="1:3" ht="19.2">
      <c r="A37625" s="2"/>
      <c r="B37625" s="2"/>
      <c r="C37625" s="2"/>
    </row>
    <row r="37626" spans="1:3" ht="19.2">
      <c r="A37626" s="2"/>
      <c r="B37626" s="2"/>
      <c r="C37626" s="2"/>
    </row>
    <row r="37627" spans="1:3" ht="19.2">
      <c r="A37627" s="2"/>
      <c r="B37627" s="2"/>
      <c r="C37627" s="2"/>
    </row>
    <row r="37628" spans="1:3" ht="19.2">
      <c r="A37628" s="2"/>
      <c r="B37628" s="2"/>
      <c r="C37628" s="2"/>
    </row>
    <row r="37629" spans="1:3" ht="19.2">
      <c r="A37629" s="2"/>
      <c r="B37629" s="2"/>
      <c r="C37629" s="2"/>
    </row>
    <row r="37630" spans="1:3" ht="19.2">
      <c r="A37630" s="2"/>
      <c r="B37630" s="2"/>
      <c r="C37630" s="2"/>
    </row>
    <row r="37631" spans="1:3" ht="19.2">
      <c r="A37631" s="2"/>
      <c r="B37631" s="2"/>
      <c r="C37631" s="2"/>
    </row>
    <row r="37632" spans="1:3" ht="19.2">
      <c r="A37632" s="2"/>
      <c r="B37632" s="2"/>
      <c r="C37632" s="2"/>
    </row>
    <row r="37633" spans="1:3" ht="19.2">
      <c r="A37633" s="2"/>
      <c r="B37633" s="2"/>
      <c r="C37633" s="2"/>
    </row>
    <row r="37634" spans="1:3" ht="19.2">
      <c r="A37634" s="2"/>
      <c r="B37634" s="2"/>
      <c r="C37634" s="2"/>
    </row>
    <row r="37635" spans="1:3" ht="19.2">
      <c r="A37635" s="2"/>
      <c r="B37635" s="2"/>
      <c r="C37635" s="2"/>
    </row>
    <row r="37636" spans="1:3" ht="19.2">
      <c r="A37636" s="2"/>
      <c r="B37636" s="2"/>
      <c r="C37636" s="2"/>
    </row>
    <row r="37637" spans="1:3" ht="19.2">
      <c r="A37637" s="2"/>
      <c r="B37637" s="2"/>
      <c r="C37637" s="2"/>
    </row>
    <row r="37638" spans="1:3" ht="19.2">
      <c r="A37638" s="2"/>
      <c r="B37638" s="2"/>
      <c r="C37638" s="2"/>
    </row>
    <row r="37639" spans="1:3" ht="19.2">
      <c r="A37639" s="2"/>
      <c r="B37639" s="2"/>
      <c r="C37639" s="2"/>
    </row>
    <row r="37640" spans="1:3" ht="19.2">
      <c r="A37640" s="2"/>
      <c r="B37640" s="2"/>
      <c r="C37640" s="2"/>
    </row>
    <row r="37641" spans="1:3" ht="19.2">
      <c r="A37641" s="2"/>
      <c r="B37641" s="2"/>
      <c r="C37641" s="2"/>
    </row>
    <row r="37642" spans="1:3" ht="19.2">
      <c r="A37642" s="2"/>
      <c r="B37642" s="2"/>
      <c r="C37642" s="2"/>
    </row>
    <row r="37643" spans="1:3" ht="19.2">
      <c r="A37643" s="2"/>
      <c r="B37643" s="2"/>
      <c r="C37643" s="2"/>
    </row>
    <row r="37644" spans="1:3" ht="19.2">
      <c r="A37644" s="2"/>
      <c r="B37644" s="2"/>
      <c r="C37644" s="2"/>
    </row>
    <row r="37645" spans="1:3" ht="19.2">
      <c r="A37645" s="2"/>
      <c r="B37645" s="2"/>
      <c r="C37645" s="2"/>
    </row>
    <row r="37646" spans="1:3" ht="19.2">
      <c r="A37646" s="2"/>
      <c r="B37646" s="2"/>
      <c r="C37646" s="2"/>
    </row>
    <row r="37647" spans="1:3" ht="19.2">
      <c r="A37647" s="2"/>
      <c r="B37647" s="2"/>
      <c r="C37647" s="2"/>
    </row>
    <row r="37648" spans="1:3" ht="19.2">
      <c r="A37648" s="2"/>
      <c r="B37648" s="2"/>
      <c r="C37648" s="2"/>
    </row>
    <row r="37649" spans="1:3" ht="19.2">
      <c r="A37649" s="2"/>
      <c r="B37649" s="2"/>
      <c r="C37649" s="2"/>
    </row>
    <row r="37650" spans="1:3" ht="19.2">
      <c r="A37650" s="2"/>
      <c r="B37650" s="2"/>
      <c r="C37650" s="2"/>
    </row>
    <row r="37651" spans="1:3" ht="19.2">
      <c r="A37651" s="2"/>
      <c r="B37651" s="2"/>
      <c r="C37651" s="2"/>
    </row>
    <row r="37652" spans="1:3" ht="19.2">
      <c r="A37652" s="2"/>
      <c r="B37652" s="2"/>
      <c r="C37652" s="2"/>
    </row>
    <row r="37653" spans="1:3" ht="19.2">
      <c r="A37653" s="2"/>
      <c r="B37653" s="2"/>
      <c r="C37653" s="2"/>
    </row>
    <row r="37654" spans="1:3" ht="19.2">
      <c r="A37654" s="2"/>
      <c r="B37654" s="2"/>
      <c r="C37654" s="2"/>
    </row>
    <row r="37655" spans="1:3" ht="19.2">
      <c r="A37655" s="2"/>
      <c r="B37655" s="2"/>
      <c r="C37655" s="2"/>
    </row>
    <row r="37656" spans="1:3" ht="19.2">
      <c r="A37656" s="2"/>
      <c r="B37656" s="2"/>
      <c r="C37656" s="2"/>
    </row>
    <row r="37657" spans="1:3" ht="19.2">
      <c r="A37657" s="2"/>
      <c r="B37657" s="2"/>
      <c r="C37657" s="2"/>
    </row>
    <row r="37658" spans="1:3" ht="19.2">
      <c r="A37658" s="2"/>
      <c r="B37658" s="2"/>
      <c r="C37658" s="2"/>
    </row>
    <row r="37659" spans="1:3" ht="19.2">
      <c r="A37659" s="2"/>
      <c r="B37659" s="2"/>
      <c r="C37659" s="2"/>
    </row>
    <row r="37660" spans="1:3" ht="19.2">
      <c r="A37660" s="2"/>
      <c r="B37660" s="2"/>
      <c r="C37660" s="2"/>
    </row>
    <row r="37661" spans="1:3" ht="19.2">
      <c r="A37661" s="2"/>
      <c r="B37661" s="2"/>
      <c r="C37661" s="2"/>
    </row>
    <row r="37662" spans="1:3" ht="19.2">
      <c r="A37662" s="2"/>
      <c r="B37662" s="2"/>
      <c r="C37662" s="2"/>
    </row>
    <row r="37663" spans="1:3" ht="19.2">
      <c r="A37663" s="2"/>
      <c r="B37663" s="2"/>
      <c r="C37663" s="2"/>
    </row>
    <row r="37664" spans="1:3" ht="19.2">
      <c r="A37664" s="2"/>
      <c r="B37664" s="2"/>
      <c r="C37664" s="2"/>
    </row>
    <row r="37665" spans="1:3" ht="19.2">
      <c r="A37665" s="2"/>
      <c r="B37665" s="2"/>
      <c r="C37665" s="2"/>
    </row>
    <row r="37666" spans="1:3" ht="19.2">
      <c r="A37666" s="2"/>
      <c r="B37666" s="2"/>
      <c r="C37666" s="2"/>
    </row>
    <row r="37667" spans="1:3" ht="19.2">
      <c r="A37667" s="2"/>
      <c r="B37667" s="2"/>
      <c r="C37667" s="2"/>
    </row>
    <row r="37668" spans="1:3" ht="19.2">
      <c r="A37668" s="2"/>
      <c r="B37668" s="2"/>
      <c r="C37668" s="2"/>
    </row>
    <row r="37669" spans="1:3" ht="19.2">
      <c r="A37669" s="2"/>
      <c r="B37669" s="2"/>
      <c r="C37669" s="2"/>
    </row>
    <row r="37670" spans="1:3" ht="19.2">
      <c r="A37670" s="2"/>
      <c r="B37670" s="2"/>
      <c r="C37670" s="2"/>
    </row>
    <row r="37671" spans="1:3" ht="19.2">
      <c r="A37671" s="2"/>
      <c r="B37671" s="2"/>
      <c r="C37671" s="2"/>
    </row>
    <row r="37672" spans="1:3" ht="19.2">
      <c r="A37672" s="2"/>
      <c r="B37672" s="2"/>
      <c r="C37672" s="2"/>
    </row>
    <row r="37673" spans="1:3" ht="19.2">
      <c r="A37673" s="2"/>
      <c r="B37673" s="2"/>
      <c r="C37673" s="2"/>
    </row>
    <row r="37674" spans="1:3" ht="19.2">
      <c r="A37674" s="2"/>
      <c r="B37674" s="2"/>
      <c r="C37674" s="2"/>
    </row>
    <row r="37675" spans="1:3" ht="19.2">
      <c r="A37675" s="2"/>
      <c r="B37675" s="2"/>
      <c r="C37675" s="2"/>
    </row>
    <row r="37676" spans="1:3" ht="19.2">
      <c r="A37676" s="2"/>
      <c r="B37676" s="2"/>
      <c r="C37676" s="2"/>
    </row>
    <row r="37677" spans="1:3" ht="19.2">
      <c r="A37677" s="2"/>
      <c r="B37677" s="2"/>
      <c r="C37677" s="2"/>
    </row>
    <row r="37678" spans="1:3" ht="19.2">
      <c r="A37678" s="2"/>
      <c r="B37678" s="2"/>
      <c r="C37678" s="2"/>
    </row>
    <row r="37679" spans="1:3" ht="19.2">
      <c r="A37679" s="2"/>
      <c r="B37679" s="2"/>
      <c r="C37679" s="2"/>
    </row>
    <row r="37680" spans="1:3" ht="19.2">
      <c r="A37680" s="2"/>
      <c r="B37680" s="2"/>
      <c r="C37680" s="2"/>
    </row>
    <row r="37681" spans="1:3" ht="19.2">
      <c r="A37681" s="2"/>
      <c r="B37681" s="2"/>
      <c r="C37681" s="2"/>
    </row>
    <row r="37682" spans="1:3" ht="19.2">
      <c r="A37682" s="2"/>
      <c r="B37682" s="2"/>
      <c r="C37682" s="2"/>
    </row>
    <row r="37683" spans="1:3" ht="19.2">
      <c r="A37683" s="2"/>
      <c r="B37683" s="2"/>
      <c r="C37683" s="2"/>
    </row>
    <row r="37684" spans="1:3" ht="19.2">
      <c r="A37684" s="2"/>
      <c r="B37684" s="2"/>
      <c r="C37684" s="2"/>
    </row>
    <row r="37685" spans="1:3" ht="19.2">
      <c r="A37685" s="2"/>
      <c r="B37685" s="2"/>
      <c r="C37685" s="2"/>
    </row>
    <row r="37686" spans="1:3" ht="19.2">
      <c r="A37686" s="2"/>
      <c r="B37686" s="2"/>
      <c r="C37686" s="2"/>
    </row>
    <row r="37687" spans="1:3" ht="19.2">
      <c r="A37687" s="2"/>
      <c r="B37687" s="2"/>
      <c r="C37687" s="2"/>
    </row>
    <row r="37688" spans="1:3" ht="19.2">
      <c r="A37688" s="2"/>
      <c r="B37688" s="2"/>
      <c r="C37688" s="2"/>
    </row>
    <row r="37689" spans="1:3" ht="19.2">
      <c r="A37689" s="2"/>
      <c r="B37689" s="2"/>
      <c r="C37689" s="2"/>
    </row>
    <row r="37690" spans="1:3" ht="19.2">
      <c r="A37690" s="2"/>
      <c r="B37690" s="2"/>
      <c r="C37690" s="2"/>
    </row>
    <row r="37691" spans="1:3" ht="19.2">
      <c r="A37691" s="2"/>
      <c r="B37691" s="2"/>
      <c r="C37691" s="2"/>
    </row>
    <row r="37692" spans="1:3" ht="19.2">
      <c r="A37692" s="2"/>
      <c r="B37692" s="2"/>
      <c r="C37692" s="2"/>
    </row>
    <row r="37693" spans="1:3" ht="19.2">
      <c r="A37693" s="2"/>
      <c r="B37693" s="2"/>
      <c r="C37693" s="2"/>
    </row>
    <row r="37694" spans="1:3" ht="19.2">
      <c r="A37694" s="2"/>
      <c r="B37694" s="2"/>
      <c r="C37694" s="2"/>
    </row>
    <row r="37695" spans="1:3" ht="19.2">
      <c r="A37695" s="2"/>
      <c r="B37695" s="2"/>
      <c r="C37695" s="2"/>
    </row>
    <row r="37696" spans="1:3" ht="19.2">
      <c r="A37696" s="2"/>
      <c r="B37696" s="2"/>
      <c r="C37696" s="2"/>
    </row>
    <row r="37697" spans="1:3" ht="19.2">
      <c r="A37697" s="2"/>
      <c r="B37697" s="2"/>
      <c r="C37697" s="2"/>
    </row>
    <row r="37698" spans="1:3" ht="19.2">
      <c r="A37698" s="2"/>
      <c r="B37698" s="2"/>
      <c r="C37698" s="2"/>
    </row>
    <row r="37699" spans="1:3" ht="19.2">
      <c r="A37699" s="2"/>
      <c r="B37699" s="2"/>
      <c r="C37699" s="2"/>
    </row>
    <row r="37700" spans="1:3" ht="19.2">
      <c r="A37700" s="2"/>
      <c r="B37700" s="2"/>
      <c r="C37700" s="2"/>
    </row>
    <row r="37701" spans="1:3" ht="19.2">
      <c r="A37701" s="2"/>
      <c r="B37701" s="2"/>
      <c r="C37701" s="2"/>
    </row>
    <row r="37702" spans="1:3" ht="19.2">
      <c r="A37702" s="2"/>
      <c r="B37702" s="2"/>
      <c r="C37702" s="2"/>
    </row>
    <row r="37703" spans="1:3" ht="19.2">
      <c r="A37703" s="2"/>
      <c r="B37703" s="2"/>
      <c r="C37703" s="2"/>
    </row>
    <row r="37704" spans="1:3" ht="19.2">
      <c r="A37704" s="2"/>
      <c r="B37704" s="2"/>
      <c r="C37704" s="2"/>
    </row>
    <row r="37705" spans="1:3" ht="19.2">
      <c r="A37705" s="2"/>
      <c r="B37705" s="2"/>
      <c r="C37705" s="2"/>
    </row>
    <row r="37706" spans="1:3" ht="19.2">
      <c r="A37706" s="2"/>
      <c r="B37706" s="2"/>
      <c r="C37706" s="2"/>
    </row>
    <row r="37707" spans="1:3" ht="19.2">
      <c r="A37707" s="2"/>
      <c r="B37707" s="2"/>
      <c r="C37707" s="2"/>
    </row>
    <row r="37708" spans="1:3" ht="19.2">
      <c r="A37708" s="2"/>
      <c r="B37708" s="2"/>
      <c r="C37708" s="2"/>
    </row>
    <row r="37709" spans="1:3" ht="19.2">
      <c r="A37709" s="2"/>
      <c r="B37709" s="2"/>
      <c r="C37709" s="2"/>
    </row>
    <row r="37710" spans="1:3" ht="19.2">
      <c r="A37710" s="2"/>
      <c r="B37710" s="2"/>
      <c r="C37710" s="2"/>
    </row>
    <row r="37711" spans="1:3" ht="19.2">
      <c r="A37711" s="2"/>
      <c r="B37711" s="2"/>
      <c r="C37711" s="2"/>
    </row>
    <row r="37712" spans="1:3" ht="19.2">
      <c r="A37712" s="2"/>
      <c r="B37712" s="2"/>
      <c r="C37712" s="2"/>
    </row>
    <row r="37713" spans="1:3" ht="19.2">
      <c r="A37713" s="2"/>
      <c r="B37713" s="2"/>
      <c r="C37713" s="2"/>
    </row>
    <row r="37714" spans="1:3" ht="19.2">
      <c r="A37714" s="2"/>
      <c r="B37714" s="2"/>
      <c r="C37714" s="2"/>
    </row>
    <row r="37715" spans="1:3" ht="19.2">
      <c r="A37715" s="2"/>
      <c r="B37715" s="2"/>
      <c r="C37715" s="2"/>
    </row>
    <row r="37716" spans="1:3" ht="19.2">
      <c r="A37716" s="2"/>
      <c r="B37716" s="2"/>
      <c r="C37716" s="2"/>
    </row>
    <row r="37717" spans="1:3" ht="19.2">
      <c r="A37717" s="2"/>
      <c r="B37717" s="2"/>
      <c r="C37717" s="2"/>
    </row>
    <row r="37718" spans="1:3" ht="19.2">
      <c r="A37718" s="2"/>
      <c r="B37718" s="2"/>
      <c r="C37718" s="2"/>
    </row>
    <row r="37719" spans="1:3" ht="19.2">
      <c r="A37719" s="2"/>
      <c r="B37719" s="2"/>
      <c r="C37719" s="2"/>
    </row>
    <row r="37720" spans="1:3" ht="19.2">
      <c r="A37720" s="2"/>
      <c r="B37720" s="2"/>
      <c r="C37720" s="2"/>
    </row>
    <row r="37721" spans="1:3" ht="19.2">
      <c r="A37721" s="2"/>
      <c r="B37721" s="2"/>
      <c r="C37721" s="2"/>
    </row>
    <row r="37722" spans="1:3" ht="19.2">
      <c r="A37722" s="2"/>
      <c r="B37722" s="2"/>
      <c r="C37722" s="2"/>
    </row>
    <row r="37723" spans="1:3" ht="19.2">
      <c r="A37723" s="2"/>
      <c r="B37723" s="2"/>
      <c r="C37723" s="2"/>
    </row>
    <row r="37724" spans="1:3" ht="19.2">
      <c r="A37724" s="2"/>
      <c r="B37724" s="2"/>
      <c r="C37724" s="2"/>
    </row>
    <row r="37725" spans="1:3" ht="19.2">
      <c r="A37725" s="2"/>
      <c r="B37725" s="2"/>
      <c r="C37725" s="2"/>
    </row>
    <row r="37726" spans="1:3" ht="19.2">
      <c r="A37726" s="2"/>
      <c r="B37726" s="2"/>
      <c r="C37726" s="2"/>
    </row>
    <row r="37727" spans="1:3" ht="19.2">
      <c r="A37727" s="2"/>
      <c r="B37727" s="2"/>
      <c r="C37727" s="2"/>
    </row>
    <row r="37728" spans="1:3" ht="19.2">
      <c r="A37728" s="2"/>
      <c r="B37728" s="2"/>
      <c r="C37728" s="2"/>
    </row>
    <row r="37729" spans="1:3" ht="19.2">
      <c r="A37729" s="2"/>
      <c r="B37729" s="2"/>
      <c r="C37729" s="2"/>
    </row>
    <row r="37730" spans="1:3" ht="19.2">
      <c r="A37730" s="2"/>
      <c r="B37730" s="2"/>
      <c r="C37730" s="2"/>
    </row>
    <row r="37731" spans="1:3" ht="19.2">
      <c r="A37731" s="2"/>
      <c r="B37731" s="2"/>
      <c r="C37731" s="2"/>
    </row>
    <row r="37732" spans="1:3" ht="19.2">
      <c r="A37732" s="2"/>
      <c r="B37732" s="2"/>
      <c r="C37732" s="2"/>
    </row>
    <row r="37733" spans="1:3" ht="19.2">
      <c r="A37733" s="2"/>
      <c r="B37733" s="2"/>
      <c r="C37733" s="2"/>
    </row>
    <row r="37734" spans="1:3" ht="19.2">
      <c r="A37734" s="2"/>
      <c r="B37734" s="2"/>
      <c r="C37734" s="2"/>
    </row>
    <row r="37735" spans="1:3" ht="19.2">
      <c r="A37735" s="2"/>
      <c r="B37735" s="2"/>
      <c r="C37735" s="2"/>
    </row>
    <row r="37736" spans="1:3" ht="19.2">
      <c r="A37736" s="2"/>
      <c r="B37736" s="2"/>
      <c r="C37736" s="2"/>
    </row>
    <row r="37737" spans="1:3" ht="19.2">
      <c r="A37737" s="2"/>
      <c r="B37737" s="2"/>
      <c r="C37737" s="2"/>
    </row>
    <row r="37738" spans="1:3" ht="19.2">
      <c r="A37738" s="2"/>
      <c r="B37738" s="2"/>
      <c r="C37738" s="2"/>
    </row>
    <row r="37739" spans="1:3" ht="19.2">
      <c r="A37739" s="2"/>
      <c r="B37739" s="2"/>
      <c r="C37739" s="2"/>
    </row>
    <row r="37740" spans="1:3" ht="19.2">
      <c r="A37740" s="2"/>
      <c r="B37740" s="2"/>
      <c r="C37740" s="2"/>
    </row>
    <row r="37741" spans="1:3" ht="19.2">
      <c r="A37741" s="2"/>
      <c r="B37741" s="2"/>
      <c r="C37741" s="2"/>
    </row>
    <row r="37742" spans="1:3" ht="19.2">
      <c r="A37742" s="2"/>
      <c r="B37742" s="2"/>
      <c r="C37742" s="2"/>
    </row>
    <row r="37743" spans="1:3" ht="19.2">
      <c r="A37743" s="2"/>
      <c r="B37743" s="2"/>
      <c r="C37743" s="2"/>
    </row>
    <row r="37744" spans="1:3" ht="19.2">
      <c r="A37744" s="2"/>
      <c r="B37744" s="2"/>
      <c r="C37744" s="2"/>
    </row>
    <row r="37745" spans="1:3" ht="19.2">
      <c r="A37745" s="2"/>
      <c r="B37745" s="2"/>
      <c r="C37745" s="2"/>
    </row>
    <row r="37746" spans="1:3" ht="19.2">
      <c r="A37746" s="2"/>
      <c r="B37746" s="2"/>
      <c r="C37746" s="2"/>
    </row>
    <row r="37747" spans="1:3" ht="19.2">
      <c r="A37747" s="2"/>
      <c r="B37747" s="2"/>
      <c r="C37747" s="2"/>
    </row>
    <row r="37748" spans="1:3" ht="19.2">
      <c r="A37748" s="2"/>
      <c r="B37748" s="2"/>
      <c r="C37748" s="2"/>
    </row>
    <row r="37749" spans="1:3" ht="19.2">
      <c r="A37749" s="2"/>
      <c r="B37749" s="2"/>
      <c r="C37749" s="2"/>
    </row>
    <row r="37750" spans="1:3" ht="19.2">
      <c r="A37750" s="2"/>
      <c r="B37750" s="2"/>
      <c r="C37750" s="2"/>
    </row>
    <row r="37751" spans="1:3" ht="19.2">
      <c r="A37751" s="2"/>
      <c r="B37751" s="2"/>
      <c r="C37751" s="2"/>
    </row>
    <row r="37752" spans="1:3" ht="19.2">
      <c r="A37752" s="2"/>
      <c r="B37752" s="2"/>
      <c r="C37752" s="2"/>
    </row>
    <row r="37753" spans="1:3" ht="19.2">
      <c r="A37753" s="2"/>
      <c r="B37753" s="2"/>
      <c r="C37753" s="2"/>
    </row>
    <row r="37754" spans="1:3" ht="19.2">
      <c r="A37754" s="2"/>
      <c r="B37754" s="2"/>
      <c r="C37754" s="2"/>
    </row>
    <row r="37755" spans="1:3" ht="19.2">
      <c r="A37755" s="2"/>
      <c r="B37755" s="2"/>
      <c r="C37755" s="2"/>
    </row>
    <row r="37756" spans="1:3" ht="19.2">
      <c r="A37756" s="2"/>
      <c r="B37756" s="2"/>
      <c r="C37756" s="2"/>
    </row>
    <row r="37757" spans="1:3" ht="19.2">
      <c r="A37757" s="2"/>
      <c r="B37757" s="2"/>
      <c r="C37757" s="2"/>
    </row>
    <row r="37758" spans="1:3" ht="19.2">
      <c r="A37758" s="2"/>
      <c r="B37758" s="2"/>
      <c r="C37758" s="2"/>
    </row>
    <row r="37759" spans="1:3" ht="19.2">
      <c r="A37759" s="2"/>
      <c r="B37759" s="2"/>
      <c r="C37759" s="2"/>
    </row>
    <row r="37760" spans="1:3" ht="19.2">
      <c r="A37760" s="2"/>
      <c r="B37760" s="2"/>
      <c r="C37760" s="2"/>
    </row>
    <row r="37761" spans="1:3" ht="19.2">
      <c r="A37761" s="2"/>
      <c r="B37761" s="2"/>
      <c r="C37761" s="2"/>
    </row>
    <row r="37762" spans="1:3" ht="19.2">
      <c r="A37762" s="2"/>
      <c r="B37762" s="2"/>
      <c r="C37762" s="2"/>
    </row>
    <row r="37763" spans="1:3" ht="19.2">
      <c r="A37763" s="2"/>
      <c r="B37763" s="2"/>
      <c r="C37763" s="2"/>
    </row>
    <row r="37764" spans="1:3" ht="19.2">
      <c r="A37764" s="2"/>
      <c r="B37764" s="2"/>
      <c r="C37764" s="2"/>
    </row>
    <row r="37765" spans="1:3" ht="19.2">
      <c r="A37765" s="2"/>
      <c r="B37765" s="2"/>
      <c r="C37765" s="2"/>
    </row>
    <row r="37766" spans="1:3" ht="19.2">
      <c r="A37766" s="2"/>
      <c r="B37766" s="2"/>
      <c r="C37766" s="2"/>
    </row>
    <row r="37767" spans="1:3" ht="19.2">
      <c r="A37767" s="2"/>
      <c r="B37767" s="2"/>
      <c r="C37767" s="2"/>
    </row>
    <row r="37768" spans="1:3" ht="19.2">
      <c r="A37768" s="2"/>
      <c r="B37768" s="2"/>
      <c r="C37768" s="2"/>
    </row>
    <row r="37769" spans="1:3" ht="19.2">
      <c r="A37769" s="2"/>
      <c r="B37769" s="2"/>
      <c r="C37769" s="2"/>
    </row>
    <row r="37770" spans="1:3" ht="19.2">
      <c r="A37770" s="2"/>
      <c r="B37770" s="2"/>
      <c r="C37770" s="2"/>
    </row>
    <row r="37771" spans="1:3" ht="19.2">
      <c r="A37771" s="2"/>
      <c r="B37771" s="2"/>
      <c r="C37771" s="2"/>
    </row>
    <row r="37772" spans="1:3" ht="19.2">
      <c r="A37772" s="2"/>
      <c r="B37772" s="2"/>
      <c r="C37772" s="2"/>
    </row>
    <row r="37773" spans="1:3" ht="19.2">
      <c r="A37773" s="2"/>
      <c r="B37773" s="2"/>
      <c r="C37773" s="2"/>
    </row>
    <row r="37774" spans="1:3" ht="19.2">
      <c r="A37774" s="2"/>
      <c r="B37774" s="2"/>
      <c r="C37774" s="2"/>
    </row>
    <row r="37775" spans="1:3" ht="19.2">
      <c r="A37775" s="2"/>
      <c r="B37775" s="2"/>
      <c r="C37775" s="2"/>
    </row>
    <row r="37776" spans="1:3" ht="19.2">
      <c r="A37776" s="2"/>
      <c r="B37776" s="2"/>
      <c r="C37776" s="2"/>
    </row>
    <row r="37777" spans="1:3" ht="19.2">
      <c r="A37777" s="2"/>
      <c r="B37777" s="2"/>
      <c r="C37777" s="2"/>
    </row>
    <row r="37778" spans="1:3" ht="19.2">
      <c r="A37778" s="2"/>
      <c r="B37778" s="2"/>
      <c r="C37778" s="2"/>
    </row>
    <row r="37779" spans="1:3" ht="19.2">
      <c r="A37779" s="2"/>
      <c r="B37779" s="2"/>
      <c r="C37779" s="2"/>
    </row>
    <row r="37780" spans="1:3" ht="19.2">
      <c r="A37780" s="2"/>
      <c r="B37780" s="2"/>
      <c r="C37780" s="2"/>
    </row>
    <row r="37781" spans="1:3" ht="19.2">
      <c r="A37781" s="2"/>
      <c r="B37781" s="2"/>
      <c r="C37781" s="2"/>
    </row>
    <row r="37782" spans="1:3" ht="19.2">
      <c r="A37782" s="2"/>
      <c r="B37782" s="2"/>
      <c r="C37782" s="2"/>
    </row>
    <row r="37783" spans="1:3" ht="19.2">
      <c r="A37783" s="2"/>
      <c r="B37783" s="2"/>
      <c r="C37783" s="2"/>
    </row>
    <row r="37784" spans="1:3" ht="19.2">
      <c r="A37784" s="2"/>
      <c r="B37784" s="2"/>
      <c r="C37784" s="2"/>
    </row>
    <row r="37785" spans="1:3" ht="19.2">
      <c r="A37785" s="2"/>
      <c r="B37785" s="2"/>
      <c r="C37785" s="2"/>
    </row>
    <row r="37786" spans="1:3" ht="19.2">
      <c r="A37786" s="2"/>
      <c r="B37786" s="2"/>
      <c r="C37786" s="2"/>
    </row>
    <row r="37787" spans="1:3" ht="19.2">
      <c r="A37787" s="2"/>
      <c r="B37787" s="2"/>
      <c r="C37787" s="2"/>
    </row>
    <row r="37788" spans="1:3" ht="19.2">
      <c r="A37788" s="2"/>
      <c r="B37788" s="2"/>
      <c r="C37788" s="2"/>
    </row>
    <row r="37789" spans="1:3" ht="19.2">
      <c r="A37789" s="2"/>
      <c r="B37789" s="2"/>
      <c r="C37789" s="2"/>
    </row>
    <row r="37790" spans="1:3" ht="19.2">
      <c r="A37790" s="2"/>
      <c r="B37790" s="2"/>
      <c r="C37790" s="2"/>
    </row>
    <row r="37791" spans="1:3" ht="19.2">
      <c r="A37791" s="2"/>
      <c r="B37791" s="2"/>
      <c r="C37791" s="2"/>
    </row>
    <row r="37792" spans="1:3" ht="19.2">
      <c r="A37792" s="2"/>
      <c r="B37792" s="2"/>
      <c r="C37792" s="2"/>
    </row>
    <row r="37793" spans="1:3" ht="19.2">
      <c r="A37793" s="2"/>
      <c r="B37793" s="2"/>
      <c r="C37793" s="2"/>
    </row>
    <row r="37794" spans="1:3" ht="19.2">
      <c r="A37794" s="2"/>
      <c r="B37794" s="2"/>
      <c r="C37794" s="2"/>
    </row>
    <row r="37795" spans="1:3" ht="19.2">
      <c r="A37795" s="2"/>
      <c r="B37795" s="2"/>
      <c r="C37795" s="2"/>
    </row>
    <row r="37796" spans="1:3" ht="19.2">
      <c r="A37796" s="2"/>
      <c r="B37796" s="2"/>
      <c r="C37796" s="2"/>
    </row>
    <row r="37797" spans="1:3" ht="19.2">
      <c r="A37797" s="2"/>
      <c r="B37797" s="2"/>
      <c r="C37797" s="2"/>
    </row>
    <row r="37798" spans="1:3" ht="19.2">
      <c r="A37798" s="2"/>
      <c r="B37798" s="2"/>
      <c r="C37798" s="2"/>
    </row>
    <row r="37799" spans="1:3" ht="19.2">
      <c r="A37799" s="2"/>
      <c r="B37799" s="2"/>
      <c r="C37799" s="2"/>
    </row>
    <row r="37800" spans="1:3" ht="19.2">
      <c r="A37800" s="2"/>
      <c r="B37800" s="2"/>
      <c r="C37800" s="2"/>
    </row>
    <row r="37801" spans="1:3" ht="19.2">
      <c r="A37801" s="2"/>
      <c r="B37801" s="2"/>
      <c r="C37801" s="2"/>
    </row>
    <row r="37802" spans="1:3" ht="19.2">
      <c r="A37802" s="2"/>
      <c r="B37802" s="2"/>
      <c r="C37802" s="2"/>
    </row>
    <row r="37803" spans="1:3" ht="19.2">
      <c r="A37803" s="2"/>
      <c r="B37803" s="2"/>
      <c r="C37803" s="2"/>
    </row>
    <row r="37804" spans="1:3" ht="19.2">
      <c r="A37804" s="2"/>
      <c r="B37804" s="2"/>
      <c r="C37804" s="2"/>
    </row>
    <row r="37805" spans="1:3" ht="19.2">
      <c r="A37805" s="2"/>
      <c r="B37805" s="2"/>
      <c r="C37805" s="2"/>
    </row>
    <row r="37806" spans="1:3" ht="19.2">
      <c r="A37806" s="2"/>
      <c r="B37806" s="2"/>
      <c r="C37806" s="2"/>
    </row>
    <row r="37807" spans="1:3" ht="19.2">
      <c r="A37807" s="2"/>
      <c r="B37807" s="2"/>
      <c r="C37807" s="2"/>
    </row>
    <row r="37808" spans="1:3" ht="19.2">
      <c r="A37808" s="2"/>
      <c r="B37808" s="2"/>
      <c r="C37808" s="2"/>
    </row>
    <row r="37809" spans="1:3" ht="19.2">
      <c r="A37809" s="2"/>
      <c r="B37809" s="2"/>
      <c r="C37809" s="2"/>
    </row>
    <row r="37810" spans="1:3" ht="19.2">
      <c r="A37810" s="2"/>
      <c r="B37810" s="2"/>
      <c r="C37810" s="2"/>
    </row>
    <row r="37811" spans="1:3" ht="19.2">
      <c r="A37811" s="2"/>
      <c r="B37811" s="2"/>
      <c r="C37811" s="2"/>
    </row>
    <row r="37812" spans="1:3" ht="19.2">
      <c r="A37812" s="2"/>
      <c r="B37812" s="2"/>
      <c r="C37812" s="2"/>
    </row>
    <row r="37813" spans="1:3" ht="19.2">
      <c r="A37813" s="2"/>
      <c r="B37813" s="2"/>
      <c r="C37813" s="2"/>
    </row>
    <row r="37814" spans="1:3" ht="19.2">
      <c r="A37814" s="2"/>
      <c r="B37814" s="2"/>
      <c r="C37814" s="2"/>
    </row>
    <row r="37815" spans="1:3" ht="19.2">
      <c r="A37815" s="2"/>
      <c r="B37815" s="2"/>
      <c r="C37815" s="2"/>
    </row>
    <row r="37816" spans="1:3" ht="19.2">
      <c r="A37816" s="2"/>
      <c r="B37816" s="2"/>
      <c r="C37816" s="2"/>
    </row>
    <row r="37817" spans="1:3" ht="19.2">
      <c r="A37817" s="2"/>
      <c r="B37817" s="2"/>
      <c r="C37817" s="2"/>
    </row>
    <row r="37818" spans="1:3" ht="19.2">
      <c r="A37818" s="2"/>
      <c r="B37818" s="2"/>
      <c r="C37818" s="2"/>
    </row>
    <row r="37819" spans="1:3" ht="19.2">
      <c r="A37819" s="2"/>
      <c r="B37819" s="2"/>
      <c r="C37819" s="2"/>
    </row>
    <row r="37820" spans="1:3" ht="19.2">
      <c r="A37820" s="2"/>
      <c r="B37820" s="2"/>
      <c r="C37820" s="2"/>
    </row>
    <row r="37821" spans="1:3" ht="19.2">
      <c r="A37821" s="2"/>
      <c r="B37821" s="2"/>
      <c r="C37821" s="2"/>
    </row>
    <row r="37822" spans="1:3" ht="19.2">
      <c r="A37822" s="2"/>
      <c r="B37822" s="2"/>
      <c r="C37822" s="2"/>
    </row>
    <row r="37823" spans="1:3" ht="19.2">
      <c r="A37823" s="2"/>
      <c r="B37823" s="2"/>
      <c r="C37823" s="2"/>
    </row>
    <row r="37824" spans="1:3" ht="19.2">
      <c r="A37824" s="2"/>
      <c r="B37824" s="2"/>
      <c r="C37824" s="2"/>
    </row>
    <row r="37825" spans="1:3" ht="19.2">
      <c r="A37825" s="2"/>
      <c r="B37825" s="2"/>
      <c r="C37825" s="2"/>
    </row>
    <row r="37826" spans="1:3" ht="19.2">
      <c r="A37826" s="2"/>
      <c r="B37826" s="2"/>
      <c r="C37826" s="2"/>
    </row>
    <row r="37827" spans="1:3" ht="19.2">
      <c r="A37827" s="2"/>
      <c r="B37827" s="2"/>
      <c r="C37827" s="2"/>
    </row>
    <row r="37828" spans="1:3" ht="19.2">
      <c r="A37828" s="2"/>
      <c r="B37828" s="2"/>
      <c r="C37828" s="2"/>
    </row>
    <row r="37829" spans="1:3" ht="19.2">
      <c r="A37829" s="2"/>
      <c r="B37829" s="2"/>
      <c r="C37829" s="2"/>
    </row>
    <row r="37830" spans="1:3" ht="19.2">
      <c r="A37830" s="2"/>
      <c r="B37830" s="2"/>
      <c r="C37830" s="2"/>
    </row>
    <row r="37831" spans="1:3" ht="19.2">
      <c r="A37831" s="2"/>
      <c r="B37831" s="2"/>
      <c r="C37831" s="2"/>
    </row>
    <row r="37832" spans="1:3" ht="19.2">
      <c r="A37832" s="2"/>
      <c r="B37832" s="2"/>
      <c r="C37832" s="2"/>
    </row>
    <row r="37833" spans="1:3" ht="19.2">
      <c r="A37833" s="2"/>
      <c r="B37833" s="2"/>
      <c r="C37833" s="2"/>
    </row>
    <row r="37834" spans="1:3" ht="19.2">
      <c r="A37834" s="2"/>
      <c r="B37834" s="2"/>
      <c r="C37834" s="2"/>
    </row>
    <row r="37835" spans="1:3" ht="19.2">
      <c r="A37835" s="2"/>
      <c r="B37835" s="2"/>
      <c r="C37835" s="2"/>
    </row>
    <row r="37836" spans="1:3" ht="19.2">
      <c r="A37836" s="2"/>
      <c r="B37836" s="2"/>
      <c r="C37836" s="2"/>
    </row>
    <row r="37837" spans="1:3" ht="19.2">
      <c r="A37837" s="2"/>
      <c r="B37837" s="2"/>
      <c r="C37837" s="2"/>
    </row>
    <row r="37838" spans="1:3" ht="19.2">
      <c r="A37838" s="2"/>
      <c r="B37838" s="2"/>
      <c r="C37838" s="2"/>
    </row>
    <row r="37839" spans="1:3" ht="19.2">
      <c r="A37839" s="2"/>
      <c r="B37839" s="2"/>
      <c r="C37839" s="2"/>
    </row>
    <row r="37840" spans="1:3" ht="19.2">
      <c r="A37840" s="2"/>
      <c r="B37840" s="2"/>
      <c r="C37840" s="2"/>
    </row>
    <row r="37841" spans="1:3" ht="19.2">
      <c r="A37841" s="2"/>
      <c r="B37841" s="2"/>
      <c r="C37841" s="2"/>
    </row>
    <row r="37842" spans="1:3" ht="19.2">
      <c r="A37842" s="2"/>
      <c r="B37842" s="2"/>
      <c r="C37842" s="2"/>
    </row>
    <row r="37843" spans="1:3" ht="19.2">
      <c r="A37843" s="2"/>
      <c r="B37843" s="2"/>
      <c r="C37843" s="2"/>
    </row>
    <row r="37844" spans="1:3" ht="19.2">
      <c r="A37844" s="2"/>
      <c r="B37844" s="2"/>
      <c r="C37844" s="2"/>
    </row>
    <row r="37845" spans="1:3" ht="19.2">
      <c r="A37845" s="2"/>
      <c r="B37845" s="2"/>
      <c r="C37845" s="2"/>
    </row>
    <row r="37846" spans="1:3" ht="19.2">
      <c r="A37846" s="2"/>
      <c r="B37846" s="2"/>
      <c r="C37846" s="2"/>
    </row>
    <row r="37847" spans="1:3" ht="19.2">
      <c r="A37847" s="2"/>
      <c r="B37847" s="2"/>
      <c r="C37847" s="2"/>
    </row>
    <row r="37848" spans="1:3" ht="19.2">
      <c r="A37848" s="2"/>
      <c r="B37848" s="2"/>
      <c r="C37848" s="2"/>
    </row>
    <row r="37849" spans="1:3" ht="19.2">
      <c r="A37849" s="2"/>
      <c r="B37849" s="2"/>
      <c r="C37849" s="2"/>
    </row>
    <row r="37850" spans="1:3" ht="19.2">
      <c r="A37850" s="2"/>
      <c r="B37850" s="2"/>
      <c r="C37850" s="2"/>
    </row>
    <row r="37851" spans="1:3" ht="19.2">
      <c r="A37851" s="2"/>
      <c r="B37851" s="2"/>
      <c r="C37851" s="2"/>
    </row>
    <row r="37852" spans="1:3" ht="19.2">
      <c r="A37852" s="2"/>
      <c r="B37852" s="2"/>
      <c r="C37852" s="2"/>
    </row>
    <row r="37853" spans="1:3" ht="19.2">
      <c r="A37853" s="2"/>
      <c r="B37853" s="2"/>
      <c r="C37853" s="2"/>
    </row>
    <row r="37854" spans="1:3" ht="19.2">
      <c r="A37854" s="2"/>
      <c r="B37854" s="2"/>
      <c r="C37854" s="2"/>
    </row>
    <row r="37855" spans="1:3" ht="19.2">
      <c r="A37855" s="2"/>
      <c r="B37855" s="2"/>
      <c r="C37855" s="2"/>
    </row>
    <row r="37856" spans="1:3" ht="19.2">
      <c r="A37856" s="2"/>
      <c r="B37856" s="2"/>
      <c r="C37856" s="2"/>
    </row>
    <row r="37857" spans="1:3" ht="19.2">
      <c r="A37857" s="2"/>
      <c r="B37857" s="2"/>
      <c r="C37857" s="2"/>
    </row>
    <row r="37858" spans="1:3" ht="19.2">
      <c r="A37858" s="2"/>
      <c r="B37858" s="2"/>
      <c r="C37858" s="2"/>
    </row>
    <row r="37859" spans="1:3" ht="19.2">
      <c r="A37859" s="2"/>
      <c r="B37859" s="2"/>
      <c r="C37859" s="2"/>
    </row>
    <row r="37860" spans="1:3" ht="19.2">
      <c r="A37860" s="2"/>
      <c r="B37860" s="2"/>
      <c r="C37860" s="2"/>
    </row>
    <row r="37861" spans="1:3" ht="19.2">
      <c r="A37861" s="2"/>
      <c r="B37861" s="2"/>
      <c r="C37861" s="2"/>
    </row>
    <row r="37862" spans="1:3" ht="19.2">
      <c r="A37862" s="2"/>
      <c r="B37862" s="2"/>
      <c r="C37862" s="2"/>
    </row>
    <row r="37863" spans="1:3" ht="19.2">
      <c r="A37863" s="2"/>
      <c r="B37863" s="2"/>
      <c r="C37863" s="2"/>
    </row>
    <row r="37864" spans="1:3" ht="19.2">
      <c r="A37864" s="2"/>
      <c r="B37864" s="2"/>
      <c r="C37864" s="2"/>
    </row>
    <row r="37865" spans="1:3" ht="19.2">
      <c r="A37865" s="2"/>
      <c r="B37865" s="2"/>
      <c r="C37865" s="2"/>
    </row>
    <row r="37866" spans="1:3" ht="19.2">
      <c r="A37866" s="2"/>
      <c r="B37866" s="2"/>
      <c r="C37866" s="2"/>
    </row>
    <row r="37867" spans="1:3" ht="19.2">
      <c r="A37867" s="2"/>
      <c r="B37867" s="2"/>
      <c r="C37867" s="2"/>
    </row>
    <row r="37868" spans="1:3" ht="19.2">
      <c r="A37868" s="2"/>
      <c r="B37868" s="2"/>
      <c r="C37868" s="2"/>
    </row>
    <row r="37869" spans="1:3" ht="19.2">
      <c r="A37869" s="2"/>
      <c r="B37869" s="2"/>
      <c r="C37869" s="2"/>
    </row>
    <row r="37870" spans="1:3" ht="19.2">
      <c r="A37870" s="2"/>
      <c r="B37870" s="2"/>
      <c r="C37870" s="2"/>
    </row>
    <row r="37871" spans="1:3" ht="19.2">
      <c r="A37871" s="2"/>
      <c r="B37871" s="2"/>
      <c r="C37871" s="2"/>
    </row>
    <row r="37872" spans="1:3" ht="19.2">
      <c r="A37872" s="2"/>
      <c r="B37872" s="2"/>
      <c r="C37872" s="2"/>
    </row>
    <row r="37873" spans="1:3" ht="19.2">
      <c r="A37873" s="2"/>
      <c r="B37873" s="2"/>
      <c r="C37873" s="2"/>
    </row>
    <row r="37874" spans="1:3" ht="19.2">
      <c r="A37874" s="2"/>
      <c r="B37874" s="2"/>
      <c r="C37874" s="2"/>
    </row>
    <row r="37875" spans="1:3" ht="19.2">
      <c r="A37875" s="2"/>
      <c r="B37875" s="2"/>
      <c r="C37875" s="2"/>
    </row>
    <row r="37876" spans="1:3" ht="19.2">
      <c r="A37876" s="2"/>
      <c r="B37876" s="2"/>
      <c r="C37876" s="2"/>
    </row>
    <row r="37877" spans="1:3" ht="19.2">
      <c r="A37877" s="2"/>
      <c r="B37877" s="2"/>
      <c r="C37877" s="2"/>
    </row>
    <row r="37878" spans="1:3" ht="19.2">
      <c r="A37878" s="2"/>
      <c r="B37878" s="2"/>
      <c r="C37878" s="2"/>
    </row>
    <row r="37879" spans="1:3" ht="19.2">
      <c r="A37879" s="2"/>
      <c r="B37879" s="2"/>
      <c r="C37879" s="2"/>
    </row>
    <row r="37880" spans="1:3" ht="19.2">
      <c r="A37880" s="2"/>
      <c r="B37880" s="2"/>
      <c r="C37880" s="2"/>
    </row>
    <row r="37881" spans="1:3" ht="19.2">
      <c r="A37881" s="2"/>
      <c r="B37881" s="2"/>
      <c r="C37881" s="2"/>
    </row>
    <row r="37882" spans="1:3" ht="19.2">
      <c r="A37882" s="2"/>
      <c r="B37882" s="2"/>
      <c r="C37882" s="2"/>
    </row>
    <row r="37883" spans="1:3" ht="19.2">
      <c r="A37883" s="2"/>
      <c r="B37883" s="2"/>
      <c r="C37883" s="2"/>
    </row>
    <row r="37884" spans="1:3" ht="19.2">
      <c r="A37884" s="2"/>
      <c r="B37884" s="2"/>
      <c r="C37884" s="2"/>
    </row>
    <row r="37885" spans="1:3" ht="19.2">
      <c r="A37885" s="2"/>
      <c r="B37885" s="2"/>
      <c r="C37885" s="2"/>
    </row>
    <row r="37886" spans="1:3" ht="19.2">
      <c r="A37886" s="2"/>
      <c r="B37886" s="2"/>
      <c r="C37886" s="2"/>
    </row>
    <row r="37887" spans="1:3" ht="19.2">
      <c r="A37887" s="2"/>
      <c r="B37887" s="2"/>
      <c r="C37887" s="2"/>
    </row>
    <row r="37888" spans="1:3" ht="19.2">
      <c r="A37888" s="2"/>
      <c r="B37888" s="2"/>
      <c r="C37888" s="2"/>
    </row>
    <row r="37889" spans="1:3" ht="19.2">
      <c r="A37889" s="2"/>
      <c r="B37889" s="2"/>
      <c r="C37889" s="2"/>
    </row>
    <row r="37890" spans="1:3" ht="19.2">
      <c r="A37890" s="2"/>
      <c r="B37890" s="2"/>
      <c r="C37890" s="2"/>
    </row>
    <row r="37891" spans="1:3" ht="19.2">
      <c r="A37891" s="2"/>
      <c r="B37891" s="2"/>
      <c r="C37891" s="2"/>
    </row>
    <row r="37892" spans="1:3" ht="19.2">
      <c r="A37892" s="2"/>
      <c r="B37892" s="2"/>
      <c r="C37892" s="2"/>
    </row>
    <row r="37893" spans="1:3" ht="19.2">
      <c r="A37893" s="2"/>
      <c r="B37893" s="2"/>
      <c r="C37893" s="2"/>
    </row>
    <row r="37894" spans="1:3" ht="19.2">
      <c r="A37894" s="2"/>
      <c r="B37894" s="2"/>
      <c r="C37894" s="2"/>
    </row>
    <row r="37895" spans="1:3" ht="19.2">
      <c r="A37895" s="2"/>
      <c r="B37895" s="2"/>
      <c r="C37895" s="2"/>
    </row>
    <row r="37896" spans="1:3" ht="19.2">
      <c r="A37896" s="2"/>
      <c r="B37896" s="2"/>
      <c r="C37896" s="2"/>
    </row>
    <row r="37897" spans="1:3" ht="19.2">
      <c r="A37897" s="2"/>
      <c r="B37897" s="2"/>
      <c r="C37897" s="2"/>
    </row>
    <row r="37898" spans="1:3" ht="19.2">
      <c r="A37898" s="2"/>
      <c r="B37898" s="2"/>
      <c r="C37898" s="2"/>
    </row>
    <row r="37899" spans="1:3" ht="19.2">
      <c r="A37899" s="2"/>
      <c r="B37899" s="2"/>
      <c r="C37899" s="2"/>
    </row>
    <row r="37900" spans="1:3" ht="19.2">
      <c r="A37900" s="2"/>
      <c r="B37900" s="2"/>
      <c r="C37900" s="2"/>
    </row>
    <row r="37901" spans="1:3" ht="19.2">
      <c r="A37901" s="2"/>
      <c r="B37901" s="2"/>
      <c r="C37901" s="2"/>
    </row>
    <row r="37902" spans="1:3" ht="19.2">
      <c r="A37902" s="2"/>
      <c r="B37902" s="2"/>
      <c r="C37902" s="2"/>
    </row>
    <row r="37903" spans="1:3" ht="19.2">
      <c r="A37903" s="2"/>
      <c r="B37903" s="2"/>
      <c r="C37903" s="2"/>
    </row>
    <row r="37904" spans="1:3" ht="19.2">
      <c r="A37904" s="2"/>
      <c r="B37904" s="2"/>
      <c r="C37904" s="2"/>
    </row>
    <row r="37905" spans="1:3" ht="19.2">
      <c r="A37905" s="2"/>
      <c r="B37905" s="2"/>
      <c r="C37905" s="2"/>
    </row>
    <row r="37906" spans="1:3" ht="19.2">
      <c r="A37906" s="2"/>
      <c r="B37906" s="2"/>
      <c r="C37906" s="2"/>
    </row>
    <row r="37907" spans="1:3" ht="19.2">
      <c r="A37907" s="2"/>
      <c r="B37907" s="2"/>
      <c r="C37907" s="2"/>
    </row>
    <row r="37908" spans="1:3" ht="19.2">
      <c r="A37908" s="2"/>
      <c r="B37908" s="2"/>
      <c r="C37908" s="2"/>
    </row>
    <row r="37909" spans="1:3" ht="19.2">
      <c r="A37909" s="2"/>
      <c r="B37909" s="2"/>
      <c r="C37909" s="2"/>
    </row>
    <row r="37910" spans="1:3" ht="19.2">
      <c r="A37910" s="2"/>
      <c r="B37910" s="2"/>
      <c r="C37910" s="2"/>
    </row>
    <row r="37911" spans="1:3" ht="19.2">
      <c r="A37911" s="2"/>
      <c r="B37911" s="2"/>
      <c r="C37911" s="2"/>
    </row>
    <row r="37912" spans="1:3" ht="19.2">
      <c r="A37912" s="2"/>
      <c r="B37912" s="2"/>
      <c r="C37912" s="2"/>
    </row>
    <row r="37913" spans="1:3" ht="19.2">
      <c r="A37913" s="2"/>
      <c r="B37913" s="2"/>
      <c r="C37913" s="2"/>
    </row>
    <row r="37914" spans="1:3" ht="19.2">
      <c r="A37914" s="2"/>
      <c r="B37914" s="2"/>
      <c r="C37914" s="2"/>
    </row>
    <row r="37915" spans="1:3" ht="19.2">
      <c r="A37915" s="2"/>
      <c r="B37915" s="2"/>
      <c r="C37915" s="2"/>
    </row>
    <row r="37916" spans="1:3" ht="19.2">
      <c r="A37916" s="2"/>
      <c r="B37916" s="2"/>
      <c r="C37916" s="2"/>
    </row>
    <row r="37917" spans="1:3" ht="19.2">
      <c r="A37917" s="2"/>
      <c r="B37917" s="2"/>
      <c r="C37917" s="2"/>
    </row>
    <row r="37918" spans="1:3" ht="19.2">
      <c r="A37918" s="2"/>
      <c r="B37918" s="2"/>
      <c r="C37918" s="2"/>
    </row>
    <row r="37919" spans="1:3" ht="19.2">
      <c r="A37919" s="2"/>
      <c r="B37919" s="2"/>
      <c r="C37919" s="2"/>
    </row>
    <row r="37920" spans="1:3" ht="19.2">
      <c r="A37920" s="2"/>
      <c r="B37920" s="2"/>
      <c r="C37920" s="2"/>
    </row>
    <row r="37921" spans="1:3" ht="19.2">
      <c r="A37921" s="2"/>
      <c r="B37921" s="2"/>
      <c r="C37921" s="2"/>
    </row>
    <row r="37922" spans="1:3" ht="19.2">
      <c r="A37922" s="2"/>
      <c r="B37922" s="2"/>
      <c r="C37922" s="2"/>
    </row>
    <row r="37923" spans="1:3" ht="19.2">
      <c r="A37923" s="2"/>
      <c r="B37923" s="2"/>
      <c r="C37923" s="2"/>
    </row>
    <row r="37924" spans="1:3" ht="19.2">
      <c r="A37924" s="2"/>
      <c r="B37924" s="2"/>
      <c r="C37924" s="2"/>
    </row>
    <row r="37925" spans="1:3" ht="19.2">
      <c r="A37925" s="2"/>
      <c r="B37925" s="2"/>
      <c r="C37925" s="2"/>
    </row>
    <row r="37926" spans="1:3" ht="19.2">
      <c r="A37926" s="2"/>
      <c r="B37926" s="2"/>
      <c r="C37926" s="2"/>
    </row>
    <row r="37927" spans="1:3" ht="19.2">
      <c r="A37927" s="2"/>
      <c r="B37927" s="2"/>
      <c r="C37927" s="2"/>
    </row>
    <row r="37928" spans="1:3" ht="19.2">
      <c r="A37928" s="2"/>
      <c r="B37928" s="2"/>
      <c r="C37928" s="2"/>
    </row>
    <row r="37929" spans="1:3" ht="19.2">
      <c r="A37929" s="2"/>
      <c r="B37929" s="2"/>
      <c r="C37929" s="2"/>
    </row>
    <row r="37930" spans="1:3" ht="19.2">
      <c r="A37930" s="2"/>
      <c r="B37930" s="2"/>
      <c r="C37930" s="2"/>
    </row>
    <row r="37931" spans="1:3" ht="19.2">
      <c r="A37931" s="2"/>
      <c r="B37931" s="2"/>
      <c r="C37931" s="2"/>
    </row>
    <row r="37932" spans="1:3" ht="19.2">
      <c r="A37932" s="2"/>
      <c r="B37932" s="2"/>
      <c r="C37932" s="2"/>
    </row>
    <row r="37933" spans="1:3" ht="19.2">
      <c r="A37933" s="2"/>
      <c r="B37933" s="2"/>
      <c r="C37933" s="2"/>
    </row>
    <row r="37934" spans="1:3" ht="19.2">
      <c r="A37934" s="2"/>
      <c r="B37934" s="2"/>
      <c r="C37934" s="2"/>
    </row>
    <row r="37935" spans="1:3" ht="19.2">
      <c r="A37935" s="2"/>
      <c r="B37935" s="2"/>
      <c r="C37935" s="2"/>
    </row>
    <row r="37936" spans="1:3" ht="19.2">
      <c r="A37936" s="2"/>
      <c r="B37936" s="2"/>
      <c r="C37936" s="2"/>
    </row>
    <row r="37937" spans="1:3" ht="19.2">
      <c r="A37937" s="2"/>
      <c r="B37937" s="2"/>
      <c r="C37937" s="2"/>
    </row>
    <row r="37938" spans="1:3" ht="19.2">
      <c r="A37938" s="2"/>
      <c r="B37938" s="2"/>
      <c r="C37938" s="2"/>
    </row>
    <row r="37939" spans="1:3" ht="19.2">
      <c r="A37939" s="2"/>
      <c r="B37939" s="2"/>
      <c r="C37939" s="2"/>
    </row>
    <row r="37940" spans="1:3" ht="19.2">
      <c r="A37940" s="2"/>
      <c r="B37940" s="2"/>
      <c r="C37940" s="2"/>
    </row>
    <row r="37941" spans="1:3" ht="19.2">
      <c r="A37941" s="2"/>
      <c r="B37941" s="2"/>
      <c r="C37941" s="2"/>
    </row>
    <row r="37942" spans="1:3" ht="19.2">
      <c r="A37942" s="2"/>
      <c r="B37942" s="2"/>
      <c r="C37942" s="2"/>
    </row>
    <row r="37943" spans="1:3" ht="19.2">
      <c r="A37943" s="2"/>
      <c r="B37943" s="2"/>
      <c r="C37943" s="2"/>
    </row>
    <row r="37944" spans="1:3" ht="19.2">
      <c r="A37944" s="2"/>
      <c r="B37944" s="2"/>
      <c r="C37944" s="2"/>
    </row>
    <row r="37945" spans="1:3" ht="19.2">
      <c r="A37945" s="2"/>
      <c r="B37945" s="2"/>
      <c r="C37945" s="2"/>
    </row>
    <row r="37946" spans="1:3" ht="19.2">
      <c r="A37946" s="2"/>
      <c r="B37946" s="2"/>
      <c r="C37946" s="2"/>
    </row>
    <row r="37947" spans="1:3" ht="19.2">
      <c r="A37947" s="2"/>
      <c r="B37947" s="2"/>
      <c r="C37947" s="2"/>
    </row>
    <row r="37948" spans="1:3" ht="19.2">
      <c r="A37948" s="2"/>
      <c r="B37948" s="2"/>
      <c r="C37948" s="2"/>
    </row>
    <row r="37949" spans="1:3" ht="19.2">
      <c r="A37949" s="2"/>
      <c r="B37949" s="2"/>
      <c r="C37949" s="2"/>
    </row>
    <row r="37950" spans="1:3" ht="19.2">
      <c r="A37950" s="2"/>
      <c r="B37950" s="2"/>
      <c r="C37950" s="2"/>
    </row>
    <row r="37951" spans="1:3" ht="19.2">
      <c r="A37951" s="2"/>
      <c r="B37951" s="2"/>
      <c r="C37951" s="2"/>
    </row>
    <row r="37952" spans="1:3" ht="19.2">
      <c r="A37952" s="2"/>
      <c r="B37952" s="2"/>
      <c r="C37952" s="2"/>
    </row>
    <row r="37953" spans="1:3" ht="19.2">
      <c r="A37953" s="2"/>
      <c r="B37953" s="2"/>
      <c r="C37953" s="2"/>
    </row>
    <row r="37954" spans="1:3" ht="19.2">
      <c r="A37954" s="2"/>
      <c r="B37954" s="2"/>
      <c r="C37954" s="2"/>
    </row>
    <row r="37955" spans="1:3" ht="19.2">
      <c r="A37955" s="2"/>
      <c r="B37955" s="2"/>
      <c r="C37955" s="2"/>
    </row>
    <row r="37956" spans="1:3" ht="19.2">
      <c r="A37956" s="2"/>
      <c r="B37956" s="2"/>
      <c r="C37956" s="2"/>
    </row>
    <row r="37957" spans="1:3" ht="19.2">
      <c r="A37957" s="2"/>
      <c r="B37957" s="2"/>
      <c r="C37957" s="2"/>
    </row>
    <row r="37958" spans="1:3" ht="19.2">
      <c r="A37958" s="2"/>
      <c r="B37958" s="2"/>
      <c r="C37958" s="2"/>
    </row>
    <row r="37959" spans="1:3" ht="19.2">
      <c r="A37959" s="2"/>
      <c r="B37959" s="2"/>
      <c r="C37959" s="2"/>
    </row>
    <row r="37960" spans="1:3" ht="19.2">
      <c r="A37960" s="2"/>
      <c r="B37960" s="2"/>
      <c r="C37960" s="2"/>
    </row>
    <row r="37961" spans="1:3" ht="19.2">
      <c r="A37961" s="2"/>
      <c r="B37961" s="2"/>
      <c r="C37961" s="2"/>
    </row>
    <row r="37962" spans="1:3" ht="19.2">
      <c r="A37962" s="2"/>
      <c r="B37962" s="2"/>
      <c r="C37962" s="2"/>
    </row>
    <row r="37963" spans="1:3" ht="19.2">
      <c r="A37963" s="2"/>
      <c r="B37963" s="2"/>
      <c r="C37963" s="2"/>
    </row>
    <row r="37964" spans="1:3" ht="19.2">
      <c r="A37964" s="2"/>
      <c r="B37964" s="2"/>
      <c r="C37964" s="2"/>
    </row>
    <row r="37965" spans="1:3" ht="19.2">
      <c r="A37965" s="2"/>
      <c r="B37965" s="2"/>
      <c r="C37965" s="2"/>
    </row>
    <row r="37966" spans="1:3" ht="19.2">
      <c r="A37966" s="2"/>
      <c r="B37966" s="2"/>
      <c r="C37966" s="2"/>
    </row>
    <row r="37967" spans="1:3" ht="19.2">
      <c r="A37967" s="2"/>
      <c r="B37967" s="2"/>
      <c r="C37967" s="2"/>
    </row>
    <row r="37968" spans="1:3" ht="19.2">
      <c r="A37968" s="2"/>
      <c r="B37968" s="2"/>
      <c r="C37968" s="2"/>
    </row>
    <row r="37969" spans="1:3" ht="19.2">
      <c r="A37969" s="2"/>
      <c r="B37969" s="2"/>
      <c r="C37969" s="2"/>
    </row>
    <row r="37970" spans="1:3" ht="19.2">
      <c r="A37970" s="2"/>
      <c r="B37970" s="2"/>
      <c r="C37970" s="2"/>
    </row>
    <row r="37971" spans="1:3" ht="19.2">
      <c r="A37971" s="2"/>
      <c r="B37971" s="2"/>
      <c r="C37971" s="2"/>
    </row>
    <row r="37972" spans="1:3" ht="19.2">
      <c r="A37972" s="2"/>
      <c r="B37972" s="2"/>
      <c r="C37972" s="2"/>
    </row>
    <row r="37973" spans="1:3" ht="19.2">
      <c r="A37973" s="2"/>
      <c r="B37973" s="2"/>
      <c r="C37973" s="2"/>
    </row>
    <row r="37974" spans="1:3" ht="19.2">
      <c r="A37974" s="2"/>
      <c r="B37974" s="2"/>
      <c r="C37974" s="2"/>
    </row>
    <row r="37975" spans="1:3" ht="19.2">
      <c r="A37975" s="2"/>
      <c r="B37975" s="2"/>
      <c r="C37975" s="2"/>
    </row>
    <row r="37976" spans="1:3" ht="19.2">
      <c r="A37976" s="2"/>
      <c r="B37976" s="2"/>
      <c r="C37976" s="2"/>
    </row>
    <row r="37977" spans="1:3" ht="19.2">
      <c r="A37977" s="2"/>
      <c r="B37977" s="2"/>
      <c r="C37977" s="2"/>
    </row>
    <row r="37978" spans="1:3" ht="19.2">
      <c r="A37978" s="2"/>
      <c r="B37978" s="2"/>
      <c r="C37978" s="2"/>
    </row>
    <row r="37979" spans="1:3" ht="19.2">
      <c r="A37979" s="2"/>
      <c r="B37979" s="2"/>
      <c r="C37979" s="2"/>
    </row>
    <row r="37980" spans="1:3" ht="19.2">
      <c r="A37980" s="2"/>
      <c r="B37980" s="2"/>
      <c r="C37980" s="2"/>
    </row>
    <row r="37981" spans="1:3" ht="19.2">
      <c r="A37981" s="2"/>
      <c r="B37981" s="2"/>
      <c r="C37981" s="2"/>
    </row>
    <row r="37982" spans="1:3" ht="19.2">
      <c r="A37982" s="2"/>
      <c r="B37982" s="2"/>
      <c r="C37982" s="2"/>
    </row>
    <row r="37983" spans="1:3" ht="19.2">
      <c r="A37983" s="2"/>
      <c r="B37983" s="2"/>
      <c r="C37983" s="2"/>
    </row>
    <row r="37984" spans="1:3" ht="19.2">
      <c r="A37984" s="2"/>
      <c r="B37984" s="2"/>
      <c r="C37984" s="2"/>
    </row>
    <row r="37985" spans="1:3" ht="19.2">
      <c r="A37985" s="2"/>
      <c r="B37985" s="2"/>
      <c r="C37985" s="2"/>
    </row>
    <row r="37986" spans="1:3" ht="19.2">
      <c r="A37986" s="2"/>
      <c r="B37986" s="2"/>
      <c r="C37986" s="2"/>
    </row>
    <row r="37987" spans="1:3" ht="19.2">
      <c r="A37987" s="2"/>
      <c r="B37987" s="2"/>
      <c r="C37987" s="2"/>
    </row>
    <row r="37988" spans="1:3" ht="19.2">
      <c r="A37988" s="2"/>
      <c r="B37988" s="2"/>
      <c r="C37988" s="2"/>
    </row>
    <row r="37989" spans="1:3" ht="19.2">
      <c r="A37989" s="2"/>
      <c r="B37989" s="2"/>
      <c r="C37989" s="2"/>
    </row>
    <row r="37990" spans="1:3" ht="19.2">
      <c r="A37990" s="2"/>
      <c r="B37990" s="2"/>
      <c r="C37990" s="2"/>
    </row>
    <row r="37991" spans="1:3" ht="19.2">
      <c r="A37991" s="2"/>
      <c r="B37991" s="2"/>
      <c r="C37991" s="2"/>
    </row>
    <row r="37992" spans="1:3" ht="19.2">
      <c r="A37992" s="2"/>
      <c r="B37992" s="2"/>
      <c r="C37992" s="2"/>
    </row>
    <row r="37993" spans="1:3" ht="19.2">
      <c r="A37993" s="2"/>
      <c r="B37993" s="2"/>
      <c r="C37993" s="2"/>
    </row>
    <row r="37994" spans="1:3" ht="19.2">
      <c r="A37994" s="2"/>
      <c r="B37994" s="2"/>
      <c r="C37994" s="2"/>
    </row>
    <row r="37995" spans="1:3" ht="19.2">
      <c r="A37995" s="2"/>
      <c r="B37995" s="2"/>
      <c r="C37995" s="2"/>
    </row>
    <row r="37996" spans="1:3" ht="19.2">
      <c r="A37996" s="2"/>
      <c r="B37996" s="2"/>
      <c r="C37996" s="2"/>
    </row>
    <row r="37997" spans="1:3" ht="19.2">
      <c r="A37997" s="2"/>
      <c r="B37997" s="2"/>
      <c r="C37997" s="2"/>
    </row>
    <row r="37998" spans="1:3" ht="19.2">
      <c r="A37998" s="2"/>
      <c r="B37998" s="2"/>
      <c r="C37998" s="2"/>
    </row>
    <row r="37999" spans="1:3" ht="19.2">
      <c r="A37999" s="2"/>
      <c r="B37999" s="2"/>
      <c r="C37999" s="2"/>
    </row>
    <row r="38000" spans="1:3" ht="19.2">
      <c r="A38000" s="2"/>
      <c r="B38000" s="2"/>
      <c r="C38000" s="2"/>
    </row>
    <row r="38001" spans="1:3" ht="19.2">
      <c r="A38001" s="2"/>
      <c r="B38001" s="2"/>
      <c r="C38001" s="2"/>
    </row>
    <row r="38002" spans="1:3" ht="19.2">
      <c r="A38002" s="2"/>
      <c r="B38002" s="2"/>
      <c r="C38002" s="2"/>
    </row>
    <row r="38003" spans="1:3" ht="19.2">
      <c r="A38003" s="2"/>
      <c r="B38003" s="2"/>
      <c r="C38003" s="2"/>
    </row>
    <row r="38004" spans="1:3" ht="19.2">
      <c r="A38004" s="2"/>
      <c r="B38004" s="2"/>
      <c r="C38004" s="2"/>
    </row>
    <row r="38005" spans="1:3" ht="19.2">
      <c r="A38005" s="2"/>
      <c r="B38005" s="2"/>
      <c r="C38005" s="2"/>
    </row>
    <row r="38006" spans="1:3" ht="19.2">
      <c r="A38006" s="2"/>
      <c r="B38006" s="2"/>
      <c r="C38006" s="2"/>
    </row>
    <row r="38007" spans="1:3" ht="19.2">
      <c r="A38007" s="2"/>
      <c r="B38007" s="2"/>
      <c r="C38007" s="2"/>
    </row>
    <row r="38008" spans="1:3" ht="19.2">
      <c r="A38008" s="2"/>
      <c r="B38008" s="2"/>
      <c r="C38008" s="2"/>
    </row>
    <row r="38009" spans="1:3" ht="19.2">
      <c r="A38009" s="2"/>
      <c r="B38009" s="2"/>
      <c r="C38009" s="2"/>
    </row>
    <row r="38010" spans="1:3" ht="19.2">
      <c r="A38010" s="2"/>
      <c r="B38010" s="2"/>
      <c r="C38010" s="2"/>
    </row>
    <row r="38011" spans="1:3" ht="19.2">
      <c r="A38011" s="2"/>
      <c r="B38011" s="2"/>
      <c r="C38011" s="2"/>
    </row>
    <row r="38012" spans="1:3" ht="19.2">
      <c r="A38012" s="2"/>
      <c r="B38012" s="2"/>
      <c r="C38012" s="2"/>
    </row>
    <row r="38013" spans="1:3" ht="19.2">
      <c r="A38013" s="2"/>
      <c r="B38013" s="2"/>
      <c r="C38013" s="2"/>
    </row>
    <row r="38014" spans="1:3" ht="19.2">
      <c r="A38014" s="2"/>
      <c r="B38014" s="2"/>
      <c r="C38014" s="2"/>
    </row>
    <row r="38015" spans="1:3" ht="19.2">
      <c r="A38015" s="2"/>
      <c r="B38015" s="2"/>
      <c r="C38015" s="2"/>
    </row>
    <row r="38016" spans="1:3" ht="19.2">
      <c r="A38016" s="2"/>
      <c r="B38016" s="2"/>
      <c r="C38016" s="2"/>
    </row>
    <row r="38017" spans="1:3" ht="19.2">
      <c r="A38017" s="2"/>
      <c r="B38017" s="2"/>
      <c r="C38017" s="2"/>
    </row>
    <row r="38018" spans="1:3" ht="19.2">
      <c r="A38018" s="2"/>
      <c r="B38018" s="2"/>
      <c r="C38018" s="2"/>
    </row>
    <row r="38019" spans="1:3" ht="19.2">
      <c r="A38019" s="2"/>
      <c r="B38019" s="2"/>
      <c r="C38019" s="2"/>
    </row>
    <row r="38020" spans="1:3" ht="19.2">
      <c r="A38020" s="2"/>
      <c r="B38020" s="2"/>
      <c r="C38020" s="2"/>
    </row>
    <row r="38021" spans="1:3" ht="19.2">
      <c r="A38021" s="2"/>
      <c r="B38021" s="2"/>
      <c r="C38021" s="2"/>
    </row>
    <row r="38022" spans="1:3" ht="19.2">
      <c r="A38022" s="2"/>
      <c r="B38022" s="2"/>
      <c r="C38022" s="2"/>
    </row>
    <row r="38023" spans="1:3" ht="19.2">
      <c r="A38023" s="2"/>
      <c r="B38023" s="2"/>
      <c r="C38023" s="2"/>
    </row>
    <row r="38024" spans="1:3" ht="19.2">
      <c r="A38024" s="2"/>
      <c r="B38024" s="2"/>
      <c r="C38024" s="2"/>
    </row>
    <row r="38025" spans="1:3" ht="19.2">
      <c r="A38025" s="2"/>
      <c r="B38025" s="2"/>
      <c r="C38025" s="2"/>
    </row>
    <row r="38026" spans="1:3" ht="19.2">
      <c r="A38026" s="2"/>
      <c r="B38026" s="2"/>
      <c r="C38026" s="2"/>
    </row>
    <row r="38027" spans="1:3" ht="19.2">
      <c r="A38027" s="2"/>
      <c r="B38027" s="2"/>
      <c r="C38027" s="2"/>
    </row>
    <row r="38028" spans="1:3" ht="19.2">
      <c r="A38028" s="2"/>
      <c r="B38028" s="2"/>
      <c r="C38028" s="2"/>
    </row>
    <row r="38029" spans="1:3" ht="19.2">
      <c r="A38029" s="2"/>
      <c r="B38029" s="2"/>
      <c r="C38029" s="2"/>
    </row>
    <row r="38030" spans="1:3" ht="19.2">
      <c r="A38030" s="2"/>
      <c r="B38030" s="2"/>
      <c r="C38030" s="2"/>
    </row>
    <row r="38031" spans="1:3" ht="19.2">
      <c r="A38031" s="2"/>
      <c r="B38031" s="2"/>
      <c r="C38031" s="2"/>
    </row>
    <row r="38032" spans="1:3" ht="19.2">
      <c r="A38032" s="2"/>
      <c r="B38032" s="2"/>
      <c r="C38032" s="2"/>
    </row>
    <row r="38033" spans="1:3" ht="19.2">
      <c r="A38033" s="2"/>
      <c r="B38033" s="2"/>
      <c r="C38033" s="2"/>
    </row>
    <row r="38034" spans="1:3" ht="19.2">
      <c r="A38034" s="2"/>
      <c r="B38034" s="2"/>
      <c r="C38034" s="2"/>
    </row>
    <row r="38035" spans="1:3" ht="19.2">
      <c r="A38035" s="2"/>
      <c r="B38035" s="2"/>
      <c r="C38035" s="2"/>
    </row>
    <row r="38036" spans="1:3" ht="19.2">
      <c r="A38036" s="2"/>
      <c r="B38036" s="2"/>
      <c r="C38036" s="2"/>
    </row>
    <row r="38037" spans="1:3" ht="19.2">
      <c r="A38037" s="2"/>
      <c r="B38037" s="2"/>
      <c r="C38037" s="2"/>
    </row>
    <row r="38038" spans="1:3" ht="19.2">
      <c r="A38038" s="2"/>
      <c r="B38038" s="2"/>
      <c r="C38038" s="2"/>
    </row>
    <row r="38039" spans="1:3" ht="19.2">
      <c r="A38039" s="2"/>
      <c r="B38039" s="2"/>
      <c r="C38039" s="2"/>
    </row>
    <row r="38040" spans="1:3" ht="19.2">
      <c r="A38040" s="2"/>
      <c r="B38040" s="2"/>
      <c r="C38040" s="2"/>
    </row>
    <row r="38041" spans="1:3" ht="19.2">
      <c r="A38041" s="2"/>
      <c r="B38041" s="2"/>
      <c r="C38041" s="2"/>
    </row>
    <row r="38042" spans="1:3" ht="19.2">
      <c r="A38042" s="2"/>
      <c r="B38042" s="2"/>
      <c r="C38042" s="2"/>
    </row>
    <row r="38043" spans="1:3" ht="19.2">
      <c r="A38043" s="2"/>
      <c r="B38043" s="2"/>
      <c r="C38043" s="2"/>
    </row>
    <row r="38044" spans="1:3" ht="19.2">
      <c r="A38044" s="2"/>
      <c r="B38044" s="2"/>
      <c r="C38044" s="2"/>
    </row>
    <row r="38045" spans="1:3" ht="19.2">
      <c r="A38045" s="2"/>
      <c r="B38045" s="2"/>
      <c r="C38045" s="2"/>
    </row>
    <row r="38046" spans="1:3" ht="19.2">
      <c r="A38046" s="2"/>
      <c r="B38046" s="2"/>
      <c r="C38046" s="2"/>
    </row>
    <row r="38047" spans="1:3" ht="19.2">
      <c r="A38047" s="2"/>
      <c r="B38047" s="2"/>
      <c r="C38047" s="2"/>
    </row>
    <row r="38048" spans="1:3" ht="19.2">
      <c r="A38048" s="2"/>
      <c r="B38048" s="2"/>
      <c r="C38048" s="2"/>
    </row>
    <row r="38049" spans="1:3" ht="19.2">
      <c r="A38049" s="2"/>
      <c r="B38049" s="2"/>
      <c r="C38049" s="2"/>
    </row>
    <row r="38050" spans="1:3" ht="19.2">
      <c r="A38050" s="2"/>
      <c r="B38050" s="2"/>
      <c r="C38050" s="2"/>
    </row>
    <row r="38051" spans="1:3" ht="19.2">
      <c r="A38051" s="2"/>
      <c r="B38051" s="2"/>
      <c r="C38051" s="2"/>
    </row>
    <row r="38052" spans="1:3" ht="19.2">
      <c r="A38052" s="2"/>
      <c r="B38052" s="2"/>
      <c r="C38052" s="2"/>
    </row>
    <row r="38053" spans="1:3" ht="19.2">
      <c r="A38053" s="2"/>
      <c r="B38053" s="2"/>
      <c r="C38053" s="2"/>
    </row>
    <row r="38054" spans="1:3" ht="19.2">
      <c r="A38054" s="2"/>
      <c r="B38054" s="2"/>
      <c r="C38054" s="2"/>
    </row>
    <row r="38055" spans="1:3" ht="19.2">
      <c r="A38055" s="2"/>
      <c r="B38055" s="2"/>
      <c r="C38055" s="2"/>
    </row>
    <row r="38056" spans="1:3" ht="19.2">
      <c r="A38056" s="2"/>
      <c r="B38056" s="2"/>
      <c r="C38056" s="2"/>
    </row>
    <row r="38057" spans="1:3" ht="19.2">
      <c r="A38057" s="2"/>
      <c r="B38057" s="2"/>
      <c r="C38057" s="2"/>
    </row>
    <row r="38058" spans="1:3" ht="19.2">
      <c r="A38058" s="2"/>
      <c r="B38058" s="2"/>
      <c r="C38058" s="2"/>
    </row>
    <row r="38059" spans="1:3" ht="19.2">
      <c r="A38059" s="2"/>
      <c r="B38059" s="2"/>
      <c r="C38059" s="2"/>
    </row>
    <row r="38060" spans="1:3" ht="19.2">
      <c r="A38060" s="2"/>
      <c r="B38060" s="2"/>
      <c r="C38060" s="2"/>
    </row>
    <row r="38061" spans="1:3" ht="19.2">
      <c r="A38061" s="2"/>
      <c r="B38061" s="2"/>
      <c r="C38061" s="2"/>
    </row>
    <row r="38062" spans="1:3" ht="19.2">
      <c r="A38062" s="2"/>
      <c r="B38062" s="2"/>
      <c r="C38062" s="2"/>
    </row>
    <row r="38063" spans="1:3" ht="19.2">
      <c r="A38063" s="2"/>
      <c r="B38063" s="2"/>
      <c r="C38063" s="2"/>
    </row>
    <row r="38064" spans="1:3" ht="19.2">
      <c r="A38064" s="2"/>
      <c r="B38064" s="2"/>
      <c r="C38064" s="2"/>
    </row>
    <row r="38065" spans="1:3" ht="19.2">
      <c r="A38065" s="2"/>
      <c r="B38065" s="2"/>
      <c r="C38065" s="2"/>
    </row>
    <row r="38066" spans="1:3" ht="19.2">
      <c r="A38066" s="2"/>
      <c r="B38066" s="2"/>
      <c r="C38066" s="2"/>
    </row>
    <row r="38067" spans="1:3" ht="19.2">
      <c r="A38067" s="2"/>
      <c r="B38067" s="2"/>
      <c r="C38067" s="2"/>
    </row>
    <row r="38068" spans="1:3" ht="19.2">
      <c r="A38068" s="2"/>
      <c r="B38068" s="2"/>
      <c r="C38068" s="2"/>
    </row>
    <row r="38069" spans="1:3" ht="19.2">
      <c r="A38069" s="2"/>
      <c r="B38069" s="2"/>
      <c r="C38069" s="2"/>
    </row>
    <row r="38070" spans="1:3" ht="19.2">
      <c r="A38070" s="2"/>
      <c r="B38070" s="2"/>
      <c r="C38070" s="2"/>
    </row>
    <row r="38071" spans="1:3" ht="19.2">
      <c r="A38071" s="2"/>
      <c r="B38071" s="2"/>
      <c r="C38071" s="2"/>
    </row>
    <row r="38072" spans="1:3" ht="19.2">
      <c r="A38072" s="2"/>
      <c r="B38072" s="2"/>
      <c r="C38072" s="2"/>
    </row>
    <row r="38073" spans="1:3" ht="19.2">
      <c r="A38073" s="2"/>
      <c r="B38073" s="2"/>
      <c r="C38073" s="2"/>
    </row>
    <row r="38074" spans="1:3" ht="19.2">
      <c r="A38074" s="2"/>
      <c r="B38074" s="2"/>
      <c r="C38074" s="2"/>
    </row>
    <row r="38075" spans="1:3" ht="19.2">
      <c r="A38075" s="2"/>
      <c r="B38075" s="2"/>
      <c r="C38075" s="2"/>
    </row>
    <row r="38076" spans="1:3" ht="19.2">
      <c r="A38076" s="2"/>
      <c r="B38076" s="2"/>
      <c r="C38076" s="2"/>
    </row>
    <row r="38077" spans="1:3" ht="19.2">
      <c r="A38077" s="2"/>
      <c r="B38077" s="2"/>
      <c r="C38077" s="2"/>
    </row>
    <row r="38078" spans="1:3" ht="19.2">
      <c r="A38078" s="2"/>
      <c r="B38078" s="2"/>
      <c r="C38078" s="2"/>
    </row>
    <row r="38079" spans="1:3" ht="19.2">
      <c r="A38079" s="2"/>
      <c r="B38079" s="2"/>
      <c r="C38079" s="2"/>
    </row>
    <row r="38080" spans="1:3" ht="19.2">
      <c r="A38080" s="2"/>
      <c r="B38080" s="2"/>
      <c r="C38080" s="2"/>
    </row>
    <row r="38081" spans="1:3" ht="19.2">
      <c r="A38081" s="2"/>
      <c r="B38081" s="2"/>
      <c r="C38081" s="2"/>
    </row>
    <row r="38082" spans="1:3" ht="19.2">
      <c r="A38082" s="2"/>
      <c r="B38082" s="2"/>
      <c r="C38082" s="2"/>
    </row>
    <row r="38083" spans="1:3" ht="19.2">
      <c r="A38083" s="2"/>
      <c r="B38083" s="2"/>
      <c r="C38083" s="2"/>
    </row>
    <row r="38084" spans="1:3" ht="19.2">
      <c r="A38084" s="2"/>
      <c r="B38084" s="2"/>
      <c r="C38084" s="2"/>
    </row>
    <row r="38085" spans="1:3" ht="19.2">
      <c r="A38085" s="2"/>
      <c r="B38085" s="2"/>
      <c r="C38085" s="2"/>
    </row>
    <row r="38086" spans="1:3" ht="19.2">
      <c r="A38086" s="2"/>
      <c r="B38086" s="2"/>
      <c r="C38086" s="2"/>
    </row>
    <row r="38087" spans="1:3" ht="19.2">
      <c r="A38087" s="2"/>
      <c r="B38087" s="2"/>
      <c r="C38087" s="2"/>
    </row>
    <row r="38088" spans="1:3" ht="19.2">
      <c r="A38088" s="2"/>
      <c r="B38088" s="2"/>
      <c r="C38088" s="2"/>
    </row>
    <row r="38089" spans="1:3" ht="19.2">
      <c r="A38089" s="2"/>
      <c r="B38089" s="2"/>
      <c r="C38089" s="2"/>
    </row>
    <row r="38090" spans="1:3" ht="19.2">
      <c r="A38090" s="2"/>
      <c r="B38090" s="2"/>
      <c r="C38090" s="2"/>
    </row>
    <row r="38091" spans="1:3" ht="19.2">
      <c r="A38091" s="2"/>
      <c r="B38091" s="2"/>
      <c r="C38091" s="2"/>
    </row>
    <row r="38092" spans="1:3" ht="19.2">
      <c r="A38092" s="2"/>
      <c r="B38092" s="2"/>
      <c r="C38092" s="2"/>
    </row>
    <row r="38093" spans="1:3" ht="19.2">
      <c r="A38093" s="2"/>
      <c r="B38093" s="2"/>
      <c r="C38093" s="2"/>
    </row>
    <row r="38094" spans="1:3" ht="19.2">
      <c r="A38094" s="2"/>
      <c r="B38094" s="2"/>
      <c r="C38094" s="2"/>
    </row>
    <row r="38095" spans="1:3" ht="19.2">
      <c r="A38095" s="2"/>
      <c r="B38095" s="2"/>
      <c r="C38095" s="2"/>
    </row>
    <row r="38096" spans="1:3" ht="19.2">
      <c r="A38096" s="2"/>
      <c r="B38096" s="2"/>
      <c r="C38096" s="2"/>
    </row>
    <row r="38097" spans="1:3" ht="19.2">
      <c r="A38097" s="2"/>
      <c r="B38097" s="2"/>
      <c r="C38097" s="2"/>
    </row>
    <row r="38098" spans="1:3" ht="19.2">
      <c r="A38098" s="2"/>
      <c r="B38098" s="2"/>
      <c r="C38098" s="2"/>
    </row>
    <row r="38099" spans="1:3" ht="19.2">
      <c r="A38099" s="2"/>
      <c r="B38099" s="2"/>
      <c r="C38099" s="2"/>
    </row>
    <row r="38100" spans="1:3" ht="19.2">
      <c r="A38100" s="2"/>
      <c r="B38100" s="2"/>
      <c r="C38100" s="2"/>
    </row>
    <row r="38101" spans="1:3" ht="19.2">
      <c r="A38101" s="2"/>
      <c r="B38101" s="2"/>
      <c r="C38101" s="2"/>
    </row>
    <row r="38102" spans="1:3" ht="19.2">
      <c r="A38102" s="2"/>
      <c r="B38102" s="2"/>
      <c r="C38102" s="2"/>
    </row>
    <row r="38103" spans="1:3" ht="19.2">
      <c r="A38103" s="2"/>
      <c r="B38103" s="2"/>
      <c r="C38103" s="2"/>
    </row>
    <row r="38104" spans="1:3" ht="19.2">
      <c r="A38104" s="2"/>
      <c r="B38104" s="2"/>
      <c r="C38104" s="2"/>
    </row>
    <row r="38105" spans="1:3" ht="19.2">
      <c r="A38105" s="2"/>
      <c r="B38105" s="2"/>
      <c r="C38105" s="2"/>
    </row>
    <row r="38106" spans="1:3" ht="19.2">
      <c r="A38106" s="2"/>
      <c r="B38106" s="2"/>
      <c r="C38106" s="2"/>
    </row>
    <row r="38107" spans="1:3" ht="19.2">
      <c r="A38107" s="2"/>
      <c r="B38107" s="2"/>
      <c r="C38107" s="2"/>
    </row>
    <row r="38108" spans="1:3" ht="19.2">
      <c r="A38108" s="2"/>
      <c r="B38108" s="2"/>
      <c r="C38108" s="2"/>
    </row>
    <row r="38109" spans="1:3" ht="19.2">
      <c r="A38109" s="2"/>
      <c r="B38109" s="2"/>
      <c r="C38109" s="2"/>
    </row>
    <row r="38110" spans="1:3" ht="19.2">
      <c r="A38110" s="2"/>
      <c r="B38110" s="2"/>
      <c r="C38110" s="2"/>
    </row>
    <row r="38111" spans="1:3" ht="19.2">
      <c r="A38111" s="2"/>
      <c r="B38111" s="2"/>
      <c r="C38111" s="2"/>
    </row>
    <row r="38112" spans="1:3" ht="19.2">
      <c r="A38112" s="2"/>
      <c r="B38112" s="2"/>
      <c r="C38112" s="2"/>
    </row>
    <row r="38113" spans="1:3" ht="19.2">
      <c r="A38113" s="2"/>
      <c r="B38113" s="2"/>
      <c r="C38113" s="2"/>
    </row>
    <row r="38114" spans="1:3" ht="19.2">
      <c r="A38114" s="2"/>
      <c r="B38114" s="2"/>
      <c r="C38114" s="2"/>
    </row>
    <row r="38115" spans="1:3" ht="19.2">
      <c r="A38115" s="2"/>
      <c r="B38115" s="2"/>
      <c r="C38115" s="2"/>
    </row>
    <row r="38116" spans="1:3" ht="19.2">
      <c r="A38116" s="2"/>
      <c r="B38116" s="2"/>
      <c r="C38116" s="2"/>
    </row>
    <row r="38117" spans="1:3" ht="19.2">
      <c r="A38117" s="2"/>
      <c r="B38117" s="2"/>
      <c r="C38117" s="2"/>
    </row>
    <row r="38118" spans="1:3" ht="19.2">
      <c r="A38118" s="2"/>
      <c r="B38118" s="2"/>
      <c r="C38118" s="2"/>
    </row>
    <row r="38119" spans="1:3" ht="19.2">
      <c r="A38119" s="2"/>
      <c r="B38119" s="2"/>
      <c r="C38119" s="2"/>
    </row>
    <row r="38120" spans="1:3" ht="19.2">
      <c r="A38120" s="2"/>
      <c r="B38120" s="2"/>
      <c r="C38120" s="2"/>
    </row>
    <row r="38121" spans="1:3" ht="19.2">
      <c r="A38121" s="2"/>
      <c r="B38121" s="2"/>
      <c r="C38121" s="2"/>
    </row>
    <row r="38122" spans="1:3" ht="19.2">
      <c r="A38122" s="2"/>
      <c r="B38122" s="2"/>
      <c r="C38122" s="2"/>
    </row>
    <row r="38123" spans="1:3" ht="19.2">
      <c r="A38123" s="2"/>
      <c r="B38123" s="2"/>
      <c r="C38123" s="2"/>
    </row>
    <row r="38124" spans="1:3" ht="19.2">
      <c r="A38124" s="2"/>
      <c r="B38124" s="2"/>
      <c r="C38124" s="2"/>
    </row>
    <row r="38125" spans="1:3" ht="19.2">
      <c r="A38125" s="2"/>
      <c r="B38125" s="2"/>
      <c r="C38125" s="2"/>
    </row>
    <row r="38126" spans="1:3" ht="19.2">
      <c r="A38126" s="2"/>
      <c r="B38126" s="2"/>
      <c r="C38126" s="2"/>
    </row>
    <row r="38127" spans="1:3" ht="19.2">
      <c r="A38127" s="2"/>
      <c r="B38127" s="2"/>
      <c r="C38127" s="2"/>
    </row>
    <row r="38128" spans="1:3" ht="19.2">
      <c r="A38128" s="2"/>
      <c r="B38128" s="2"/>
      <c r="C38128" s="2"/>
    </row>
    <row r="38129" spans="1:3" ht="19.2">
      <c r="A38129" s="2"/>
      <c r="B38129" s="2"/>
      <c r="C38129" s="2"/>
    </row>
    <row r="38130" spans="1:3" ht="19.2">
      <c r="A38130" s="2"/>
      <c r="B38130" s="2"/>
      <c r="C38130" s="2"/>
    </row>
    <row r="38131" spans="1:3" ht="19.2">
      <c r="A38131" s="2"/>
      <c r="B38131" s="2"/>
      <c r="C38131" s="2"/>
    </row>
    <row r="38132" spans="1:3" ht="19.2">
      <c r="A38132" s="2"/>
      <c r="B38132" s="2"/>
      <c r="C38132" s="2"/>
    </row>
    <row r="38133" spans="1:3" ht="19.2">
      <c r="A38133" s="2"/>
      <c r="B38133" s="2"/>
      <c r="C38133" s="2"/>
    </row>
    <row r="38134" spans="1:3" ht="19.2">
      <c r="A38134" s="2"/>
      <c r="B38134" s="2"/>
      <c r="C38134" s="2"/>
    </row>
    <row r="38135" spans="1:3" ht="19.2">
      <c r="A38135" s="2"/>
      <c r="B38135" s="2"/>
      <c r="C38135" s="2"/>
    </row>
    <row r="38136" spans="1:3" ht="19.2">
      <c r="A38136" s="2"/>
      <c r="B38136" s="2"/>
      <c r="C38136" s="2"/>
    </row>
    <row r="38137" spans="1:3" ht="19.2">
      <c r="A38137" s="2"/>
      <c r="B38137" s="2"/>
      <c r="C38137" s="2"/>
    </row>
    <row r="38138" spans="1:3" ht="19.2">
      <c r="A38138" s="2"/>
      <c r="B38138" s="2"/>
      <c r="C38138" s="2"/>
    </row>
    <row r="38139" spans="1:3" ht="19.2">
      <c r="A38139" s="2"/>
      <c r="B38139" s="2"/>
      <c r="C38139" s="2"/>
    </row>
    <row r="38140" spans="1:3" ht="19.2">
      <c r="A38140" s="2"/>
      <c r="B38140" s="2"/>
      <c r="C38140" s="2"/>
    </row>
    <row r="38141" spans="1:3" ht="19.2">
      <c r="A38141" s="2"/>
      <c r="B38141" s="2"/>
      <c r="C38141" s="2"/>
    </row>
    <row r="38142" spans="1:3" ht="19.2">
      <c r="A38142" s="2"/>
      <c r="B38142" s="2"/>
      <c r="C38142" s="2"/>
    </row>
    <row r="38143" spans="1:3" ht="19.2">
      <c r="A38143" s="2"/>
      <c r="B38143" s="2"/>
      <c r="C38143" s="2"/>
    </row>
    <row r="38144" spans="1:3" ht="19.2">
      <c r="A38144" s="2"/>
      <c r="B38144" s="2"/>
      <c r="C38144" s="2"/>
    </row>
    <row r="38145" spans="1:3" ht="19.2">
      <c r="A38145" s="2"/>
      <c r="B38145" s="2"/>
      <c r="C38145" s="2"/>
    </row>
    <row r="38146" spans="1:3" ht="19.2">
      <c r="A38146" s="2"/>
      <c r="B38146" s="2"/>
      <c r="C38146" s="2"/>
    </row>
    <row r="38147" spans="1:3" ht="19.2">
      <c r="A38147" s="2"/>
      <c r="B38147" s="2"/>
      <c r="C38147" s="2"/>
    </row>
    <row r="38148" spans="1:3" ht="19.2">
      <c r="A38148" s="2"/>
      <c r="B38148" s="2"/>
      <c r="C38148" s="2"/>
    </row>
    <row r="38149" spans="1:3" ht="19.2">
      <c r="A38149" s="2"/>
      <c r="B38149" s="2"/>
      <c r="C38149" s="2"/>
    </row>
    <row r="38150" spans="1:3" ht="19.2">
      <c r="A38150" s="2"/>
      <c r="B38150" s="2"/>
      <c r="C38150" s="2"/>
    </row>
    <row r="38151" spans="1:3" ht="19.2">
      <c r="A38151" s="2"/>
      <c r="B38151" s="2"/>
      <c r="C38151" s="2"/>
    </row>
    <row r="38152" spans="1:3" ht="19.2">
      <c r="A38152" s="2"/>
      <c r="B38152" s="2"/>
      <c r="C38152" s="2"/>
    </row>
    <row r="38153" spans="1:3" ht="19.2">
      <c r="A38153" s="2"/>
      <c r="B38153" s="2"/>
      <c r="C38153" s="2"/>
    </row>
    <row r="38154" spans="1:3" ht="19.2">
      <c r="A38154" s="2"/>
      <c r="B38154" s="2"/>
      <c r="C38154" s="2"/>
    </row>
    <row r="38155" spans="1:3" ht="19.2">
      <c r="A38155" s="2"/>
      <c r="B38155" s="2"/>
      <c r="C38155" s="2"/>
    </row>
    <row r="38156" spans="1:3" ht="19.2">
      <c r="A38156" s="2"/>
      <c r="B38156" s="2"/>
      <c r="C38156" s="2"/>
    </row>
    <row r="38157" spans="1:3" ht="19.2">
      <c r="A38157" s="2"/>
      <c r="B38157" s="2"/>
      <c r="C38157" s="2"/>
    </row>
    <row r="38158" spans="1:3" ht="19.2">
      <c r="A38158" s="2"/>
      <c r="B38158" s="2"/>
      <c r="C38158" s="2"/>
    </row>
    <row r="38159" spans="1:3" ht="19.2">
      <c r="A38159" s="2"/>
      <c r="B38159" s="2"/>
      <c r="C38159" s="2"/>
    </row>
    <row r="38160" spans="1:3" ht="19.2">
      <c r="A38160" s="2"/>
      <c r="B38160" s="2"/>
      <c r="C38160" s="2"/>
    </row>
    <row r="38161" spans="1:3" ht="19.2">
      <c r="A38161" s="2"/>
      <c r="B38161" s="2"/>
      <c r="C38161" s="2"/>
    </row>
    <row r="38162" spans="1:3" ht="19.2">
      <c r="A38162" s="2"/>
      <c r="B38162" s="2"/>
      <c r="C38162" s="2"/>
    </row>
    <row r="38163" spans="1:3" ht="19.2">
      <c r="A38163" s="2"/>
      <c r="B38163" s="2"/>
      <c r="C38163" s="2"/>
    </row>
    <row r="38164" spans="1:3" ht="19.2">
      <c r="A38164" s="2"/>
      <c r="B38164" s="2"/>
      <c r="C38164" s="2"/>
    </row>
    <row r="38165" spans="1:3" ht="19.2">
      <c r="A38165" s="2"/>
      <c r="B38165" s="2"/>
      <c r="C38165" s="2"/>
    </row>
    <row r="38166" spans="1:3" ht="19.2">
      <c r="A38166" s="2"/>
      <c r="B38166" s="2"/>
      <c r="C38166" s="2"/>
    </row>
    <row r="38167" spans="1:3" ht="19.2">
      <c r="A38167" s="2"/>
      <c r="B38167" s="2"/>
      <c r="C38167" s="2"/>
    </row>
    <row r="38168" spans="1:3" ht="19.2">
      <c r="A38168" s="2"/>
      <c r="B38168" s="2"/>
      <c r="C38168" s="2"/>
    </row>
    <row r="38169" spans="1:3" ht="19.2">
      <c r="A38169" s="2"/>
      <c r="B38169" s="2"/>
      <c r="C38169" s="2"/>
    </row>
    <row r="38170" spans="1:3" ht="19.2">
      <c r="A38170" s="2"/>
      <c r="B38170" s="2"/>
      <c r="C38170" s="2"/>
    </row>
    <row r="38171" spans="1:3" ht="19.2">
      <c r="A38171" s="2"/>
      <c r="B38171" s="2"/>
      <c r="C38171" s="2"/>
    </row>
    <row r="38172" spans="1:3" ht="19.2">
      <c r="A38172" s="2"/>
      <c r="B38172" s="2"/>
      <c r="C38172" s="2"/>
    </row>
    <row r="38173" spans="1:3" ht="19.2">
      <c r="A38173" s="2"/>
      <c r="B38173" s="2"/>
      <c r="C38173" s="2"/>
    </row>
    <row r="38174" spans="1:3" ht="19.2">
      <c r="A38174" s="2"/>
      <c r="B38174" s="2"/>
      <c r="C38174" s="2"/>
    </row>
    <row r="38175" spans="1:3" ht="19.2">
      <c r="A38175" s="2"/>
      <c r="B38175" s="2"/>
      <c r="C38175" s="2"/>
    </row>
    <row r="38176" spans="1:3" ht="19.2">
      <c r="A38176" s="2"/>
      <c r="B38176" s="2"/>
      <c r="C38176" s="2"/>
    </row>
    <row r="38177" spans="1:3" ht="19.2">
      <c r="A38177" s="2"/>
      <c r="B38177" s="2"/>
      <c r="C38177" s="2"/>
    </row>
    <row r="38178" spans="1:3" ht="19.2">
      <c r="A38178" s="2"/>
      <c r="B38178" s="2"/>
      <c r="C38178" s="2"/>
    </row>
    <row r="38179" spans="1:3" ht="19.2">
      <c r="A38179" s="2"/>
      <c r="B38179" s="2"/>
      <c r="C38179" s="2"/>
    </row>
    <row r="38180" spans="1:3" ht="19.2">
      <c r="A38180" s="2"/>
      <c r="B38180" s="2"/>
      <c r="C38180" s="2"/>
    </row>
    <row r="38181" spans="1:3" ht="19.2">
      <c r="A38181" s="2"/>
      <c r="B38181" s="2"/>
      <c r="C38181" s="2"/>
    </row>
    <row r="38182" spans="1:3" ht="19.2">
      <c r="A38182" s="2"/>
      <c r="B38182" s="2"/>
      <c r="C38182" s="2"/>
    </row>
    <row r="38183" spans="1:3" ht="19.2">
      <c r="A38183" s="2"/>
      <c r="B38183" s="2"/>
      <c r="C38183" s="2"/>
    </row>
    <row r="38184" spans="1:3" ht="19.2">
      <c r="A38184" s="2"/>
      <c r="B38184" s="2"/>
      <c r="C38184" s="2"/>
    </row>
    <row r="38185" spans="1:3" ht="19.2">
      <c r="A38185" s="2"/>
      <c r="B38185" s="2"/>
      <c r="C38185" s="2"/>
    </row>
    <row r="38186" spans="1:3" ht="19.2">
      <c r="A38186" s="2"/>
      <c r="B38186" s="2"/>
      <c r="C38186" s="2"/>
    </row>
    <row r="38187" spans="1:3" ht="19.2">
      <c r="A38187" s="2"/>
      <c r="B38187" s="2"/>
      <c r="C38187" s="2"/>
    </row>
    <row r="38188" spans="1:3" ht="19.2">
      <c r="A38188" s="2"/>
      <c r="B38188" s="2"/>
      <c r="C38188" s="2"/>
    </row>
    <row r="38189" spans="1:3" ht="19.2">
      <c r="A38189" s="2"/>
      <c r="B38189" s="2"/>
      <c r="C38189" s="2"/>
    </row>
    <row r="38190" spans="1:3" ht="19.2">
      <c r="A38190" s="2"/>
      <c r="B38190" s="2"/>
      <c r="C38190" s="2"/>
    </row>
    <row r="38191" spans="1:3" ht="19.2">
      <c r="A38191" s="2"/>
      <c r="B38191" s="2"/>
      <c r="C38191" s="2"/>
    </row>
    <row r="38192" spans="1:3" ht="19.2">
      <c r="A38192" s="2"/>
      <c r="B38192" s="2"/>
      <c r="C38192" s="2"/>
    </row>
    <row r="38193" spans="1:3" ht="19.2">
      <c r="A38193" s="2"/>
      <c r="B38193" s="2"/>
      <c r="C38193" s="2"/>
    </row>
    <row r="38194" spans="1:3" ht="19.2">
      <c r="A38194" s="2"/>
      <c r="B38194" s="2"/>
      <c r="C38194" s="2"/>
    </row>
    <row r="38195" spans="1:3" ht="19.2">
      <c r="A38195" s="2"/>
      <c r="B38195" s="2"/>
      <c r="C38195" s="2"/>
    </row>
    <row r="38196" spans="1:3" ht="19.2">
      <c r="A38196" s="2"/>
      <c r="B38196" s="2"/>
      <c r="C38196" s="2"/>
    </row>
    <row r="38197" spans="1:3" ht="19.2">
      <c r="A38197" s="2"/>
      <c r="B38197" s="2"/>
      <c r="C38197" s="2"/>
    </row>
    <row r="38198" spans="1:3" ht="19.2">
      <c r="A38198" s="2"/>
      <c r="B38198" s="2"/>
      <c r="C38198" s="2"/>
    </row>
    <row r="38199" spans="1:3" ht="19.2">
      <c r="A38199" s="2"/>
      <c r="B38199" s="2"/>
      <c r="C38199" s="2"/>
    </row>
    <row r="38200" spans="1:3" ht="19.2">
      <c r="A38200" s="2"/>
      <c r="B38200" s="2"/>
      <c r="C38200" s="2"/>
    </row>
    <row r="38201" spans="1:3" ht="19.2">
      <c r="A38201" s="2"/>
      <c r="B38201" s="2"/>
      <c r="C38201" s="2"/>
    </row>
    <row r="38202" spans="1:3" ht="19.2">
      <c r="A38202" s="2"/>
      <c r="B38202" s="2"/>
      <c r="C38202" s="2"/>
    </row>
    <row r="38203" spans="1:3" ht="19.2">
      <c r="A38203" s="2"/>
      <c r="B38203" s="2"/>
      <c r="C38203" s="2"/>
    </row>
    <row r="38204" spans="1:3" ht="19.2">
      <c r="A38204" s="2"/>
      <c r="B38204" s="2"/>
      <c r="C38204" s="2"/>
    </row>
    <row r="38205" spans="1:3" ht="19.2">
      <c r="A38205" s="2"/>
      <c r="B38205" s="2"/>
      <c r="C38205" s="2"/>
    </row>
    <row r="38206" spans="1:3" ht="19.2">
      <c r="A38206" s="2"/>
      <c r="B38206" s="2"/>
      <c r="C38206" s="2"/>
    </row>
    <row r="38207" spans="1:3" ht="19.2">
      <c r="A38207" s="2"/>
      <c r="B38207" s="2"/>
      <c r="C38207" s="2"/>
    </row>
    <row r="38208" spans="1:3" ht="19.2">
      <c r="A38208" s="2"/>
      <c r="B38208" s="2"/>
      <c r="C38208" s="2"/>
    </row>
    <row r="38209" spans="1:3" ht="19.2">
      <c r="A38209" s="2"/>
      <c r="B38209" s="2"/>
      <c r="C38209" s="2"/>
    </row>
    <row r="38210" spans="1:3" ht="19.2">
      <c r="A38210" s="2"/>
      <c r="B38210" s="2"/>
      <c r="C38210" s="2"/>
    </row>
    <row r="38211" spans="1:3" ht="19.2">
      <c r="A38211" s="2"/>
      <c r="B38211" s="2"/>
      <c r="C38211" s="2"/>
    </row>
    <row r="38212" spans="1:3" ht="19.2">
      <c r="A38212" s="2"/>
      <c r="B38212" s="2"/>
      <c r="C38212" s="2"/>
    </row>
    <row r="38213" spans="1:3" ht="19.2">
      <c r="A38213" s="2"/>
      <c r="B38213" s="2"/>
      <c r="C38213" s="2"/>
    </row>
    <row r="38214" spans="1:3" ht="19.2">
      <c r="A38214" s="2"/>
      <c r="B38214" s="2"/>
      <c r="C38214" s="2"/>
    </row>
    <row r="38215" spans="1:3" ht="19.2">
      <c r="A38215" s="2"/>
      <c r="B38215" s="2"/>
      <c r="C38215" s="2"/>
    </row>
    <row r="38216" spans="1:3" ht="19.2">
      <c r="A38216" s="2"/>
      <c r="B38216" s="2"/>
      <c r="C38216" s="2"/>
    </row>
    <row r="38217" spans="1:3" ht="19.2">
      <c r="A38217" s="2"/>
      <c r="B38217" s="2"/>
      <c r="C38217" s="2"/>
    </row>
    <row r="38218" spans="1:3" ht="19.2">
      <c r="A38218" s="2"/>
      <c r="B38218" s="2"/>
      <c r="C38218" s="2"/>
    </row>
    <row r="38219" spans="1:3" ht="19.2">
      <c r="A38219" s="2"/>
      <c r="B38219" s="2"/>
      <c r="C38219" s="2"/>
    </row>
    <row r="38220" spans="1:3" ht="19.2">
      <c r="A38220" s="2"/>
      <c r="B38220" s="2"/>
      <c r="C38220" s="2"/>
    </row>
    <row r="38221" spans="1:3" ht="19.2">
      <c r="A38221" s="2"/>
      <c r="B38221" s="2"/>
      <c r="C38221" s="2"/>
    </row>
    <row r="38222" spans="1:3" ht="19.2">
      <c r="A38222" s="2"/>
      <c r="B38222" s="2"/>
      <c r="C38222" s="2"/>
    </row>
    <row r="38223" spans="1:3" ht="19.2">
      <c r="A38223" s="2"/>
      <c r="B38223" s="2"/>
      <c r="C38223" s="2"/>
    </row>
    <row r="38224" spans="1:3" ht="19.2">
      <c r="A38224" s="2"/>
      <c r="B38224" s="2"/>
      <c r="C38224" s="2"/>
    </row>
    <row r="38225" spans="1:3" ht="19.2">
      <c r="A38225" s="2"/>
      <c r="B38225" s="2"/>
      <c r="C38225" s="2"/>
    </row>
    <row r="38226" spans="1:3" ht="19.2">
      <c r="A38226" s="2"/>
      <c r="B38226" s="2"/>
      <c r="C38226" s="2"/>
    </row>
    <row r="38227" spans="1:3" ht="19.2">
      <c r="A38227" s="2"/>
      <c r="B38227" s="2"/>
      <c r="C38227" s="2"/>
    </row>
    <row r="38228" spans="1:3" ht="19.2">
      <c r="A38228" s="2"/>
      <c r="B38228" s="2"/>
      <c r="C38228" s="2"/>
    </row>
    <row r="38229" spans="1:3" ht="19.2">
      <c r="A38229" s="2"/>
      <c r="B38229" s="2"/>
      <c r="C38229" s="2"/>
    </row>
    <row r="38230" spans="1:3" ht="19.2">
      <c r="A38230" s="2"/>
      <c r="B38230" s="2"/>
      <c r="C38230" s="2"/>
    </row>
    <row r="38231" spans="1:3" ht="19.2">
      <c r="A38231" s="2"/>
      <c r="B38231" s="2"/>
      <c r="C38231" s="2"/>
    </row>
    <row r="38232" spans="1:3" ht="19.2">
      <c r="A38232" s="2"/>
      <c r="B38232" s="2"/>
      <c r="C38232" s="2"/>
    </row>
    <row r="38233" spans="1:3" ht="19.2">
      <c r="A38233" s="2"/>
      <c r="B38233" s="2"/>
      <c r="C38233" s="2"/>
    </row>
    <row r="38234" spans="1:3" ht="19.2">
      <c r="A38234" s="2"/>
      <c r="B38234" s="2"/>
      <c r="C38234" s="2"/>
    </row>
    <row r="38235" spans="1:3" ht="19.2">
      <c r="A38235" s="2"/>
      <c r="B38235" s="2"/>
      <c r="C38235" s="2"/>
    </row>
    <row r="38236" spans="1:3" ht="19.2">
      <c r="A38236" s="2"/>
      <c r="B38236" s="2"/>
      <c r="C38236" s="2"/>
    </row>
    <row r="38237" spans="1:3" ht="19.2">
      <c r="A38237" s="2"/>
      <c r="B38237" s="2"/>
      <c r="C38237" s="2"/>
    </row>
    <row r="38238" spans="1:3" ht="19.2">
      <c r="A38238" s="2"/>
      <c r="B38238" s="2"/>
      <c r="C38238" s="2"/>
    </row>
    <row r="38239" spans="1:3" ht="19.2">
      <c r="A38239" s="2"/>
      <c r="B38239" s="2"/>
      <c r="C38239" s="2"/>
    </row>
    <row r="38240" spans="1:3" ht="19.2">
      <c r="A38240" s="2"/>
      <c r="B38240" s="2"/>
      <c r="C38240" s="2"/>
    </row>
    <row r="38241" spans="1:3" ht="19.2">
      <c r="A38241" s="2"/>
      <c r="B38241" s="2"/>
      <c r="C38241" s="2"/>
    </row>
    <row r="38242" spans="1:3" ht="19.2">
      <c r="A38242" s="2"/>
      <c r="B38242" s="2"/>
      <c r="C38242" s="2"/>
    </row>
    <row r="38243" spans="1:3" ht="19.2">
      <c r="A38243" s="2"/>
      <c r="B38243" s="2"/>
      <c r="C38243" s="2"/>
    </row>
    <row r="38244" spans="1:3" ht="19.2">
      <c r="A38244" s="2"/>
      <c r="B38244" s="2"/>
      <c r="C38244" s="2"/>
    </row>
    <row r="38245" spans="1:3" ht="19.2">
      <c r="A38245" s="2"/>
      <c r="B38245" s="2"/>
      <c r="C38245" s="2"/>
    </row>
    <row r="38246" spans="1:3" ht="19.2">
      <c r="A38246" s="2"/>
      <c r="B38246" s="2"/>
      <c r="C38246" s="2"/>
    </row>
    <row r="38247" spans="1:3" ht="19.2">
      <c r="A38247" s="2"/>
      <c r="B38247" s="2"/>
      <c r="C38247" s="2"/>
    </row>
    <row r="38248" spans="1:3" ht="19.2">
      <c r="A38248" s="2"/>
      <c r="B38248" s="2"/>
      <c r="C38248" s="2"/>
    </row>
    <row r="38249" spans="1:3" ht="19.2">
      <c r="A38249" s="2"/>
      <c r="B38249" s="2"/>
      <c r="C38249" s="2"/>
    </row>
    <row r="38250" spans="1:3" ht="19.2">
      <c r="A38250" s="2"/>
      <c r="B38250" s="2"/>
      <c r="C38250" s="2"/>
    </row>
    <row r="38251" spans="1:3" ht="19.2">
      <c r="A38251" s="2"/>
      <c r="B38251" s="2"/>
      <c r="C38251" s="2"/>
    </row>
    <row r="38252" spans="1:3" ht="19.2">
      <c r="A38252" s="2"/>
      <c r="B38252" s="2"/>
      <c r="C38252" s="2"/>
    </row>
    <row r="38253" spans="1:3" ht="19.2">
      <c r="A38253" s="2"/>
      <c r="B38253" s="2"/>
      <c r="C38253" s="2"/>
    </row>
    <row r="38254" spans="1:3" ht="19.2">
      <c r="A38254" s="2"/>
      <c r="B38254" s="2"/>
      <c r="C38254" s="2"/>
    </row>
    <row r="38255" spans="1:3" ht="19.2">
      <c r="A38255" s="2"/>
      <c r="B38255" s="2"/>
      <c r="C38255" s="2"/>
    </row>
    <row r="38256" spans="1:3" ht="19.2">
      <c r="A38256" s="2"/>
      <c r="B38256" s="2"/>
      <c r="C38256" s="2"/>
    </row>
    <row r="38257" spans="1:3" ht="19.2">
      <c r="A38257" s="2"/>
      <c r="B38257" s="2"/>
      <c r="C38257" s="2"/>
    </row>
    <row r="38258" spans="1:3" ht="19.2">
      <c r="A38258" s="2"/>
      <c r="B38258" s="2"/>
      <c r="C38258" s="2"/>
    </row>
    <row r="38259" spans="1:3" ht="19.2">
      <c r="A38259" s="2"/>
      <c r="B38259" s="2"/>
      <c r="C38259" s="2"/>
    </row>
    <row r="38260" spans="1:3" ht="19.2">
      <c r="A38260" s="2"/>
      <c r="B38260" s="2"/>
      <c r="C38260" s="2"/>
    </row>
    <row r="38261" spans="1:3" ht="19.2">
      <c r="A38261" s="2"/>
      <c r="B38261" s="2"/>
      <c r="C38261" s="2"/>
    </row>
    <row r="38262" spans="1:3" ht="19.2">
      <c r="A38262" s="2"/>
      <c r="B38262" s="2"/>
      <c r="C38262" s="2"/>
    </row>
    <row r="38263" spans="1:3" ht="19.2">
      <c r="A38263" s="2"/>
      <c r="B38263" s="2"/>
      <c r="C38263" s="2"/>
    </row>
    <row r="38264" spans="1:3" ht="19.2">
      <c r="A38264" s="2"/>
      <c r="B38264" s="2"/>
      <c r="C38264" s="2"/>
    </row>
    <row r="38265" spans="1:3" ht="19.2">
      <c r="A38265" s="2"/>
      <c r="B38265" s="2"/>
      <c r="C38265" s="2"/>
    </row>
    <row r="38266" spans="1:3" ht="19.2">
      <c r="A38266" s="2"/>
      <c r="B38266" s="2"/>
      <c r="C38266" s="2"/>
    </row>
    <row r="38267" spans="1:3" ht="19.2">
      <c r="A38267" s="2"/>
      <c r="B38267" s="2"/>
      <c r="C38267" s="2"/>
    </row>
    <row r="38268" spans="1:3" ht="19.2">
      <c r="A38268" s="2"/>
      <c r="B38268" s="2"/>
      <c r="C38268" s="2"/>
    </row>
    <row r="38269" spans="1:3" ht="19.2">
      <c r="A38269" s="2"/>
      <c r="B38269" s="2"/>
      <c r="C38269" s="2"/>
    </row>
    <row r="38270" spans="1:3" ht="19.2">
      <c r="A38270" s="2"/>
      <c r="B38270" s="2"/>
      <c r="C38270" s="2"/>
    </row>
    <row r="38271" spans="1:3" ht="19.2">
      <c r="A38271" s="2"/>
      <c r="B38271" s="2"/>
      <c r="C38271" s="2"/>
    </row>
    <row r="38272" spans="1:3" ht="19.2">
      <c r="A38272" s="2"/>
      <c r="B38272" s="2"/>
      <c r="C38272" s="2"/>
    </row>
    <row r="38273" spans="1:3" ht="19.2">
      <c r="A38273" s="2"/>
      <c r="B38273" s="2"/>
      <c r="C38273" s="2"/>
    </row>
    <row r="38274" spans="1:3" ht="19.2">
      <c r="A38274" s="2"/>
      <c r="B38274" s="2"/>
      <c r="C38274" s="2"/>
    </row>
    <row r="38275" spans="1:3" ht="19.2">
      <c r="A38275" s="2"/>
      <c r="B38275" s="2"/>
      <c r="C38275" s="2"/>
    </row>
    <row r="38276" spans="1:3" ht="19.2">
      <c r="A38276" s="2"/>
      <c r="B38276" s="2"/>
      <c r="C38276" s="2"/>
    </row>
    <row r="38277" spans="1:3" ht="19.2">
      <c r="A38277" s="2"/>
      <c r="B38277" s="2"/>
      <c r="C38277" s="2"/>
    </row>
    <row r="38278" spans="1:3" ht="19.2">
      <c r="A38278" s="2"/>
      <c r="B38278" s="2"/>
      <c r="C38278" s="2"/>
    </row>
    <row r="38279" spans="1:3" ht="19.2">
      <c r="A38279" s="2"/>
      <c r="B38279" s="2"/>
      <c r="C38279" s="2"/>
    </row>
    <row r="38280" spans="1:3" ht="19.2">
      <c r="A38280" s="2"/>
      <c r="B38280" s="2"/>
      <c r="C38280" s="2"/>
    </row>
    <row r="38281" spans="1:3" ht="19.2">
      <c r="A38281" s="2"/>
      <c r="B38281" s="2"/>
      <c r="C38281" s="2"/>
    </row>
    <row r="38282" spans="1:3" ht="19.2">
      <c r="A38282" s="2"/>
      <c r="B38282" s="2"/>
      <c r="C38282" s="2"/>
    </row>
    <row r="38283" spans="1:3" ht="19.2">
      <c r="A38283" s="2"/>
      <c r="B38283" s="2"/>
      <c r="C38283" s="2"/>
    </row>
    <row r="38284" spans="1:3" ht="19.2">
      <c r="A38284" s="2"/>
      <c r="B38284" s="2"/>
      <c r="C38284" s="2"/>
    </row>
    <row r="38285" spans="1:3" ht="19.2">
      <c r="A38285" s="2"/>
      <c r="B38285" s="2"/>
      <c r="C38285" s="2"/>
    </row>
    <row r="38286" spans="1:3" ht="19.2">
      <c r="A38286" s="2"/>
      <c r="B38286" s="2"/>
      <c r="C38286" s="2"/>
    </row>
    <row r="38287" spans="1:3" ht="19.2">
      <c r="A38287" s="2"/>
      <c r="B38287" s="2"/>
      <c r="C38287" s="2"/>
    </row>
    <row r="38288" spans="1:3" ht="19.2">
      <c r="A38288" s="2"/>
      <c r="B38288" s="2"/>
      <c r="C38288" s="2"/>
    </row>
    <row r="38289" spans="1:3" ht="19.2">
      <c r="A38289" s="2"/>
      <c r="B38289" s="2"/>
      <c r="C38289" s="2"/>
    </row>
    <row r="38290" spans="1:3" ht="19.2">
      <c r="A38290" s="2"/>
      <c r="B38290" s="2"/>
      <c r="C38290" s="2"/>
    </row>
    <row r="38291" spans="1:3" ht="19.2">
      <c r="A38291" s="2"/>
      <c r="B38291" s="2"/>
      <c r="C38291" s="2"/>
    </row>
    <row r="38292" spans="1:3" ht="19.2">
      <c r="A38292" s="2"/>
      <c r="B38292" s="2"/>
      <c r="C38292" s="2"/>
    </row>
    <row r="38293" spans="1:3" ht="19.2">
      <c r="A38293" s="2"/>
      <c r="B38293" s="2"/>
      <c r="C38293" s="2"/>
    </row>
    <row r="38294" spans="1:3" ht="19.2">
      <c r="A38294" s="2"/>
      <c r="B38294" s="2"/>
      <c r="C38294" s="2"/>
    </row>
    <row r="38295" spans="1:3" ht="19.2">
      <c r="A38295" s="2"/>
      <c r="B38295" s="2"/>
      <c r="C38295" s="2"/>
    </row>
    <row r="38296" spans="1:3" ht="19.2">
      <c r="A38296" s="2"/>
      <c r="B38296" s="2"/>
      <c r="C38296" s="2"/>
    </row>
    <row r="38297" spans="1:3" ht="19.2">
      <c r="A38297" s="2"/>
      <c r="B38297" s="2"/>
      <c r="C38297" s="2"/>
    </row>
    <row r="38298" spans="1:3" ht="19.2">
      <c r="A38298" s="2"/>
      <c r="B38298" s="2"/>
      <c r="C38298" s="2"/>
    </row>
    <row r="38299" spans="1:3" ht="19.2">
      <c r="A38299" s="2"/>
      <c r="B38299" s="2"/>
      <c r="C38299" s="2"/>
    </row>
    <row r="38300" spans="1:3" ht="19.2">
      <c r="A38300" s="2"/>
      <c r="B38300" s="2"/>
      <c r="C38300" s="2"/>
    </row>
    <row r="38301" spans="1:3" ht="19.2">
      <c r="A38301" s="2"/>
      <c r="B38301" s="2"/>
      <c r="C38301" s="2"/>
    </row>
    <row r="38302" spans="1:3" ht="19.2">
      <c r="A38302" s="2"/>
      <c r="B38302" s="2"/>
      <c r="C38302" s="2"/>
    </row>
    <row r="38303" spans="1:3" ht="19.2">
      <c r="A38303" s="2"/>
      <c r="B38303" s="2"/>
      <c r="C38303" s="2"/>
    </row>
    <row r="38304" spans="1:3" ht="19.2">
      <c r="A38304" s="2"/>
      <c r="B38304" s="2"/>
      <c r="C38304" s="2"/>
    </row>
    <row r="38305" spans="1:3" ht="19.2">
      <c r="A38305" s="2"/>
      <c r="B38305" s="2"/>
      <c r="C38305" s="2"/>
    </row>
    <row r="38306" spans="1:3" ht="19.2">
      <c r="A38306" s="2"/>
      <c r="B38306" s="2"/>
      <c r="C38306" s="2"/>
    </row>
    <row r="38307" spans="1:3" ht="19.2">
      <c r="A38307" s="2"/>
      <c r="B38307" s="2"/>
      <c r="C38307" s="2"/>
    </row>
    <row r="38308" spans="1:3" ht="19.2">
      <c r="A38308" s="2"/>
      <c r="B38308" s="2"/>
      <c r="C38308" s="2"/>
    </row>
    <row r="38309" spans="1:3" ht="19.2">
      <c r="A38309" s="2"/>
      <c r="B38309" s="2"/>
      <c r="C38309" s="2"/>
    </row>
    <row r="38310" spans="1:3" ht="19.2">
      <c r="A38310" s="2"/>
      <c r="B38310" s="2"/>
      <c r="C38310" s="2"/>
    </row>
    <row r="38311" spans="1:3" ht="19.2">
      <c r="A38311" s="2"/>
      <c r="B38311" s="2"/>
      <c r="C38311" s="2"/>
    </row>
    <row r="38312" spans="1:3" ht="19.2">
      <c r="A38312" s="2"/>
      <c r="B38312" s="2"/>
      <c r="C38312" s="2"/>
    </row>
    <row r="38313" spans="1:3" ht="19.2">
      <c r="A38313" s="2"/>
      <c r="B38313" s="2"/>
      <c r="C38313" s="2"/>
    </row>
    <row r="38314" spans="1:3" ht="19.2">
      <c r="A38314" s="2"/>
      <c r="B38314" s="2"/>
      <c r="C38314" s="2"/>
    </row>
    <row r="38315" spans="1:3" ht="19.2">
      <c r="A38315" s="2"/>
      <c r="B38315" s="2"/>
      <c r="C38315" s="2"/>
    </row>
    <row r="38316" spans="1:3" ht="19.2">
      <c r="A38316" s="2"/>
      <c r="B38316" s="2"/>
      <c r="C38316" s="2"/>
    </row>
    <row r="38317" spans="1:3" ht="19.2">
      <c r="A38317" s="2"/>
      <c r="B38317" s="2"/>
      <c r="C38317" s="2"/>
    </row>
    <row r="38318" spans="1:3" ht="19.2">
      <c r="A38318" s="2"/>
      <c r="B38318" s="2"/>
      <c r="C38318" s="2"/>
    </row>
    <row r="38319" spans="1:3" ht="19.2">
      <c r="A38319" s="2"/>
      <c r="B38319" s="2"/>
      <c r="C38319" s="2"/>
    </row>
    <row r="38320" spans="1:3" ht="19.2">
      <c r="A38320" s="2"/>
      <c r="B38320" s="2"/>
      <c r="C38320" s="2"/>
    </row>
    <row r="38321" spans="1:3" ht="19.2">
      <c r="A38321" s="2"/>
      <c r="B38321" s="2"/>
      <c r="C38321" s="2"/>
    </row>
    <row r="38322" spans="1:3" ht="19.2">
      <c r="A38322" s="2"/>
      <c r="B38322" s="2"/>
      <c r="C38322" s="2"/>
    </row>
    <row r="38323" spans="1:3" ht="19.2">
      <c r="A38323" s="2"/>
      <c r="B38323" s="2"/>
      <c r="C38323" s="2"/>
    </row>
    <row r="38324" spans="1:3" ht="19.2">
      <c r="A38324" s="2"/>
      <c r="B38324" s="2"/>
      <c r="C38324" s="2"/>
    </row>
    <row r="38325" spans="1:3" ht="19.2">
      <c r="A38325" s="2"/>
      <c r="B38325" s="2"/>
      <c r="C38325" s="2"/>
    </row>
    <row r="38326" spans="1:3" ht="19.2">
      <c r="A38326" s="2"/>
      <c r="B38326" s="2"/>
      <c r="C38326" s="2"/>
    </row>
    <row r="38327" spans="1:3" ht="19.2">
      <c r="A38327" s="2"/>
      <c r="B38327" s="2"/>
      <c r="C38327" s="2"/>
    </row>
    <row r="38328" spans="1:3" ht="19.2">
      <c r="A38328" s="2"/>
      <c r="B38328" s="2"/>
      <c r="C38328" s="2"/>
    </row>
    <row r="38329" spans="1:3" ht="19.2">
      <c r="A38329" s="2"/>
      <c r="B38329" s="2"/>
      <c r="C38329" s="2"/>
    </row>
    <row r="38330" spans="1:3" ht="19.2">
      <c r="A38330" s="2"/>
      <c r="B38330" s="2"/>
      <c r="C38330" s="2"/>
    </row>
    <row r="38331" spans="1:3" ht="19.2">
      <c r="A38331" s="2"/>
      <c r="B38331" s="2"/>
      <c r="C38331" s="2"/>
    </row>
    <row r="38332" spans="1:3" ht="19.2">
      <c r="A38332" s="2"/>
      <c r="B38332" s="2"/>
      <c r="C38332" s="2"/>
    </row>
    <row r="38333" spans="1:3" ht="19.2">
      <c r="A38333" s="2"/>
      <c r="B38333" s="2"/>
      <c r="C38333" s="2"/>
    </row>
    <row r="38334" spans="1:3" ht="19.2">
      <c r="A38334" s="2"/>
      <c r="B38334" s="2"/>
      <c r="C38334" s="2"/>
    </row>
    <row r="38335" spans="1:3" ht="19.2">
      <c r="A38335" s="2"/>
      <c r="B38335" s="2"/>
      <c r="C38335" s="2"/>
    </row>
    <row r="38336" spans="1:3" ht="19.2">
      <c r="A38336" s="2"/>
      <c r="B38336" s="2"/>
      <c r="C38336" s="2"/>
    </row>
    <row r="38337" spans="1:3" ht="19.2">
      <c r="A38337" s="2"/>
      <c r="B38337" s="2"/>
      <c r="C38337" s="2"/>
    </row>
    <row r="38338" spans="1:3" ht="19.2">
      <c r="A38338" s="2"/>
      <c r="B38338" s="2"/>
      <c r="C38338" s="2"/>
    </row>
    <row r="38339" spans="1:3" ht="19.2">
      <c r="A38339" s="2"/>
      <c r="B38339" s="2"/>
      <c r="C38339" s="2"/>
    </row>
    <row r="38340" spans="1:3" ht="19.2">
      <c r="A38340" s="2"/>
      <c r="B38340" s="2"/>
      <c r="C38340" s="2"/>
    </row>
    <row r="38341" spans="1:3" ht="19.2">
      <c r="A38341" s="2"/>
      <c r="B38341" s="2"/>
      <c r="C38341" s="2"/>
    </row>
    <row r="38342" spans="1:3" ht="19.2">
      <c r="A38342" s="2"/>
      <c r="B38342" s="2"/>
      <c r="C38342" s="2"/>
    </row>
    <row r="38343" spans="1:3" ht="19.2">
      <c r="A38343" s="2"/>
      <c r="B38343" s="2"/>
      <c r="C38343" s="2"/>
    </row>
    <row r="38344" spans="1:3" ht="19.2">
      <c r="A38344" s="2"/>
      <c r="B38344" s="2"/>
      <c r="C38344" s="2"/>
    </row>
    <row r="38345" spans="1:3" ht="19.2">
      <c r="A38345" s="2"/>
      <c r="B38345" s="2"/>
      <c r="C38345" s="2"/>
    </row>
    <row r="38346" spans="1:3" ht="19.2">
      <c r="A38346" s="2"/>
      <c r="B38346" s="2"/>
      <c r="C38346" s="2"/>
    </row>
    <row r="38347" spans="1:3" ht="19.2">
      <c r="A38347" s="2"/>
      <c r="B38347" s="2"/>
      <c r="C38347" s="2"/>
    </row>
    <row r="38348" spans="1:3" ht="19.2">
      <c r="A38348" s="2"/>
      <c r="B38348" s="2"/>
      <c r="C38348" s="2"/>
    </row>
    <row r="38349" spans="1:3" ht="19.2">
      <c r="A38349" s="2"/>
      <c r="B38349" s="2"/>
      <c r="C38349" s="2"/>
    </row>
    <row r="38350" spans="1:3" ht="19.2">
      <c r="A38350" s="2"/>
      <c r="B38350" s="2"/>
      <c r="C38350" s="2"/>
    </row>
    <row r="38351" spans="1:3" ht="19.2">
      <c r="A38351" s="2"/>
      <c r="B38351" s="2"/>
      <c r="C38351" s="2"/>
    </row>
    <row r="38352" spans="1:3" ht="19.2">
      <c r="A38352" s="2"/>
      <c r="B38352" s="2"/>
      <c r="C38352" s="2"/>
    </row>
    <row r="38353" spans="1:3" ht="19.2">
      <c r="A38353" s="2"/>
      <c r="B38353" s="2"/>
      <c r="C38353" s="2"/>
    </row>
    <row r="38354" spans="1:3" ht="19.2">
      <c r="A38354" s="2"/>
      <c r="B38354" s="2"/>
      <c r="C38354" s="2"/>
    </row>
    <row r="38355" spans="1:3" ht="19.2">
      <c r="A38355" s="2"/>
      <c r="B38355" s="2"/>
      <c r="C38355" s="2"/>
    </row>
    <row r="38356" spans="1:3" ht="19.2">
      <c r="A38356" s="2"/>
      <c r="B38356" s="2"/>
      <c r="C38356" s="2"/>
    </row>
    <row r="38357" spans="1:3" ht="19.2">
      <c r="A38357" s="2"/>
      <c r="B38357" s="2"/>
      <c r="C38357" s="2"/>
    </row>
    <row r="38358" spans="1:3" ht="19.2">
      <c r="A38358" s="2"/>
      <c r="B38358" s="2"/>
      <c r="C38358" s="2"/>
    </row>
    <row r="38359" spans="1:3" ht="19.2">
      <c r="A38359" s="2"/>
      <c r="B38359" s="2"/>
      <c r="C38359" s="2"/>
    </row>
    <row r="38360" spans="1:3" ht="19.2">
      <c r="A38360" s="2"/>
      <c r="B38360" s="2"/>
      <c r="C38360" s="2"/>
    </row>
    <row r="38361" spans="1:3" ht="19.2">
      <c r="A38361" s="2"/>
      <c r="B38361" s="2"/>
      <c r="C38361" s="2"/>
    </row>
    <row r="38362" spans="1:3" ht="19.2">
      <c r="A38362" s="2"/>
      <c r="B38362" s="2"/>
      <c r="C38362" s="2"/>
    </row>
    <row r="38363" spans="1:3" ht="19.2">
      <c r="A38363" s="2"/>
      <c r="B38363" s="2"/>
      <c r="C38363" s="2"/>
    </row>
    <row r="38364" spans="1:3" ht="19.2">
      <c r="A38364" s="2"/>
      <c r="B38364" s="2"/>
      <c r="C38364" s="2"/>
    </row>
    <row r="38365" spans="1:3" ht="19.2">
      <c r="A38365" s="2"/>
      <c r="B38365" s="2"/>
      <c r="C38365" s="2"/>
    </row>
    <row r="38366" spans="1:3" ht="19.2">
      <c r="A38366" s="2"/>
      <c r="B38366" s="2"/>
      <c r="C38366" s="2"/>
    </row>
    <row r="38367" spans="1:3" ht="19.2">
      <c r="A38367" s="2"/>
      <c r="B38367" s="2"/>
      <c r="C38367" s="2"/>
    </row>
    <row r="38368" spans="1:3" ht="19.2">
      <c r="A38368" s="2"/>
      <c r="B38368" s="2"/>
      <c r="C38368" s="2"/>
    </row>
    <row r="38369" spans="1:3" ht="19.2">
      <c r="A38369" s="2"/>
      <c r="B38369" s="2"/>
      <c r="C38369" s="2"/>
    </row>
    <row r="38370" spans="1:3" ht="19.2">
      <c r="A38370" s="2"/>
      <c r="B38370" s="2"/>
      <c r="C38370" s="2"/>
    </row>
    <row r="38371" spans="1:3" ht="19.2">
      <c r="A38371" s="2"/>
      <c r="B38371" s="2"/>
      <c r="C38371" s="2"/>
    </row>
    <row r="38372" spans="1:3" ht="19.2">
      <c r="A38372" s="2"/>
      <c r="B38372" s="2"/>
      <c r="C38372" s="2"/>
    </row>
    <row r="38373" spans="1:3" ht="19.2">
      <c r="A38373" s="2"/>
      <c r="B38373" s="2"/>
      <c r="C38373" s="2"/>
    </row>
    <row r="38374" spans="1:3" ht="19.2">
      <c r="A38374" s="2"/>
      <c r="B38374" s="2"/>
      <c r="C38374" s="2"/>
    </row>
    <row r="38375" spans="1:3" ht="19.2">
      <c r="A38375" s="2"/>
      <c r="B38375" s="2"/>
      <c r="C38375" s="2"/>
    </row>
    <row r="38376" spans="1:3" ht="19.2">
      <c r="A38376" s="2"/>
      <c r="B38376" s="2"/>
      <c r="C38376" s="2"/>
    </row>
    <row r="38377" spans="1:3" ht="19.2">
      <c r="A38377" s="2"/>
      <c r="B38377" s="2"/>
      <c r="C38377" s="2"/>
    </row>
    <row r="38378" spans="1:3" ht="19.2">
      <c r="A38378" s="2"/>
      <c r="B38378" s="2"/>
      <c r="C38378" s="2"/>
    </row>
    <row r="38379" spans="1:3" ht="19.2">
      <c r="A38379" s="2"/>
      <c r="B38379" s="2"/>
      <c r="C38379" s="2"/>
    </row>
    <row r="38380" spans="1:3" ht="19.2">
      <c r="A38380" s="2"/>
      <c r="B38380" s="2"/>
      <c r="C38380" s="2"/>
    </row>
    <row r="38381" spans="1:3" ht="19.2">
      <c r="A38381" s="2"/>
      <c r="B38381" s="2"/>
      <c r="C38381" s="2"/>
    </row>
    <row r="38382" spans="1:3" ht="19.2">
      <c r="A38382" s="2"/>
      <c r="B38382" s="2"/>
      <c r="C38382" s="2"/>
    </row>
    <row r="38383" spans="1:3" ht="19.2">
      <c r="A38383" s="2"/>
      <c r="B38383" s="2"/>
      <c r="C38383" s="2"/>
    </row>
    <row r="38384" spans="1:3" ht="19.2">
      <c r="A38384" s="2"/>
      <c r="B38384" s="2"/>
      <c r="C38384" s="2"/>
    </row>
    <row r="38385" spans="1:3" ht="19.2">
      <c r="A38385" s="2"/>
      <c r="B38385" s="2"/>
      <c r="C38385" s="2"/>
    </row>
    <row r="38386" spans="1:3" ht="19.2">
      <c r="A38386" s="2"/>
      <c r="B38386" s="2"/>
      <c r="C38386" s="2"/>
    </row>
    <row r="38387" spans="1:3" ht="19.2">
      <c r="A38387" s="2"/>
      <c r="B38387" s="2"/>
      <c r="C38387" s="2"/>
    </row>
    <row r="38388" spans="1:3" ht="19.2">
      <c r="A38388" s="2"/>
      <c r="B38388" s="2"/>
      <c r="C38388" s="2"/>
    </row>
    <row r="38389" spans="1:3" ht="19.2">
      <c r="A38389" s="2"/>
      <c r="B38389" s="2"/>
      <c r="C38389" s="2"/>
    </row>
    <row r="38390" spans="1:3" ht="19.2">
      <c r="A38390" s="2"/>
      <c r="B38390" s="2"/>
      <c r="C38390" s="2"/>
    </row>
    <row r="38391" spans="1:3" ht="19.2">
      <c r="A38391" s="2"/>
      <c r="B38391" s="2"/>
      <c r="C38391" s="2"/>
    </row>
    <row r="38392" spans="1:3" ht="19.2">
      <c r="A38392" s="2"/>
      <c r="B38392" s="2"/>
      <c r="C38392" s="2"/>
    </row>
    <row r="38393" spans="1:3" ht="19.2">
      <c r="A38393" s="2"/>
      <c r="B38393" s="2"/>
      <c r="C38393" s="2"/>
    </row>
    <row r="38394" spans="1:3" ht="19.2">
      <c r="A38394" s="2"/>
      <c r="B38394" s="2"/>
      <c r="C38394" s="2"/>
    </row>
    <row r="38395" spans="1:3" ht="19.2">
      <c r="A38395" s="2"/>
      <c r="B38395" s="2"/>
      <c r="C38395" s="2"/>
    </row>
    <row r="38396" spans="1:3" ht="19.2">
      <c r="A38396" s="2"/>
      <c r="B38396" s="2"/>
      <c r="C38396" s="2"/>
    </row>
    <row r="38397" spans="1:3" ht="19.2">
      <c r="A38397" s="2"/>
      <c r="B38397" s="2"/>
      <c r="C38397" s="2"/>
    </row>
    <row r="38398" spans="1:3" ht="19.2">
      <c r="A38398" s="2"/>
      <c r="B38398" s="2"/>
      <c r="C38398" s="2"/>
    </row>
    <row r="38399" spans="1:3" ht="19.2">
      <c r="A38399" s="2"/>
      <c r="B38399" s="2"/>
      <c r="C38399" s="2"/>
    </row>
    <row r="38400" spans="1:3" ht="19.2">
      <c r="A38400" s="2"/>
      <c r="B38400" s="2"/>
      <c r="C38400" s="2"/>
    </row>
    <row r="38401" spans="1:3" ht="19.2">
      <c r="A38401" s="2"/>
      <c r="B38401" s="2"/>
      <c r="C38401" s="2"/>
    </row>
    <row r="38402" spans="1:3" ht="19.2">
      <c r="A38402" s="2"/>
      <c r="B38402" s="2"/>
      <c r="C38402" s="2"/>
    </row>
    <row r="38403" spans="1:3" ht="19.2">
      <c r="A38403" s="2"/>
      <c r="B38403" s="2"/>
      <c r="C38403" s="2"/>
    </row>
    <row r="38404" spans="1:3" ht="19.2">
      <c r="A38404" s="2"/>
      <c r="B38404" s="2"/>
      <c r="C38404" s="2"/>
    </row>
    <row r="38405" spans="1:3" ht="19.2">
      <c r="A38405" s="2"/>
      <c r="B38405" s="2"/>
      <c r="C38405" s="2"/>
    </row>
    <row r="38406" spans="1:3" ht="19.2">
      <c r="A38406" s="2"/>
      <c r="B38406" s="2"/>
      <c r="C38406" s="2"/>
    </row>
    <row r="38407" spans="1:3" ht="19.2">
      <c r="A38407" s="2"/>
      <c r="B38407" s="2"/>
      <c r="C38407" s="2"/>
    </row>
    <row r="38408" spans="1:3" ht="19.2">
      <c r="A38408" s="2"/>
      <c r="B38408" s="2"/>
      <c r="C38408" s="2"/>
    </row>
    <row r="38409" spans="1:3" ht="19.2">
      <c r="A38409" s="2"/>
      <c r="B38409" s="2"/>
      <c r="C38409" s="2"/>
    </row>
    <row r="38410" spans="1:3" ht="19.2">
      <c r="A38410" s="2"/>
      <c r="B38410" s="2"/>
      <c r="C38410" s="2"/>
    </row>
    <row r="38411" spans="1:3" ht="19.2">
      <c r="A38411" s="2"/>
      <c r="B38411" s="2"/>
      <c r="C38411" s="2"/>
    </row>
    <row r="38412" spans="1:3" ht="19.2">
      <c r="A38412" s="2"/>
      <c r="B38412" s="2"/>
      <c r="C38412" s="2"/>
    </row>
    <row r="38413" spans="1:3" ht="19.2">
      <c r="A38413" s="2"/>
      <c r="B38413" s="2"/>
      <c r="C38413" s="2"/>
    </row>
    <row r="38414" spans="1:3" ht="19.2">
      <c r="A38414" s="2"/>
      <c r="B38414" s="2"/>
      <c r="C38414" s="2"/>
    </row>
    <row r="38415" spans="1:3" ht="19.2">
      <c r="A38415" s="2"/>
      <c r="B38415" s="2"/>
      <c r="C38415" s="2"/>
    </row>
    <row r="38416" spans="1:3" ht="19.2">
      <c r="A38416" s="2"/>
      <c r="B38416" s="2"/>
      <c r="C38416" s="2"/>
    </row>
    <row r="38417" spans="1:3" ht="19.2">
      <c r="A38417" s="2"/>
      <c r="B38417" s="2"/>
      <c r="C38417" s="2"/>
    </row>
    <row r="38418" spans="1:3" ht="19.2">
      <c r="A38418" s="2"/>
      <c r="B38418" s="2"/>
      <c r="C38418" s="2"/>
    </row>
    <row r="38419" spans="1:3" ht="19.2">
      <c r="A38419" s="2"/>
      <c r="B38419" s="2"/>
      <c r="C38419" s="2"/>
    </row>
    <row r="38420" spans="1:3" ht="19.2">
      <c r="A38420" s="2"/>
      <c r="B38420" s="2"/>
      <c r="C38420" s="2"/>
    </row>
    <row r="38421" spans="1:3" ht="19.2">
      <c r="A38421" s="2"/>
      <c r="B38421" s="2"/>
      <c r="C38421" s="2"/>
    </row>
    <row r="38422" spans="1:3" ht="19.2">
      <c r="A38422" s="2"/>
      <c r="B38422" s="2"/>
      <c r="C38422" s="2"/>
    </row>
    <row r="38423" spans="1:3" ht="19.2">
      <c r="A38423" s="2"/>
      <c r="B38423" s="2"/>
      <c r="C38423" s="2"/>
    </row>
    <row r="38424" spans="1:3" ht="19.2">
      <c r="A38424" s="2"/>
      <c r="B38424" s="2"/>
      <c r="C38424" s="2"/>
    </row>
    <row r="38425" spans="1:3" ht="19.2">
      <c r="A38425" s="2"/>
      <c r="B38425" s="2"/>
      <c r="C38425" s="2"/>
    </row>
    <row r="38426" spans="1:3" ht="19.2">
      <c r="A38426" s="2"/>
      <c r="B38426" s="2"/>
      <c r="C38426" s="2"/>
    </row>
    <row r="38427" spans="1:3" ht="19.2">
      <c r="A38427" s="2"/>
      <c r="B38427" s="2"/>
      <c r="C38427" s="2"/>
    </row>
    <row r="38428" spans="1:3" ht="19.2">
      <c r="A38428" s="2"/>
      <c r="B38428" s="2"/>
      <c r="C38428" s="2"/>
    </row>
    <row r="38429" spans="1:3" ht="19.2">
      <c r="A38429" s="2"/>
      <c r="B38429" s="2"/>
      <c r="C38429" s="2"/>
    </row>
    <row r="38430" spans="1:3" ht="19.2">
      <c r="A38430" s="2"/>
      <c r="B38430" s="2"/>
      <c r="C38430" s="2"/>
    </row>
    <row r="38431" spans="1:3" ht="19.2">
      <c r="A38431" s="2"/>
      <c r="B38431" s="2"/>
      <c r="C38431" s="2"/>
    </row>
    <row r="38432" spans="1:3" ht="19.2">
      <c r="A38432" s="2"/>
      <c r="B38432" s="2"/>
      <c r="C38432" s="2"/>
    </row>
    <row r="38433" spans="1:3" ht="19.2">
      <c r="A38433" s="2"/>
      <c r="B38433" s="2"/>
      <c r="C38433" s="2"/>
    </row>
    <row r="38434" spans="1:3" ht="19.2">
      <c r="A38434" s="2"/>
      <c r="B38434" s="2"/>
      <c r="C38434" s="2"/>
    </row>
    <row r="38435" spans="1:3" ht="19.2">
      <c r="A38435" s="2"/>
      <c r="B38435" s="2"/>
      <c r="C38435" s="2"/>
    </row>
    <row r="38436" spans="1:3" ht="19.2">
      <c r="A38436" s="2"/>
      <c r="B38436" s="2"/>
      <c r="C38436" s="2"/>
    </row>
    <row r="38437" spans="1:3" ht="19.2">
      <c r="A38437" s="2"/>
      <c r="B38437" s="2"/>
      <c r="C38437" s="2"/>
    </row>
    <row r="38438" spans="1:3" ht="19.2">
      <c r="A38438" s="2"/>
      <c r="B38438" s="2"/>
      <c r="C38438" s="2"/>
    </row>
    <row r="38439" spans="1:3" ht="19.2">
      <c r="A38439" s="2"/>
      <c r="B38439" s="2"/>
      <c r="C38439" s="2"/>
    </row>
    <row r="38440" spans="1:3" ht="19.2">
      <c r="A38440" s="2"/>
      <c r="B38440" s="2"/>
      <c r="C38440" s="2"/>
    </row>
    <row r="38441" spans="1:3" ht="19.2">
      <c r="A38441" s="2"/>
      <c r="B38441" s="2"/>
      <c r="C38441" s="2"/>
    </row>
    <row r="38442" spans="1:3" ht="19.2">
      <c r="A38442" s="2"/>
      <c r="B38442" s="2"/>
      <c r="C38442" s="2"/>
    </row>
    <row r="38443" spans="1:3" ht="19.2">
      <c r="A38443" s="2"/>
      <c r="B38443" s="2"/>
      <c r="C38443" s="2"/>
    </row>
    <row r="38444" spans="1:3" ht="19.2">
      <c r="A38444" s="2"/>
      <c r="B38444" s="2"/>
      <c r="C38444" s="2"/>
    </row>
    <row r="38445" spans="1:3" ht="19.2">
      <c r="A38445" s="2"/>
      <c r="B38445" s="2"/>
      <c r="C38445" s="2"/>
    </row>
    <row r="38446" spans="1:3" ht="19.2">
      <c r="A38446" s="2"/>
      <c r="B38446" s="2"/>
      <c r="C38446" s="2"/>
    </row>
    <row r="38447" spans="1:3" ht="19.2">
      <c r="A38447" s="2"/>
      <c r="B38447" s="2"/>
      <c r="C38447" s="2"/>
    </row>
    <row r="38448" spans="1:3" ht="19.2">
      <c r="A38448" s="2"/>
      <c r="B38448" s="2"/>
      <c r="C38448" s="2"/>
    </row>
    <row r="38449" spans="1:3" ht="19.2">
      <c r="A38449" s="2"/>
      <c r="B38449" s="2"/>
      <c r="C38449" s="2"/>
    </row>
    <row r="38450" spans="1:3" ht="19.2">
      <c r="A38450" s="2"/>
      <c r="B38450" s="2"/>
      <c r="C38450" s="2"/>
    </row>
    <row r="38451" spans="1:3" ht="19.2">
      <c r="A38451" s="2"/>
      <c r="B38451" s="2"/>
      <c r="C38451" s="2"/>
    </row>
    <row r="38452" spans="1:3" ht="19.2">
      <c r="A38452" s="2"/>
      <c r="B38452" s="2"/>
      <c r="C38452" s="2"/>
    </row>
    <row r="38453" spans="1:3" ht="19.2">
      <c r="A38453" s="2"/>
      <c r="B38453" s="2"/>
      <c r="C38453" s="2"/>
    </row>
    <row r="38454" spans="1:3" ht="19.2">
      <c r="A38454" s="2"/>
      <c r="B38454" s="2"/>
      <c r="C38454" s="2"/>
    </row>
    <row r="38455" spans="1:3" ht="19.2">
      <c r="A38455" s="2"/>
      <c r="B38455" s="2"/>
      <c r="C38455" s="2"/>
    </row>
    <row r="38456" spans="1:3" ht="19.2">
      <c r="A38456" s="2"/>
      <c r="B38456" s="2"/>
      <c r="C38456" s="2"/>
    </row>
    <row r="38457" spans="1:3" ht="19.2">
      <c r="A38457" s="2"/>
      <c r="B38457" s="2"/>
      <c r="C38457" s="2"/>
    </row>
    <row r="38458" spans="1:3" ht="19.2">
      <c r="A38458" s="2"/>
      <c r="B38458" s="2"/>
      <c r="C38458" s="2"/>
    </row>
    <row r="38459" spans="1:3" ht="19.2">
      <c r="A38459" s="2"/>
      <c r="B38459" s="2"/>
      <c r="C38459" s="2"/>
    </row>
    <row r="38460" spans="1:3" ht="19.2">
      <c r="A38460" s="2"/>
      <c r="B38460" s="2"/>
      <c r="C38460" s="2"/>
    </row>
    <row r="38461" spans="1:3" ht="19.2">
      <c r="A38461" s="2"/>
      <c r="B38461" s="2"/>
      <c r="C38461" s="2"/>
    </row>
    <row r="38462" spans="1:3" ht="19.2">
      <c r="A38462" s="2"/>
      <c r="B38462" s="2"/>
      <c r="C38462" s="2"/>
    </row>
    <row r="38463" spans="1:3" ht="19.2">
      <c r="A38463" s="2"/>
      <c r="B38463" s="2"/>
      <c r="C38463" s="2"/>
    </row>
    <row r="38464" spans="1:3" ht="19.2">
      <c r="A38464" s="2"/>
      <c r="B38464" s="2"/>
      <c r="C38464" s="2"/>
    </row>
    <row r="38465" spans="1:3" ht="19.2">
      <c r="A38465" s="2"/>
      <c r="B38465" s="2"/>
      <c r="C38465" s="2"/>
    </row>
    <row r="38466" spans="1:3" ht="19.2">
      <c r="A38466" s="2"/>
      <c r="B38466" s="2"/>
      <c r="C38466" s="2"/>
    </row>
    <row r="38467" spans="1:3" ht="19.2">
      <c r="A38467" s="2"/>
      <c r="B38467" s="2"/>
      <c r="C38467" s="2"/>
    </row>
    <row r="38468" spans="1:3" ht="19.2">
      <c r="A38468" s="2"/>
      <c r="B38468" s="2"/>
      <c r="C38468" s="2"/>
    </row>
    <row r="38469" spans="1:3" ht="19.2">
      <c r="A38469" s="2"/>
      <c r="B38469" s="2"/>
      <c r="C38469" s="2"/>
    </row>
    <row r="38470" spans="1:3" ht="19.2">
      <c r="A38470" s="2"/>
      <c r="B38470" s="2"/>
      <c r="C38470" s="2"/>
    </row>
    <row r="38471" spans="1:3" ht="19.2">
      <c r="A38471" s="2"/>
      <c r="B38471" s="2"/>
      <c r="C38471" s="2"/>
    </row>
    <row r="38472" spans="1:3" ht="19.2">
      <c r="A38472" s="2"/>
      <c r="B38472" s="2"/>
      <c r="C38472" s="2"/>
    </row>
    <row r="38473" spans="1:3" ht="19.2">
      <c r="A38473" s="2"/>
      <c r="B38473" s="2"/>
      <c r="C38473" s="2"/>
    </row>
    <row r="38474" spans="1:3" ht="19.2">
      <c r="A38474" s="2"/>
      <c r="B38474" s="2"/>
      <c r="C38474" s="2"/>
    </row>
    <row r="38475" spans="1:3" ht="19.2">
      <c r="A38475" s="2"/>
      <c r="B38475" s="2"/>
      <c r="C38475" s="2"/>
    </row>
    <row r="38476" spans="1:3" ht="19.2">
      <c r="A38476" s="2"/>
      <c r="B38476" s="2"/>
      <c r="C38476" s="2"/>
    </row>
    <row r="38477" spans="1:3" ht="19.2">
      <c r="A38477" s="2"/>
      <c r="B38477" s="2"/>
      <c r="C38477" s="2"/>
    </row>
    <row r="38478" spans="1:3" ht="19.2">
      <c r="A38478" s="2"/>
      <c r="B38478" s="2"/>
      <c r="C38478" s="2"/>
    </row>
    <row r="38479" spans="1:3" ht="19.2">
      <c r="A38479" s="2"/>
      <c r="B38479" s="2"/>
      <c r="C38479" s="2"/>
    </row>
    <row r="38480" spans="1:3" ht="19.2">
      <c r="A38480" s="2"/>
      <c r="B38480" s="2"/>
      <c r="C38480" s="2"/>
    </row>
    <row r="38481" spans="1:3" ht="19.2">
      <c r="A38481" s="2"/>
      <c r="B38481" s="2"/>
      <c r="C38481" s="2"/>
    </row>
    <row r="38482" spans="1:3" ht="19.2">
      <c r="A38482" s="2"/>
      <c r="B38482" s="2"/>
      <c r="C38482" s="2"/>
    </row>
    <row r="38483" spans="1:3" ht="19.2">
      <c r="A38483" s="2"/>
      <c r="B38483" s="2"/>
      <c r="C38483" s="2"/>
    </row>
    <row r="38484" spans="1:3" ht="19.2">
      <c r="A38484" s="2"/>
      <c r="B38484" s="2"/>
      <c r="C38484" s="2"/>
    </row>
    <row r="38485" spans="1:3" ht="19.2">
      <c r="A38485" s="2"/>
      <c r="B38485" s="2"/>
      <c r="C38485" s="2"/>
    </row>
    <row r="38486" spans="1:3" ht="19.2">
      <c r="A38486" s="2"/>
      <c r="B38486" s="2"/>
      <c r="C38486" s="2"/>
    </row>
    <row r="38487" spans="1:3" ht="19.2">
      <c r="A38487" s="2"/>
      <c r="B38487" s="2"/>
      <c r="C38487" s="2"/>
    </row>
    <row r="38488" spans="1:3" ht="19.2">
      <c r="A38488" s="2"/>
      <c r="B38488" s="2"/>
      <c r="C38488" s="2"/>
    </row>
    <row r="38489" spans="1:3" ht="19.2">
      <c r="A38489" s="2"/>
      <c r="B38489" s="2"/>
      <c r="C38489" s="2"/>
    </row>
    <row r="38490" spans="1:3" ht="19.2">
      <c r="A38490" s="2"/>
      <c r="B38490" s="2"/>
      <c r="C38490" s="2"/>
    </row>
    <row r="38491" spans="1:3" ht="19.2">
      <c r="A38491" s="2"/>
      <c r="B38491" s="2"/>
      <c r="C38491" s="2"/>
    </row>
    <row r="38492" spans="1:3" ht="19.2">
      <c r="A38492" s="2"/>
      <c r="B38492" s="2"/>
      <c r="C38492" s="2"/>
    </row>
    <row r="38493" spans="1:3" ht="19.2">
      <c r="A38493" s="2"/>
      <c r="B38493" s="2"/>
      <c r="C38493" s="2"/>
    </row>
    <row r="38494" spans="1:3" ht="19.2">
      <c r="A38494" s="2"/>
      <c r="B38494" s="2"/>
      <c r="C38494" s="2"/>
    </row>
    <row r="38495" spans="1:3" ht="19.2">
      <c r="A38495" s="2"/>
      <c r="B38495" s="2"/>
      <c r="C38495" s="2"/>
    </row>
    <row r="38496" spans="1:3" ht="19.2">
      <c r="A38496" s="2"/>
      <c r="B38496" s="2"/>
      <c r="C38496" s="2"/>
    </row>
    <row r="38497" spans="1:3" ht="19.2">
      <c r="A38497" s="2"/>
      <c r="B38497" s="2"/>
      <c r="C38497" s="2"/>
    </row>
    <row r="38498" spans="1:3" ht="19.2">
      <c r="A38498" s="2"/>
      <c r="B38498" s="2"/>
      <c r="C38498" s="2"/>
    </row>
    <row r="38499" spans="1:3" ht="19.2">
      <c r="A38499" s="2"/>
      <c r="B38499" s="2"/>
      <c r="C38499" s="2"/>
    </row>
    <row r="38500" spans="1:3" ht="19.2">
      <c r="A38500" s="2"/>
      <c r="B38500" s="2"/>
      <c r="C38500" s="2"/>
    </row>
    <row r="38501" spans="1:3" ht="19.2">
      <c r="A38501" s="2"/>
      <c r="B38501" s="2"/>
      <c r="C38501" s="2"/>
    </row>
    <row r="38502" spans="1:3" ht="19.2">
      <c r="A38502" s="2"/>
      <c r="B38502" s="2"/>
      <c r="C38502" s="2"/>
    </row>
    <row r="38503" spans="1:3" ht="19.2">
      <c r="A38503" s="2"/>
      <c r="B38503" s="2"/>
      <c r="C38503" s="2"/>
    </row>
    <row r="38504" spans="1:3" ht="19.2">
      <c r="A38504" s="2"/>
      <c r="B38504" s="2"/>
      <c r="C38504" s="2"/>
    </row>
    <row r="38505" spans="1:3" ht="19.2">
      <c r="A38505" s="2"/>
      <c r="B38505" s="2"/>
      <c r="C38505" s="2"/>
    </row>
    <row r="38506" spans="1:3" ht="19.2">
      <c r="A38506" s="2"/>
      <c r="B38506" s="2"/>
      <c r="C38506" s="2"/>
    </row>
    <row r="38507" spans="1:3" ht="19.2">
      <c r="A38507" s="2"/>
      <c r="B38507" s="2"/>
      <c r="C38507" s="2"/>
    </row>
    <row r="38508" spans="1:3" ht="19.2">
      <c r="A38508" s="2"/>
      <c r="B38508" s="2"/>
      <c r="C38508" s="2"/>
    </row>
    <row r="38509" spans="1:3" ht="19.2">
      <c r="A38509" s="2"/>
      <c r="B38509" s="2"/>
      <c r="C38509" s="2"/>
    </row>
    <row r="38510" spans="1:3" ht="19.2">
      <c r="A38510" s="2"/>
      <c r="B38510" s="2"/>
      <c r="C38510" s="2"/>
    </row>
    <row r="38511" spans="1:3" ht="19.2">
      <c r="A38511" s="2"/>
      <c r="B38511" s="2"/>
      <c r="C38511" s="2"/>
    </row>
    <row r="38512" spans="1:3" ht="19.2">
      <c r="A38512" s="2"/>
      <c r="B38512" s="2"/>
      <c r="C38512" s="2"/>
    </row>
    <row r="38513" spans="1:3" ht="19.2">
      <c r="A38513" s="2"/>
      <c r="B38513" s="2"/>
      <c r="C38513" s="2"/>
    </row>
    <row r="38514" spans="1:3" ht="19.2">
      <c r="A38514" s="2"/>
      <c r="B38514" s="2"/>
      <c r="C38514" s="2"/>
    </row>
    <row r="38515" spans="1:3" ht="19.2">
      <c r="A38515" s="2"/>
      <c r="B38515" s="2"/>
      <c r="C38515" s="2"/>
    </row>
    <row r="38516" spans="1:3" ht="19.2">
      <c r="A38516" s="2"/>
      <c r="B38516" s="2"/>
      <c r="C38516" s="2"/>
    </row>
    <row r="38517" spans="1:3" ht="19.2">
      <c r="A38517" s="2"/>
      <c r="B38517" s="2"/>
      <c r="C38517" s="2"/>
    </row>
    <row r="38518" spans="1:3" ht="19.2">
      <c r="A38518" s="2"/>
      <c r="B38518" s="2"/>
      <c r="C38518" s="2"/>
    </row>
    <row r="38519" spans="1:3" ht="19.2">
      <c r="A38519" s="2"/>
      <c r="B38519" s="2"/>
      <c r="C38519" s="2"/>
    </row>
    <row r="38520" spans="1:3" ht="19.2">
      <c r="A38520" s="2"/>
      <c r="B38520" s="2"/>
      <c r="C38520" s="2"/>
    </row>
    <row r="38521" spans="1:3" ht="19.2">
      <c r="A38521" s="2"/>
      <c r="B38521" s="2"/>
      <c r="C38521" s="2"/>
    </row>
    <row r="38522" spans="1:3" ht="19.2">
      <c r="A38522" s="2"/>
      <c r="B38522" s="2"/>
      <c r="C38522" s="2"/>
    </row>
    <row r="38523" spans="1:3" ht="19.2">
      <c r="A38523" s="2"/>
      <c r="B38523" s="2"/>
      <c r="C38523" s="2"/>
    </row>
    <row r="38524" spans="1:3" ht="19.2">
      <c r="A38524" s="2"/>
      <c r="B38524" s="2"/>
      <c r="C38524" s="2"/>
    </row>
    <row r="38525" spans="1:3" ht="19.2">
      <c r="A38525" s="2"/>
      <c r="B38525" s="2"/>
      <c r="C38525" s="2"/>
    </row>
    <row r="38526" spans="1:3" ht="19.2">
      <c r="A38526" s="2"/>
      <c r="B38526" s="2"/>
      <c r="C38526" s="2"/>
    </row>
    <row r="38527" spans="1:3" ht="19.2">
      <c r="A38527" s="2"/>
      <c r="B38527" s="2"/>
      <c r="C38527" s="2"/>
    </row>
    <row r="38528" spans="1:3" ht="19.2">
      <c r="A38528" s="2"/>
      <c r="B38528" s="2"/>
      <c r="C38528" s="2"/>
    </row>
    <row r="38529" spans="1:3" ht="19.2">
      <c r="A38529" s="2"/>
      <c r="B38529" s="2"/>
      <c r="C38529" s="2"/>
    </row>
    <row r="38530" spans="1:3" ht="19.2">
      <c r="A38530" s="2"/>
      <c r="B38530" s="2"/>
      <c r="C38530" s="2"/>
    </row>
    <row r="38531" spans="1:3" ht="19.2">
      <c r="A38531" s="2"/>
      <c r="B38531" s="2"/>
      <c r="C38531" s="2"/>
    </row>
    <row r="38532" spans="1:3" ht="19.2">
      <c r="A38532" s="2"/>
      <c r="B38532" s="2"/>
      <c r="C38532" s="2"/>
    </row>
    <row r="38533" spans="1:3" ht="19.2">
      <c r="A38533" s="2"/>
      <c r="B38533" s="2"/>
      <c r="C38533" s="2"/>
    </row>
    <row r="38534" spans="1:3" ht="19.2">
      <c r="A38534" s="2"/>
      <c r="B38534" s="2"/>
      <c r="C38534" s="2"/>
    </row>
    <row r="38535" spans="1:3" ht="19.2">
      <c r="A38535" s="2"/>
      <c r="B38535" s="2"/>
      <c r="C38535" s="2"/>
    </row>
    <row r="38536" spans="1:3" ht="19.2">
      <c r="A38536" s="2"/>
      <c r="B38536" s="2"/>
      <c r="C38536" s="2"/>
    </row>
    <row r="38537" spans="1:3" ht="19.2">
      <c r="A38537" s="2"/>
      <c r="B38537" s="2"/>
      <c r="C38537" s="2"/>
    </row>
    <row r="38538" spans="1:3" ht="19.2">
      <c r="A38538" s="2"/>
      <c r="B38538" s="2"/>
      <c r="C38538" s="2"/>
    </row>
    <row r="38539" spans="1:3" ht="19.2">
      <c r="A38539" s="2"/>
      <c r="B38539" s="2"/>
      <c r="C38539" s="2"/>
    </row>
    <row r="38540" spans="1:3" ht="19.2">
      <c r="A38540" s="2"/>
      <c r="B38540" s="2"/>
      <c r="C38540" s="2"/>
    </row>
    <row r="38541" spans="1:3" ht="19.2">
      <c r="A38541" s="2"/>
      <c r="B38541" s="2"/>
      <c r="C38541" s="2"/>
    </row>
    <row r="38542" spans="1:3" ht="19.2">
      <c r="A38542" s="2"/>
      <c r="B38542" s="2"/>
      <c r="C38542" s="2"/>
    </row>
    <row r="38543" spans="1:3" ht="19.2">
      <c r="A38543" s="2"/>
      <c r="B38543" s="2"/>
      <c r="C38543" s="2"/>
    </row>
    <row r="38544" spans="1:3" ht="19.2">
      <c r="A38544" s="2"/>
      <c r="B38544" s="2"/>
      <c r="C38544" s="2"/>
    </row>
    <row r="38545" spans="1:3" ht="19.2">
      <c r="A38545" s="2"/>
      <c r="B38545" s="2"/>
      <c r="C38545" s="2"/>
    </row>
    <row r="38546" spans="1:3" ht="19.2">
      <c r="A38546" s="2"/>
      <c r="B38546" s="2"/>
      <c r="C38546" s="2"/>
    </row>
    <row r="38547" spans="1:3" ht="19.2">
      <c r="A38547" s="2"/>
      <c r="B38547" s="2"/>
      <c r="C38547" s="2"/>
    </row>
    <row r="38548" spans="1:3" ht="19.2">
      <c r="A38548" s="2"/>
      <c r="B38548" s="2"/>
      <c r="C38548" s="2"/>
    </row>
    <row r="38549" spans="1:3" ht="19.2">
      <c r="A38549" s="2"/>
      <c r="B38549" s="2"/>
      <c r="C38549" s="2"/>
    </row>
    <row r="38550" spans="1:3" ht="19.2">
      <c r="A38550" s="2"/>
      <c r="B38550" s="2"/>
      <c r="C38550" s="2"/>
    </row>
    <row r="38551" spans="1:3" ht="19.2">
      <c r="A38551" s="2"/>
      <c r="B38551" s="2"/>
      <c r="C38551" s="2"/>
    </row>
    <row r="38552" spans="1:3" ht="19.2">
      <c r="A38552" s="2"/>
      <c r="B38552" s="2"/>
      <c r="C38552" s="2"/>
    </row>
    <row r="38553" spans="1:3" ht="19.2">
      <c r="A38553" s="2"/>
      <c r="B38553" s="2"/>
      <c r="C38553" s="2"/>
    </row>
    <row r="38554" spans="1:3" ht="19.2">
      <c r="A38554" s="2"/>
      <c r="B38554" s="2"/>
      <c r="C38554" s="2"/>
    </row>
    <row r="38555" spans="1:3" ht="19.2">
      <c r="A38555" s="2"/>
      <c r="B38555" s="2"/>
      <c r="C38555" s="2"/>
    </row>
    <row r="38556" spans="1:3" ht="19.2">
      <c r="A38556" s="2"/>
      <c r="B38556" s="2"/>
      <c r="C38556" s="2"/>
    </row>
    <row r="38557" spans="1:3" ht="19.2">
      <c r="A38557" s="2"/>
      <c r="B38557" s="2"/>
      <c r="C38557" s="2"/>
    </row>
    <row r="38558" spans="1:3" ht="19.2">
      <c r="A38558" s="2"/>
      <c r="B38558" s="2"/>
      <c r="C38558" s="2"/>
    </row>
    <row r="38559" spans="1:3" ht="19.2">
      <c r="A38559" s="2"/>
      <c r="B38559" s="2"/>
      <c r="C38559" s="2"/>
    </row>
    <row r="38560" spans="1:3" ht="19.2">
      <c r="A38560" s="2"/>
      <c r="B38560" s="2"/>
      <c r="C38560" s="2"/>
    </row>
    <row r="38561" spans="1:3" ht="19.2">
      <c r="A38561" s="2"/>
      <c r="B38561" s="2"/>
      <c r="C38561" s="2"/>
    </row>
    <row r="38562" spans="1:3" ht="19.2">
      <c r="A38562" s="2"/>
      <c r="B38562" s="2"/>
      <c r="C38562" s="2"/>
    </row>
    <row r="38563" spans="1:3" ht="19.2">
      <c r="A38563" s="2"/>
      <c r="B38563" s="2"/>
      <c r="C38563" s="2"/>
    </row>
    <row r="38564" spans="1:3" ht="19.2">
      <c r="A38564" s="2"/>
      <c r="B38564" s="2"/>
      <c r="C38564" s="2"/>
    </row>
    <row r="38565" spans="1:3" ht="19.2">
      <c r="A38565" s="2"/>
      <c r="B38565" s="2"/>
      <c r="C38565" s="2"/>
    </row>
    <row r="38566" spans="1:3" ht="19.2">
      <c r="A38566" s="2"/>
      <c r="B38566" s="2"/>
      <c r="C38566" s="2"/>
    </row>
    <row r="38567" spans="1:3" ht="19.2">
      <c r="A38567" s="2"/>
      <c r="B38567" s="2"/>
      <c r="C38567" s="2"/>
    </row>
    <row r="38568" spans="1:3" ht="19.2">
      <c r="A38568" s="2"/>
      <c r="B38568" s="2"/>
      <c r="C38568" s="2"/>
    </row>
    <row r="38569" spans="1:3" ht="19.2">
      <c r="A38569" s="2"/>
      <c r="B38569" s="2"/>
      <c r="C38569" s="2"/>
    </row>
    <row r="38570" spans="1:3" ht="19.2">
      <c r="A38570" s="2"/>
      <c r="B38570" s="2"/>
      <c r="C38570" s="2"/>
    </row>
    <row r="38571" spans="1:3" ht="19.2">
      <c r="A38571" s="2"/>
      <c r="B38571" s="2"/>
      <c r="C38571" s="2"/>
    </row>
    <row r="38572" spans="1:3" ht="19.2">
      <c r="A38572" s="2"/>
      <c r="B38572" s="2"/>
      <c r="C38572" s="2"/>
    </row>
    <row r="38573" spans="1:3" ht="19.2">
      <c r="A38573" s="2"/>
      <c r="B38573" s="2"/>
      <c r="C38573" s="2"/>
    </row>
    <row r="38574" spans="1:3" ht="19.2">
      <c r="A38574" s="2"/>
      <c r="B38574" s="2"/>
      <c r="C38574" s="2"/>
    </row>
    <row r="38575" spans="1:3" ht="19.2">
      <c r="A38575" s="2"/>
      <c r="B38575" s="2"/>
      <c r="C38575" s="2"/>
    </row>
    <row r="38576" spans="1:3" ht="19.2">
      <c r="A38576" s="2"/>
      <c r="B38576" s="2"/>
      <c r="C38576" s="2"/>
    </row>
    <row r="38577" spans="1:3" ht="19.2">
      <c r="A38577" s="2"/>
      <c r="B38577" s="2"/>
      <c r="C38577" s="2"/>
    </row>
    <row r="38578" spans="1:3" ht="19.2">
      <c r="A38578" s="2"/>
      <c r="B38578" s="2"/>
      <c r="C38578" s="2"/>
    </row>
    <row r="38579" spans="1:3" ht="19.2">
      <c r="A38579" s="2"/>
      <c r="B38579" s="2"/>
      <c r="C38579" s="2"/>
    </row>
    <row r="38580" spans="1:3" ht="19.2">
      <c r="A38580" s="2"/>
      <c r="B38580" s="2"/>
      <c r="C38580" s="2"/>
    </row>
    <row r="38581" spans="1:3" ht="19.2">
      <c r="A38581" s="2"/>
      <c r="B38581" s="2"/>
      <c r="C38581" s="2"/>
    </row>
    <row r="38582" spans="1:3" ht="19.2">
      <c r="A38582" s="2"/>
      <c r="B38582" s="2"/>
      <c r="C38582" s="2"/>
    </row>
    <row r="38583" spans="1:3" ht="19.2">
      <c r="A38583" s="2"/>
      <c r="B38583" s="2"/>
      <c r="C38583" s="2"/>
    </row>
    <row r="38584" spans="1:3" ht="19.2">
      <c r="A38584" s="2"/>
      <c r="B38584" s="2"/>
      <c r="C38584" s="2"/>
    </row>
    <row r="38585" spans="1:3" ht="19.2">
      <c r="A38585" s="2"/>
      <c r="B38585" s="2"/>
      <c r="C38585" s="2"/>
    </row>
    <row r="38586" spans="1:3" ht="19.2">
      <c r="A38586" s="2"/>
      <c r="B38586" s="2"/>
      <c r="C38586" s="2"/>
    </row>
    <row r="38587" spans="1:3" ht="19.2">
      <c r="A38587" s="2"/>
      <c r="B38587" s="2"/>
      <c r="C38587" s="2"/>
    </row>
    <row r="38588" spans="1:3" ht="19.2">
      <c r="A38588" s="2"/>
      <c r="B38588" s="2"/>
      <c r="C38588" s="2"/>
    </row>
    <row r="38589" spans="1:3" ht="19.2">
      <c r="A38589" s="2"/>
      <c r="B38589" s="2"/>
      <c r="C38589" s="2"/>
    </row>
    <row r="38590" spans="1:3" ht="19.2">
      <c r="A38590" s="2"/>
      <c r="B38590" s="2"/>
      <c r="C38590" s="2"/>
    </row>
    <row r="38591" spans="1:3" ht="19.2">
      <c r="A38591" s="2"/>
      <c r="B38591" s="2"/>
      <c r="C38591" s="2"/>
    </row>
    <row r="38592" spans="1:3" ht="19.2">
      <c r="A38592" s="2"/>
      <c r="B38592" s="2"/>
      <c r="C38592" s="2"/>
    </row>
    <row r="38593" spans="1:3" ht="19.2">
      <c r="A38593" s="2"/>
      <c r="B38593" s="2"/>
      <c r="C38593" s="2"/>
    </row>
    <row r="38594" spans="1:3" ht="19.2">
      <c r="A38594" s="2"/>
      <c r="B38594" s="2"/>
      <c r="C38594" s="2"/>
    </row>
    <row r="38595" spans="1:3" ht="19.2">
      <c r="A38595" s="2"/>
      <c r="B38595" s="2"/>
      <c r="C38595" s="2"/>
    </row>
    <row r="38596" spans="1:3" ht="19.2">
      <c r="A38596" s="2"/>
      <c r="B38596" s="2"/>
      <c r="C38596" s="2"/>
    </row>
    <row r="38597" spans="1:3" ht="19.2">
      <c r="A38597" s="2"/>
      <c r="B38597" s="2"/>
      <c r="C38597" s="2"/>
    </row>
    <row r="38598" spans="1:3" ht="19.2">
      <c r="A38598" s="2"/>
      <c r="B38598" s="2"/>
      <c r="C38598" s="2"/>
    </row>
    <row r="38599" spans="1:3" ht="19.2">
      <c r="A38599" s="2"/>
      <c r="B38599" s="2"/>
      <c r="C38599" s="2"/>
    </row>
    <row r="38600" spans="1:3" ht="19.2">
      <c r="A38600" s="2"/>
      <c r="B38600" s="2"/>
      <c r="C38600" s="2"/>
    </row>
    <row r="38601" spans="1:3" ht="19.2">
      <c r="A38601" s="2"/>
      <c r="B38601" s="2"/>
      <c r="C38601" s="2"/>
    </row>
    <row r="38602" spans="1:3" ht="19.2">
      <c r="A38602" s="2"/>
      <c r="B38602" s="2"/>
      <c r="C38602" s="2"/>
    </row>
    <row r="38603" spans="1:3" ht="19.2">
      <c r="A38603" s="2"/>
      <c r="B38603" s="2"/>
      <c r="C38603" s="2"/>
    </row>
    <row r="38604" spans="1:3" ht="19.2">
      <c r="A38604" s="2"/>
      <c r="B38604" s="2"/>
      <c r="C38604" s="2"/>
    </row>
    <row r="38605" spans="1:3" ht="19.2">
      <c r="A38605" s="2"/>
      <c r="B38605" s="2"/>
      <c r="C38605" s="2"/>
    </row>
    <row r="38606" spans="1:3" ht="19.2">
      <c r="A38606" s="2"/>
      <c r="B38606" s="2"/>
      <c r="C38606" s="2"/>
    </row>
    <row r="38607" spans="1:3" ht="19.2">
      <c r="A38607" s="2"/>
      <c r="B38607" s="2"/>
      <c r="C38607" s="2"/>
    </row>
    <row r="38608" spans="1:3" ht="19.2">
      <c r="A38608" s="2"/>
      <c r="B38608" s="2"/>
      <c r="C38608" s="2"/>
    </row>
    <row r="38609" spans="1:3" ht="19.2">
      <c r="A38609" s="2"/>
      <c r="B38609" s="2"/>
      <c r="C38609" s="2"/>
    </row>
    <row r="38610" spans="1:3" ht="19.2">
      <c r="A38610" s="2"/>
      <c r="B38610" s="2"/>
      <c r="C38610" s="2"/>
    </row>
    <row r="38611" spans="1:3" ht="19.2">
      <c r="A38611" s="2"/>
      <c r="B38611" s="2"/>
      <c r="C38611" s="2"/>
    </row>
    <row r="38612" spans="1:3" ht="19.2">
      <c r="A38612" s="2"/>
      <c r="B38612" s="2"/>
      <c r="C38612" s="2"/>
    </row>
    <row r="38613" spans="1:3" ht="19.2">
      <c r="A38613" s="2"/>
      <c r="B38613" s="2"/>
      <c r="C38613" s="2"/>
    </row>
    <row r="38614" spans="1:3" ht="19.2">
      <c r="A38614" s="2"/>
      <c r="B38614" s="2"/>
      <c r="C38614" s="2"/>
    </row>
    <row r="38615" spans="1:3" ht="19.2">
      <c r="A38615" s="2"/>
      <c r="B38615" s="2"/>
      <c r="C38615" s="2"/>
    </row>
    <row r="38616" spans="1:3" ht="19.2">
      <c r="A38616" s="2"/>
      <c r="B38616" s="2"/>
      <c r="C38616" s="2"/>
    </row>
    <row r="38617" spans="1:3" ht="19.2">
      <c r="A38617" s="2"/>
      <c r="B38617" s="2"/>
      <c r="C38617" s="2"/>
    </row>
    <row r="38618" spans="1:3" ht="19.2">
      <c r="A38618" s="2"/>
      <c r="B38618" s="2"/>
      <c r="C38618" s="2"/>
    </row>
    <row r="38619" spans="1:3" ht="19.2">
      <c r="A38619" s="2"/>
      <c r="B38619" s="2"/>
      <c r="C38619" s="2"/>
    </row>
    <row r="38620" spans="1:3" ht="19.2">
      <c r="A38620" s="2"/>
      <c r="B38620" s="2"/>
      <c r="C38620" s="2"/>
    </row>
    <row r="38621" spans="1:3" ht="19.2">
      <c r="A38621" s="2"/>
      <c r="B38621" s="2"/>
      <c r="C38621" s="2"/>
    </row>
    <row r="38622" spans="1:3" ht="19.2">
      <c r="A38622" s="2"/>
      <c r="B38622" s="2"/>
      <c r="C38622" s="2"/>
    </row>
    <row r="38623" spans="1:3" ht="19.2">
      <c r="A38623" s="2"/>
      <c r="B38623" s="2"/>
      <c r="C38623" s="2"/>
    </row>
    <row r="38624" spans="1:3" ht="19.2">
      <c r="A38624" s="2"/>
      <c r="B38624" s="2"/>
      <c r="C38624" s="2"/>
    </row>
    <row r="38625" spans="1:3" ht="19.2">
      <c r="A38625" s="2"/>
      <c r="B38625" s="2"/>
      <c r="C38625" s="2"/>
    </row>
    <row r="38626" spans="1:3" ht="19.2">
      <c r="A38626" s="2"/>
      <c r="B38626" s="2"/>
      <c r="C38626" s="2"/>
    </row>
    <row r="38627" spans="1:3" ht="19.2">
      <c r="A38627" s="2"/>
      <c r="B38627" s="2"/>
      <c r="C38627" s="2"/>
    </row>
    <row r="38628" spans="1:3" ht="19.2">
      <c r="A38628" s="2"/>
      <c r="B38628" s="2"/>
      <c r="C38628" s="2"/>
    </row>
    <row r="38629" spans="1:3" ht="19.2">
      <c r="A38629" s="2"/>
      <c r="B38629" s="2"/>
      <c r="C38629" s="2"/>
    </row>
    <row r="38630" spans="1:3" ht="19.2">
      <c r="A38630" s="2"/>
      <c r="B38630" s="2"/>
      <c r="C38630" s="2"/>
    </row>
    <row r="38631" spans="1:3" ht="19.2">
      <c r="A38631" s="2"/>
      <c r="B38631" s="2"/>
      <c r="C38631" s="2"/>
    </row>
    <row r="38632" spans="1:3" ht="19.2">
      <c r="A38632" s="2"/>
      <c r="B38632" s="2"/>
      <c r="C38632" s="2"/>
    </row>
    <row r="38633" spans="1:3" ht="19.2">
      <c r="A38633" s="2"/>
      <c r="B38633" s="2"/>
      <c r="C38633" s="2"/>
    </row>
    <row r="38634" spans="1:3" ht="19.2">
      <c r="A38634" s="2"/>
      <c r="B38634" s="2"/>
      <c r="C38634" s="2"/>
    </row>
    <row r="38635" spans="1:3" ht="19.2">
      <c r="A38635" s="2"/>
      <c r="B38635" s="2"/>
      <c r="C38635" s="2"/>
    </row>
    <row r="38636" spans="1:3" ht="19.2">
      <c r="A38636" s="2"/>
      <c r="B38636" s="2"/>
      <c r="C38636" s="2"/>
    </row>
    <row r="38637" spans="1:3" ht="19.2">
      <c r="A38637" s="2"/>
      <c r="B38637" s="2"/>
      <c r="C38637" s="2"/>
    </row>
    <row r="38638" spans="1:3" ht="19.2">
      <c r="A38638" s="2"/>
      <c r="B38638" s="2"/>
      <c r="C38638" s="2"/>
    </row>
    <row r="38639" spans="1:3" ht="19.2">
      <c r="A38639" s="2"/>
      <c r="B38639" s="2"/>
      <c r="C38639" s="2"/>
    </row>
    <row r="38640" spans="1:3" ht="19.2">
      <c r="A38640" s="2"/>
      <c r="B38640" s="2"/>
      <c r="C38640" s="2"/>
    </row>
    <row r="38641" spans="1:3" ht="19.2">
      <c r="A38641" s="2"/>
      <c r="B38641" s="2"/>
      <c r="C38641" s="2"/>
    </row>
    <row r="38642" spans="1:3" ht="19.2">
      <c r="A38642" s="2"/>
      <c r="B38642" s="2"/>
      <c r="C38642" s="2"/>
    </row>
    <row r="38643" spans="1:3" ht="19.2">
      <c r="A38643" s="2"/>
      <c r="B38643" s="2"/>
      <c r="C38643" s="2"/>
    </row>
    <row r="38644" spans="1:3" ht="19.2">
      <c r="A38644" s="2"/>
      <c r="B38644" s="2"/>
      <c r="C38644" s="2"/>
    </row>
    <row r="38645" spans="1:3" ht="19.2">
      <c r="A38645" s="2"/>
      <c r="B38645" s="2"/>
      <c r="C38645" s="2"/>
    </row>
    <row r="38646" spans="1:3" ht="19.2">
      <c r="A38646" s="2"/>
      <c r="B38646" s="2"/>
      <c r="C38646" s="2"/>
    </row>
    <row r="38647" spans="1:3" ht="19.2">
      <c r="A38647" s="2"/>
      <c r="B38647" s="2"/>
      <c r="C38647" s="2"/>
    </row>
    <row r="38648" spans="1:3" ht="19.2">
      <c r="A38648" s="2"/>
      <c r="B38648" s="2"/>
      <c r="C38648" s="2"/>
    </row>
    <row r="38649" spans="1:3" ht="19.2">
      <c r="A38649" s="2"/>
      <c r="B38649" s="2"/>
      <c r="C38649" s="2"/>
    </row>
    <row r="38650" spans="1:3" ht="19.2">
      <c r="A38650" s="2"/>
      <c r="B38650" s="2"/>
      <c r="C38650" s="2"/>
    </row>
    <row r="38651" spans="1:3" ht="19.2">
      <c r="A38651" s="2"/>
      <c r="B38651" s="2"/>
      <c r="C38651" s="2"/>
    </row>
    <row r="38652" spans="1:3" ht="19.2">
      <c r="A38652" s="2"/>
      <c r="B38652" s="2"/>
      <c r="C38652" s="2"/>
    </row>
    <row r="38653" spans="1:3" ht="19.2">
      <c r="A38653" s="2"/>
      <c r="B38653" s="2"/>
      <c r="C38653" s="2"/>
    </row>
    <row r="38654" spans="1:3" ht="19.2">
      <c r="A38654" s="2"/>
      <c r="B38654" s="2"/>
      <c r="C38654" s="2"/>
    </row>
    <row r="38655" spans="1:3" ht="19.2">
      <c r="A38655" s="2"/>
      <c r="B38655" s="2"/>
      <c r="C38655" s="2"/>
    </row>
    <row r="38656" spans="1:3" ht="19.2">
      <c r="A38656" s="2"/>
      <c r="B38656" s="2"/>
      <c r="C38656" s="2"/>
    </row>
    <row r="38657" spans="1:3" ht="19.2">
      <c r="A38657" s="2"/>
      <c r="B38657" s="2"/>
      <c r="C38657" s="2"/>
    </row>
    <row r="38658" spans="1:3" ht="19.2">
      <c r="A38658" s="2"/>
      <c r="B38658" s="2"/>
      <c r="C38658" s="2"/>
    </row>
    <row r="38659" spans="1:3" ht="19.2">
      <c r="A38659" s="2"/>
      <c r="B38659" s="2"/>
      <c r="C38659" s="2"/>
    </row>
    <row r="38660" spans="1:3" ht="19.2">
      <c r="A38660" s="2"/>
      <c r="B38660" s="2"/>
      <c r="C38660" s="2"/>
    </row>
    <row r="38661" spans="1:3" ht="19.2">
      <c r="A38661" s="2"/>
      <c r="B38661" s="2"/>
      <c r="C38661" s="2"/>
    </row>
    <row r="38662" spans="1:3" ht="19.2">
      <c r="A38662" s="2"/>
      <c r="B38662" s="2"/>
      <c r="C38662" s="2"/>
    </row>
    <row r="38663" spans="1:3" ht="19.2">
      <c r="A38663" s="2"/>
      <c r="B38663" s="2"/>
      <c r="C38663" s="2"/>
    </row>
    <row r="38664" spans="1:3" ht="19.2">
      <c r="A38664" s="2"/>
      <c r="B38664" s="2"/>
      <c r="C38664" s="2"/>
    </row>
    <row r="38665" spans="1:3" ht="19.2">
      <c r="A38665" s="2"/>
      <c r="B38665" s="2"/>
      <c r="C38665" s="2"/>
    </row>
    <row r="38666" spans="1:3" ht="19.2">
      <c r="A38666" s="2"/>
      <c r="B38666" s="2"/>
      <c r="C38666" s="2"/>
    </row>
    <row r="38667" spans="1:3" ht="19.2">
      <c r="A38667" s="2"/>
      <c r="B38667" s="2"/>
      <c r="C38667" s="2"/>
    </row>
    <row r="38668" spans="1:3" ht="19.2">
      <c r="A38668" s="2"/>
      <c r="B38668" s="2"/>
      <c r="C38668" s="2"/>
    </row>
    <row r="38669" spans="1:3" ht="19.2">
      <c r="A38669" s="2"/>
      <c r="B38669" s="2"/>
      <c r="C38669" s="2"/>
    </row>
    <row r="38670" spans="1:3" ht="19.2">
      <c r="A38670" s="2"/>
      <c r="B38670" s="2"/>
      <c r="C38670" s="2"/>
    </row>
    <row r="38671" spans="1:3" ht="19.2">
      <c r="A38671" s="2"/>
      <c r="B38671" s="2"/>
      <c r="C38671" s="2"/>
    </row>
    <row r="38672" spans="1:3" ht="19.2">
      <c r="A38672" s="2"/>
      <c r="B38672" s="2"/>
      <c r="C38672" s="2"/>
    </row>
    <row r="38673" spans="1:3" ht="19.2">
      <c r="A38673" s="2"/>
      <c r="B38673" s="2"/>
      <c r="C38673" s="2"/>
    </row>
    <row r="38674" spans="1:3" ht="19.2">
      <c r="A38674" s="2"/>
      <c r="B38674" s="2"/>
      <c r="C38674" s="2"/>
    </row>
    <row r="38675" spans="1:3" ht="19.2">
      <c r="A38675" s="2"/>
      <c r="B38675" s="2"/>
      <c r="C38675" s="2"/>
    </row>
    <row r="38676" spans="1:3" ht="19.2">
      <c r="A38676" s="2"/>
      <c r="B38676" s="2"/>
      <c r="C38676" s="2"/>
    </row>
    <row r="38677" spans="1:3" ht="19.2">
      <c r="A38677" s="2"/>
      <c r="B38677" s="2"/>
      <c r="C38677" s="2"/>
    </row>
    <row r="38678" spans="1:3" ht="19.2">
      <c r="A38678" s="2"/>
      <c r="B38678" s="2"/>
      <c r="C38678" s="2"/>
    </row>
    <row r="38679" spans="1:3" ht="19.2">
      <c r="A38679" s="2"/>
      <c r="B38679" s="2"/>
      <c r="C38679" s="2"/>
    </row>
    <row r="38680" spans="1:3" ht="19.2">
      <c r="A38680" s="2"/>
      <c r="B38680" s="2"/>
      <c r="C38680" s="2"/>
    </row>
    <row r="38681" spans="1:3" ht="19.2">
      <c r="A38681" s="2"/>
      <c r="B38681" s="2"/>
      <c r="C38681" s="2"/>
    </row>
    <row r="38682" spans="1:3" ht="19.2">
      <c r="A38682" s="2"/>
      <c r="B38682" s="2"/>
      <c r="C38682" s="2"/>
    </row>
    <row r="38683" spans="1:3" ht="19.2">
      <c r="A38683" s="2"/>
      <c r="B38683" s="2"/>
      <c r="C38683" s="2"/>
    </row>
    <row r="38684" spans="1:3" ht="19.2">
      <c r="A38684" s="2"/>
      <c r="B38684" s="2"/>
      <c r="C38684" s="2"/>
    </row>
    <row r="38685" spans="1:3" ht="19.2">
      <c r="A38685" s="2"/>
      <c r="B38685" s="2"/>
      <c r="C38685" s="2"/>
    </row>
    <row r="38686" spans="1:3" ht="19.2">
      <c r="A38686" s="2"/>
      <c r="B38686" s="2"/>
      <c r="C38686" s="2"/>
    </row>
    <row r="38687" spans="1:3" ht="19.2">
      <c r="A38687" s="2"/>
      <c r="B38687" s="2"/>
      <c r="C38687" s="2"/>
    </row>
    <row r="38688" spans="1:3" ht="19.2">
      <c r="A38688" s="2"/>
      <c r="B38688" s="2"/>
      <c r="C38688" s="2"/>
    </row>
    <row r="38689" spans="1:3" ht="19.2">
      <c r="A38689" s="2"/>
      <c r="B38689" s="2"/>
      <c r="C38689" s="2"/>
    </row>
    <row r="38690" spans="1:3" ht="19.2">
      <c r="A38690" s="2"/>
      <c r="B38690" s="2"/>
      <c r="C38690" s="2"/>
    </row>
    <row r="38691" spans="1:3" ht="19.2">
      <c r="A38691" s="2"/>
      <c r="B38691" s="2"/>
      <c r="C38691" s="2"/>
    </row>
    <row r="38692" spans="1:3" ht="19.2">
      <c r="A38692" s="2"/>
      <c r="B38692" s="2"/>
      <c r="C38692" s="2"/>
    </row>
    <row r="38693" spans="1:3" ht="19.2">
      <c r="A38693" s="2"/>
      <c r="B38693" s="2"/>
      <c r="C38693" s="2"/>
    </row>
    <row r="38694" spans="1:3" ht="19.2">
      <c r="A38694" s="2"/>
      <c r="B38694" s="2"/>
      <c r="C38694" s="2"/>
    </row>
    <row r="38695" spans="1:3" ht="19.2">
      <c r="A38695" s="2"/>
      <c r="B38695" s="2"/>
      <c r="C38695" s="2"/>
    </row>
    <row r="38696" spans="1:3" ht="19.2">
      <c r="A38696" s="2"/>
      <c r="B38696" s="2"/>
      <c r="C38696" s="2"/>
    </row>
    <row r="38697" spans="1:3" ht="19.2">
      <c r="A38697" s="2"/>
      <c r="B38697" s="2"/>
      <c r="C38697" s="2"/>
    </row>
    <row r="38698" spans="1:3" ht="19.2">
      <c r="A38698" s="2"/>
      <c r="B38698" s="2"/>
      <c r="C38698" s="2"/>
    </row>
    <row r="38699" spans="1:3" ht="19.2">
      <c r="A38699" s="2"/>
      <c r="B38699" s="2"/>
      <c r="C38699" s="2"/>
    </row>
    <row r="38700" spans="1:3" ht="19.2">
      <c r="A38700" s="2"/>
      <c r="B38700" s="2"/>
      <c r="C38700" s="2"/>
    </row>
    <row r="38701" spans="1:3" ht="19.2">
      <c r="A38701" s="2"/>
      <c r="B38701" s="2"/>
      <c r="C38701" s="2"/>
    </row>
    <row r="38702" spans="1:3" ht="19.2">
      <c r="A38702" s="2"/>
      <c r="B38702" s="2"/>
      <c r="C38702" s="2"/>
    </row>
    <row r="38703" spans="1:3" ht="19.2">
      <c r="A38703" s="2"/>
      <c r="B38703" s="2"/>
      <c r="C38703" s="2"/>
    </row>
    <row r="38704" spans="1:3" ht="19.2">
      <c r="A38704" s="2"/>
      <c r="B38704" s="2"/>
      <c r="C38704" s="2"/>
    </row>
    <row r="38705" spans="1:3" ht="19.2">
      <c r="A38705" s="2"/>
      <c r="B38705" s="2"/>
      <c r="C38705" s="2"/>
    </row>
    <row r="38706" spans="1:3" ht="19.2">
      <c r="A38706" s="2"/>
      <c r="B38706" s="2"/>
      <c r="C38706" s="2"/>
    </row>
    <row r="38707" spans="1:3" ht="19.2">
      <c r="A38707" s="2"/>
      <c r="B38707" s="2"/>
      <c r="C38707" s="2"/>
    </row>
    <row r="38708" spans="1:3" ht="19.2">
      <c r="A38708" s="2"/>
      <c r="B38708" s="2"/>
      <c r="C38708" s="2"/>
    </row>
    <row r="38709" spans="1:3" ht="19.2">
      <c r="A38709" s="2"/>
      <c r="B38709" s="2"/>
      <c r="C38709" s="2"/>
    </row>
    <row r="38710" spans="1:3" ht="19.2">
      <c r="A38710" s="2"/>
      <c r="B38710" s="2"/>
      <c r="C38710" s="2"/>
    </row>
    <row r="38711" spans="1:3" ht="19.2">
      <c r="A38711" s="2"/>
      <c r="B38711" s="2"/>
      <c r="C38711" s="2"/>
    </row>
    <row r="38712" spans="1:3" ht="19.2">
      <c r="A38712" s="2"/>
      <c r="B38712" s="2"/>
      <c r="C38712" s="2"/>
    </row>
    <row r="38713" spans="1:3" ht="19.2">
      <c r="A38713" s="2"/>
      <c r="B38713" s="2"/>
      <c r="C38713" s="2"/>
    </row>
    <row r="38714" spans="1:3" ht="19.2">
      <c r="A38714" s="2"/>
      <c r="B38714" s="2"/>
      <c r="C38714" s="2"/>
    </row>
    <row r="38715" spans="1:3" ht="19.2">
      <c r="A38715" s="2"/>
      <c r="B38715" s="2"/>
      <c r="C38715" s="2"/>
    </row>
    <row r="38716" spans="1:3" ht="19.2">
      <c r="A38716" s="2"/>
      <c r="B38716" s="2"/>
      <c r="C38716" s="2"/>
    </row>
    <row r="38717" spans="1:3" ht="19.2">
      <c r="A38717" s="2"/>
      <c r="B38717" s="2"/>
      <c r="C38717" s="2"/>
    </row>
    <row r="38718" spans="1:3" ht="19.2">
      <c r="A38718" s="2"/>
      <c r="B38718" s="2"/>
      <c r="C38718" s="2"/>
    </row>
    <row r="38719" spans="1:3" ht="19.2">
      <c r="A38719" s="2"/>
      <c r="B38719" s="2"/>
      <c r="C38719" s="2"/>
    </row>
    <row r="38720" spans="1:3" ht="19.2">
      <c r="A38720" s="2"/>
      <c r="B38720" s="2"/>
      <c r="C38720" s="2"/>
    </row>
    <row r="38721" spans="1:3" ht="19.2">
      <c r="A38721" s="2"/>
      <c r="B38721" s="2"/>
      <c r="C38721" s="2"/>
    </row>
    <row r="38722" spans="1:3" ht="19.2">
      <c r="A38722" s="2"/>
      <c r="B38722" s="2"/>
      <c r="C38722" s="2"/>
    </row>
    <row r="38723" spans="1:3" ht="19.2">
      <c r="A38723" s="2"/>
      <c r="B38723" s="2"/>
      <c r="C38723" s="2"/>
    </row>
    <row r="38724" spans="1:3" ht="19.2">
      <c r="A38724" s="2"/>
      <c r="B38724" s="2"/>
      <c r="C38724" s="2"/>
    </row>
    <row r="38725" spans="1:3" ht="19.2">
      <c r="A38725" s="2"/>
      <c r="B38725" s="2"/>
      <c r="C38725" s="2"/>
    </row>
    <row r="38726" spans="1:3" ht="19.2">
      <c r="A38726" s="2"/>
      <c r="B38726" s="2"/>
      <c r="C38726" s="2"/>
    </row>
    <row r="38727" spans="1:3" ht="19.2">
      <c r="A38727" s="2"/>
      <c r="B38727" s="2"/>
      <c r="C38727" s="2"/>
    </row>
    <row r="38728" spans="1:3" ht="19.2">
      <c r="A38728" s="2"/>
      <c r="B38728" s="2"/>
      <c r="C38728" s="2"/>
    </row>
    <row r="38729" spans="1:3" ht="19.2">
      <c r="A38729" s="2"/>
      <c r="B38729" s="2"/>
      <c r="C38729" s="2"/>
    </row>
    <row r="38730" spans="1:3" ht="19.2">
      <c r="A38730" s="2"/>
      <c r="B38730" s="2"/>
      <c r="C38730" s="2"/>
    </row>
    <row r="38731" spans="1:3" ht="19.2">
      <c r="A38731" s="2"/>
      <c r="B38731" s="2"/>
      <c r="C38731" s="2"/>
    </row>
    <row r="38732" spans="1:3" ht="19.2">
      <c r="A38732" s="2"/>
      <c r="B38732" s="2"/>
      <c r="C38732" s="2"/>
    </row>
    <row r="38733" spans="1:3" ht="19.2">
      <c r="A38733" s="2"/>
      <c r="B38733" s="2"/>
      <c r="C38733" s="2"/>
    </row>
    <row r="38734" spans="1:3" ht="19.2">
      <c r="A38734" s="2"/>
      <c r="B38734" s="2"/>
      <c r="C38734" s="2"/>
    </row>
    <row r="38735" spans="1:3" ht="19.2">
      <c r="A38735" s="2"/>
      <c r="B38735" s="2"/>
      <c r="C38735" s="2"/>
    </row>
    <row r="38736" spans="1:3" ht="19.2">
      <c r="A38736" s="2"/>
      <c r="B38736" s="2"/>
      <c r="C38736" s="2"/>
    </row>
    <row r="38737" spans="1:3" ht="19.2">
      <c r="A38737" s="2"/>
      <c r="B38737" s="2"/>
      <c r="C38737" s="2"/>
    </row>
    <row r="38738" spans="1:3" ht="19.2">
      <c r="A38738" s="2"/>
      <c r="B38738" s="2"/>
      <c r="C38738" s="2"/>
    </row>
    <row r="38739" spans="1:3" ht="19.2">
      <c r="A38739" s="2"/>
      <c r="B38739" s="2"/>
      <c r="C38739" s="2"/>
    </row>
    <row r="38740" spans="1:3" ht="19.2">
      <c r="A38740" s="2"/>
      <c r="B38740" s="2"/>
      <c r="C38740" s="2"/>
    </row>
    <row r="38741" spans="1:3" ht="19.2">
      <c r="A38741" s="2"/>
      <c r="B38741" s="2"/>
      <c r="C38741" s="2"/>
    </row>
    <row r="38742" spans="1:3" ht="19.2">
      <c r="A38742" s="2"/>
      <c r="B38742" s="2"/>
      <c r="C38742" s="2"/>
    </row>
    <row r="38743" spans="1:3" ht="19.2">
      <c r="A38743" s="2"/>
      <c r="B38743" s="2"/>
      <c r="C38743" s="2"/>
    </row>
    <row r="38744" spans="1:3" ht="19.2">
      <c r="A38744" s="2"/>
      <c r="B38744" s="2"/>
      <c r="C38744" s="2"/>
    </row>
    <row r="38745" spans="1:3" ht="19.2">
      <c r="A38745" s="2"/>
      <c r="B38745" s="2"/>
      <c r="C38745" s="2"/>
    </row>
    <row r="38746" spans="1:3" ht="19.2">
      <c r="A38746" s="2"/>
      <c r="B38746" s="2"/>
      <c r="C38746" s="2"/>
    </row>
    <row r="38747" spans="1:3" ht="19.2">
      <c r="A38747" s="2"/>
      <c r="B38747" s="2"/>
      <c r="C38747" s="2"/>
    </row>
    <row r="38748" spans="1:3" ht="19.2">
      <c r="A38748" s="2"/>
      <c r="B38748" s="2"/>
      <c r="C38748" s="2"/>
    </row>
    <row r="38749" spans="1:3" ht="19.2">
      <c r="A38749" s="2"/>
      <c r="B38749" s="2"/>
      <c r="C38749" s="2"/>
    </row>
    <row r="38750" spans="1:3" ht="19.2">
      <c r="A38750" s="2"/>
      <c r="B38750" s="2"/>
      <c r="C38750" s="2"/>
    </row>
    <row r="38751" spans="1:3" ht="19.2">
      <c r="A38751" s="2"/>
      <c r="B38751" s="2"/>
      <c r="C38751" s="2"/>
    </row>
    <row r="38752" spans="1:3" ht="19.2">
      <c r="A38752" s="2"/>
      <c r="B38752" s="2"/>
      <c r="C38752" s="2"/>
    </row>
    <row r="38753" spans="1:3" ht="19.2">
      <c r="A38753" s="2"/>
      <c r="B38753" s="2"/>
      <c r="C38753" s="2"/>
    </row>
    <row r="38754" spans="1:3" ht="19.2">
      <c r="A38754" s="2"/>
      <c r="B38754" s="2"/>
      <c r="C38754" s="2"/>
    </row>
    <row r="38755" spans="1:3" ht="19.2">
      <c r="A38755" s="2"/>
      <c r="B38755" s="2"/>
      <c r="C38755" s="2"/>
    </row>
    <row r="38756" spans="1:3" ht="19.2">
      <c r="A38756" s="2"/>
      <c r="B38756" s="2"/>
      <c r="C38756" s="2"/>
    </row>
    <row r="38757" spans="1:3" ht="19.2">
      <c r="A38757" s="2"/>
      <c r="B38757" s="2"/>
      <c r="C38757" s="2"/>
    </row>
    <row r="38758" spans="1:3" ht="19.2">
      <c r="A38758" s="2"/>
      <c r="B38758" s="2"/>
      <c r="C38758" s="2"/>
    </row>
    <row r="38759" spans="1:3" ht="19.2">
      <c r="A38759" s="2"/>
      <c r="B38759" s="2"/>
      <c r="C38759" s="2"/>
    </row>
    <row r="38760" spans="1:3" ht="19.2">
      <c r="A38760" s="2"/>
      <c r="B38760" s="2"/>
      <c r="C38760" s="2"/>
    </row>
    <row r="38761" spans="1:3" ht="19.2">
      <c r="A38761" s="2"/>
      <c r="B38761" s="2"/>
      <c r="C38761" s="2"/>
    </row>
    <row r="38762" spans="1:3" ht="19.2">
      <c r="A38762" s="2"/>
      <c r="B38762" s="2"/>
      <c r="C38762" s="2"/>
    </row>
    <row r="38763" spans="1:3" ht="19.2">
      <c r="A38763" s="2"/>
      <c r="B38763" s="2"/>
      <c r="C38763" s="2"/>
    </row>
    <row r="38764" spans="1:3" ht="19.2">
      <c r="A38764" s="2"/>
      <c r="B38764" s="2"/>
      <c r="C38764" s="2"/>
    </row>
    <row r="38765" spans="1:3" ht="19.2">
      <c r="A38765" s="2"/>
      <c r="B38765" s="2"/>
      <c r="C38765" s="2"/>
    </row>
    <row r="38766" spans="1:3" ht="19.2">
      <c r="A38766" s="2"/>
      <c r="B38766" s="2"/>
      <c r="C38766" s="2"/>
    </row>
    <row r="38767" spans="1:3" ht="19.2">
      <c r="A38767" s="2"/>
      <c r="B38767" s="2"/>
      <c r="C38767" s="2"/>
    </row>
    <row r="38768" spans="1:3" ht="19.2">
      <c r="A38768" s="2"/>
      <c r="B38768" s="2"/>
      <c r="C38768" s="2"/>
    </row>
    <row r="38769" spans="1:3" ht="19.2">
      <c r="A38769" s="2"/>
      <c r="B38769" s="2"/>
      <c r="C38769" s="2"/>
    </row>
    <row r="38770" spans="1:3" ht="19.2">
      <c r="A38770" s="2"/>
      <c r="B38770" s="2"/>
      <c r="C38770" s="2"/>
    </row>
    <row r="38771" spans="1:3" ht="19.2">
      <c r="A38771" s="2"/>
      <c r="B38771" s="2"/>
      <c r="C38771" s="2"/>
    </row>
    <row r="38772" spans="1:3" ht="19.2">
      <c r="A38772" s="2"/>
      <c r="B38772" s="2"/>
      <c r="C38772" s="2"/>
    </row>
    <row r="38773" spans="1:3" ht="19.2">
      <c r="A38773" s="2"/>
      <c r="B38773" s="2"/>
      <c r="C38773" s="2"/>
    </row>
    <row r="38774" spans="1:3" ht="19.2">
      <c r="A38774" s="2"/>
      <c r="B38774" s="2"/>
      <c r="C38774" s="2"/>
    </row>
    <row r="38775" spans="1:3" ht="19.2">
      <c r="A38775" s="2"/>
      <c r="B38775" s="2"/>
      <c r="C38775" s="2"/>
    </row>
    <row r="38776" spans="1:3" ht="19.2">
      <c r="A38776" s="2"/>
      <c r="B38776" s="2"/>
      <c r="C38776" s="2"/>
    </row>
    <row r="38777" spans="1:3" ht="19.2">
      <c r="A38777" s="2"/>
      <c r="B38777" s="2"/>
      <c r="C38777" s="2"/>
    </row>
    <row r="38778" spans="1:3" ht="19.2">
      <c r="A38778" s="2"/>
      <c r="B38778" s="2"/>
      <c r="C38778" s="2"/>
    </row>
    <row r="38779" spans="1:3" ht="19.2">
      <c r="A38779" s="2"/>
      <c r="B38779" s="2"/>
      <c r="C38779" s="2"/>
    </row>
    <row r="38780" spans="1:3" ht="19.2">
      <c r="A38780" s="2"/>
      <c r="B38780" s="2"/>
      <c r="C38780" s="2"/>
    </row>
    <row r="38781" spans="1:3" ht="19.2">
      <c r="A38781" s="2"/>
      <c r="B38781" s="2"/>
      <c r="C38781" s="2"/>
    </row>
    <row r="38782" spans="1:3" ht="19.2">
      <c r="A38782" s="2"/>
      <c r="B38782" s="2"/>
      <c r="C38782" s="2"/>
    </row>
    <row r="38783" spans="1:3" ht="19.2">
      <c r="A38783" s="2"/>
      <c r="B38783" s="2"/>
      <c r="C38783" s="2"/>
    </row>
    <row r="38784" spans="1:3" ht="19.2">
      <c r="A38784" s="2"/>
      <c r="B38784" s="2"/>
      <c r="C38784" s="2"/>
    </row>
    <row r="38785" spans="1:3" ht="19.2">
      <c r="A38785" s="2"/>
      <c r="B38785" s="2"/>
      <c r="C38785" s="2"/>
    </row>
    <row r="38786" spans="1:3" ht="19.2">
      <c r="A38786" s="2"/>
      <c r="B38786" s="2"/>
      <c r="C38786" s="2"/>
    </row>
    <row r="38787" spans="1:3" ht="19.2">
      <c r="A38787" s="2"/>
      <c r="B38787" s="2"/>
      <c r="C38787" s="2"/>
    </row>
    <row r="38788" spans="1:3" ht="19.2">
      <c r="A38788" s="2"/>
      <c r="B38788" s="2"/>
      <c r="C38788" s="2"/>
    </row>
    <row r="38789" spans="1:3" ht="19.2">
      <c r="A38789" s="2"/>
      <c r="B38789" s="2"/>
      <c r="C38789" s="2"/>
    </row>
    <row r="38790" spans="1:3" ht="19.2">
      <c r="A38790" s="2"/>
      <c r="B38790" s="2"/>
      <c r="C38790" s="2"/>
    </row>
    <row r="38791" spans="1:3" ht="19.2">
      <c r="A38791" s="2"/>
      <c r="B38791" s="2"/>
      <c r="C38791" s="2"/>
    </row>
    <row r="38792" spans="1:3" ht="19.2">
      <c r="A38792" s="2"/>
      <c r="B38792" s="2"/>
      <c r="C38792" s="2"/>
    </row>
    <row r="38793" spans="1:3" ht="19.2">
      <c r="A38793" s="2"/>
      <c r="B38793" s="2"/>
      <c r="C38793" s="2"/>
    </row>
    <row r="38794" spans="1:3" ht="19.2">
      <c r="A38794" s="2"/>
      <c r="B38794" s="2"/>
      <c r="C38794" s="2"/>
    </row>
    <row r="38795" spans="1:3" ht="19.2">
      <c r="A38795" s="2"/>
      <c r="B38795" s="2"/>
      <c r="C38795" s="2"/>
    </row>
    <row r="38796" spans="1:3" ht="19.2">
      <c r="A38796" s="2"/>
      <c r="B38796" s="2"/>
      <c r="C38796" s="2"/>
    </row>
    <row r="38797" spans="1:3" ht="19.2">
      <c r="A38797" s="2"/>
      <c r="B38797" s="2"/>
      <c r="C38797" s="2"/>
    </row>
    <row r="38798" spans="1:3" ht="19.2">
      <c r="A38798" s="2"/>
      <c r="B38798" s="2"/>
      <c r="C38798" s="2"/>
    </row>
    <row r="38799" spans="1:3" ht="19.2">
      <c r="A38799" s="2"/>
      <c r="B38799" s="2"/>
      <c r="C38799" s="2"/>
    </row>
    <row r="38800" spans="1:3" ht="19.2">
      <c r="A38800" s="2"/>
      <c r="B38800" s="2"/>
      <c r="C38800" s="2"/>
    </row>
    <row r="38801" spans="1:3" ht="19.2">
      <c r="A38801" s="2"/>
      <c r="B38801" s="2"/>
      <c r="C38801" s="2"/>
    </row>
    <row r="38802" spans="1:3" ht="19.2">
      <c r="A38802" s="2"/>
      <c r="B38802" s="2"/>
      <c r="C38802" s="2"/>
    </row>
    <row r="38803" spans="1:3" ht="19.2">
      <c r="A38803" s="2"/>
      <c r="B38803" s="2"/>
      <c r="C38803" s="2"/>
    </row>
    <row r="38804" spans="1:3" ht="19.2">
      <c r="A38804" s="2"/>
      <c r="B38804" s="2"/>
      <c r="C38804" s="2"/>
    </row>
    <row r="38805" spans="1:3" ht="19.2">
      <c r="A38805" s="2"/>
      <c r="B38805" s="2"/>
      <c r="C38805" s="2"/>
    </row>
    <row r="38806" spans="1:3" ht="19.2">
      <c r="A38806" s="2"/>
      <c r="B38806" s="2"/>
      <c r="C38806" s="2"/>
    </row>
    <row r="38807" spans="1:3" ht="19.2">
      <c r="A38807" s="2"/>
      <c r="B38807" s="2"/>
      <c r="C38807" s="2"/>
    </row>
    <row r="38808" spans="1:3" ht="19.2">
      <c r="A38808" s="2"/>
      <c r="B38808" s="2"/>
      <c r="C38808" s="2"/>
    </row>
    <row r="38809" spans="1:3" ht="19.2">
      <c r="A38809" s="2"/>
      <c r="B38809" s="2"/>
      <c r="C38809" s="2"/>
    </row>
    <row r="38810" spans="1:3" ht="19.2">
      <c r="A38810" s="2"/>
      <c r="B38810" s="2"/>
      <c r="C38810" s="2"/>
    </row>
    <row r="38811" spans="1:3" ht="19.2">
      <c r="A38811" s="2"/>
      <c r="B38811" s="2"/>
      <c r="C38811" s="2"/>
    </row>
    <row r="38812" spans="1:3" ht="19.2">
      <c r="A38812" s="2"/>
      <c r="B38812" s="2"/>
      <c r="C38812" s="2"/>
    </row>
    <row r="38813" spans="1:3" ht="19.2">
      <c r="A38813" s="2"/>
      <c r="B38813" s="2"/>
      <c r="C38813" s="2"/>
    </row>
    <row r="38814" spans="1:3" ht="19.2">
      <c r="A38814" s="2"/>
      <c r="B38814" s="2"/>
      <c r="C38814" s="2"/>
    </row>
    <row r="38815" spans="1:3" ht="19.2">
      <c r="A38815" s="2"/>
      <c r="B38815" s="2"/>
      <c r="C38815" s="2"/>
    </row>
    <row r="38816" spans="1:3" ht="19.2">
      <c r="A38816" s="2"/>
      <c r="B38816" s="2"/>
      <c r="C38816" s="2"/>
    </row>
    <row r="38817" spans="1:3" ht="19.2">
      <c r="A38817" s="2"/>
      <c r="B38817" s="2"/>
      <c r="C38817" s="2"/>
    </row>
    <row r="38818" spans="1:3" ht="19.2">
      <c r="A38818" s="2"/>
      <c r="B38818" s="2"/>
      <c r="C38818" s="2"/>
    </row>
    <row r="38819" spans="1:3" ht="19.2">
      <c r="A38819" s="2"/>
      <c r="B38819" s="2"/>
      <c r="C38819" s="2"/>
    </row>
    <row r="38820" spans="1:3" ht="19.2">
      <c r="A38820" s="2"/>
      <c r="B38820" s="2"/>
      <c r="C38820" s="2"/>
    </row>
    <row r="38821" spans="1:3" ht="19.2">
      <c r="A38821" s="2"/>
      <c r="B38821" s="2"/>
      <c r="C38821" s="2"/>
    </row>
    <row r="38822" spans="1:3" ht="19.2">
      <c r="A38822" s="2"/>
      <c r="B38822" s="2"/>
      <c r="C38822" s="2"/>
    </row>
    <row r="38823" spans="1:3" ht="19.2">
      <c r="A38823" s="2"/>
      <c r="B38823" s="2"/>
      <c r="C38823" s="2"/>
    </row>
    <row r="38824" spans="1:3" ht="19.2">
      <c r="A38824" s="2"/>
      <c r="B38824" s="2"/>
      <c r="C38824" s="2"/>
    </row>
    <row r="38825" spans="1:3" ht="19.2">
      <c r="A38825" s="2"/>
      <c r="B38825" s="2"/>
      <c r="C38825" s="2"/>
    </row>
    <row r="38826" spans="1:3" ht="19.2">
      <c r="A38826" s="2"/>
      <c r="B38826" s="2"/>
      <c r="C38826" s="2"/>
    </row>
    <row r="38827" spans="1:3" ht="19.2">
      <c r="A38827" s="2"/>
      <c r="B38827" s="2"/>
      <c r="C38827" s="2"/>
    </row>
    <row r="38828" spans="1:3" ht="19.2">
      <c r="A38828" s="2"/>
      <c r="B38828" s="2"/>
      <c r="C38828" s="2"/>
    </row>
    <row r="38829" spans="1:3" ht="19.2">
      <c r="A38829" s="2"/>
      <c r="B38829" s="2"/>
      <c r="C38829" s="2"/>
    </row>
    <row r="38830" spans="1:3" ht="19.2">
      <c r="A38830" s="2"/>
      <c r="B38830" s="2"/>
      <c r="C38830" s="2"/>
    </row>
    <row r="38831" spans="1:3" ht="19.2">
      <c r="A38831" s="2"/>
      <c r="B38831" s="2"/>
      <c r="C38831" s="2"/>
    </row>
    <row r="38832" spans="1:3" ht="19.2">
      <c r="A38832" s="2"/>
      <c r="B38832" s="2"/>
      <c r="C38832" s="2"/>
    </row>
    <row r="38833" spans="1:3" ht="19.2">
      <c r="A38833" s="2"/>
      <c r="B38833" s="2"/>
      <c r="C38833" s="2"/>
    </row>
    <row r="38834" spans="1:3" ht="19.2">
      <c r="A38834" s="2"/>
      <c r="B38834" s="2"/>
      <c r="C38834" s="2"/>
    </row>
    <row r="38835" spans="1:3" ht="19.2">
      <c r="A38835" s="2"/>
      <c r="B38835" s="2"/>
      <c r="C38835" s="2"/>
    </row>
    <row r="38836" spans="1:3" ht="19.2">
      <c r="A38836" s="2"/>
      <c r="B38836" s="2"/>
      <c r="C38836" s="2"/>
    </row>
    <row r="38837" spans="1:3" ht="19.2">
      <c r="A38837" s="2"/>
      <c r="B38837" s="2"/>
      <c r="C38837" s="2"/>
    </row>
    <row r="38838" spans="1:3" ht="19.2">
      <c r="A38838" s="2"/>
      <c r="B38838" s="2"/>
      <c r="C38838" s="2"/>
    </row>
    <row r="38839" spans="1:3" ht="19.2">
      <c r="A38839" s="2"/>
      <c r="B38839" s="2"/>
      <c r="C38839" s="2"/>
    </row>
    <row r="38840" spans="1:3" ht="19.2">
      <c r="A38840" s="2"/>
      <c r="B38840" s="2"/>
      <c r="C38840" s="2"/>
    </row>
    <row r="38841" spans="1:3" ht="19.2">
      <c r="A38841" s="2"/>
      <c r="B38841" s="2"/>
      <c r="C38841" s="2"/>
    </row>
    <row r="38842" spans="1:3" ht="19.2">
      <c r="A38842" s="2"/>
      <c r="B38842" s="2"/>
      <c r="C38842" s="2"/>
    </row>
    <row r="38843" spans="1:3" ht="19.2">
      <c r="A38843" s="2"/>
      <c r="B38843" s="2"/>
      <c r="C38843" s="2"/>
    </row>
    <row r="38844" spans="1:3" ht="19.2">
      <c r="A38844" s="2"/>
      <c r="B38844" s="2"/>
      <c r="C38844" s="2"/>
    </row>
    <row r="38845" spans="1:3" ht="19.2">
      <c r="A38845" s="2"/>
      <c r="B38845" s="2"/>
      <c r="C38845" s="2"/>
    </row>
    <row r="38846" spans="1:3" ht="19.2">
      <c r="A38846" s="2"/>
      <c r="B38846" s="2"/>
      <c r="C38846" s="2"/>
    </row>
    <row r="38847" spans="1:3" ht="19.2">
      <c r="A38847" s="2"/>
      <c r="B38847" s="2"/>
      <c r="C38847" s="2"/>
    </row>
    <row r="38848" spans="1:3" ht="19.2">
      <c r="A38848" s="2"/>
      <c r="B38848" s="2"/>
      <c r="C38848" s="2"/>
    </row>
    <row r="38849" spans="1:3" ht="19.2">
      <c r="A38849" s="2"/>
      <c r="B38849" s="2"/>
      <c r="C38849" s="2"/>
    </row>
    <row r="38850" spans="1:3" ht="19.2">
      <c r="A38850" s="2"/>
      <c r="B38850" s="2"/>
      <c r="C38850" s="2"/>
    </row>
    <row r="38851" spans="1:3" ht="19.2">
      <c r="A38851" s="2"/>
      <c r="B38851" s="2"/>
      <c r="C38851" s="2"/>
    </row>
    <row r="38852" spans="1:3" ht="19.2">
      <c r="A38852" s="2"/>
      <c r="B38852" s="2"/>
      <c r="C38852" s="2"/>
    </row>
    <row r="38853" spans="1:3" ht="19.2">
      <c r="A38853" s="2"/>
      <c r="B38853" s="2"/>
      <c r="C38853" s="2"/>
    </row>
    <row r="38854" spans="1:3" ht="19.2">
      <c r="A38854" s="2"/>
      <c r="B38854" s="2"/>
      <c r="C38854" s="2"/>
    </row>
    <row r="38855" spans="1:3" ht="19.2">
      <c r="A38855" s="2"/>
      <c r="B38855" s="2"/>
      <c r="C38855" s="2"/>
    </row>
    <row r="38856" spans="1:3" ht="19.2">
      <c r="A38856" s="2"/>
      <c r="B38856" s="2"/>
      <c r="C38856" s="2"/>
    </row>
    <row r="38857" spans="1:3" ht="19.2">
      <c r="A38857" s="2"/>
      <c r="B38857" s="2"/>
      <c r="C38857" s="2"/>
    </row>
    <row r="38858" spans="1:3" ht="19.2">
      <c r="A38858" s="2"/>
      <c r="B38858" s="2"/>
      <c r="C38858" s="2"/>
    </row>
    <row r="38859" spans="1:3" ht="19.2">
      <c r="A38859" s="2"/>
      <c r="B38859" s="2"/>
      <c r="C38859" s="2"/>
    </row>
    <row r="38860" spans="1:3" ht="19.2">
      <c r="A38860" s="2"/>
      <c r="B38860" s="2"/>
      <c r="C38860" s="2"/>
    </row>
    <row r="38861" spans="1:3" ht="19.2">
      <c r="A38861" s="2"/>
      <c r="B38861" s="2"/>
      <c r="C38861" s="2"/>
    </row>
    <row r="38862" spans="1:3" ht="19.2">
      <c r="A38862" s="2"/>
      <c r="B38862" s="2"/>
      <c r="C38862" s="2"/>
    </row>
    <row r="38863" spans="1:3" ht="19.2">
      <c r="A38863" s="2"/>
      <c r="B38863" s="2"/>
      <c r="C38863" s="2"/>
    </row>
    <row r="38864" spans="1:3" ht="19.2">
      <c r="A38864" s="2"/>
      <c r="B38864" s="2"/>
      <c r="C38864" s="2"/>
    </row>
    <row r="38865" spans="1:3" ht="19.2">
      <c r="A38865" s="2"/>
      <c r="B38865" s="2"/>
      <c r="C38865" s="2"/>
    </row>
    <row r="38866" spans="1:3" ht="19.2">
      <c r="A38866" s="2"/>
      <c r="B38866" s="2"/>
      <c r="C38866" s="2"/>
    </row>
    <row r="38867" spans="1:3" ht="19.2">
      <c r="A38867" s="2"/>
      <c r="B38867" s="2"/>
      <c r="C38867" s="2"/>
    </row>
    <row r="38868" spans="1:3" ht="19.2">
      <c r="A38868" s="2"/>
      <c r="B38868" s="2"/>
      <c r="C38868" s="2"/>
    </row>
    <row r="38869" spans="1:3" ht="19.2">
      <c r="A38869" s="2"/>
      <c r="B38869" s="2"/>
      <c r="C38869" s="2"/>
    </row>
    <row r="38870" spans="1:3" ht="19.2">
      <c r="A38870" s="2"/>
      <c r="B38870" s="2"/>
      <c r="C38870" s="2"/>
    </row>
    <row r="38871" spans="1:3" ht="19.2">
      <c r="A38871" s="2"/>
      <c r="B38871" s="2"/>
      <c r="C38871" s="2"/>
    </row>
    <row r="38872" spans="1:3" ht="19.2">
      <c r="A38872" s="2"/>
      <c r="B38872" s="2"/>
      <c r="C38872" s="2"/>
    </row>
    <row r="38873" spans="1:3" ht="19.2">
      <c r="A38873" s="2"/>
      <c r="B38873" s="2"/>
      <c r="C38873" s="2"/>
    </row>
    <row r="38874" spans="1:3" ht="19.2">
      <c r="A38874" s="2"/>
      <c r="B38874" s="2"/>
      <c r="C38874" s="2"/>
    </row>
    <row r="38875" spans="1:3" ht="19.2">
      <c r="A38875" s="2"/>
      <c r="B38875" s="2"/>
      <c r="C38875" s="2"/>
    </row>
    <row r="38876" spans="1:3" ht="19.2">
      <c r="A38876" s="2"/>
      <c r="B38876" s="2"/>
      <c r="C38876" s="2"/>
    </row>
    <row r="38877" spans="1:3" ht="19.2">
      <c r="A38877" s="2"/>
      <c r="B38877" s="2"/>
      <c r="C38877" s="2"/>
    </row>
    <row r="38878" spans="1:3" ht="19.2">
      <c r="A38878" s="2"/>
      <c r="B38878" s="2"/>
      <c r="C38878" s="2"/>
    </row>
    <row r="38879" spans="1:3" ht="19.2">
      <c r="A38879" s="2"/>
      <c r="B38879" s="2"/>
      <c r="C38879" s="2"/>
    </row>
    <row r="38880" spans="1:3" ht="19.2">
      <c r="A38880" s="2"/>
      <c r="B38880" s="2"/>
      <c r="C38880" s="2"/>
    </row>
    <row r="38881" spans="1:3" ht="19.2">
      <c r="A38881" s="2"/>
      <c r="B38881" s="2"/>
      <c r="C38881" s="2"/>
    </row>
    <row r="38882" spans="1:3" ht="19.2">
      <c r="A38882" s="2"/>
      <c r="B38882" s="2"/>
      <c r="C38882" s="2"/>
    </row>
    <row r="38883" spans="1:3" ht="19.2">
      <c r="A38883" s="2"/>
      <c r="B38883" s="2"/>
      <c r="C38883" s="2"/>
    </row>
    <row r="38884" spans="1:3" ht="19.2">
      <c r="A38884" s="2"/>
      <c r="B38884" s="2"/>
      <c r="C38884" s="2"/>
    </row>
    <row r="38885" spans="1:3" ht="19.2">
      <c r="A38885" s="2"/>
      <c r="B38885" s="2"/>
      <c r="C38885" s="2"/>
    </row>
    <row r="38886" spans="1:3" ht="19.2">
      <c r="A38886" s="2"/>
      <c r="B38886" s="2"/>
      <c r="C38886" s="2"/>
    </row>
    <row r="38887" spans="1:3" ht="19.2">
      <c r="A38887" s="2"/>
      <c r="B38887" s="2"/>
      <c r="C38887" s="2"/>
    </row>
    <row r="38888" spans="1:3" ht="19.2">
      <c r="A38888" s="2"/>
      <c r="B38888" s="2"/>
      <c r="C38888" s="2"/>
    </row>
    <row r="38889" spans="1:3" ht="19.2">
      <c r="A38889" s="2"/>
      <c r="B38889" s="2"/>
      <c r="C38889" s="2"/>
    </row>
    <row r="38890" spans="1:3" ht="19.2">
      <c r="A38890" s="2"/>
      <c r="B38890" s="2"/>
      <c r="C38890" s="2"/>
    </row>
    <row r="38891" spans="1:3" ht="19.2">
      <c r="A38891" s="2"/>
      <c r="B38891" s="2"/>
      <c r="C38891" s="2"/>
    </row>
    <row r="38892" spans="1:3" ht="19.2">
      <c r="A38892" s="2"/>
      <c r="B38892" s="2"/>
      <c r="C38892" s="2"/>
    </row>
    <row r="38893" spans="1:3" ht="19.2">
      <c r="A38893" s="2"/>
      <c r="B38893" s="2"/>
      <c r="C38893" s="2"/>
    </row>
    <row r="38894" spans="1:3" ht="19.2">
      <c r="A38894" s="2"/>
      <c r="B38894" s="2"/>
      <c r="C38894" s="2"/>
    </row>
    <row r="38895" spans="1:3" ht="19.2">
      <c r="A38895" s="2"/>
      <c r="B38895" s="2"/>
      <c r="C38895" s="2"/>
    </row>
    <row r="38896" spans="1:3" ht="19.2">
      <c r="A38896" s="2"/>
      <c r="B38896" s="2"/>
      <c r="C38896" s="2"/>
    </row>
    <row r="38897" spans="1:3" ht="19.2">
      <c r="A38897" s="2"/>
      <c r="B38897" s="2"/>
      <c r="C38897" s="2"/>
    </row>
    <row r="38898" spans="1:3" ht="19.2">
      <c r="A38898" s="2"/>
      <c r="B38898" s="2"/>
      <c r="C38898" s="2"/>
    </row>
    <row r="38899" spans="1:3" ht="19.2">
      <c r="A38899" s="2"/>
      <c r="B38899" s="2"/>
      <c r="C38899" s="2"/>
    </row>
    <row r="38900" spans="1:3" ht="19.2">
      <c r="A38900" s="2"/>
      <c r="B38900" s="2"/>
      <c r="C38900" s="2"/>
    </row>
    <row r="38901" spans="1:3" ht="19.2">
      <c r="A38901" s="2"/>
      <c r="B38901" s="2"/>
      <c r="C38901" s="2"/>
    </row>
    <row r="38902" spans="1:3" ht="19.2">
      <c r="A38902" s="2"/>
      <c r="B38902" s="2"/>
      <c r="C38902" s="2"/>
    </row>
    <row r="38903" spans="1:3" ht="19.2">
      <c r="A38903" s="2"/>
      <c r="B38903" s="2"/>
      <c r="C38903" s="2"/>
    </row>
    <row r="38904" spans="1:3" ht="19.2">
      <c r="A38904" s="2"/>
      <c r="B38904" s="2"/>
      <c r="C38904" s="2"/>
    </row>
    <row r="38905" spans="1:3" ht="19.2">
      <c r="A38905" s="2"/>
      <c r="B38905" s="2"/>
      <c r="C38905" s="2"/>
    </row>
    <row r="38906" spans="1:3" ht="19.2">
      <c r="A38906" s="2"/>
      <c r="B38906" s="2"/>
      <c r="C38906" s="2"/>
    </row>
    <row r="38907" spans="1:3" ht="19.2">
      <c r="A38907" s="2"/>
      <c r="B38907" s="2"/>
      <c r="C38907" s="2"/>
    </row>
    <row r="38908" spans="1:3" ht="19.2">
      <c r="A38908" s="2"/>
      <c r="B38908" s="2"/>
      <c r="C38908" s="2"/>
    </row>
    <row r="38909" spans="1:3" ht="19.2">
      <c r="A38909" s="2"/>
      <c r="B38909" s="2"/>
      <c r="C38909" s="2"/>
    </row>
    <row r="38910" spans="1:3" ht="19.2">
      <c r="A38910" s="2"/>
      <c r="B38910" s="2"/>
      <c r="C38910" s="2"/>
    </row>
    <row r="38911" spans="1:3" ht="19.2">
      <c r="A38911" s="2"/>
      <c r="B38911" s="2"/>
      <c r="C38911" s="2"/>
    </row>
    <row r="38912" spans="1:3" ht="19.2">
      <c r="A38912" s="2"/>
      <c r="B38912" s="2"/>
      <c r="C38912" s="2"/>
    </row>
    <row r="38913" spans="1:3" ht="19.2">
      <c r="A38913" s="2"/>
      <c r="B38913" s="2"/>
      <c r="C38913" s="2"/>
    </row>
    <row r="38914" spans="1:3" ht="19.2">
      <c r="A38914" s="2"/>
      <c r="B38914" s="2"/>
      <c r="C38914" s="2"/>
    </row>
    <row r="38915" spans="1:3" ht="19.2">
      <c r="A38915" s="2"/>
      <c r="B38915" s="2"/>
      <c r="C38915" s="2"/>
    </row>
    <row r="38916" spans="1:3" ht="19.2">
      <c r="A38916" s="2"/>
      <c r="B38916" s="2"/>
      <c r="C38916" s="2"/>
    </row>
    <row r="38917" spans="1:3" ht="19.2">
      <c r="A38917" s="2"/>
      <c r="B38917" s="2"/>
      <c r="C38917" s="2"/>
    </row>
    <row r="38918" spans="1:3" ht="19.2">
      <c r="A38918" s="2"/>
      <c r="B38918" s="2"/>
      <c r="C38918" s="2"/>
    </row>
    <row r="38919" spans="1:3" ht="19.2">
      <c r="A38919" s="2"/>
      <c r="B38919" s="2"/>
      <c r="C38919" s="2"/>
    </row>
    <row r="38920" spans="1:3" ht="19.2">
      <c r="A38920" s="2"/>
      <c r="B38920" s="2"/>
      <c r="C38920" s="2"/>
    </row>
    <row r="38921" spans="1:3" ht="19.2">
      <c r="A38921" s="2"/>
      <c r="B38921" s="2"/>
      <c r="C38921" s="2"/>
    </row>
    <row r="38922" spans="1:3" ht="19.2">
      <c r="A38922" s="2"/>
      <c r="B38922" s="2"/>
      <c r="C38922" s="2"/>
    </row>
    <row r="38923" spans="1:3" ht="19.2">
      <c r="A38923" s="2"/>
      <c r="B38923" s="2"/>
      <c r="C38923" s="2"/>
    </row>
    <row r="38924" spans="1:3" ht="19.2">
      <c r="A38924" s="2"/>
      <c r="B38924" s="2"/>
      <c r="C38924" s="2"/>
    </row>
    <row r="38925" spans="1:3" ht="19.2">
      <c r="A38925" s="2"/>
      <c r="B38925" s="2"/>
      <c r="C38925" s="2"/>
    </row>
    <row r="38926" spans="1:3" ht="19.2">
      <c r="A38926" s="2"/>
      <c r="B38926" s="2"/>
      <c r="C38926" s="2"/>
    </row>
    <row r="38927" spans="1:3" ht="19.2">
      <c r="A38927" s="2"/>
      <c r="B38927" s="2"/>
      <c r="C38927" s="2"/>
    </row>
    <row r="38928" spans="1:3" ht="19.2">
      <c r="A38928" s="2"/>
      <c r="B38928" s="2"/>
      <c r="C38928" s="2"/>
    </row>
    <row r="38929" spans="1:3" ht="19.2">
      <c r="A38929" s="2"/>
      <c r="B38929" s="2"/>
      <c r="C38929" s="2"/>
    </row>
    <row r="38930" spans="1:3" ht="19.2">
      <c r="A38930" s="2"/>
      <c r="B38930" s="2"/>
      <c r="C38930" s="2"/>
    </row>
    <row r="38931" spans="1:3" ht="19.2">
      <c r="A38931" s="2"/>
      <c r="B38931" s="2"/>
      <c r="C38931" s="2"/>
    </row>
    <row r="38932" spans="1:3" ht="19.2">
      <c r="A38932" s="2"/>
      <c r="B38932" s="2"/>
      <c r="C38932" s="2"/>
    </row>
    <row r="38933" spans="1:3" ht="19.2">
      <c r="A38933" s="2"/>
      <c r="B38933" s="2"/>
      <c r="C38933" s="2"/>
    </row>
    <row r="38934" spans="1:3" ht="19.2">
      <c r="A38934" s="2"/>
      <c r="B38934" s="2"/>
      <c r="C38934" s="2"/>
    </row>
    <row r="38935" spans="1:3" ht="19.2">
      <c r="A38935" s="2"/>
      <c r="B38935" s="2"/>
      <c r="C38935" s="2"/>
    </row>
    <row r="38936" spans="1:3" ht="19.2">
      <c r="A38936" s="2"/>
      <c r="B38936" s="2"/>
      <c r="C38936" s="2"/>
    </row>
    <row r="38937" spans="1:3" ht="19.2">
      <c r="A38937" s="2"/>
      <c r="B38937" s="2"/>
      <c r="C38937" s="2"/>
    </row>
    <row r="38938" spans="1:3" ht="19.2">
      <c r="A38938" s="2"/>
      <c r="B38938" s="2"/>
      <c r="C38938" s="2"/>
    </row>
    <row r="38939" spans="1:3" ht="19.2">
      <c r="A38939" s="2"/>
      <c r="B38939" s="2"/>
      <c r="C38939" s="2"/>
    </row>
    <row r="38940" spans="1:3" ht="19.2">
      <c r="A38940" s="2"/>
      <c r="B38940" s="2"/>
      <c r="C38940" s="2"/>
    </row>
    <row r="38941" spans="1:3" ht="19.2">
      <c r="A38941" s="2"/>
      <c r="B38941" s="2"/>
      <c r="C38941" s="2"/>
    </row>
    <row r="38942" spans="1:3" ht="19.2">
      <c r="A38942" s="2"/>
      <c r="B38942" s="2"/>
      <c r="C38942" s="2"/>
    </row>
    <row r="38943" spans="1:3" ht="19.2">
      <c r="A38943" s="2"/>
      <c r="B38943" s="2"/>
      <c r="C38943" s="2"/>
    </row>
    <row r="38944" spans="1:3" ht="19.2">
      <c r="A38944" s="2"/>
      <c r="B38944" s="2"/>
      <c r="C38944" s="2"/>
    </row>
    <row r="38945" spans="1:3" ht="19.2">
      <c r="A38945" s="2"/>
      <c r="B38945" s="2"/>
      <c r="C38945" s="2"/>
    </row>
    <row r="38946" spans="1:3" ht="19.2">
      <c r="A38946" s="2"/>
      <c r="B38946" s="2"/>
      <c r="C38946" s="2"/>
    </row>
    <row r="38947" spans="1:3" ht="19.2">
      <c r="A38947" s="2"/>
      <c r="B38947" s="2"/>
      <c r="C38947" s="2"/>
    </row>
    <row r="38948" spans="1:3" ht="19.2">
      <c r="A38948" s="2"/>
      <c r="B38948" s="2"/>
      <c r="C38948" s="2"/>
    </row>
    <row r="38949" spans="1:3" ht="19.2">
      <c r="A38949" s="2"/>
      <c r="B38949" s="2"/>
      <c r="C38949" s="2"/>
    </row>
    <row r="38950" spans="1:3" ht="19.2">
      <c r="A38950" s="2"/>
      <c r="B38950" s="2"/>
      <c r="C38950" s="2"/>
    </row>
    <row r="38951" spans="1:3" ht="19.2">
      <c r="A38951" s="2"/>
      <c r="B38951" s="2"/>
      <c r="C38951" s="2"/>
    </row>
    <row r="38952" spans="1:3" ht="19.2">
      <c r="A38952" s="2"/>
      <c r="B38952" s="2"/>
      <c r="C38952" s="2"/>
    </row>
    <row r="38953" spans="1:3" ht="19.2">
      <c r="A38953" s="2"/>
      <c r="B38953" s="2"/>
      <c r="C38953" s="2"/>
    </row>
    <row r="38954" spans="1:3" ht="19.2">
      <c r="A38954" s="2"/>
      <c r="B38954" s="2"/>
      <c r="C38954" s="2"/>
    </row>
    <row r="38955" spans="1:3" ht="19.2">
      <c r="A38955" s="2"/>
      <c r="B38955" s="2"/>
      <c r="C38955" s="2"/>
    </row>
    <row r="38956" spans="1:3" ht="19.2">
      <c r="A38956" s="2"/>
      <c r="B38956" s="2"/>
      <c r="C38956" s="2"/>
    </row>
    <row r="38957" spans="1:3" ht="19.2">
      <c r="A38957" s="2"/>
      <c r="B38957" s="2"/>
      <c r="C38957" s="2"/>
    </row>
    <row r="38958" spans="1:3" ht="19.2">
      <c r="A38958" s="2"/>
      <c r="B38958" s="2"/>
      <c r="C38958" s="2"/>
    </row>
    <row r="38959" spans="1:3" ht="19.2">
      <c r="A38959" s="2"/>
      <c r="B38959" s="2"/>
      <c r="C38959" s="2"/>
    </row>
    <row r="38960" spans="1:3" ht="19.2">
      <c r="A38960" s="2"/>
      <c r="B38960" s="2"/>
      <c r="C38960" s="2"/>
    </row>
    <row r="38961" spans="1:3" ht="19.2">
      <c r="A38961" s="2"/>
      <c r="B38961" s="2"/>
      <c r="C38961" s="2"/>
    </row>
    <row r="38962" spans="1:3" ht="19.2">
      <c r="A38962" s="2"/>
      <c r="B38962" s="2"/>
      <c r="C38962" s="2"/>
    </row>
    <row r="38963" spans="1:3" ht="19.2">
      <c r="A38963" s="2"/>
      <c r="B38963" s="2"/>
      <c r="C38963" s="2"/>
    </row>
    <row r="38964" spans="1:3" ht="19.2">
      <c r="A38964" s="2"/>
      <c r="B38964" s="2"/>
      <c r="C38964" s="2"/>
    </row>
    <row r="38965" spans="1:3" ht="19.2">
      <c r="A38965" s="2"/>
      <c r="B38965" s="2"/>
      <c r="C38965" s="2"/>
    </row>
    <row r="38966" spans="1:3" ht="19.2">
      <c r="A38966" s="2"/>
      <c r="B38966" s="2"/>
      <c r="C38966" s="2"/>
    </row>
    <row r="38967" spans="1:3" ht="19.2">
      <c r="A38967" s="2"/>
      <c r="B38967" s="2"/>
      <c r="C38967" s="2"/>
    </row>
    <row r="38968" spans="1:3" ht="19.2">
      <c r="A38968" s="2"/>
      <c r="B38968" s="2"/>
      <c r="C38968" s="2"/>
    </row>
    <row r="38969" spans="1:3" ht="19.2">
      <c r="A38969" s="2"/>
      <c r="B38969" s="2"/>
      <c r="C38969" s="2"/>
    </row>
    <row r="38970" spans="1:3" ht="19.2">
      <c r="A38970" s="2"/>
      <c r="B38970" s="2"/>
      <c r="C38970" s="2"/>
    </row>
    <row r="38971" spans="1:3" ht="19.2">
      <c r="A38971" s="2"/>
      <c r="B38971" s="2"/>
      <c r="C38971" s="2"/>
    </row>
    <row r="38972" spans="1:3" ht="19.2">
      <c r="A38972" s="2"/>
      <c r="B38972" s="2"/>
      <c r="C38972" s="2"/>
    </row>
    <row r="38973" spans="1:3" ht="19.2">
      <c r="A38973" s="2"/>
      <c r="B38973" s="2"/>
      <c r="C38973" s="2"/>
    </row>
    <row r="38974" spans="1:3" ht="19.2">
      <c r="A38974" s="2"/>
      <c r="B38974" s="2"/>
      <c r="C38974" s="2"/>
    </row>
    <row r="38975" spans="1:3" ht="19.2">
      <c r="A38975" s="2"/>
      <c r="B38975" s="2"/>
      <c r="C38975" s="2"/>
    </row>
    <row r="38976" spans="1:3" ht="19.2">
      <c r="A38976" s="2"/>
      <c r="B38976" s="2"/>
      <c r="C38976" s="2"/>
    </row>
    <row r="38977" spans="1:3" ht="19.2">
      <c r="A38977" s="2"/>
      <c r="B38977" s="2"/>
      <c r="C38977" s="2"/>
    </row>
    <row r="38978" spans="1:3" ht="19.2">
      <c r="A38978" s="2"/>
      <c r="B38978" s="2"/>
      <c r="C38978" s="2"/>
    </row>
    <row r="38979" spans="1:3" ht="19.2">
      <c r="A38979" s="2"/>
      <c r="B38979" s="2"/>
      <c r="C38979" s="2"/>
    </row>
    <row r="38980" spans="1:3" ht="19.2">
      <c r="A38980" s="2"/>
      <c r="B38980" s="2"/>
      <c r="C38980" s="2"/>
    </row>
    <row r="38981" spans="1:3" ht="19.2">
      <c r="A38981" s="2"/>
      <c r="B38981" s="2"/>
      <c r="C38981" s="2"/>
    </row>
    <row r="38982" spans="1:3" ht="19.2">
      <c r="A38982" s="2"/>
      <c r="B38982" s="2"/>
      <c r="C38982" s="2"/>
    </row>
    <row r="38983" spans="1:3" ht="19.2">
      <c r="A38983" s="2"/>
      <c r="B38983" s="2"/>
      <c r="C38983" s="2"/>
    </row>
    <row r="38984" spans="1:3" ht="19.2">
      <c r="A38984" s="2"/>
      <c r="B38984" s="2"/>
      <c r="C38984" s="2"/>
    </row>
    <row r="38985" spans="1:3" ht="19.2">
      <c r="A38985" s="2"/>
      <c r="B38985" s="2"/>
      <c r="C38985" s="2"/>
    </row>
    <row r="38986" spans="1:3" ht="19.2">
      <c r="A38986" s="2"/>
      <c r="B38986" s="2"/>
      <c r="C38986" s="2"/>
    </row>
    <row r="38987" spans="1:3" ht="19.2">
      <c r="A38987" s="2"/>
      <c r="B38987" s="2"/>
      <c r="C38987" s="2"/>
    </row>
    <row r="38988" spans="1:3" ht="19.2">
      <c r="A38988" s="2"/>
      <c r="B38988" s="2"/>
      <c r="C38988" s="2"/>
    </row>
    <row r="38989" spans="1:3" ht="19.2">
      <c r="A38989" s="2"/>
      <c r="B38989" s="2"/>
      <c r="C38989" s="2"/>
    </row>
    <row r="38990" spans="1:3" ht="19.2">
      <c r="A38990" s="2"/>
      <c r="B38990" s="2"/>
      <c r="C38990" s="2"/>
    </row>
    <row r="38991" spans="1:3" ht="19.2">
      <c r="A38991" s="2"/>
      <c r="B38991" s="2"/>
      <c r="C38991" s="2"/>
    </row>
    <row r="38992" spans="1:3" ht="19.2">
      <c r="A38992" s="2"/>
      <c r="B38992" s="2"/>
      <c r="C38992" s="2"/>
    </row>
    <row r="38993" spans="1:3" ht="19.2">
      <c r="A38993" s="2"/>
      <c r="B38993" s="2"/>
      <c r="C38993" s="2"/>
    </row>
    <row r="38994" spans="1:3" ht="19.2">
      <c r="A38994" s="2"/>
      <c r="B38994" s="2"/>
      <c r="C38994" s="2"/>
    </row>
    <row r="38995" spans="1:3" ht="19.2">
      <c r="A38995" s="2"/>
      <c r="B38995" s="2"/>
      <c r="C38995" s="2"/>
    </row>
    <row r="38996" spans="1:3" ht="19.2">
      <c r="A38996" s="2"/>
      <c r="B38996" s="2"/>
      <c r="C38996" s="2"/>
    </row>
    <row r="38997" spans="1:3" ht="19.2">
      <c r="A38997" s="2"/>
      <c r="B38997" s="2"/>
      <c r="C38997" s="2"/>
    </row>
    <row r="38998" spans="1:3" ht="19.2">
      <c r="A38998" s="2"/>
      <c r="B38998" s="2"/>
      <c r="C38998" s="2"/>
    </row>
    <row r="38999" spans="1:3" ht="19.2">
      <c r="A38999" s="2"/>
      <c r="B38999" s="2"/>
      <c r="C38999" s="2"/>
    </row>
    <row r="39000" spans="1:3" ht="19.2">
      <c r="A39000" s="2"/>
      <c r="B39000" s="2"/>
      <c r="C39000" s="2"/>
    </row>
    <row r="39001" spans="1:3" ht="19.2">
      <c r="A39001" s="2"/>
      <c r="B39001" s="2"/>
      <c r="C39001" s="2"/>
    </row>
    <row r="39002" spans="1:3" ht="19.2">
      <c r="A39002" s="2"/>
      <c r="B39002" s="2"/>
      <c r="C39002" s="2"/>
    </row>
    <row r="39003" spans="1:3" ht="19.2">
      <c r="A39003" s="2"/>
      <c r="B39003" s="2"/>
      <c r="C39003" s="2"/>
    </row>
    <row r="39004" spans="1:3" ht="19.2">
      <c r="A39004" s="2"/>
      <c r="B39004" s="2"/>
      <c r="C39004" s="2"/>
    </row>
    <row r="39005" spans="1:3" ht="19.2">
      <c r="A39005" s="2"/>
      <c r="B39005" s="2"/>
      <c r="C39005" s="2"/>
    </row>
    <row r="39006" spans="1:3" ht="19.2">
      <c r="A39006" s="2"/>
      <c r="B39006" s="2"/>
      <c r="C39006" s="2"/>
    </row>
    <row r="39007" spans="1:3" ht="19.2">
      <c r="A39007" s="2"/>
      <c r="B39007" s="2"/>
      <c r="C39007" s="2"/>
    </row>
    <row r="39008" spans="1:3" ht="19.2">
      <c r="A39008" s="2"/>
      <c r="B39008" s="2"/>
      <c r="C39008" s="2"/>
    </row>
    <row r="39009" spans="1:3" ht="19.2">
      <c r="A39009" s="2"/>
      <c r="B39009" s="2"/>
      <c r="C39009" s="2"/>
    </row>
    <row r="39010" spans="1:3" ht="19.2">
      <c r="A39010" s="2"/>
      <c r="B39010" s="2"/>
      <c r="C39010" s="2"/>
    </row>
    <row r="39011" spans="1:3" ht="19.2">
      <c r="A39011" s="2"/>
      <c r="B39011" s="2"/>
      <c r="C39011" s="2"/>
    </row>
    <row r="39012" spans="1:3" ht="19.2">
      <c r="A39012" s="2"/>
      <c r="B39012" s="2"/>
      <c r="C39012" s="2"/>
    </row>
    <row r="39013" spans="1:3" ht="19.2">
      <c r="A39013" s="2"/>
      <c r="B39013" s="2"/>
      <c r="C39013" s="2"/>
    </row>
    <row r="39014" spans="1:3" ht="19.2">
      <c r="A39014" s="2"/>
      <c r="B39014" s="2"/>
      <c r="C39014" s="2"/>
    </row>
    <row r="39015" spans="1:3" ht="19.2">
      <c r="A39015" s="2"/>
      <c r="B39015" s="2"/>
      <c r="C39015" s="2"/>
    </row>
    <row r="39016" spans="1:3" ht="19.2">
      <c r="A39016" s="2"/>
      <c r="B39016" s="2"/>
      <c r="C39016" s="2"/>
    </row>
    <row r="39017" spans="1:3" ht="19.2">
      <c r="A39017" s="2"/>
      <c r="B39017" s="2"/>
      <c r="C39017" s="2"/>
    </row>
    <row r="39018" spans="1:3" ht="19.2">
      <c r="A39018" s="2"/>
      <c r="B39018" s="2"/>
      <c r="C39018" s="2"/>
    </row>
    <row r="39019" spans="1:3" ht="19.2">
      <c r="A39019" s="2"/>
      <c r="B39019" s="2"/>
      <c r="C39019" s="2"/>
    </row>
    <row r="39020" spans="1:3" ht="19.2">
      <c r="A39020" s="2"/>
      <c r="B39020" s="2"/>
      <c r="C39020" s="2"/>
    </row>
    <row r="39021" spans="1:3" ht="19.2">
      <c r="A39021" s="2"/>
      <c r="B39021" s="2"/>
      <c r="C39021" s="2"/>
    </row>
    <row r="39022" spans="1:3" ht="19.2">
      <c r="A39022" s="2"/>
      <c r="B39022" s="2"/>
      <c r="C39022" s="2"/>
    </row>
    <row r="39023" spans="1:3" ht="19.2">
      <c r="A39023" s="2"/>
      <c r="B39023" s="2"/>
      <c r="C39023" s="2"/>
    </row>
    <row r="39024" spans="1:3" ht="19.2">
      <c r="A39024" s="2"/>
      <c r="B39024" s="2"/>
      <c r="C39024" s="2"/>
    </row>
    <row r="39025" spans="1:3" ht="19.2">
      <c r="A39025" s="2"/>
      <c r="B39025" s="2"/>
      <c r="C39025" s="2"/>
    </row>
    <row r="39026" spans="1:3" ht="19.2">
      <c r="A39026" s="2"/>
      <c r="B39026" s="2"/>
      <c r="C39026" s="2"/>
    </row>
    <row r="39027" spans="1:3" ht="19.2">
      <c r="A39027" s="2"/>
      <c r="B39027" s="2"/>
      <c r="C39027" s="2"/>
    </row>
    <row r="39028" spans="1:3" ht="19.2">
      <c r="A39028" s="2"/>
      <c r="B39028" s="2"/>
      <c r="C39028" s="2"/>
    </row>
    <row r="39029" spans="1:3" ht="19.2">
      <c r="A39029" s="2"/>
      <c r="B39029" s="2"/>
      <c r="C39029" s="2"/>
    </row>
    <row r="39030" spans="1:3" ht="19.2">
      <c r="A39030" s="2"/>
      <c r="B39030" s="2"/>
      <c r="C39030" s="2"/>
    </row>
    <row r="39031" spans="1:3" ht="19.2">
      <c r="A39031" s="2"/>
      <c r="B39031" s="2"/>
      <c r="C39031" s="2"/>
    </row>
    <row r="39032" spans="1:3" ht="19.2">
      <c r="A39032" s="2"/>
      <c r="B39032" s="2"/>
      <c r="C39032" s="2"/>
    </row>
    <row r="39033" spans="1:3" ht="19.2">
      <c r="A39033" s="2"/>
      <c r="B39033" s="2"/>
      <c r="C39033" s="2"/>
    </row>
    <row r="39034" spans="1:3" ht="19.2">
      <c r="A39034" s="2"/>
      <c r="B39034" s="2"/>
      <c r="C39034" s="2"/>
    </row>
    <row r="39035" spans="1:3" ht="19.2">
      <c r="A39035" s="2"/>
      <c r="B39035" s="2"/>
      <c r="C39035" s="2"/>
    </row>
    <row r="39036" spans="1:3" ht="19.2">
      <c r="A39036" s="2"/>
      <c r="B39036" s="2"/>
      <c r="C39036" s="2"/>
    </row>
    <row r="39037" spans="1:3" ht="19.2">
      <c r="A39037" s="2"/>
      <c r="B39037" s="2"/>
      <c r="C39037" s="2"/>
    </row>
    <row r="39038" spans="1:3" ht="19.2">
      <c r="A39038" s="2"/>
      <c r="B39038" s="2"/>
      <c r="C39038" s="2"/>
    </row>
    <row r="39039" spans="1:3" ht="19.2">
      <c r="A39039" s="2"/>
      <c r="B39039" s="2"/>
      <c r="C39039" s="2"/>
    </row>
    <row r="39040" spans="1:3" ht="19.2">
      <c r="A39040" s="2"/>
      <c r="B39040" s="2"/>
      <c r="C39040" s="2"/>
    </row>
    <row r="39041" spans="1:3" ht="19.2">
      <c r="A39041" s="2"/>
      <c r="B39041" s="2"/>
      <c r="C39041" s="2"/>
    </row>
    <row r="39042" spans="1:3" ht="19.2">
      <c r="A39042" s="2"/>
      <c r="B39042" s="2"/>
      <c r="C39042" s="2"/>
    </row>
    <row r="39043" spans="1:3" ht="19.2">
      <c r="A39043" s="2"/>
      <c r="B39043" s="2"/>
      <c r="C39043" s="2"/>
    </row>
    <row r="39044" spans="1:3" ht="19.2">
      <c r="A39044" s="2"/>
      <c r="B39044" s="2"/>
      <c r="C39044" s="2"/>
    </row>
    <row r="39045" spans="1:3" ht="19.2">
      <c r="A39045" s="2"/>
      <c r="B39045" s="2"/>
      <c r="C39045" s="2"/>
    </row>
    <row r="39046" spans="1:3" ht="19.2">
      <c r="A39046" s="2"/>
      <c r="B39046" s="2"/>
      <c r="C39046" s="2"/>
    </row>
    <row r="39047" spans="1:3" ht="19.2">
      <c r="A39047" s="2"/>
      <c r="B39047" s="2"/>
      <c r="C39047" s="2"/>
    </row>
    <row r="39048" spans="1:3" ht="19.2">
      <c r="A39048" s="2"/>
      <c r="B39048" s="2"/>
      <c r="C39048" s="2"/>
    </row>
    <row r="39049" spans="1:3" ht="19.2">
      <c r="A39049" s="2"/>
      <c r="B39049" s="2"/>
      <c r="C39049" s="2"/>
    </row>
    <row r="39050" spans="1:3" ht="19.2">
      <c r="A39050" s="2"/>
      <c r="B39050" s="2"/>
      <c r="C39050" s="2"/>
    </row>
    <row r="39051" spans="1:3" ht="19.2">
      <c r="A39051" s="2"/>
      <c r="B39051" s="2"/>
      <c r="C39051" s="2"/>
    </row>
    <row r="39052" spans="1:3" ht="19.2">
      <c r="A39052" s="2"/>
      <c r="B39052" s="2"/>
      <c r="C39052" s="2"/>
    </row>
    <row r="39053" spans="1:3" ht="19.2">
      <c r="A39053" s="2"/>
      <c r="B39053" s="2"/>
      <c r="C39053" s="2"/>
    </row>
    <row r="39054" spans="1:3" ht="19.2">
      <c r="A39054" s="2"/>
      <c r="B39054" s="2"/>
      <c r="C39054" s="2"/>
    </row>
    <row r="39055" spans="1:3" ht="19.2">
      <c r="A39055" s="2"/>
      <c r="B39055" s="2"/>
      <c r="C39055" s="2"/>
    </row>
    <row r="39056" spans="1:3" ht="19.2">
      <c r="A39056" s="2"/>
      <c r="B39056" s="2"/>
      <c r="C39056" s="2"/>
    </row>
    <row r="39057" spans="1:3" ht="19.2">
      <c r="A39057" s="2"/>
      <c r="B39057" s="2"/>
      <c r="C39057" s="2"/>
    </row>
    <row r="39058" spans="1:3" ht="19.2">
      <c r="A39058" s="2"/>
      <c r="B39058" s="2"/>
      <c r="C39058" s="2"/>
    </row>
    <row r="39059" spans="1:3" ht="19.2">
      <c r="A39059" s="2"/>
      <c r="B39059" s="2"/>
      <c r="C39059" s="2"/>
    </row>
    <row r="39060" spans="1:3" ht="19.2">
      <c r="A39060" s="2"/>
      <c r="B39060" s="2"/>
      <c r="C39060" s="2"/>
    </row>
    <row r="39061" spans="1:3" ht="19.2">
      <c r="A39061" s="2"/>
      <c r="B39061" s="2"/>
      <c r="C39061" s="2"/>
    </row>
    <row r="39062" spans="1:3" ht="19.2">
      <c r="A39062" s="2"/>
      <c r="B39062" s="2"/>
      <c r="C39062" s="2"/>
    </row>
    <row r="39063" spans="1:3" ht="19.2">
      <c r="A39063" s="2"/>
      <c r="B39063" s="2"/>
      <c r="C39063" s="2"/>
    </row>
    <row r="39064" spans="1:3" ht="19.2">
      <c r="A39064" s="2"/>
      <c r="B39064" s="2"/>
      <c r="C39064" s="2"/>
    </row>
    <row r="39065" spans="1:3" ht="19.2">
      <c r="A39065" s="2"/>
      <c r="B39065" s="2"/>
      <c r="C39065" s="2"/>
    </row>
    <row r="39066" spans="1:3" ht="19.2">
      <c r="A39066" s="2"/>
      <c r="B39066" s="2"/>
      <c r="C39066" s="2"/>
    </row>
    <row r="39067" spans="1:3" ht="19.2">
      <c r="A39067" s="2"/>
      <c r="B39067" s="2"/>
      <c r="C39067" s="2"/>
    </row>
    <row r="39068" spans="1:3" ht="19.2">
      <c r="A39068" s="2"/>
      <c r="B39068" s="2"/>
      <c r="C39068" s="2"/>
    </row>
    <row r="39069" spans="1:3" ht="19.2">
      <c r="A39069" s="2"/>
      <c r="B39069" s="2"/>
      <c r="C39069" s="2"/>
    </row>
    <row r="39070" spans="1:3" ht="19.2">
      <c r="A39070" s="2"/>
      <c r="B39070" s="2"/>
      <c r="C39070" s="2"/>
    </row>
    <row r="39071" spans="1:3" ht="19.2">
      <c r="A39071" s="2"/>
      <c r="B39071" s="2"/>
      <c r="C39071" s="2"/>
    </row>
    <row r="39072" spans="1:3" ht="19.2">
      <c r="A39072" s="2"/>
      <c r="B39072" s="2"/>
      <c r="C39072" s="2"/>
    </row>
    <row r="39073" spans="1:3" ht="19.2">
      <c r="A39073" s="2"/>
      <c r="B39073" s="2"/>
      <c r="C39073" s="2"/>
    </row>
    <row r="39074" spans="1:3" ht="19.2">
      <c r="A39074" s="2"/>
      <c r="B39074" s="2"/>
      <c r="C39074" s="2"/>
    </row>
    <row r="39075" spans="1:3" ht="19.2">
      <c r="A39075" s="2"/>
      <c r="B39075" s="2"/>
      <c r="C39075" s="2"/>
    </row>
    <row r="39076" spans="1:3" ht="19.2">
      <c r="A39076" s="2"/>
      <c r="B39076" s="2"/>
      <c r="C39076" s="2"/>
    </row>
    <row r="39077" spans="1:3" ht="19.2">
      <c r="A39077" s="2"/>
      <c r="B39077" s="2"/>
      <c r="C39077" s="2"/>
    </row>
    <row r="39078" spans="1:3" ht="19.2">
      <c r="A39078" s="2"/>
      <c r="B39078" s="2"/>
      <c r="C39078" s="2"/>
    </row>
    <row r="39079" spans="1:3" ht="19.2">
      <c r="A39079" s="2"/>
      <c r="B39079" s="2"/>
      <c r="C39079" s="2"/>
    </row>
    <row r="39080" spans="1:3" ht="19.2">
      <c r="A39080" s="2"/>
      <c r="B39080" s="2"/>
      <c r="C39080" s="2"/>
    </row>
    <row r="39081" spans="1:3" ht="19.2">
      <c r="A39081" s="2"/>
      <c r="B39081" s="2"/>
      <c r="C39081" s="2"/>
    </row>
    <row r="39082" spans="1:3" ht="19.2">
      <c r="A39082" s="2"/>
      <c r="B39082" s="2"/>
      <c r="C39082" s="2"/>
    </row>
    <row r="39083" spans="1:3" ht="19.2">
      <c r="A39083" s="2"/>
      <c r="B39083" s="2"/>
      <c r="C39083" s="2"/>
    </row>
    <row r="39084" spans="1:3" ht="19.2">
      <c r="A39084" s="2"/>
      <c r="B39084" s="2"/>
      <c r="C39084" s="2"/>
    </row>
    <row r="39085" spans="1:3" ht="19.2">
      <c r="A39085" s="2"/>
      <c r="B39085" s="2"/>
      <c r="C39085" s="2"/>
    </row>
    <row r="39086" spans="1:3" ht="19.2">
      <c r="A39086" s="2"/>
      <c r="B39086" s="2"/>
      <c r="C39086" s="2"/>
    </row>
    <row r="39087" spans="1:3" ht="19.2">
      <c r="A39087" s="2"/>
      <c r="B39087" s="2"/>
      <c r="C39087" s="2"/>
    </row>
    <row r="39088" spans="1:3" ht="19.2">
      <c r="A39088" s="2"/>
      <c r="B39088" s="2"/>
      <c r="C39088" s="2"/>
    </row>
    <row r="39089" spans="1:3" ht="19.2">
      <c r="A39089" s="2"/>
      <c r="B39089" s="2"/>
      <c r="C39089" s="2"/>
    </row>
    <row r="39090" spans="1:3" ht="19.2">
      <c r="A39090" s="2"/>
      <c r="B39090" s="2"/>
      <c r="C39090" s="2"/>
    </row>
    <row r="39091" spans="1:3" ht="19.2">
      <c r="A39091" s="2"/>
      <c r="B39091" s="2"/>
      <c r="C39091" s="2"/>
    </row>
    <row r="39092" spans="1:3" ht="19.2">
      <c r="A39092" s="2"/>
      <c r="B39092" s="2"/>
      <c r="C39092" s="2"/>
    </row>
    <row r="39093" spans="1:3" ht="19.2">
      <c r="A39093" s="2"/>
      <c r="B39093" s="2"/>
      <c r="C39093" s="2"/>
    </row>
    <row r="39094" spans="1:3" ht="19.2">
      <c r="A39094" s="2"/>
      <c r="B39094" s="2"/>
      <c r="C39094" s="2"/>
    </row>
    <row r="39095" spans="1:3" ht="19.2">
      <c r="A39095" s="2"/>
      <c r="B39095" s="2"/>
      <c r="C39095" s="2"/>
    </row>
    <row r="39096" spans="1:3" ht="19.2">
      <c r="A39096" s="2"/>
      <c r="B39096" s="2"/>
      <c r="C39096" s="2"/>
    </row>
    <row r="39097" spans="1:3" ht="19.2">
      <c r="A39097" s="2"/>
      <c r="B39097" s="2"/>
      <c r="C39097" s="2"/>
    </row>
    <row r="39098" spans="1:3" ht="19.2">
      <c r="A39098" s="2"/>
      <c r="B39098" s="2"/>
      <c r="C39098" s="2"/>
    </row>
    <row r="39099" spans="1:3" ht="19.2">
      <c r="A39099" s="2"/>
      <c r="B39099" s="2"/>
      <c r="C39099" s="2"/>
    </row>
    <row r="39100" spans="1:3" ht="19.2">
      <c r="A39100" s="2"/>
      <c r="B39100" s="2"/>
      <c r="C39100" s="2"/>
    </row>
    <row r="39101" spans="1:3" ht="19.2">
      <c r="A39101" s="2"/>
      <c r="B39101" s="2"/>
      <c r="C39101" s="2"/>
    </row>
    <row r="39102" spans="1:3" ht="19.2">
      <c r="A39102" s="2"/>
      <c r="B39102" s="2"/>
      <c r="C39102" s="2"/>
    </row>
    <row r="39103" spans="1:3" ht="19.2">
      <c r="A39103" s="2"/>
      <c r="B39103" s="2"/>
      <c r="C39103" s="2"/>
    </row>
    <row r="39104" spans="1:3" ht="19.2">
      <c r="A39104" s="2"/>
      <c r="B39104" s="2"/>
      <c r="C39104" s="2"/>
    </row>
    <row r="39105" spans="1:3" ht="19.2">
      <c r="A39105" s="2"/>
      <c r="B39105" s="2"/>
      <c r="C39105" s="2"/>
    </row>
    <row r="39106" spans="1:3" ht="19.2">
      <c r="A39106" s="2"/>
      <c r="B39106" s="2"/>
      <c r="C39106" s="2"/>
    </row>
    <row r="39107" spans="1:3" ht="19.2">
      <c r="A39107" s="2"/>
      <c r="B39107" s="2"/>
      <c r="C39107" s="2"/>
    </row>
    <row r="39108" spans="1:3" ht="19.2">
      <c r="A39108" s="2"/>
      <c r="B39108" s="2"/>
      <c r="C39108" s="2"/>
    </row>
    <row r="39109" spans="1:3" ht="19.2">
      <c r="A39109" s="2"/>
      <c r="B39109" s="2"/>
      <c r="C39109" s="2"/>
    </row>
    <row r="39110" spans="1:3" ht="19.2">
      <c r="A39110" s="2"/>
      <c r="B39110" s="2"/>
      <c r="C39110" s="2"/>
    </row>
    <row r="39111" spans="1:3" ht="19.2">
      <c r="A39111" s="2"/>
      <c r="B39111" s="2"/>
      <c r="C39111" s="2"/>
    </row>
    <row r="39112" spans="1:3" ht="19.2">
      <c r="A39112" s="2"/>
      <c r="B39112" s="2"/>
      <c r="C39112" s="2"/>
    </row>
    <row r="39113" spans="1:3" ht="19.2">
      <c r="A39113" s="2"/>
      <c r="B39113" s="2"/>
      <c r="C39113" s="2"/>
    </row>
    <row r="39114" spans="1:3" ht="19.2">
      <c r="A39114" s="2"/>
      <c r="B39114" s="2"/>
      <c r="C39114" s="2"/>
    </row>
    <row r="39115" spans="1:3" ht="19.2">
      <c r="A39115" s="2"/>
      <c r="B39115" s="2"/>
      <c r="C39115" s="2"/>
    </row>
    <row r="39116" spans="1:3" ht="19.2">
      <c r="A39116" s="2"/>
      <c r="B39116" s="2"/>
      <c r="C39116" s="2"/>
    </row>
    <row r="39117" spans="1:3" ht="19.2">
      <c r="A39117" s="2"/>
      <c r="B39117" s="2"/>
      <c r="C39117" s="2"/>
    </row>
    <row r="39118" spans="1:3" ht="19.2">
      <c r="A39118" s="2"/>
      <c r="B39118" s="2"/>
      <c r="C39118" s="2"/>
    </row>
    <row r="39119" spans="1:3" ht="19.2">
      <c r="A39119" s="2"/>
      <c r="B39119" s="2"/>
      <c r="C39119" s="2"/>
    </row>
    <row r="39120" spans="1:3" ht="19.2">
      <c r="A39120" s="2"/>
      <c r="B39120" s="2"/>
      <c r="C39120" s="2"/>
    </row>
    <row r="39121" spans="1:3" ht="19.2">
      <c r="A39121" s="2"/>
      <c r="B39121" s="2"/>
      <c r="C39121" s="2"/>
    </row>
    <row r="39122" spans="1:3" ht="19.2">
      <c r="A39122" s="2"/>
      <c r="B39122" s="2"/>
      <c r="C39122" s="2"/>
    </row>
    <row r="39123" spans="1:3" ht="19.2">
      <c r="A39123" s="2"/>
      <c r="B39123" s="2"/>
      <c r="C39123" s="2"/>
    </row>
    <row r="39124" spans="1:3" ht="19.2">
      <c r="A39124" s="2"/>
      <c r="B39124" s="2"/>
      <c r="C39124" s="2"/>
    </row>
    <row r="39125" spans="1:3" ht="19.2">
      <c r="A39125" s="2"/>
      <c r="B39125" s="2"/>
      <c r="C39125" s="2"/>
    </row>
    <row r="39126" spans="1:3" ht="19.2">
      <c r="A39126" s="2"/>
      <c r="B39126" s="2"/>
      <c r="C39126" s="2"/>
    </row>
    <row r="39127" spans="1:3" ht="19.2">
      <c r="A39127" s="2"/>
      <c r="B39127" s="2"/>
      <c r="C39127" s="2"/>
    </row>
    <row r="39128" spans="1:3" ht="19.2">
      <c r="A39128" s="2"/>
      <c r="B39128" s="2"/>
      <c r="C39128" s="2"/>
    </row>
    <row r="39129" spans="1:3" ht="19.2">
      <c r="A39129" s="2"/>
      <c r="B39129" s="2"/>
      <c r="C39129" s="2"/>
    </row>
    <row r="39130" spans="1:3" ht="19.2">
      <c r="A39130" s="2"/>
      <c r="B39130" s="2"/>
      <c r="C39130" s="2"/>
    </row>
    <row r="39131" spans="1:3" ht="19.2">
      <c r="A39131" s="2"/>
      <c r="B39131" s="2"/>
      <c r="C39131" s="2"/>
    </row>
    <row r="39132" spans="1:3" ht="19.2">
      <c r="A39132" s="2"/>
      <c r="B39132" s="2"/>
      <c r="C39132" s="2"/>
    </row>
    <row r="39133" spans="1:3" ht="19.2">
      <c r="A39133" s="2"/>
      <c r="B39133" s="2"/>
      <c r="C39133" s="2"/>
    </row>
    <row r="39134" spans="1:3" ht="19.2">
      <c r="A39134" s="2"/>
      <c r="B39134" s="2"/>
      <c r="C39134" s="2"/>
    </row>
    <row r="39135" spans="1:3" ht="19.2">
      <c r="A39135" s="2"/>
      <c r="B39135" s="2"/>
      <c r="C39135" s="2"/>
    </row>
    <row r="39136" spans="1:3" ht="19.2">
      <c r="A39136" s="2"/>
      <c r="B39136" s="2"/>
      <c r="C39136" s="2"/>
    </row>
    <row r="39137" spans="1:3" ht="19.2">
      <c r="A39137" s="2"/>
      <c r="B39137" s="2"/>
      <c r="C39137" s="2"/>
    </row>
    <row r="39138" spans="1:3" ht="19.2">
      <c r="A39138" s="2"/>
      <c r="B39138" s="2"/>
      <c r="C39138" s="2"/>
    </row>
    <row r="39139" spans="1:3" ht="19.2">
      <c r="A39139" s="2"/>
      <c r="B39139" s="2"/>
      <c r="C39139" s="2"/>
    </row>
    <row r="39140" spans="1:3" ht="19.2">
      <c r="A39140" s="2"/>
      <c r="B39140" s="2"/>
      <c r="C39140" s="2"/>
    </row>
    <row r="39141" spans="1:3" ht="19.2">
      <c r="A39141" s="2"/>
      <c r="B39141" s="2"/>
      <c r="C39141" s="2"/>
    </row>
    <row r="39142" spans="1:3" ht="19.2">
      <c r="A39142" s="2"/>
      <c r="B39142" s="2"/>
      <c r="C39142" s="2"/>
    </row>
    <row r="39143" spans="1:3" ht="19.2">
      <c r="A39143" s="2"/>
      <c r="B39143" s="2"/>
      <c r="C39143" s="2"/>
    </row>
    <row r="39144" spans="1:3" ht="19.2">
      <c r="A39144" s="2"/>
      <c r="B39144" s="2"/>
      <c r="C39144" s="2"/>
    </row>
    <row r="39145" spans="1:3" ht="19.2">
      <c r="A39145" s="2"/>
      <c r="B39145" s="2"/>
      <c r="C39145" s="2"/>
    </row>
    <row r="39146" spans="1:3" ht="19.2">
      <c r="A39146" s="2"/>
      <c r="B39146" s="2"/>
      <c r="C39146" s="2"/>
    </row>
    <row r="39147" spans="1:3" ht="19.2">
      <c r="A39147" s="2"/>
      <c r="B39147" s="2"/>
      <c r="C39147" s="2"/>
    </row>
    <row r="39148" spans="1:3" ht="19.2">
      <c r="A39148" s="2"/>
      <c r="B39148" s="2"/>
      <c r="C39148" s="2"/>
    </row>
    <row r="39149" spans="1:3" ht="19.2">
      <c r="A39149" s="2"/>
      <c r="B39149" s="2"/>
      <c r="C39149" s="2"/>
    </row>
    <row r="39150" spans="1:3" ht="19.2">
      <c r="A39150" s="2"/>
      <c r="B39150" s="2"/>
      <c r="C39150" s="2"/>
    </row>
    <row r="39151" spans="1:3" ht="19.2">
      <c r="A39151" s="2"/>
      <c r="B39151" s="2"/>
      <c r="C39151" s="2"/>
    </row>
    <row r="39152" spans="1:3" ht="19.2">
      <c r="A39152" s="2"/>
      <c r="B39152" s="2"/>
      <c r="C39152" s="2"/>
    </row>
    <row r="39153" spans="1:3" ht="19.2">
      <c r="A39153" s="2"/>
      <c r="B39153" s="2"/>
      <c r="C39153" s="2"/>
    </row>
    <row r="39154" spans="1:3" ht="19.2">
      <c r="A39154" s="2"/>
      <c r="B39154" s="2"/>
      <c r="C39154" s="2"/>
    </row>
    <row r="39155" spans="1:3" ht="19.2">
      <c r="A39155" s="2"/>
      <c r="B39155" s="2"/>
      <c r="C39155" s="2"/>
    </row>
    <row r="39156" spans="1:3" ht="19.2">
      <c r="A39156" s="2"/>
      <c r="B39156" s="2"/>
      <c r="C39156" s="2"/>
    </row>
    <row r="39157" spans="1:3" ht="19.2">
      <c r="A39157" s="2"/>
      <c r="B39157" s="2"/>
      <c r="C39157" s="2"/>
    </row>
    <row r="39158" spans="1:3" ht="19.2">
      <c r="A39158" s="2"/>
      <c r="B39158" s="2"/>
      <c r="C39158" s="2"/>
    </row>
    <row r="39159" spans="1:3" ht="19.2">
      <c r="A39159" s="2"/>
      <c r="B39159" s="2"/>
      <c r="C39159" s="2"/>
    </row>
    <row r="39160" spans="1:3" ht="19.2">
      <c r="A39160" s="2"/>
      <c r="B39160" s="2"/>
      <c r="C39160" s="2"/>
    </row>
    <row r="39161" spans="1:3" ht="19.2">
      <c r="A39161" s="2"/>
      <c r="B39161" s="2"/>
      <c r="C39161" s="2"/>
    </row>
    <row r="39162" spans="1:3" ht="19.2">
      <c r="A39162" s="2"/>
      <c r="B39162" s="2"/>
      <c r="C39162" s="2"/>
    </row>
    <row r="39163" spans="1:3" ht="19.2">
      <c r="A39163" s="2"/>
      <c r="B39163" s="2"/>
      <c r="C39163" s="2"/>
    </row>
    <row r="39164" spans="1:3" ht="19.2">
      <c r="A39164" s="2"/>
      <c r="B39164" s="2"/>
      <c r="C39164" s="2"/>
    </row>
    <row r="39165" spans="1:3" ht="19.2">
      <c r="A39165" s="2"/>
      <c r="B39165" s="2"/>
      <c r="C39165" s="2"/>
    </row>
    <row r="39166" spans="1:3" ht="19.2">
      <c r="A39166" s="2"/>
      <c r="B39166" s="2"/>
      <c r="C39166" s="2"/>
    </row>
    <row r="39167" spans="1:3" ht="19.2">
      <c r="A39167" s="2"/>
      <c r="B39167" s="2"/>
      <c r="C39167" s="2"/>
    </row>
    <row r="39168" spans="1:3" ht="19.2">
      <c r="A39168" s="2"/>
      <c r="B39168" s="2"/>
      <c r="C39168" s="2"/>
    </row>
    <row r="39169" spans="1:3" ht="19.2">
      <c r="A39169" s="2"/>
      <c r="B39169" s="2"/>
      <c r="C39169" s="2"/>
    </row>
    <row r="39170" spans="1:3" ht="19.2">
      <c r="A39170" s="2"/>
      <c r="B39170" s="2"/>
      <c r="C39170" s="2"/>
    </row>
    <row r="39171" spans="1:3" ht="19.2">
      <c r="A39171" s="2"/>
      <c r="B39171" s="2"/>
      <c r="C39171" s="2"/>
    </row>
    <row r="39172" spans="1:3" ht="19.2">
      <c r="A39172" s="2"/>
      <c r="B39172" s="2"/>
      <c r="C39172" s="2"/>
    </row>
    <row r="39173" spans="1:3" ht="19.2">
      <c r="A39173" s="2"/>
      <c r="B39173" s="2"/>
      <c r="C39173" s="2"/>
    </row>
    <row r="39174" spans="1:3" ht="19.2">
      <c r="A39174" s="2"/>
      <c r="B39174" s="2"/>
      <c r="C39174" s="2"/>
    </row>
    <row r="39175" spans="1:3" ht="19.2">
      <c r="A39175" s="2"/>
      <c r="B39175" s="2"/>
      <c r="C39175" s="2"/>
    </row>
    <row r="39176" spans="1:3" ht="19.2">
      <c r="A39176" s="2"/>
      <c r="B39176" s="2"/>
      <c r="C39176" s="2"/>
    </row>
    <row r="39177" spans="1:3" ht="19.2">
      <c r="A39177" s="2"/>
      <c r="B39177" s="2"/>
      <c r="C39177" s="2"/>
    </row>
    <row r="39178" spans="1:3" ht="19.2">
      <c r="A39178" s="2"/>
      <c r="B39178" s="2"/>
      <c r="C39178" s="2"/>
    </row>
    <row r="39179" spans="1:3" ht="19.2">
      <c r="A39179" s="2"/>
      <c r="B39179" s="2"/>
      <c r="C39179" s="2"/>
    </row>
    <row r="39180" spans="1:3" ht="19.2">
      <c r="A39180" s="2"/>
      <c r="B39180" s="2"/>
      <c r="C39180" s="2"/>
    </row>
    <row r="39181" spans="1:3" ht="19.2">
      <c r="A39181" s="2"/>
      <c r="B39181" s="2"/>
      <c r="C39181" s="2"/>
    </row>
    <row r="39182" spans="1:3" ht="19.2">
      <c r="A39182" s="2"/>
      <c r="B39182" s="2"/>
      <c r="C39182" s="2"/>
    </row>
    <row r="39183" spans="1:3" ht="19.2">
      <c r="A39183" s="2"/>
      <c r="B39183" s="2"/>
      <c r="C39183" s="2"/>
    </row>
    <row r="39184" spans="1:3" ht="19.2">
      <c r="A39184" s="2"/>
      <c r="B39184" s="2"/>
      <c r="C39184" s="2"/>
    </row>
    <row r="39185" spans="1:3" ht="19.2">
      <c r="A39185" s="2"/>
      <c r="B39185" s="2"/>
      <c r="C39185" s="2"/>
    </row>
    <row r="39186" spans="1:3" ht="19.2">
      <c r="A39186" s="2"/>
      <c r="B39186" s="2"/>
      <c r="C39186" s="2"/>
    </row>
    <row r="39187" spans="1:3" ht="19.2">
      <c r="A39187" s="2"/>
      <c r="B39187" s="2"/>
      <c r="C39187" s="2"/>
    </row>
    <row r="39188" spans="1:3" ht="19.2">
      <c r="A39188" s="2"/>
      <c r="B39188" s="2"/>
      <c r="C39188" s="2"/>
    </row>
    <row r="39189" spans="1:3" ht="19.2">
      <c r="A39189" s="2"/>
      <c r="B39189" s="2"/>
      <c r="C39189" s="2"/>
    </row>
    <row r="39190" spans="1:3" ht="19.2">
      <c r="A39190" s="2"/>
      <c r="B39190" s="2"/>
      <c r="C39190" s="2"/>
    </row>
    <row r="39191" spans="1:3" ht="19.2">
      <c r="A39191" s="2"/>
      <c r="B39191" s="2"/>
      <c r="C39191" s="2"/>
    </row>
    <row r="39192" spans="1:3" ht="19.2">
      <c r="A39192" s="2"/>
      <c r="B39192" s="2"/>
      <c r="C39192" s="2"/>
    </row>
    <row r="39193" spans="1:3" ht="19.2">
      <c r="A39193" s="2"/>
      <c r="B39193" s="2"/>
      <c r="C39193" s="2"/>
    </row>
    <row r="39194" spans="1:3" ht="19.2">
      <c r="A39194" s="2"/>
      <c r="B39194" s="2"/>
      <c r="C39194" s="2"/>
    </row>
    <row r="39195" spans="1:3" ht="19.2">
      <c r="A39195" s="2"/>
      <c r="B39195" s="2"/>
      <c r="C39195" s="2"/>
    </row>
    <row r="39196" spans="1:3" ht="19.2">
      <c r="A39196" s="2"/>
      <c r="B39196" s="2"/>
      <c r="C39196" s="2"/>
    </row>
    <row r="39197" spans="1:3" ht="19.2">
      <c r="A39197" s="2"/>
      <c r="B39197" s="2"/>
      <c r="C39197" s="2"/>
    </row>
    <row r="39198" spans="1:3" ht="19.2">
      <c r="A39198" s="2"/>
      <c r="B39198" s="2"/>
      <c r="C39198" s="2"/>
    </row>
    <row r="39199" spans="1:3" ht="19.2">
      <c r="A39199" s="2"/>
      <c r="B39199" s="2"/>
      <c r="C39199" s="2"/>
    </row>
    <row r="39200" spans="1:3" ht="19.2">
      <c r="A39200" s="2"/>
      <c r="B39200" s="2"/>
      <c r="C39200" s="2"/>
    </row>
    <row r="39201" spans="1:3" ht="19.2">
      <c r="A39201" s="2"/>
      <c r="B39201" s="2"/>
      <c r="C39201" s="2"/>
    </row>
    <row r="39202" spans="1:3" ht="19.2">
      <c r="A39202" s="2"/>
      <c r="B39202" s="2"/>
      <c r="C39202" s="2"/>
    </row>
    <row r="39203" spans="1:3" ht="19.2">
      <c r="A39203" s="2"/>
      <c r="B39203" s="2"/>
      <c r="C39203" s="2"/>
    </row>
    <row r="39204" spans="1:3" ht="19.2">
      <c r="A39204" s="2"/>
      <c r="B39204" s="2"/>
      <c r="C39204" s="2"/>
    </row>
    <row r="39205" spans="1:3" ht="19.2">
      <c r="A39205" s="2"/>
      <c r="B39205" s="2"/>
      <c r="C39205" s="2"/>
    </row>
    <row r="39206" spans="1:3" ht="19.2">
      <c r="A39206" s="2"/>
      <c r="B39206" s="2"/>
      <c r="C39206" s="2"/>
    </row>
    <row r="39207" spans="1:3" ht="19.2">
      <c r="A39207" s="2"/>
      <c r="B39207" s="2"/>
      <c r="C39207" s="2"/>
    </row>
    <row r="39208" spans="1:3" ht="19.2">
      <c r="A39208" s="2"/>
      <c r="B39208" s="2"/>
      <c r="C39208" s="2"/>
    </row>
    <row r="39209" spans="1:3" ht="19.2">
      <c r="A39209" s="2"/>
      <c r="B39209" s="2"/>
      <c r="C39209" s="2"/>
    </row>
    <row r="39210" spans="1:3" ht="19.2">
      <c r="A39210" s="2"/>
      <c r="B39210" s="2"/>
      <c r="C39210" s="2"/>
    </row>
    <row r="39211" spans="1:3" ht="19.2">
      <c r="A39211" s="2"/>
      <c r="B39211" s="2"/>
      <c r="C39211" s="2"/>
    </row>
    <row r="39212" spans="1:3" ht="19.2">
      <c r="A39212" s="2"/>
      <c r="B39212" s="2"/>
      <c r="C39212" s="2"/>
    </row>
    <row r="39213" spans="1:3" ht="19.2">
      <c r="A39213" s="2"/>
      <c r="B39213" s="2"/>
      <c r="C39213" s="2"/>
    </row>
    <row r="39214" spans="1:3" ht="19.2">
      <c r="A39214" s="2"/>
      <c r="B39214" s="2"/>
      <c r="C39214" s="2"/>
    </row>
    <row r="39215" spans="1:3" ht="19.2">
      <c r="A39215" s="2"/>
      <c r="B39215" s="2"/>
      <c r="C39215" s="2"/>
    </row>
    <row r="39216" spans="1:3" ht="19.2">
      <c r="A39216" s="2"/>
      <c r="B39216" s="2"/>
      <c r="C39216" s="2"/>
    </row>
    <row r="39217" spans="1:3" ht="19.2">
      <c r="A39217" s="2"/>
      <c r="B39217" s="2"/>
      <c r="C39217" s="2"/>
    </row>
    <row r="39218" spans="1:3" ht="19.2">
      <c r="A39218" s="2"/>
      <c r="B39218" s="2"/>
      <c r="C39218" s="2"/>
    </row>
    <row r="39219" spans="1:3" ht="19.2">
      <c r="A39219" s="2"/>
      <c r="B39219" s="2"/>
      <c r="C39219" s="2"/>
    </row>
    <row r="39220" spans="1:3" ht="19.2">
      <c r="A39220" s="2"/>
      <c r="B39220" s="2"/>
      <c r="C39220" s="2"/>
    </row>
    <row r="39221" spans="1:3" ht="19.2">
      <c r="A39221" s="2"/>
      <c r="B39221" s="2"/>
      <c r="C39221" s="2"/>
    </row>
    <row r="39222" spans="1:3" ht="19.2">
      <c r="A39222" s="2"/>
      <c r="B39222" s="2"/>
      <c r="C39222" s="2"/>
    </row>
    <row r="39223" spans="1:3" ht="19.2">
      <c r="A39223" s="2"/>
      <c r="B39223" s="2"/>
      <c r="C39223" s="2"/>
    </row>
    <row r="39224" spans="1:3" ht="19.2">
      <c r="A39224" s="2"/>
      <c r="B39224" s="2"/>
      <c r="C39224" s="2"/>
    </row>
    <row r="39225" spans="1:3" ht="19.2">
      <c r="A39225" s="2"/>
      <c r="B39225" s="2"/>
      <c r="C39225" s="2"/>
    </row>
    <row r="39226" spans="1:3" ht="19.2">
      <c r="A39226" s="2"/>
      <c r="B39226" s="2"/>
      <c r="C39226" s="2"/>
    </row>
    <row r="39227" spans="1:3" ht="19.2">
      <c r="A39227" s="2"/>
      <c r="B39227" s="2"/>
      <c r="C39227" s="2"/>
    </row>
    <row r="39228" spans="1:3" ht="19.2">
      <c r="A39228" s="2"/>
      <c r="B39228" s="2"/>
      <c r="C39228" s="2"/>
    </row>
    <row r="39229" spans="1:3" ht="19.2">
      <c r="A39229" s="2"/>
      <c r="B39229" s="2"/>
      <c r="C39229" s="2"/>
    </row>
    <row r="39230" spans="1:3" ht="19.2">
      <c r="A39230" s="2"/>
      <c r="B39230" s="2"/>
      <c r="C39230" s="2"/>
    </row>
    <row r="39231" spans="1:3" ht="19.2">
      <c r="A39231" s="2"/>
      <c r="B39231" s="2"/>
      <c r="C39231" s="2"/>
    </row>
    <row r="39232" spans="1:3" ht="19.2">
      <c r="A39232" s="2"/>
      <c r="B39232" s="2"/>
      <c r="C39232" s="2"/>
    </row>
    <row r="39233" spans="1:3" ht="19.2">
      <c r="A39233" s="2"/>
      <c r="B39233" s="2"/>
      <c r="C39233" s="2"/>
    </row>
    <row r="39234" spans="1:3" ht="19.2">
      <c r="A39234" s="2"/>
      <c r="B39234" s="2"/>
      <c r="C39234" s="2"/>
    </row>
    <row r="39235" spans="1:3" ht="19.2">
      <c r="A39235" s="2"/>
      <c r="B39235" s="2"/>
      <c r="C39235" s="2"/>
    </row>
    <row r="39236" spans="1:3" ht="19.2">
      <c r="A39236" s="2"/>
      <c r="B39236" s="2"/>
      <c r="C39236" s="2"/>
    </row>
    <row r="39237" spans="1:3" ht="19.2">
      <c r="A39237" s="2"/>
      <c r="B39237" s="2"/>
      <c r="C39237" s="2"/>
    </row>
    <row r="39238" spans="1:3" ht="19.2">
      <c r="A39238" s="2"/>
      <c r="B39238" s="2"/>
      <c r="C39238" s="2"/>
    </row>
    <row r="39239" spans="1:3" ht="19.2">
      <c r="A39239" s="2"/>
      <c r="B39239" s="2"/>
      <c r="C39239" s="2"/>
    </row>
    <row r="39240" spans="1:3" ht="19.2">
      <c r="A39240" s="2"/>
      <c r="B39240" s="2"/>
      <c r="C39240" s="2"/>
    </row>
    <row r="39241" spans="1:3" ht="19.2">
      <c r="A39241" s="2"/>
      <c r="B39241" s="2"/>
      <c r="C39241" s="2"/>
    </row>
    <row r="39242" spans="1:3" ht="19.2">
      <c r="A39242" s="2"/>
      <c r="B39242" s="2"/>
      <c r="C39242" s="2"/>
    </row>
    <row r="39243" spans="1:3" ht="19.2">
      <c r="A39243" s="2"/>
      <c r="B39243" s="2"/>
      <c r="C39243" s="2"/>
    </row>
    <row r="39244" spans="1:3" ht="19.2">
      <c r="A39244" s="2"/>
      <c r="B39244" s="2"/>
      <c r="C39244" s="2"/>
    </row>
    <row r="39245" spans="1:3" ht="19.2">
      <c r="A39245" s="2"/>
      <c r="B39245" s="2"/>
      <c r="C39245" s="2"/>
    </row>
    <row r="39246" spans="1:3" ht="19.2">
      <c r="A39246" s="2"/>
      <c r="B39246" s="2"/>
      <c r="C39246" s="2"/>
    </row>
    <row r="39247" spans="1:3" ht="19.2">
      <c r="A39247" s="2"/>
      <c r="B39247" s="2"/>
      <c r="C39247" s="2"/>
    </row>
    <row r="39248" spans="1:3" ht="19.2">
      <c r="A39248" s="2"/>
      <c r="B39248" s="2"/>
      <c r="C39248" s="2"/>
    </row>
    <row r="39249" spans="1:3" ht="19.2">
      <c r="A39249" s="2"/>
      <c r="B39249" s="2"/>
      <c r="C39249" s="2"/>
    </row>
    <row r="39250" spans="1:3" ht="19.2">
      <c r="A39250" s="2"/>
      <c r="B39250" s="2"/>
      <c r="C39250" s="2"/>
    </row>
    <row r="39251" spans="1:3" ht="19.2">
      <c r="A39251" s="2"/>
      <c r="B39251" s="2"/>
      <c r="C39251" s="2"/>
    </row>
    <row r="39252" spans="1:3" ht="19.2">
      <c r="A39252" s="2"/>
      <c r="B39252" s="2"/>
      <c r="C39252" s="2"/>
    </row>
    <row r="39253" spans="1:3" ht="19.2">
      <c r="A39253" s="2"/>
      <c r="B39253" s="2"/>
      <c r="C39253" s="2"/>
    </row>
    <row r="39254" spans="1:3" ht="19.2">
      <c r="A39254" s="2"/>
      <c r="B39254" s="2"/>
      <c r="C39254" s="2"/>
    </row>
    <row r="39255" spans="1:3" ht="19.2">
      <c r="A39255" s="2"/>
      <c r="B39255" s="2"/>
      <c r="C39255" s="2"/>
    </row>
    <row r="39256" spans="1:3" ht="19.2">
      <c r="A39256" s="2"/>
      <c r="B39256" s="2"/>
      <c r="C39256" s="2"/>
    </row>
    <row r="39257" spans="1:3" ht="19.2">
      <c r="A39257" s="2"/>
      <c r="B39257" s="2"/>
      <c r="C39257" s="2"/>
    </row>
    <row r="39258" spans="1:3" ht="19.2">
      <c r="A39258" s="2"/>
      <c r="B39258" s="2"/>
      <c r="C39258" s="2"/>
    </row>
    <row r="39259" spans="1:3" ht="19.2">
      <c r="A39259" s="2"/>
      <c r="B39259" s="2"/>
      <c r="C39259" s="2"/>
    </row>
    <row r="39260" spans="1:3" ht="19.2">
      <c r="A39260" s="2"/>
      <c r="B39260" s="2"/>
      <c r="C39260" s="2"/>
    </row>
    <row r="39261" spans="1:3" ht="19.2">
      <c r="A39261" s="2"/>
      <c r="B39261" s="2"/>
      <c r="C39261" s="2"/>
    </row>
    <row r="39262" spans="1:3" ht="19.2">
      <c r="A39262" s="2"/>
      <c r="B39262" s="2"/>
      <c r="C39262" s="2"/>
    </row>
    <row r="39263" spans="1:3" ht="19.2">
      <c r="A39263" s="2"/>
      <c r="B39263" s="2"/>
      <c r="C39263" s="2"/>
    </row>
    <row r="39264" spans="1:3" ht="19.2">
      <c r="A39264" s="2"/>
      <c r="B39264" s="2"/>
      <c r="C39264" s="2"/>
    </row>
    <row r="39265" spans="1:3" ht="19.2">
      <c r="A39265" s="2"/>
      <c r="B39265" s="2"/>
      <c r="C39265" s="2"/>
    </row>
    <row r="39266" spans="1:3" ht="19.2">
      <c r="A39266" s="2"/>
      <c r="B39266" s="2"/>
      <c r="C39266" s="2"/>
    </row>
    <row r="39267" spans="1:3" ht="19.2">
      <c r="A39267" s="2"/>
      <c r="B39267" s="2"/>
      <c r="C39267" s="2"/>
    </row>
    <row r="39268" spans="1:3" ht="19.2">
      <c r="A39268" s="2"/>
      <c r="B39268" s="2"/>
      <c r="C39268" s="2"/>
    </row>
    <row r="39269" spans="1:3" ht="19.2">
      <c r="A39269" s="2"/>
      <c r="B39269" s="2"/>
      <c r="C39269" s="2"/>
    </row>
    <row r="39270" spans="1:3" ht="19.2">
      <c r="A39270" s="2"/>
      <c r="B39270" s="2"/>
      <c r="C39270" s="2"/>
    </row>
    <row r="39271" spans="1:3" ht="19.2">
      <c r="A39271" s="2"/>
      <c r="B39271" s="2"/>
      <c r="C39271" s="2"/>
    </row>
    <row r="39272" spans="1:3" ht="19.2">
      <c r="A39272" s="2"/>
      <c r="B39272" s="2"/>
      <c r="C39272" s="2"/>
    </row>
    <row r="39273" spans="1:3" ht="19.2">
      <c r="A39273" s="2"/>
      <c r="B39273" s="2"/>
      <c r="C39273" s="2"/>
    </row>
    <row r="39274" spans="1:3" ht="19.2">
      <c r="A39274" s="2"/>
      <c r="B39274" s="2"/>
      <c r="C39274" s="2"/>
    </row>
    <row r="39275" spans="1:3" ht="19.2">
      <c r="A39275" s="2"/>
      <c r="B39275" s="2"/>
      <c r="C39275" s="2"/>
    </row>
    <row r="39276" spans="1:3" ht="19.2">
      <c r="A39276" s="2"/>
      <c r="B39276" s="2"/>
      <c r="C39276" s="2"/>
    </row>
    <row r="39277" spans="1:3" ht="19.2">
      <c r="A39277" s="2"/>
      <c r="B39277" s="2"/>
      <c r="C39277" s="2"/>
    </row>
    <row r="39278" spans="1:3" ht="19.2">
      <c r="A39278" s="2"/>
      <c r="B39278" s="2"/>
      <c r="C39278" s="2"/>
    </row>
    <row r="39279" spans="1:3" ht="19.2">
      <c r="A39279" s="2"/>
      <c r="B39279" s="2"/>
      <c r="C39279" s="2"/>
    </row>
    <row r="39280" spans="1:3" ht="19.2">
      <c r="A39280" s="2"/>
      <c r="B39280" s="2"/>
      <c r="C39280" s="2"/>
    </row>
    <row r="39281" spans="1:3" ht="19.2">
      <c r="A39281" s="2"/>
      <c r="B39281" s="2"/>
      <c r="C39281" s="2"/>
    </row>
    <row r="39282" spans="1:3" ht="19.2">
      <c r="A39282" s="2"/>
      <c r="B39282" s="2"/>
      <c r="C39282" s="2"/>
    </row>
    <row r="39283" spans="1:3" ht="19.2">
      <c r="A39283" s="2"/>
      <c r="B39283" s="2"/>
      <c r="C39283" s="2"/>
    </row>
    <row r="39284" spans="1:3" ht="19.2">
      <c r="A39284" s="2"/>
      <c r="B39284" s="2"/>
      <c r="C39284" s="2"/>
    </row>
    <row r="39285" spans="1:3" ht="19.2">
      <c r="A39285" s="2"/>
      <c r="B39285" s="2"/>
      <c r="C39285" s="2"/>
    </row>
    <row r="39286" spans="1:3" ht="19.2">
      <c r="A39286" s="2"/>
      <c r="B39286" s="2"/>
      <c r="C39286" s="2"/>
    </row>
    <row r="39287" spans="1:3" ht="19.2">
      <c r="A39287" s="2"/>
      <c r="B39287" s="2"/>
      <c r="C39287" s="2"/>
    </row>
    <row r="39288" spans="1:3" ht="19.2">
      <c r="A39288" s="2"/>
      <c r="B39288" s="2"/>
      <c r="C39288" s="2"/>
    </row>
    <row r="39289" spans="1:3" ht="19.2">
      <c r="A39289" s="2"/>
      <c r="B39289" s="2"/>
      <c r="C39289" s="2"/>
    </row>
    <row r="39290" spans="1:3" ht="19.2">
      <c r="A39290" s="2"/>
      <c r="B39290" s="2"/>
      <c r="C39290" s="2"/>
    </row>
    <row r="39291" spans="1:3" ht="19.2">
      <c r="A39291" s="2"/>
      <c r="B39291" s="2"/>
      <c r="C39291" s="2"/>
    </row>
    <row r="39292" spans="1:3" ht="19.2">
      <c r="A39292" s="2"/>
      <c r="B39292" s="2"/>
      <c r="C39292" s="2"/>
    </row>
    <row r="39293" spans="1:3" ht="19.2">
      <c r="A39293" s="2"/>
      <c r="B39293" s="2"/>
      <c r="C39293" s="2"/>
    </row>
    <row r="39294" spans="1:3" ht="19.2">
      <c r="A39294" s="2"/>
      <c r="B39294" s="2"/>
      <c r="C39294" s="2"/>
    </row>
    <row r="39295" spans="1:3" ht="19.2">
      <c r="A39295" s="2"/>
      <c r="B39295" s="2"/>
      <c r="C39295" s="2"/>
    </row>
    <row r="39296" spans="1:3" ht="19.2">
      <c r="A39296" s="2"/>
      <c r="B39296" s="2"/>
      <c r="C39296" s="2"/>
    </row>
    <row r="39297" spans="1:3" ht="19.2">
      <c r="A39297" s="2"/>
      <c r="B39297" s="2"/>
      <c r="C39297" s="2"/>
    </row>
    <row r="39298" spans="1:3" ht="19.2">
      <c r="A39298" s="2"/>
      <c r="B39298" s="2"/>
      <c r="C39298" s="2"/>
    </row>
    <row r="39299" spans="1:3" ht="19.2">
      <c r="A39299" s="2"/>
      <c r="B39299" s="2"/>
      <c r="C39299" s="2"/>
    </row>
    <row r="39300" spans="1:3" ht="19.2">
      <c r="A39300" s="2"/>
      <c r="B39300" s="2"/>
      <c r="C39300" s="2"/>
    </row>
    <row r="39301" spans="1:3" ht="19.2">
      <c r="A39301" s="2"/>
      <c r="B39301" s="2"/>
      <c r="C39301" s="2"/>
    </row>
    <row r="39302" spans="1:3" ht="19.2">
      <c r="A39302" s="2"/>
      <c r="B39302" s="2"/>
      <c r="C39302" s="2"/>
    </row>
    <row r="39303" spans="1:3" ht="19.2">
      <c r="A39303" s="2"/>
      <c r="B39303" s="2"/>
      <c r="C39303" s="2"/>
    </row>
    <row r="39304" spans="1:3" ht="19.2">
      <c r="A39304" s="2"/>
      <c r="B39304" s="2"/>
      <c r="C39304" s="2"/>
    </row>
    <row r="39305" spans="1:3" ht="19.2">
      <c r="A39305" s="2"/>
      <c r="B39305" s="2"/>
      <c r="C39305" s="2"/>
    </row>
    <row r="39306" spans="1:3" ht="19.2">
      <c r="A39306" s="2"/>
      <c r="B39306" s="2"/>
      <c r="C39306" s="2"/>
    </row>
    <row r="39307" spans="1:3" ht="19.2">
      <c r="A39307" s="2"/>
      <c r="B39307" s="2"/>
      <c r="C39307" s="2"/>
    </row>
    <row r="39308" spans="1:3" ht="19.2">
      <c r="A39308" s="2"/>
      <c r="B39308" s="2"/>
      <c r="C39308" s="2"/>
    </row>
    <row r="39309" spans="1:3" ht="19.2">
      <c r="A39309" s="2"/>
      <c r="B39309" s="2"/>
      <c r="C39309" s="2"/>
    </row>
    <row r="39310" spans="1:3" ht="19.2">
      <c r="A39310" s="2"/>
      <c r="B39310" s="2"/>
      <c r="C39310" s="2"/>
    </row>
    <row r="39311" spans="1:3" ht="19.2">
      <c r="A39311" s="2"/>
      <c r="B39311" s="2"/>
      <c r="C39311" s="2"/>
    </row>
    <row r="39312" spans="1:3" ht="19.2">
      <c r="A39312" s="2"/>
      <c r="B39312" s="2"/>
      <c r="C39312" s="2"/>
    </row>
    <row r="39313" spans="1:3" ht="19.2">
      <c r="A39313" s="2"/>
      <c r="B39313" s="2"/>
      <c r="C39313" s="2"/>
    </row>
    <row r="39314" spans="1:3" ht="19.2">
      <c r="A39314" s="2"/>
      <c r="B39314" s="2"/>
      <c r="C39314" s="2"/>
    </row>
    <row r="39315" spans="1:3" ht="19.2">
      <c r="A39315" s="2"/>
      <c r="B39315" s="2"/>
      <c r="C39315" s="2"/>
    </row>
    <row r="39316" spans="1:3" ht="19.2">
      <c r="A39316" s="2"/>
      <c r="B39316" s="2"/>
      <c r="C39316" s="2"/>
    </row>
    <row r="39317" spans="1:3" ht="19.2">
      <c r="A39317" s="2"/>
      <c r="B39317" s="2"/>
      <c r="C39317" s="2"/>
    </row>
    <row r="39318" spans="1:3" ht="19.2">
      <c r="A39318" s="2"/>
      <c r="B39318" s="2"/>
      <c r="C39318" s="2"/>
    </row>
    <row r="39319" spans="1:3" ht="19.2">
      <c r="A39319" s="2"/>
      <c r="B39319" s="2"/>
      <c r="C39319" s="2"/>
    </row>
    <row r="39320" spans="1:3" ht="19.2">
      <c r="A39320" s="2"/>
      <c r="B39320" s="2"/>
      <c r="C39320" s="2"/>
    </row>
    <row r="39321" spans="1:3" ht="19.2">
      <c r="A39321" s="2"/>
      <c r="B39321" s="2"/>
      <c r="C39321" s="2"/>
    </row>
    <row r="39322" spans="1:3" ht="19.2">
      <c r="A39322" s="2"/>
      <c r="B39322" s="2"/>
      <c r="C39322" s="2"/>
    </row>
    <row r="39323" spans="1:3" ht="19.2">
      <c r="A39323" s="2"/>
      <c r="B39323" s="2"/>
      <c r="C39323" s="2"/>
    </row>
    <row r="39324" spans="1:3" ht="19.2">
      <c r="A39324" s="2"/>
      <c r="B39324" s="2"/>
      <c r="C39324" s="2"/>
    </row>
    <row r="39325" spans="1:3" ht="19.2">
      <c r="A39325" s="2"/>
      <c r="B39325" s="2"/>
      <c r="C39325" s="2"/>
    </row>
    <row r="39326" spans="1:3" ht="19.2">
      <c r="A39326" s="2"/>
      <c r="B39326" s="2"/>
      <c r="C39326" s="2"/>
    </row>
    <row r="39327" spans="1:3" ht="19.2">
      <c r="A39327" s="2"/>
      <c r="B39327" s="2"/>
      <c r="C39327" s="2"/>
    </row>
    <row r="39328" spans="1:3" ht="19.2">
      <c r="A39328" s="2"/>
      <c r="B39328" s="2"/>
      <c r="C39328" s="2"/>
    </row>
    <row r="39329" spans="1:3" ht="19.2">
      <c r="A39329" s="2"/>
      <c r="B39329" s="2"/>
      <c r="C39329" s="2"/>
    </row>
    <row r="39330" spans="1:3" ht="19.2">
      <c r="A39330" s="2"/>
      <c r="B39330" s="2"/>
      <c r="C39330" s="2"/>
    </row>
    <row r="39331" spans="1:3" ht="19.2">
      <c r="A39331" s="2"/>
      <c r="B39331" s="2"/>
      <c r="C39331" s="2"/>
    </row>
    <row r="39332" spans="1:3" ht="19.2">
      <c r="A39332" s="2"/>
      <c r="B39332" s="2"/>
      <c r="C39332" s="2"/>
    </row>
    <row r="39333" spans="1:3" ht="19.2">
      <c r="A39333" s="2"/>
      <c r="B39333" s="2"/>
      <c r="C39333" s="2"/>
    </row>
    <row r="39334" spans="1:3" ht="19.2">
      <c r="A39334" s="2"/>
      <c r="B39334" s="2"/>
      <c r="C39334" s="2"/>
    </row>
    <row r="39335" spans="1:3" ht="19.2">
      <c r="A39335" s="2"/>
      <c r="B39335" s="2"/>
      <c r="C39335" s="2"/>
    </row>
    <row r="39336" spans="1:3" ht="19.2">
      <c r="A39336" s="2"/>
      <c r="B39336" s="2"/>
      <c r="C39336" s="2"/>
    </row>
    <row r="39337" spans="1:3" ht="19.2">
      <c r="A39337" s="2"/>
      <c r="B39337" s="2"/>
      <c r="C39337" s="2"/>
    </row>
    <row r="39338" spans="1:3" ht="19.2">
      <c r="A39338" s="2"/>
      <c r="B39338" s="2"/>
      <c r="C39338" s="2"/>
    </row>
    <row r="39339" spans="1:3" ht="19.2">
      <c r="A39339" s="2"/>
      <c r="B39339" s="2"/>
      <c r="C39339" s="2"/>
    </row>
    <row r="39340" spans="1:3" ht="19.2">
      <c r="A39340" s="2"/>
      <c r="B39340" s="2"/>
      <c r="C39340" s="2"/>
    </row>
    <row r="39341" spans="1:3" ht="19.2">
      <c r="A39341" s="2"/>
      <c r="B39341" s="2"/>
      <c r="C39341" s="2"/>
    </row>
    <row r="39342" spans="1:3" ht="19.2">
      <c r="A39342" s="2"/>
      <c r="B39342" s="2"/>
      <c r="C39342" s="2"/>
    </row>
    <row r="39343" spans="1:3" ht="19.2">
      <c r="A39343" s="2"/>
      <c r="B39343" s="2"/>
      <c r="C39343" s="2"/>
    </row>
    <row r="39344" spans="1:3" ht="19.2">
      <c r="A39344" s="2"/>
      <c r="B39344" s="2"/>
      <c r="C39344" s="2"/>
    </row>
    <row r="39345" spans="1:3" ht="19.2">
      <c r="A39345" s="2"/>
      <c r="B39345" s="2"/>
      <c r="C39345" s="2"/>
    </row>
    <row r="39346" spans="1:3" ht="19.2">
      <c r="A39346" s="2"/>
      <c r="B39346" s="2"/>
      <c r="C39346" s="2"/>
    </row>
    <row r="39347" spans="1:3" ht="19.2">
      <c r="A39347" s="2"/>
      <c r="B39347" s="2"/>
      <c r="C39347" s="2"/>
    </row>
    <row r="39348" spans="1:3" ht="19.2">
      <c r="A39348" s="2"/>
      <c r="B39348" s="2"/>
      <c r="C39348" s="2"/>
    </row>
    <row r="39349" spans="1:3" ht="19.2">
      <c r="A39349" s="2"/>
      <c r="B39349" s="2"/>
      <c r="C39349" s="2"/>
    </row>
    <row r="39350" spans="1:3" ht="19.2">
      <c r="A39350" s="2"/>
      <c r="B39350" s="2"/>
      <c r="C39350" s="2"/>
    </row>
    <row r="39351" spans="1:3" ht="19.2">
      <c r="A39351" s="2"/>
      <c r="B39351" s="2"/>
      <c r="C39351" s="2"/>
    </row>
    <row r="39352" spans="1:3" ht="19.2">
      <c r="A39352" s="2"/>
      <c r="B39352" s="2"/>
      <c r="C39352" s="2"/>
    </row>
    <row r="39353" spans="1:3" ht="19.2">
      <c r="A39353" s="2"/>
      <c r="B39353" s="2"/>
      <c r="C39353" s="2"/>
    </row>
    <row r="39354" spans="1:3" ht="19.2">
      <c r="A39354" s="2"/>
      <c r="B39354" s="2"/>
      <c r="C39354" s="2"/>
    </row>
    <row r="39355" spans="1:3" ht="19.2">
      <c r="A39355" s="2"/>
      <c r="B39355" s="2"/>
      <c r="C39355" s="2"/>
    </row>
    <row r="39356" spans="1:3" ht="19.2">
      <c r="A39356" s="2"/>
      <c r="B39356" s="2"/>
      <c r="C39356" s="2"/>
    </row>
    <row r="39357" spans="1:3" ht="19.2">
      <c r="A39357" s="2"/>
      <c r="B39357" s="2"/>
      <c r="C39357" s="2"/>
    </row>
    <row r="39358" spans="1:3" ht="19.2">
      <c r="A39358" s="2"/>
      <c r="B39358" s="2"/>
      <c r="C39358" s="2"/>
    </row>
    <row r="39359" spans="1:3" ht="19.2">
      <c r="A39359" s="2"/>
      <c r="B39359" s="2"/>
      <c r="C39359" s="2"/>
    </row>
    <row r="39360" spans="1:3" ht="19.2">
      <c r="A39360" s="2"/>
      <c r="B39360" s="2"/>
      <c r="C39360" s="2"/>
    </row>
    <row r="39361" spans="1:3" ht="19.2">
      <c r="A39361" s="2"/>
      <c r="B39361" s="2"/>
      <c r="C39361" s="2"/>
    </row>
    <row r="39362" spans="1:3" ht="19.2">
      <c r="A39362" s="2"/>
      <c r="B39362" s="2"/>
      <c r="C39362" s="2"/>
    </row>
    <row r="39363" spans="1:3" ht="19.2">
      <c r="A39363" s="2"/>
      <c r="B39363" s="2"/>
      <c r="C39363" s="2"/>
    </row>
    <row r="39364" spans="1:3" ht="19.2">
      <c r="A39364" s="2"/>
      <c r="B39364" s="2"/>
      <c r="C39364" s="2"/>
    </row>
    <row r="39365" spans="1:3" ht="19.2">
      <c r="A39365" s="2"/>
      <c r="B39365" s="2"/>
      <c r="C39365" s="2"/>
    </row>
    <row r="39366" spans="1:3" ht="19.2">
      <c r="A39366" s="2"/>
      <c r="B39366" s="2"/>
      <c r="C39366" s="2"/>
    </row>
    <row r="39367" spans="1:3" ht="19.2">
      <c r="A39367" s="2"/>
      <c r="B39367" s="2"/>
      <c r="C39367" s="2"/>
    </row>
    <row r="39368" spans="1:3" ht="19.2">
      <c r="A39368" s="2"/>
      <c r="B39368" s="2"/>
      <c r="C39368" s="2"/>
    </row>
    <row r="39369" spans="1:3" ht="19.2">
      <c r="A39369" s="2"/>
      <c r="B39369" s="2"/>
      <c r="C39369" s="2"/>
    </row>
    <row r="39370" spans="1:3" ht="19.2">
      <c r="A39370" s="2"/>
      <c r="B39370" s="2"/>
      <c r="C39370" s="2"/>
    </row>
    <row r="39371" spans="1:3" ht="19.2">
      <c r="A39371" s="2"/>
      <c r="B39371" s="2"/>
      <c r="C39371" s="2"/>
    </row>
    <row r="39372" spans="1:3" ht="19.2">
      <c r="A39372" s="2"/>
      <c r="B39372" s="2"/>
      <c r="C39372" s="2"/>
    </row>
    <row r="39373" spans="1:3" ht="19.2">
      <c r="A39373" s="2"/>
      <c r="B39373" s="2"/>
      <c r="C39373" s="2"/>
    </row>
    <row r="39374" spans="1:3" ht="19.2">
      <c r="A39374" s="2"/>
      <c r="B39374" s="2"/>
      <c r="C39374" s="2"/>
    </row>
    <row r="39375" spans="1:3" ht="19.2">
      <c r="A39375" s="2"/>
      <c r="B39375" s="2"/>
      <c r="C39375" s="2"/>
    </row>
    <row r="39376" spans="1:3" ht="19.2">
      <c r="A39376" s="2"/>
      <c r="B39376" s="2"/>
      <c r="C39376" s="2"/>
    </row>
    <row r="39377" spans="1:3" ht="19.2">
      <c r="A39377" s="2"/>
      <c r="B39377" s="2"/>
      <c r="C39377" s="2"/>
    </row>
    <row r="39378" spans="1:3" ht="19.2">
      <c r="A39378" s="2"/>
      <c r="B39378" s="2"/>
      <c r="C39378" s="2"/>
    </row>
    <row r="39379" spans="1:3" ht="19.2">
      <c r="A39379" s="2"/>
      <c r="B39379" s="2"/>
      <c r="C39379" s="2"/>
    </row>
    <row r="39380" spans="1:3" ht="19.2">
      <c r="A39380" s="2"/>
      <c r="B39380" s="2"/>
      <c r="C39380" s="2"/>
    </row>
    <row r="39381" spans="1:3" ht="19.2">
      <c r="A39381" s="2"/>
      <c r="B39381" s="2"/>
      <c r="C39381" s="2"/>
    </row>
    <row r="39382" spans="1:3" ht="19.2">
      <c r="A39382" s="2"/>
      <c r="B39382" s="2"/>
      <c r="C39382" s="2"/>
    </row>
    <row r="39383" spans="1:3" ht="19.2">
      <c r="A39383" s="2"/>
      <c r="B39383" s="2"/>
      <c r="C39383" s="2"/>
    </row>
    <row r="39384" spans="1:3" ht="19.2">
      <c r="A39384" s="2"/>
      <c r="B39384" s="2"/>
      <c r="C39384" s="2"/>
    </row>
    <row r="39385" spans="1:3" ht="19.2">
      <c r="A39385" s="2"/>
      <c r="B39385" s="2"/>
      <c r="C39385" s="2"/>
    </row>
    <row r="39386" spans="1:3" ht="19.2">
      <c r="A39386" s="2"/>
      <c r="B39386" s="2"/>
      <c r="C39386" s="2"/>
    </row>
    <row r="39387" spans="1:3" ht="19.2">
      <c r="A39387" s="2"/>
      <c r="B39387" s="2"/>
      <c r="C39387" s="2"/>
    </row>
    <row r="39388" spans="1:3" ht="19.2">
      <c r="A39388" s="2"/>
      <c r="B39388" s="2"/>
      <c r="C39388" s="2"/>
    </row>
    <row r="39389" spans="1:3" ht="19.2">
      <c r="A39389" s="2"/>
      <c r="B39389" s="2"/>
      <c r="C39389" s="2"/>
    </row>
    <row r="39390" spans="1:3" ht="19.2">
      <c r="A39390" s="2"/>
      <c r="B39390" s="2"/>
      <c r="C39390" s="2"/>
    </row>
    <row r="39391" spans="1:3" ht="19.2">
      <c r="A39391" s="2"/>
      <c r="B39391" s="2"/>
      <c r="C39391" s="2"/>
    </row>
    <row r="39392" spans="1:3" ht="19.2">
      <c r="A39392" s="2"/>
      <c r="B39392" s="2"/>
      <c r="C39392" s="2"/>
    </row>
    <row r="39393" spans="1:3" ht="19.2">
      <c r="A39393" s="2"/>
      <c r="B39393" s="2"/>
      <c r="C39393" s="2"/>
    </row>
    <row r="39394" spans="1:3" ht="19.2">
      <c r="A39394" s="2"/>
      <c r="B39394" s="2"/>
      <c r="C39394" s="2"/>
    </row>
    <row r="39395" spans="1:3" ht="19.2">
      <c r="A39395" s="2"/>
      <c r="B39395" s="2"/>
      <c r="C39395" s="2"/>
    </row>
    <row r="39396" spans="1:3" ht="19.2">
      <c r="A39396" s="2"/>
      <c r="B39396" s="2"/>
      <c r="C39396" s="2"/>
    </row>
    <row r="39397" spans="1:3" ht="19.2">
      <c r="A39397" s="2"/>
      <c r="B39397" s="2"/>
      <c r="C39397" s="2"/>
    </row>
    <row r="39398" spans="1:3" ht="19.2">
      <c r="A39398" s="2"/>
      <c r="B39398" s="2"/>
      <c r="C39398" s="2"/>
    </row>
    <row r="39399" spans="1:3" ht="19.2">
      <c r="A39399" s="2"/>
      <c r="B39399" s="2"/>
      <c r="C39399" s="2"/>
    </row>
    <row r="39400" spans="1:3" ht="19.2">
      <c r="A39400" s="2"/>
      <c r="B39400" s="2"/>
      <c r="C39400" s="2"/>
    </row>
    <row r="39401" spans="1:3" ht="19.2">
      <c r="A39401" s="2"/>
      <c r="B39401" s="2"/>
      <c r="C39401" s="2"/>
    </row>
    <row r="39402" spans="1:3" ht="19.2">
      <c r="A39402" s="2"/>
      <c r="B39402" s="2"/>
      <c r="C39402" s="2"/>
    </row>
    <row r="39403" spans="1:3" ht="19.2">
      <c r="A39403" s="2"/>
      <c r="B39403" s="2"/>
      <c r="C39403" s="2"/>
    </row>
    <row r="39404" spans="1:3" ht="19.2">
      <c r="A39404" s="2"/>
      <c r="B39404" s="2"/>
      <c r="C39404" s="2"/>
    </row>
    <row r="39405" spans="1:3" ht="19.2">
      <c r="A39405" s="2"/>
      <c r="B39405" s="2"/>
      <c r="C39405" s="2"/>
    </row>
    <row r="39406" spans="1:3" ht="19.2">
      <c r="A39406" s="2"/>
      <c r="B39406" s="2"/>
      <c r="C39406" s="2"/>
    </row>
    <row r="39407" spans="1:3" ht="19.2">
      <c r="A39407" s="2"/>
      <c r="B39407" s="2"/>
      <c r="C39407" s="2"/>
    </row>
    <row r="39408" spans="1:3" ht="19.2">
      <c r="A39408" s="2"/>
      <c r="B39408" s="2"/>
      <c r="C39408" s="2"/>
    </row>
    <row r="39409" spans="1:3" ht="19.2">
      <c r="A39409" s="2"/>
      <c r="B39409" s="2"/>
      <c r="C39409" s="2"/>
    </row>
    <row r="39410" spans="1:3" ht="19.2">
      <c r="A39410" s="2"/>
      <c r="B39410" s="2"/>
      <c r="C39410" s="2"/>
    </row>
    <row r="39411" spans="1:3" ht="19.2">
      <c r="A39411" s="2"/>
      <c r="B39411" s="2"/>
      <c r="C39411" s="2"/>
    </row>
    <row r="39412" spans="1:3" ht="19.2">
      <c r="A39412" s="2"/>
      <c r="B39412" s="2"/>
      <c r="C39412" s="2"/>
    </row>
    <row r="39413" spans="1:3" ht="19.2">
      <c r="A39413" s="2"/>
      <c r="B39413" s="2"/>
      <c r="C39413" s="2"/>
    </row>
    <row r="39414" spans="1:3" ht="19.2">
      <c r="A39414" s="2"/>
      <c r="B39414" s="2"/>
      <c r="C39414" s="2"/>
    </row>
    <row r="39415" spans="1:3" ht="19.2">
      <c r="A39415" s="2"/>
      <c r="B39415" s="2"/>
      <c r="C39415" s="2"/>
    </row>
    <row r="39416" spans="1:3" ht="19.2">
      <c r="A39416" s="2"/>
      <c r="B39416" s="2"/>
      <c r="C39416" s="2"/>
    </row>
    <row r="39417" spans="1:3" ht="19.2">
      <c r="A39417" s="2"/>
      <c r="B39417" s="2"/>
      <c r="C39417" s="2"/>
    </row>
    <row r="39418" spans="1:3" ht="19.2">
      <c r="A39418" s="2"/>
      <c r="B39418" s="2"/>
      <c r="C39418" s="2"/>
    </row>
    <row r="39419" spans="1:3" ht="19.2">
      <c r="A39419" s="2"/>
      <c r="B39419" s="2"/>
      <c r="C39419" s="2"/>
    </row>
    <row r="39420" spans="1:3" ht="19.2">
      <c r="A39420" s="2"/>
      <c r="B39420" s="2"/>
      <c r="C39420" s="2"/>
    </row>
    <row r="39421" spans="1:3" ht="19.2">
      <c r="A39421" s="2"/>
      <c r="B39421" s="2"/>
      <c r="C39421" s="2"/>
    </row>
    <row r="39422" spans="1:3" ht="19.2">
      <c r="A39422" s="2"/>
      <c r="B39422" s="2"/>
      <c r="C39422" s="2"/>
    </row>
    <row r="39423" spans="1:3" ht="19.2">
      <c r="A39423" s="2"/>
      <c r="B39423" s="2"/>
      <c r="C39423" s="2"/>
    </row>
    <row r="39424" spans="1:3" ht="19.2">
      <c r="A39424" s="2"/>
      <c r="B39424" s="2"/>
      <c r="C39424" s="2"/>
    </row>
    <row r="39425" spans="1:3" ht="19.2">
      <c r="A39425" s="2"/>
      <c r="B39425" s="2"/>
      <c r="C39425" s="2"/>
    </row>
    <row r="39426" spans="1:3" ht="19.2">
      <c r="A39426" s="2"/>
      <c r="B39426" s="2"/>
      <c r="C39426" s="2"/>
    </row>
    <row r="39427" spans="1:3" ht="19.2">
      <c r="A39427" s="2"/>
      <c r="B39427" s="2"/>
      <c r="C39427" s="2"/>
    </row>
    <row r="39428" spans="1:3" ht="19.2">
      <c r="A39428" s="2"/>
      <c r="B39428" s="2"/>
      <c r="C39428" s="2"/>
    </row>
    <row r="39429" spans="1:3" ht="19.2">
      <c r="A39429" s="2"/>
      <c r="B39429" s="2"/>
      <c r="C39429" s="2"/>
    </row>
    <row r="39430" spans="1:3" ht="19.2">
      <c r="A39430" s="2"/>
      <c r="B39430" s="2"/>
      <c r="C39430" s="2"/>
    </row>
    <row r="39431" spans="1:3" ht="19.2">
      <c r="A39431" s="2"/>
      <c r="B39431" s="2"/>
      <c r="C39431" s="2"/>
    </row>
    <row r="39432" spans="1:3" ht="19.2">
      <c r="A39432" s="2"/>
      <c r="B39432" s="2"/>
      <c r="C39432" s="2"/>
    </row>
    <row r="39433" spans="1:3" ht="19.2">
      <c r="A39433" s="2"/>
      <c r="B39433" s="2"/>
      <c r="C39433" s="2"/>
    </row>
    <row r="39434" spans="1:3" ht="19.2">
      <c r="A39434" s="2"/>
      <c r="B39434" s="2"/>
      <c r="C39434" s="2"/>
    </row>
    <row r="39435" spans="1:3" ht="19.2">
      <c r="A39435" s="2"/>
      <c r="B39435" s="2"/>
      <c r="C39435" s="2"/>
    </row>
    <row r="39436" spans="1:3" ht="19.2">
      <c r="A39436" s="2"/>
      <c r="B39436" s="2"/>
      <c r="C39436" s="2"/>
    </row>
    <row r="39437" spans="1:3" ht="19.2">
      <c r="A39437" s="2"/>
      <c r="B39437" s="2"/>
      <c r="C39437" s="2"/>
    </row>
    <row r="39438" spans="1:3" ht="19.2">
      <c r="A39438" s="2"/>
      <c r="B39438" s="2"/>
      <c r="C39438" s="2"/>
    </row>
    <row r="39439" spans="1:3" ht="19.2">
      <c r="A39439" s="2"/>
      <c r="B39439" s="2"/>
      <c r="C39439" s="2"/>
    </row>
    <row r="39440" spans="1:3" ht="19.2">
      <c r="A39440" s="2"/>
      <c r="B39440" s="2"/>
      <c r="C39440" s="2"/>
    </row>
    <row r="39441" spans="1:3" ht="19.2">
      <c r="A39441" s="2"/>
      <c r="B39441" s="2"/>
      <c r="C39441" s="2"/>
    </row>
    <row r="39442" spans="1:3" ht="19.2">
      <c r="A39442" s="2"/>
      <c r="B39442" s="2"/>
      <c r="C39442" s="2"/>
    </row>
    <row r="39443" spans="1:3" ht="19.2">
      <c r="A39443" s="2"/>
      <c r="B39443" s="2"/>
      <c r="C39443" s="2"/>
    </row>
    <row r="39444" spans="1:3" ht="19.2">
      <c r="A39444" s="2"/>
      <c r="B39444" s="2"/>
      <c r="C39444" s="2"/>
    </row>
    <row r="39445" spans="1:3" ht="19.2">
      <c r="A39445" s="2"/>
      <c r="B39445" s="2"/>
      <c r="C39445" s="2"/>
    </row>
    <row r="39446" spans="1:3" ht="19.2">
      <c r="A39446" s="2"/>
      <c r="B39446" s="2"/>
      <c r="C39446" s="2"/>
    </row>
    <row r="39447" spans="1:3" ht="19.2">
      <c r="A39447" s="2"/>
      <c r="B39447" s="2"/>
      <c r="C39447" s="2"/>
    </row>
    <row r="39448" spans="1:3" ht="19.2">
      <c r="A39448" s="2"/>
      <c r="B39448" s="2"/>
      <c r="C39448" s="2"/>
    </row>
    <row r="39449" spans="1:3" ht="19.2">
      <c r="A39449" s="2"/>
      <c r="B39449" s="2"/>
      <c r="C39449" s="2"/>
    </row>
    <row r="39450" spans="1:3" ht="19.2">
      <c r="A39450" s="2"/>
      <c r="B39450" s="2"/>
      <c r="C39450" s="2"/>
    </row>
    <row r="39451" spans="1:3" ht="19.2">
      <c r="A39451" s="2"/>
      <c r="B39451" s="2"/>
      <c r="C39451" s="2"/>
    </row>
    <row r="39452" spans="1:3" ht="19.2">
      <c r="A39452" s="2"/>
      <c r="B39452" s="2"/>
      <c r="C39452" s="2"/>
    </row>
    <row r="39453" spans="1:3" ht="19.2">
      <c r="A39453" s="2"/>
      <c r="B39453" s="2"/>
      <c r="C39453" s="2"/>
    </row>
    <row r="39454" spans="1:3" ht="19.2">
      <c r="A39454" s="2"/>
      <c r="B39454" s="2"/>
      <c r="C39454" s="2"/>
    </row>
    <row r="39455" spans="1:3" ht="19.2">
      <c r="A39455" s="2"/>
      <c r="B39455" s="2"/>
      <c r="C39455" s="2"/>
    </row>
    <row r="39456" spans="1:3" ht="19.2">
      <c r="A39456" s="2"/>
      <c r="B39456" s="2"/>
      <c r="C39456" s="2"/>
    </row>
    <row r="39457" spans="1:3" ht="19.2">
      <c r="A39457" s="2"/>
      <c r="B39457" s="2"/>
      <c r="C39457" s="2"/>
    </row>
    <row r="39458" spans="1:3" ht="19.2">
      <c r="A39458" s="2"/>
      <c r="B39458" s="2"/>
      <c r="C39458" s="2"/>
    </row>
    <row r="39459" spans="1:3" ht="19.2">
      <c r="A39459" s="2"/>
      <c r="B39459" s="2"/>
      <c r="C39459" s="2"/>
    </row>
    <row r="39460" spans="1:3" ht="19.2">
      <c r="A39460" s="2"/>
      <c r="B39460" s="2"/>
      <c r="C39460" s="2"/>
    </row>
    <row r="39461" spans="1:3" ht="19.2">
      <c r="A39461" s="2"/>
      <c r="B39461" s="2"/>
      <c r="C39461" s="2"/>
    </row>
    <row r="39462" spans="1:3" ht="19.2">
      <c r="A39462" s="2"/>
      <c r="B39462" s="2"/>
      <c r="C39462" s="2"/>
    </row>
    <row r="39463" spans="1:3" ht="19.2">
      <c r="A39463" s="2"/>
      <c r="B39463" s="2"/>
      <c r="C39463" s="2"/>
    </row>
    <row r="39464" spans="1:3" ht="19.2">
      <c r="A39464" s="2"/>
      <c r="B39464" s="2"/>
      <c r="C39464" s="2"/>
    </row>
    <row r="39465" spans="1:3" ht="19.2">
      <c r="A39465" s="2"/>
      <c r="B39465" s="2"/>
      <c r="C39465" s="2"/>
    </row>
    <row r="39466" spans="1:3" ht="19.2">
      <c r="A39466" s="2"/>
      <c r="B39466" s="2"/>
      <c r="C39466" s="2"/>
    </row>
    <row r="39467" spans="1:3" ht="19.2">
      <c r="A39467" s="2"/>
      <c r="B39467" s="2"/>
      <c r="C39467" s="2"/>
    </row>
    <row r="39468" spans="1:3" ht="19.2">
      <c r="A39468" s="2"/>
      <c r="B39468" s="2"/>
      <c r="C39468" s="2"/>
    </row>
    <row r="39469" spans="1:3" ht="19.2">
      <c r="A39469" s="2"/>
      <c r="B39469" s="2"/>
      <c r="C39469" s="2"/>
    </row>
    <row r="39470" spans="1:3" ht="19.2">
      <c r="A39470" s="2"/>
      <c r="B39470" s="2"/>
      <c r="C39470" s="2"/>
    </row>
    <row r="39471" spans="1:3" ht="19.2">
      <c r="A39471" s="2"/>
      <c r="B39471" s="2"/>
      <c r="C39471" s="2"/>
    </row>
    <row r="39472" spans="1:3" ht="19.2">
      <c r="A39472" s="2"/>
      <c r="B39472" s="2"/>
      <c r="C39472" s="2"/>
    </row>
    <row r="39473" spans="1:3" ht="19.2">
      <c r="A39473" s="2"/>
      <c r="B39473" s="2"/>
      <c r="C39473" s="2"/>
    </row>
    <row r="39474" spans="1:3" ht="19.2">
      <c r="A39474" s="2"/>
      <c r="B39474" s="2"/>
      <c r="C39474" s="2"/>
    </row>
    <row r="39475" spans="1:3" ht="19.2">
      <c r="A39475" s="2"/>
      <c r="B39475" s="2"/>
      <c r="C39475" s="2"/>
    </row>
    <row r="39476" spans="1:3" ht="19.2">
      <c r="A39476" s="2"/>
      <c r="B39476" s="2"/>
      <c r="C39476" s="2"/>
    </row>
    <row r="39477" spans="1:3" ht="19.2">
      <c r="A39477" s="2"/>
      <c r="B39477" s="2"/>
      <c r="C39477" s="2"/>
    </row>
    <row r="39478" spans="1:3" ht="19.2">
      <c r="A39478" s="2"/>
      <c r="B39478" s="2"/>
      <c r="C39478" s="2"/>
    </row>
    <row r="39479" spans="1:3" ht="19.2">
      <c r="A39479" s="2"/>
      <c r="B39479" s="2"/>
      <c r="C39479" s="2"/>
    </row>
    <row r="39480" spans="1:3" ht="19.2">
      <c r="A39480" s="2"/>
      <c r="B39480" s="2"/>
      <c r="C39480" s="2"/>
    </row>
    <row r="39481" spans="1:3" ht="19.2">
      <c r="A39481" s="2"/>
      <c r="B39481" s="2"/>
      <c r="C39481" s="2"/>
    </row>
    <row r="39482" spans="1:3" ht="19.2">
      <c r="A39482" s="2"/>
      <c r="B39482" s="2"/>
      <c r="C39482" s="2"/>
    </row>
    <row r="39483" spans="1:3" ht="19.2">
      <c r="A39483" s="2"/>
      <c r="B39483" s="2"/>
      <c r="C39483" s="2"/>
    </row>
    <row r="39484" spans="1:3" ht="19.2">
      <c r="A39484" s="2"/>
      <c r="B39484" s="2"/>
      <c r="C39484" s="2"/>
    </row>
    <row r="39485" spans="1:3" ht="19.2">
      <c r="A39485" s="2"/>
      <c r="B39485" s="2"/>
      <c r="C39485" s="2"/>
    </row>
    <row r="39486" spans="1:3" ht="19.2">
      <c r="A39486" s="2"/>
      <c r="B39486" s="2"/>
      <c r="C39486" s="2"/>
    </row>
    <row r="39487" spans="1:3" ht="19.2">
      <c r="A39487" s="2"/>
      <c r="B39487" s="2"/>
      <c r="C39487" s="2"/>
    </row>
    <row r="39488" spans="1:3" ht="19.2">
      <c r="A39488" s="2"/>
      <c r="B39488" s="2"/>
      <c r="C39488" s="2"/>
    </row>
    <row r="39489" spans="1:3" ht="19.2">
      <c r="A39489" s="2"/>
      <c r="B39489" s="2"/>
      <c r="C39489" s="2"/>
    </row>
    <row r="39490" spans="1:3" ht="19.2">
      <c r="A39490" s="2"/>
      <c r="B39490" s="2"/>
      <c r="C39490" s="2"/>
    </row>
    <row r="39491" spans="1:3" ht="19.2">
      <c r="A39491" s="2"/>
      <c r="B39491" s="2"/>
      <c r="C39491" s="2"/>
    </row>
    <row r="39492" spans="1:3" ht="19.2">
      <c r="A39492" s="2"/>
      <c r="B39492" s="2"/>
      <c r="C39492" s="2"/>
    </row>
    <row r="39493" spans="1:3" ht="19.2">
      <c r="A39493" s="2"/>
      <c r="B39493" s="2"/>
      <c r="C39493" s="2"/>
    </row>
    <row r="39494" spans="1:3" ht="19.2">
      <c r="A39494" s="2"/>
      <c r="B39494" s="2"/>
      <c r="C39494" s="2"/>
    </row>
    <row r="39495" spans="1:3" ht="19.2">
      <c r="A39495" s="2"/>
      <c r="B39495" s="2"/>
      <c r="C39495" s="2"/>
    </row>
    <row r="39496" spans="1:3" ht="19.2">
      <c r="A39496" s="2"/>
      <c r="B39496" s="2"/>
      <c r="C39496" s="2"/>
    </row>
    <row r="39497" spans="1:3" ht="19.2">
      <c r="A39497" s="2"/>
      <c r="B39497" s="2"/>
      <c r="C39497" s="2"/>
    </row>
    <row r="39498" spans="1:3" ht="19.2">
      <c r="A39498" s="2"/>
      <c r="B39498" s="2"/>
      <c r="C39498" s="2"/>
    </row>
    <row r="39499" spans="1:3" ht="19.2">
      <c r="A39499" s="2"/>
      <c r="B39499" s="2"/>
      <c r="C39499" s="2"/>
    </row>
    <row r="39500" spans="1:3" ht="19.2">
      <c r="A39500" s="2"/>
      <c r="B39500" s="2"/>
      <c r="C39500" s="2"/>
    </row>
    <row r="39501" spans="1:3" ht="19.2">
      <c r="A39501" s="2"/>
      <c r="B39501" s="2"/>
      <c r="C39501" s="2"/>
    </row>
    <row r="39502" spans="1:3" ht="19.2">
      <c r="A39502" s="2"/>
      <c r="B39502" s="2"/>
      <c r="C39502" s="2"/>
    </row>
    <row r="39503" spans="1:3" ht="19.2">
      <c r="A39503" s="2"/>
      <c r="B39503" s="2"/>
      <c r="C39503" s="2"/>
    </row>
    <row r="39504" spans="1:3" ht="19.2">
      <c r="A39504" s="2"/>
      <c r="B39504" s="2"/>
      <c r="C39504" s="2"/>
    </row>
    <row r="39505" spans="1:3" ht="19.2">
      <c r="A39505" s="2"/>
      <c r="B39505" s="2"/>
      <c r="C39505" s="2"/>
    </row>
    <row r="39506" spans="1:3" ht="19.2">
      <c r="A39506" s="2"/>
      <c r="B39506" s="2"/>
      <c r="C39506" s="2"/>
    </row>
    <row r="39507" spans="1:3" ht="19.2">
      <c r="A39507" s="2"/>
      <c r="B39507" s="2"/>
      <c r="C39507" s="2"/>
    </row>
    <row r="39508" spans="1:3" ht="19.2">
      <c r="A39508" s="2"/>
      <c r="B39508" s="2"/>
      <c r="C39508" s="2"/>
    </row>
    <row r="39509" spans="1:3" ht="19.2">
      <c r="A39509" s="2"/>
      <c r="B39509" s="2"/>
      <c r="C39509" s="2"/>
    </row>
    <row r="39510" spans="1:3" ht="19.2">
      <c r="A39510" s="2"/>
      <c r="B39510" s="2"/>
      <c r="C39510" s="2"/>
    </row>
    <row r="39511" spans="1:3" ht="19.2">
      <c r="A39511" s="2"/>
      <c r="B39511" s="2"/>
      <c r="C39511" s="2"/>
    </row>
    <row r="39512" spans="1:3" ht="19.2">
      <c r="A39512" s="2"/>
      <c r="B39512" s="2"/>
      <c r="C39512" s="2"/>
    </row>
    <row r="39513" spans="1:3" ht="19.2">
      <c r="A39513" s="2"/>
      <c r="B39513" s="2"/>
      <c r="C39513" s="2"/>
    </row>
    <row r="39514" spans="1:3" ht="19.2">
      <c r="A39514" s="2"/>
      <c r="B39514" s="2"/>
      <c r="C39514" s="2"/>
    </row>
    <row r="39515" spans="1:3" ht="19.2">
      <c r="A39515" s="2"/>
      <c r="B39515" s="2"/>
      <c r="C39515" s="2"/>
    </row>
    <row r="39516" spans="1:3" ht="19.2">
      <c r="A39516" s="2"/>
      <c r="B39516" s="2"/>
      <c r="C39516" s="2"/>
    </row>
    <row r="39517" spans="1:3" ht="19.2">
      <c r="A39517" s="2"/>
      <c r="B39517" s="2"/>
      <c r="C39517" s="2"/>
    </row>
    <row r="39518" spans="1:3" ht="19.2">
      <c r="A39518" s="2"/>
      <c r="B39518" s="2"/>
      <c r="C39518" s="2"/>
    </row>
    <row r="39519" spans="1:3" ht="19.2">
      <c r="A39519" s="2"/>
      <c r="B39519" s="2"/>
      <c r="C39519" s="2"/>
    </row>
    <row r="39520" spans="1:3" ht="19.2">
      <c r="A39520" s="2"/>
      <c r="B39520" s="2"/>
      <c r="C39520" s="2"/>
    </row>
    <row r="39521" spans="1:3" ht="19.2">
      <c r="A39521" s="2"/>
      <c r="B39521" s="2"/>
      <c r="C39521" s="2"/>
    </row>
    <row r="39522" spans="1:3" ht="19.2">
      <c r="A39522" s="2"/>
      <c r="B39522" s="2"/>
      <c r="C39522" s="2"/>
    </row>
    <row r="39523" spans="1:3" ht="19.2">
      <c r="A39523" s="2"/>
      <c r="B39523" s="2"/>
      <c r="C39523" s="2"/>
    </row>
    <row r="39524" spans="1:3" ht="19.2">
      <c r="A39524" s="2"/>
      <c r="B39524" s="2"/>
      <c r="C39524" s="2"/>
    </row>
    <row r="39525" spans="1:3" ht="19.2">
      <c r="A39525" s="2"/>
      <c r="B39525" s="2"/>
      <c r="C39525" s="2"/>
    </row>
    <row r="39526" spans="1:3" ht="19.2">
      <c r="A39526" s="2"/>
      <c r="B39526" s="2"/>
      <c r="C39526" s="2"/>
    </row>
    <row r="39527" spans="1:3" ht="19.2">
      <c r="A39527" s="2"/>
      <c r="B39527" s="2"/>
      <c r="C39527" s="2"/>
    </row>
    <row r="39528" spans="1:3" ht="19.2">
      <c r="A39528" s="2"/>
      <c r="B39528" s="2"/>
      <c r="C39528" s="2"/>
    </row>
    <row r="39529" spans="1:3" ht="19.2">
      <c r="A39529" s="2"/>
      <c r="B39529" s="2"/>
      <c r="C39529" s="2"/>
    </row>
    <row r="39530" spans="1:3" ht="19.2">
      <c r="A39530" s="2"/>
      <c r="B39530" s="2"/>
      <c r="C39530" s="2"/>
    </row>
    <row r="39531" spans="1:3" ht="19.2">
      <c r="A39531" s="2"/>
      <c r="B39531" s="2"/>
      <c r="C39531" s="2"/>
    </row>
    <row r="39532" spans="1:3" ht="19.2">
      <c r="A39532" s="2"/>
      <c r="B39532" s="2"/>
      <c r="C39532" s="2"/>
    </row>
    <row r="39533" spans="1:3" ht="19.2">
      <c r="A39533" s="2"/>
      <c r="B39533" s="2"/>
      <c r="C39533" s="2"/>
    </row>
    <row r="39534" spans="1:3" ht="19.2">
      <c r="A39534" s="2"/>
      <c r="B39534" s="2"/>
      <c r="C39534" s="2"/>
    </row>
    <row r="39535" spans="1:3" ht="19.2">
      <c r="A39535" s="2"/>
      <c r="B39535" s="2"/>
      <c r="C39535" s="2"/>
    </row>
    <row r="39536" spans="1:3" ht="19.2">
      <c r="A39536" s="2"/>
      <c r="B39536" s="2"/>
      <c r="C39536" s="2"/>
    </row>
    <row r="39537" spans="1:3" ht="19.2">
      <c r="A39537" s="2"/>
      <c r="B39537" s="2"/>
      <c r="C39537" s="2"/>
    </row>
    <row r="39538" spans="1:3" ht="19.2">
      <c r="A39538" s="2"/>
      <c r="B39538" s="2"/>
      <c r="C39538" s="2"/>
    </row>
    <row r="39539" spans="1:3" ht="19.2">
      <c r="A39539" s="2"/>
      <c r="B39539" s="2"/>
      <c r="C39539" s="2"/>
    </row>
    <row r="39540" spans="1:3" ht="19.2">
      <c r="A39540" s="2"/>
      <c r="B39540" s="2"/>
      <c r="C39540" s="2"/>
    </row>
    <row r="39541" spans="1:3" ht="19.2">
      <c r="A39541" s="2"/>
      <c r="B39541" s="2"/>
      <c r="C39541" s="2"/>
    </row>
    <row r="39542" spans="1:3" ht="19.2">
      <c r="A39542" s="2"/>
      <c r="B39542" s="2"/>
      <c r="C39542" s="2"/>
    </row>
    <row r="39543" spans="1:3" ht="19.2">
      <c r="A39543" s="2"/>
      <c r="B39543" s="2"/>
      <c r="C39543" s="2"/>
    </row>
    <row r="39544" spans="1:3" ht="19.2">
      <c r="A39544" s="2"/>
      <c r="B39544" s="2"/>
      <c r="C39544" s="2"/>
    </row>
    <row r="39545" spans="1:3" ht="19.2">
      <c r="A39545" s="2"/>
      <c r="B39545" s="2"/>
      <c r="C39545" s="2"/>
    </row>
    <row r="39546" spans="1:3" ht="19.2">
      <c r="A39546" s="2"/>
      <c r="B39546" s="2"/>
      <c r="C39546" s="2"/>
    </row>
    <row r="39547" spans="1:3" ht="19.2">
      <c r="A39547" s="2"/>
      <c r="B39547" s="2"/>
      <c r="C39547" s="2"/>
    </row>
    <row r="39548" spans="1:3" ht="19.2">
      <c r="A39548" s="2"/>
      <c r="B39548" s="2"/>
      <c r="C39548" s="2"/>
    </row>
    <row r="39549" spans="1:3" ht="19.2">
      <c r="A39549" s="2"/>
      <c r="B39549" s="2"/>
      <c r="C39549" s="2"/>
    </row>
    <row r="39550" spans="1:3" ht="19.2">
      <c r="A39550" s="2"/>
      <c r="B39550" s="2"/>
      <c r="C39550" s="2"/>
    </row>
    <row r="39551" spans="1:3" ht="19.2">
      <c r="A39551" s="2"/>
      <c r="B39551" s="2"/>
      <c r="C39551" s="2"/>
    </row>
    <row r="39552" spans="1:3" ht="19.2">
      <c r="A39552" s="2"/>
      <c r="B39552" s="2"/>
      <c r="C39552" s="2"/>
    </row>
    <row r="39553" spans="1:3" ht="19.2">
      <c r="A39553" s="2"/>
      <c r="B39553" s="2"/>
      <c r="C39553" s="2"/>
    </row>
    <row r="39554" spans="1:3" ht="19.2">
      <c r="A39554" s="2"/>
      <c r="B39554" s="2"/>
      <c r="C39554" s="2"/>
    </row>
    <row r="39555" spans="1:3" ht="19.2">
      <c r="A39555" s="2"/>
      <c r="B39555" s="2"/>
      <c r="C39555" s="2"/>
    </row>
    <row r="39556" spans="1:3" ht="19.2">
      <c r="A39556" s="2"/>
      <c r="B39556" s="2"/>
      <c r="C39556" s="2"/>
    </row>
    <row r="39557" spans="1:3" ht="19.2">
      <c r="A39557" s="2"/>
      <c r="B39557" s="2"/>
      <c r="C39557" s="2"/>
    </row>
    <row r="39558" spans="1:3" ht="19.2">
      <c r="A39558" s="2"/>
      <c r="B39558" s="2"/>
      <c r="C39558" s="2"/>
    </row>
    <row r="39559" spans="1:3" ht="19.2">
      <c r="A39559" s="2"/>
      <c r="B39559" s="2"/>
      <c r="C39559" s="2"/>
    </row>
    <row r="39560" spans="1:3" ht="19.2">
      <c r="A39560" s="2"/>
      <c r="B39560" s="2"/>
      <c r="C39560" s="2"/>
    </row>
    <row r="39561" spans="1:3" ht="19.2">
      <c r="A39561" s="2"/>
      <c r="B39561" s="2"/>
      <c r="C39561" s="2"/>
    </row>
    <row r="39562" spans="1:3" ht="19.2">
      <c r="A39562" s="2"/>
      <c r="B39562" s="2"/>
      <c r="C39562" s="2"/>
    </row>
    <row r="39563" spans="1:3" ht="19.2">
      <c r="A39563" s="2"/>
      <c r="B39563" s="2"/>
      <c r="C39563" s="2"/>
    </row>
    <row r="39564" spans="1:3" ht="19.2">
      <c r="A39564" s="2"/>
      <c r="B39564" s="2"/>
      <c r="C39564" s="2"/>
    </row>
    <row r="39565" spans="1:3" ht="19.2">
      <c r="A39565" s="2"/>
      <c r="B39565" s="2"/>
      <c r="C39565" s="2"/>
    </row>
    <row r="39566" spans="1:3" ht="19.2">
      <c r="A39566" s="2"/>
      <c r="B39566" s="2"/>
      <c r="C39566" s="2"/>
    </row>
    <row r="39567" spans="1:3" ht="19.2">
      <c r="A39567" s="2"/>
      <c r="B39567" s="2"/>
      <c r="C39567" s="2"/>
    </row>
    <row r="39568" spans="1:3" ht="19.2">
      <c r="A39568" s="2"/>
      <c r="B39568" s="2"/>
      <c r="C39568" s="2"/>
    </row>
    <row r="39569" spans="1:3" ht="19.2">
      <c r="A39569" s="2"/>
      <c r="B39569" s="2"/>
      <c r="C39569" s="2"/>
    </row>
    <row r="39570" spans="1:3" ht="19.2">
      <c r="A39570" s="2"/>
      <c r="B39570" s="2"/>
      <c r="C39570" s="2"/>
    </row>
    <row r="39571" spans="1:3" ht="19.2">
      <c r="A39571" s="2"/>
      <c r="B39571" s="2"/>
      <c r="C39571" s="2"/>
    </row>
    <row r="39572" spans="1:3" ht="19.2">
      <c r="A39572" s="2"/>
      <c r="B39572" s="2"/>
      <c r="C39572" s="2"/>
    </row>
    <row r="39573" spans="1:3" ht="19.2">
      <c r="A39573" s="2"/>
      <c r="B39573" s="2"/>
      <c r="C39573" s="2"/>
    </row>
    <row r="39574" spans="1:3" ht="19.2">
      <c r="A39574" s="2"/>
      <c r="B39574" s="2"/>
      <c r="C39574" s="2"/>
    </row>
    <row r="39575" spans="1:3" ht="19.2">
      <c r="A39575" s="2"/>
      <c r="B39575" s="2"/>
      <c r="C39575" s="2"/>
    </row>
    <row r="39576" spans="1:3" ht="19.2">
      <c r="A39576" s="2"/>
      <c r="B39576" s="2"/>
      <c r="C39576" s="2"/>
    </row>
    <row r="39577" spans="1:3" ht="19.2">
      <c r="A39577" s="2"/>
      <c r="B39577" s="2"/>
      <c r="C39577" s="2"/>
    </row>
    <row r="39578" spans="1:3" ht="19.2">
      <c r="A39578" s="2"/>
      <c r="B39578" s="2"/>
      <c r="C39578" s="2"/>
    </row>
    <row r="39579" spans="1:3" ht="19.2">
      <c r="A39579" s="2"/>
      <c r="B39579" s="2"/>
      <c r="C39579" s="2"/>
    </row>
    <row r="39580" spans="1:3" ht="19.2">
      <c r="A39580" s="2"/>
      <c r="B39580" s="2"/>
      <c r="C39580" s="2"/>
    </row>
    <row r="39581" spans="1:3" ht="19.2">
      <c r="A39581" s="2"/>
      <c r="B39581" s="2"/>
      <c r="C39581" s="2"/>
    </row>
    <row r="39582" spans="1:3" ht="19.2">
      <c r="A39582" s="2"/>
      <c r="B39582" s="2"/>
      <c r="C39582" s="2"/>
    </row>
    <row r="39583" spans="1:3" ht="19.2">
      <c r="A39583" s="2"/>
      <c r="B39583" s="2"/>
      <c r="C39583" s="2"/>
    </row>
    <row r="39584" spans="1:3" ht="19.2">
      <c r="A39584" s="2"/>
      <c r="B39584" s="2"/>
      <c r="C39584" s="2"/>
    </row>
    <row r="39585" spans="1:3" ht="19.2">
      <c r="A39585" s="2"/>
      <c r="B39585" s="2"/>
      <c r="C39585" s="2"/>
    </row>
    <row r="39586" spans="1:3" ht="19.2">
      <c r="A39586" s="2"/>
      <c r="B39586" s="2"/>
      <c r="C39586" s="2"/>
    </row>
    <row r="39587" spans="1:3" ht="19.2">
      <c r="A39587" s="2"/>
      <c r="B39587" s="2"/>
      <c r="C39587" s="2"/>
    </row>
    <row r="39588" spans="1:3" ht="19.2">
      <c r="A39588" s="2"/>
      <c r="B39588" s="2"/>
      <c r="C39588" s="2"/>
    </row>
    <row r="39589" spans="1:3" ht="19.2">
      <c r="A39589" s="2"/>
      <c r="B39589" s="2"/>
      <c r="C39589" s="2"/>
    </row>
    <row r="39590" spans="1:3" ht="19.2">
      <c r="A39590" s="2"/>
      <c r="B39590" s="2"/>
      <c r="C39590" s="2"/>
    </row>
    <row r="39591" spans="1:3" ht="19.2">
      <c r="A39591" s="2"/>
      <c r="B39591" s="2"/>
      <c r="C39591" s="2"/>
    </row>
    <row r="39592" spans="1:3" ht="19.2">
      <c r="A39592" s="2"/>
      <c r="B39592" s="2"/>
      <c r="C39592" s="2"/>
    </row>
    <row r="39593" spans="1:3" ht="19.2">
      <c r="A39593" s="2"/>
      <c r="B39593" s="2"/>
      <c r="C39593" s="2"/>
    </row>
    <row r="39594" spans="1:3" ht="19.2">
      <c r="A39594" s="2"/>
      <c r="B39594" s="2"/>
      <c r="C39594" s="2"/>
    </row>
    <row r="39595" spans="1:3" ht="19.2">
      <c r="A39595" s="2"/>
      <c r="B39595" s="2"/>
      <c r="C39595" s="2"/>
    </row>
    <row r="39596" spans="1:3" ht="19.2">
      <c r="A39596" s="2"/>
      <c r="B39596" s="2"/>
      <c r="C39596" s="2"/>
    </row>
    <row r="39597" spans="1:3" ht="19.2">
      <c r="A39597" s="2"/>
      <c r="B39597" s="2"/>
      <c r="C39597" s="2"/>
    </row>
    <row r="39598" spans="1:3" ht="19.2">
      <c r="A39598" s="2"/>
      <c r="B39598" s="2"/>
      <c r="C39598" s="2"/>
    </row>
    <row r="39599" spans="1:3" ht="19.2">
      <c r="A39599" s="2"/>
      <c r="B39599" s="2"/>
      <c r="C39599" s="2"/>
    </row>
    <row r="39600" spans="1:3" ht="19.2">
      <c r="A39600" s="2"/>
      <c r="B39600" s="2"/>
      <c r="C39600" s="2"/>
    </row>
    <row r="39601" spans="1:3" ht="19.2">
      <c r="A39601" s="2"/>
      <c r="B39601" s="2"/>
      <c r="C39601" s="2"/>
    </row>
    <row r="39602" spans="1:3" ht="19.2">
      <c r="A39602" s="2"/>
      <c r="B39602" s="2"/>
      <c r="C39602" s="2"/>
    </row>
    <row r="39603" spans="1:3" ht="19.2">
      <c r="A39603" s="2"/>
      <c r="B39603" s="2"/>
      <c r="C39603" s="2"/>
    </row>
    <row r="39604" spans="1:3" ht="19.2">
      <c r="A39604" s="2"/>
      <c r="B39604" s="2"/>
      <c r="C39604" s="2"/>
    </row>
    <row r="39605" spans="1:3" ht="19.2">
      <c r="A39605" s="2"/>
      <c r="B39605" s="2"/>
      <c r="C39605" s="2"/>
    </row>
    <row r="39606" spans="1:3" ht="19.2">
      <c r="A39606" s="2"/>
      <c r="B39606" s="2"/>
      <c r="C39606" s="2"/>
    </row>
    <row r="39607" spans="1:3" ht="19.2">
      <c r="A39607" s="2"/>
      <c r="B39607" s="2"/>
      <c r="C39607" s="2"/>
    </row>
    <row r="39608" spans="1:3" ht="19.2">
      <c r="A39608" s="2"/>
      <c r="B39608" s="2"/>
      <c r="C39608" s="2"/>
    </row>
    <row r="39609" spans="1:3" ht="19.2">
      <c r="A39609" s="2"/>
      <c r="B39609" s="2"/>
      <c r="C39609" s="2"/>
    </row>
    <row r="39610" spans="1:3" ht="19.2">
      <c r="A39610" s="2"/>
      <c r="B39610" s="2"/>
      <c r="C39610" s="2"/>
    </row>
    <row r="39611" spans="1:3" ht="19.2">
      <c r="A39611" s="2"/>
      <c r="B39611" s="2"/>
      <c r="C39611" s="2"/>
    </row>
    <row r="39612" spans="1:3" ht="19.2">
      <c r="A39612" s="2"/>
      <c r="B39612" s="2"/>
      <c r="C39612" s="2"/>
    </row>
    <row r="39613" spans="1:3" ht="19.2">
      <c r="A39613" s="2"/>
      <c r="B39613" s="2"/>
      <c r="C39613" s="2"/>
    </row>
    <row r="39614" spans="1:3" ht="19.2">
      <c r="A39614" s="2"/>
      <c r="B39614" s="2"/>
      <c r="C39614" s="2"/>
    </row>
    <row r="39615" spans="1:3" ht="19.2">
      <c r="A39615" s="2"/>
      <c r="B39615" s="2"/>
      <c r="C39615" s="2"/>
    </row>
    <row r="39616" spans="1:3" ht="19.2">
      <c r="A39616" s="2"/>
      <c r="B39616" s="2"/>
      <c r="C39616" s="2"/>
    </row>
    <row r="39617" spans="1:3" ht="19.2">
      <c r="A39617" s="2"/>
      <c r="B39617" s="2"/>
      <c r="C39617" s="2"/>
    </row>
    <row r="39618" spans="1:3" ht="19.2">
      <c r="A39618" s="2"/>
      <c r="B39618" s="2"/>
      <c r="C39618" s="2"/>
    </row>
    <row r="39619" spans="1:3" ht="19.2">
      <c r="A39619" s="2"/>
      <c r="B39619" s="2"/>
      <c r="C39619" s="2"/>
    </row>
    <row r="39620" spans="1:3" ht="19.2">
      <c r="A39620" s="2"/>
      <c r="B39620" s="2"/>
      <c r="C39620" s="2"/>
    </row>
    <row r="39621" spans="1:3" ht="19.2">
      <c r="A39621" s="2"/>
      <c r="B39621" s="2"/>
      <c r="C39621" s="2"/>
    </row>
    <row r="39622" spans="1:3" ht="19.2">
      <c r="A39622" s="2"/>
      <c r="B39622" s="2"/>
      <c r="C39622" s="2"/>
    </row>
    <row r="39623" spans="1:3" ht="19.2">
      <c r="A39623" s="2"/>
      <c r="B39623" s="2"/>
      <c r="C39623" s="2"/>
    </row>
    <row r="39624" spans="1:3" ht="19.2">
      <c r="A39624" s="2"/>
      <c r="B39624" s="2"/>
      <c r="C39624" s="2"/>
    </row>
    <row r="39625" spans="1:3" ht="19.2">
      <c r="A39625" s="2"/>
      <c r="B39625" s="2"/>
      <c r="C39625" s="2"/>
    </row>
    <row r="39626" spans="1:3" ht="19.2">
      <c r="A39626" s="2"/>
      <c r="B39626" s="2"/>
      <c r="C39626" s="2"/>
    </row>
    <row r="39627" spans="1:3" ht="19.2">
      <c r="A39627" s="2"/>
      <c r="B39627" s="2"/>
      <c r="C39627" s="2"/>
    </row>
    <row r="39628" spans="1:3" ht="19.2">
      <c r="A39628" s="2"/>
      <c r="B39628" s="2"/>
      <c r="C39628" s="2"/>
    </row>
    <row r="39629" spans="1:3" ht="19.2">
      <c r="A39629" s="2"/>
      <c r="B39629" s="2"/>
      <c r="C39629" s="2"/>
    </row>
    <row r="39630" spans="1:3" ht="19.2">
      <c r="A39630" s="2"/>
      <c r="B39630" s="2"/>
      <c r="C39630" s="2"/>
    </row>
    <row r="39631" spans="1:3" ht="19.2">
      <c r="A39631" s="2"/>
      <c r="B39631" s="2"/>
      <c r="C39631" s="2"/>
    </row>
    <row r="39632" spans="1:3" ht="19.2">
      <c r="A39632" s="2"/>
      <c r="B39632" s="2"/>
      <c r="C39632" s="2"/>
    </row>
    <row r="39633" spans="1:3" ht="19.2">
      <c r="A39633" s="2"/>
      <c r="B39633" s="2"/>
      <c r="C39633" s="2"/>
    </row>
    <row r="39634" spans="1:3" ht="19.2">
      <c r="A39634" s="2"/>
      <c r="B39634" s="2"/>
      <c r="C39634" s="2"/>
    </row>
    <row r="39635" spans="1:3" ht="19.2">
      <c r="A39635" s="2"/>
      <c r="B39635" s="2"/>
      <c r="C39635" s="2"/>
    </row>
    <row r="39636" spans="1:3" ht="19.2">
      <c r="A39636" s="2"/>
      <c r="B39636" s="2"/>
      <c r="C39636" s="2"/>
    </row>
    <row r="39637" spans="1:3" ht="19.2">
      <c r="A39637" s="2"/>
      <c r="B39637" s="2"/>
      <c r="C39637" s="2"/>
    </row>
    <row r="39638" spans="1:3" ht="19.2">
      <c r="A39638" s="2"/>
      <c r="B39638" s="2"/>
      <c r="C39638" s="2"/>
    </row>
    <row r="39639" spans="1:3" ht="19.2">
      <c r="A39639" s="2"/>
      <c r="B39639" s="2"/>
      <c r="C39639" s="2"/>
    </row>
    <row r="39640" spans="1:3" ht="19.2">
      <c r="A39640" s="2"/>
      <c r="B39640" s="2"/>
      <c r="C39640" s="2"/>
    </row>
    <row r="39641" spans="1:3" ht="19.2">
      <c r="A39641" s="2"/>
      <c r="B39641" s="2"/>
      <c r="C39641" s="2"/>
    </row>
    <row r="39642" spans="1:3" ht="19.2">
      <c r="A39642" s="2"/>
      <c r="B39642" s="2"/>
      <c r="C39642" s="2"/>
    </row>
    <row r="39643" spans="1:3" ht="19.2">
      <c r="A39643" s="2"/>
      <c r="B39643" s="2"/>
      <c r="C39643" s="2"/>
    </row>
    <row r="39644" spans="1:3" ht="19.2">
      <c r="A39644" s="2"/>
      <c r="B39644" s="2"/>
      <c r="C39644" s="2"/>
    </row>
    <row r="39645" spans="1:3" ht="19.2">
      <c r="A39645" s="2"/>
      <c r="B39645" s="2"/>
      <c r="C39645" s="2"/>
    </row>
    <row r="39646" spans="1:3" ht="19.2">
      <c r="A39646" s="2"/>
      <c r="B39646" s="2"/>
      <c r="C39646" s="2"/>
    </row>
    <row r="39647" spans="1:3" ht="19.2">
      <c r="A39647" s="2"/>
      <c r="B39647" s="2"/>
      <c r="C39647" s="2"/>
    </row>
    <row r="39648" spans="1:3" ht="19.2">
      <c r="A39648" s="2"/>
      <c r="B39648" s="2"/>
      <c r="C39648" s="2"/>
    </row>
    <row r="39649" spans="1:3" ht="19.2">
      <c r="A39649" s="2"/>
      <c r="B39649" s="2"/>
      <c r="C39649" s="2"/>
    </row>
    <row r="39650" spans="1:3" ht="19.2">
      <c r="A39650" s="2"/>
      <c r="B39650" s="2"/>
      <c r="C39650" s="2"/>
    </row>
    <row r="39651" spans="1:3" ht="19.2">
      <c r="A39651" s="2"/>
      <c r="B39651" s="2"/>
      <c r="C39651" s="2"/>
    </row>
    <row r="39652" spans="1:3" ht="19.2">
      <c r="A39652" s="2"/>
      <c r="B39652" s="2"/>
      <c r="C39652" s="2"/>
    </row>
    <row r="39653" spans="1:3" ht="19.2">
      <c r="A39653" s="2"/>
      <c r="B39653" s="2"/>
      <c r="C39653" s="2"/>
    </row>
    <row r="39654" spans="1:3" ht="19.2">
      <c r="A39654" s="2"/>
      <c r="B39654" s="2"/>
      <c r="C39654" s="2"/>
    </row>
    <row r="39655" spans="1:3" ht="19.2">
      <c r="A39655" s="2"/>
      <c r="B39655" s="2"/>
      <c r="C39655" s="2"/>
    </row>
    <row r="39656" spans="1:3" ht="19.2">
      <c r="A39656" s="2"/>
      <c r="B39656" s="2"/>
      <c r="C39656" s="2"/>
    </row>
    <row r="39657" spans="1:3" ht="19.2">
      <c r="A39657" s="2"/>
      <c r="B39657" s="2"/>
      <c r="C39657" s="2"/>
    </row>
    <row r="39658" spans="1:3" ht="19.2">
      <c r="A39658" s="2"/>
      <c r="B39658" s="2"/>
      <c r="C39658" s="2"/>
    </row>
    <row r="39659" spans="1:3" ht="19.2">
      <c r="A39659" s="2"/>
      <c r="B39659" s="2"/>
      <c r="C39659" s="2"/>
    </row>
    <row r="39660" spans="1:3" ht="19.2">
      <c r="A39660" s="2"/>
      <c r="B39660" s="2"/>
      <c r="C39660" s="2"/>
    </row>
    <row r="39661" spans="1:3" ht="19.2">
      <c r="A39661" s="2"/>
      <c r="B39661" s="2"/>
      <c r="C39661" s="2"/>
    </row>
    <row r="39662" spans="1:3" ht="19.2">
      <c r="A39662" s="2"/>
      <c r="B39662" s="2"/>
      <c r="C39662" s="2"/>
    </row>
    <row r="39663" spans="1:3" ht="19.2">
      <c r="A39663" s="2"/>
      <c r="B39663" s="2"/>
      <c r="C39663" s="2"/>
    </row>
    <row r="39664" spans="1:3" ht="19.2">
      <c r="A39664" s="2"/>
      <c r="B39664" s="2"/>
      <c r="C39664" s="2"/>
    </row>
    <row r="39665" spans="1:3" ht="19.2">
      <c r="A39665" s="2"/>
      <c r="B39665" s="2"/>
      <c r="C39665" s="2"/>
    </row>
    <row r="39666" spans="1:3" ht="19.2">
      <c r="A39666" s="2"/>
      <c r="B39666" s="2"/>
      <c r="C39666" s="2"/>
    </row>
    <row r="39667" spans="1:3" ht="19.2">
      <c r="A39667" s="2"/>
      <c r="B39667" s="2"/>
      <c r="C39667" s="2"/>
    </row>
    <row r="39668" spans="1:3" ht="19.2">
      <c r="A39668" s="2"/>
      <c r="B39668" s="2"/>
      <c r="C39668" s="2"/>
    </row>
    <row r="39669" spans="1:3" ht="19.2">
      <c r="A39669" s="2"/>
      <c r="B39669" s="2"/>
      <c r="C39669" s="2"/>
    </row>
    <row r="39670" spans="1:3" ht="19.2">
      <c r="A39670" s="2"/>
      <c r="B39670" s="2"/>
      <c r="C39670" s="2"/>
    </row>
    <row r="39671" spans="1:3" ht="19.2">
      <c r="A39671" s="2"/>
      <c r="B39671" s="2"/>
      <c r="C39671" s="2"/>
    </row>
    <row r="39672" spans="1:3" ht="19.2">
      <c r="A39672" s="2"/>
      <c r="B39672" s="2"/>
      <c r="C39672" s="2"/>
    </row>
    <row r="39673" spans="1:3" ht="19.2">
      <c r="A39673" s="2"/>
      <c r="B39673" s="2"/>
      <c r="C39673" s="2"/>
    </row>
    <row r="39674" spans="1:3" ht="19.2">
      <c r="A39674" s="2"/>
      <c r="B39674" s="2"/>
      <c r="C39674" s="2"/>
    </row>
    <row r="39675" spans="1:3" ht="19.2">
      <c r="A39675" s="2"/>
      <c r="B39675" s="2"/>
      <c r="C39675" s="2"/>
    </row>
    <row r="39676" spans="1:3" ht="19.2">
      <c r="A39676" s="2"/>
      <c r="B39676" s="2"/>
      <c r="C39676" s="2"/>
    </row>
    <row r="39677" spans="1:3" ht="19.2">
      <c r="A39677" s="2"/>
      <c r="B39677" s="2"/>
      <c r="C39677" s="2"/>
    </row>
    <row r="39678" spans="1:3" ht="19.2">
      <c r="A39678" s="2"/>
      <c r="B39678" s="2"/>
      <c r="C39678" s="2"/>
    </row>
    <row r="39679" spans="1:3" ht="19.2">
      <c r="A39679" s="2"/>
      <c r="B39679" s="2"/>
      <c r="C39679" s="2"/>
    </row>
    <row r="39680" spans="1:3" ht="19.2">
      <c r="A39680" s="2"/>
      <c r="B39680" s="2"/>
      <c r="C39680" s="2"/>
    </row>
    <row r="39681" spans="1:3" ht="19.2">
      <c r="A39681" s="2"/>
      <c r="B39681" s="2"/>
      <c r="C39681" s="2"/>
    </row>
    <row r="39682" spans="1:3" ht="19.2">
      <c r="A39682" s="2"/>
      <c r="B39682" s="2"/>
      <c r="C39682" s="2"/>
    </row>
    <row r="39683" spans="1:3" ht="19.2">
      <c r="A39683" s="2"/>
      <c r="B39683" s="2"/>
      <c r="C39683" s="2"/>
    </row>
    <row r="39684" spans="1:3" ht="19.2">
      <c r="A39684" s="2"/>
      <c r="B39684" s="2"/>
      <c r="C39684" s="2"/>
    </row>
    <row r="39685" spans="1:3" ht="19.2">
      <c r="A39685" s="2"/>
      <c r="B39685" s="2"/>
      <c r="C39685" s="2"/>
    </row>
    <row r="39686" spans="1:3" ht="19.2">
      <c r="A39686" s="2"/>
      <c r="B39686" s="2"/>
      <c r="C39686" s="2"/>
    </row>
    <row r="39687" spans="1:3" ht="19.2">
      <c r="A39687" s="2"/>
      <c r="B39687" s="2"/>
      <c r="C39687" s="2"/>
    </row>
    <row r="39688" spans="1:3" ht="19.2">
      <c r="A39688" s="2"/>
      <c r="B39688" s="2"/>
      <c r="C39688" s="2"/>
    </row>
    <row r="39689" spans="1:3" ht="19.2">
      <c r="A39689" s="2"/>
      <c r="B39689" s="2"/>
      <c r="C39689" s="2"/>
    </row>
    <row r="39690" spans="1:3" ht="19.2">
      <c r="A39690" s="2"/>
      <c r="B39690" s="2"/>
      <c r="C39690" s="2"/>
    </row>
    <row r="39691" spans="1:3" ht="19.2">
      <c r="A39691" s="2"/>
      <c r="B39691" s="2"/>
      <c r="C39691" s="2"/>
    </row>
    <row r="39692" spans="1:3" ht="19.2">
      <c r="A39692" s="2"/>
      <c r="B39692" s="2"/>
      <c r="C39692" s="2"/>
    </row>
    <row r="39693" spans="1:3" ht="19.2">
      <c r="A39693" s="2"/>
      <c r="B39693" s="2"/>
      <c r="C39693" s="2"/>
    </row>
    <row r="39694" spans="1:3" ht="19.2">
      <c r="A39694" s="2"/>
      <c r="B39694" s="2"/>
      <c r="C39694" s="2"/>
    </row>
    <row r="39695" spans="1:3" ht="19.2">
      <c r="A39695" s="2"/>
      <c r="B39695" s="2"/>
      <c r="C39695" s="2"/>
    </row>
    <row r="39696" spans="1:3" ht="19.2">
      <c r="A39696" s="2"/>
      <c r="B39696" s="2"/>
      <c r="C39696" s="2"/>
    </row>
    <row r="39697" spans="1:3" ht="19.2">
      <c r="A39697" s="2"/>
      <c r="B39697" s="2"/>
      <c r="C39697" s="2"/>
    </row>
    <row r="39698" spans="1:3" ht="19.2">
      <c r="A39698" s="2"/>
      <c r="B39698" s="2"/>
      <c r="C39698" s="2"/>
    </row>
    <row r="39699" spans="1:3" ht="19.2">
      <c r="A39699" s="2"/>
      <c r="B39699" s="2"/>
      <c r="C39699" s="2"/>
    </row>
    <row r="39700" spans="1:3" ht="19.2">
      <c r="A39700" s="2"/>
      <c r="B39700" s="2"/>
      <c r="C39700" s="2"/>
    </row>
    <row r="39701" spans="1:3" ht="19.2">
      <c r="A39701" s="2"/>
      <c r="B39701" s="2"/>
      <c r="C39701" s="2"/>
    </row>
    <row r="39702" spans="1:3" ht="19.2">
      <c r="A39702" s="2"/>
      <c r="B39702" s="2"/>
      <c r="C39702" s="2"/>
    </row>
    <row r="39703" spans="1:3" ht="19.2">
      <c r="A39703" s="2"/>
      <c r="B39703" s="2"/>
      <c r="C39703" s="2"/>
    </row>
    <row r="39704" spans="1:3" ht="19.2">
      <c r="A39704" s="2"/>
      <c r="B39704" s="2"/>
      <c r="C39704" s="2"/>
    </row>
    <row r="39705" spans="1:3" ht="19.2">
      <c r="A39705" s="2"/>
      <c r="B39705" s="2"/>
      <c r="C39705" s="2"/>
    </row>
    <row r="39706" spans="1:3" ht="19.2">
      <c r="A39706" s="2"/>
      <c r="B39706" s="2"/>
      <c r="C39706" s="2"/>
    </row>
    <row r="39707" spans="1:3" ht="19.2">
      <c r="A39707" s="2"/>
      <c r="B39707" s="2"/>
      <c r="C39707" s="2"/>
    </row>
    <row r="39708" spans="1:3" ht="19.2">
      <c r="A39708" s="2"/>
      <c r="B39708" s="2"/>
      <c r="C39708" s="2"/>
    </row>
    <row r="39709" spans="1:3" ht="19.2">
      <c r="A39709" s="2"/>
      <c r="B39709" s="2"/>
      <c r="C39709" s="2"/>
    </row>
    <row r="39710" spans="1:3" ht="19.2">
      <c r="A39710" s="2"/>
      <c r="B39710" s="2"/>
      <c r="C39710" s="2"/>
    </row>
    <row r="39711" spans="1:3" ht="19.2">
      <c r="A39711" s="2"/>
      <c r="B39711" s="2"/>
      <c r="C39711" s="2"/>
    </row>
    <row r="39712" spans="1:3" ht="19.2">
      <c r="A39712" s="2"/>
      <c r="B39712" s="2"/>
      <c r="C39712" s="2"/>
    </row>
    <row r="39713" spans="1:3" ht="19.2">
      <c r="A39713" s="2"/>
      <c r="B39713" s="2"/>
      <c r="C39713" s="2"/>
    </row>
    <row r="39714" spans="1:3" ht="19.2">
      <c r="A39714" s="2"/>
      <c r="B39714" s="2"/>
      <c r="C39714" s="2"/>
    </row>
    <row r="39715" spans="1:3" ht="19.2">
      <c r="A39715" s="2"/>
      <c r="B39715" s="2"/>
      <c r="C39715" s="2"/>
    </row>
    <row r="39716" spans="1:3" ht="19.2">
      <c r="A39716" s="2"/>
      <c r="B39716" s="2"/>
      <c r="C39716" s="2"/>
    </row>
    <row r="39717" spans="1:3" ht="19.2">
      <c r="A39717" s="2"/>
      <c r="B39717" s="2"/>
      <c r="C39717" s="2"/>
    </row>
    <row r="39718" spans="1:3" ht="19.2">
      <c r="A39718" s="2"/>
      <c r="B39718" s="2"/>
      <c r="C39718" s="2"/>
    </row>
    <row r="39719" spans="1:3" ht="19.2">
      <c r="A39719" s="2"/>
      <c r="B39719" s="2"/>
      <c r="C39719" s="2"/>
    </row>
    <row r="39720" spans="1:3" ht="19.2">
      <c r="A39720" s="2"/>
      <c r="B39720" s="2"/>
      <c r="C39720" s="2"/>
    </row>
    <row r="39721" spans="1:3" ht="19.2">
      <c r="A39721" s="2"/>
      <c r="B39721" s="2"/>
      <c r="C39721" s="2"/>
    </row>
    <row r="39722" spans="1:3" ht="19.2">
      <c r="A39722" s="2"/>
      <c r="B39722" s="2"/>
      <c r="C39722" s="2"/>
    </row>
    <row r="39723" spans="1:3" ht="19.2">
      <c r="A39723" s="2"/>
      <c r="B39723" s="2"/>
      <c r="C39723" s="2"/>
    </row>
    <row r="39724" spans="1:3" ht="19.2">
      <c r="A39724" s="2"/>
      <c r="B39724" s="2"/>
      <c r="C39724" s="2"/>
    </row>
    <row r="39725" spans="1:3" ht="19.2">
      <c r="A39725" s="2"/>
      <c r="B39725" s="2"/>
      <c r="C39725" s="2"/>
    </row>
    <row r="39726" spans="1:3" ht="19.2">
      <c r="A39726" s="2"/>
      <c r="B39726" s="2"/>
      <c r="C39726" s="2"/>
    </row>
    <row r="39727" spans="1:3" ht="19.2">
      <c r="A39727" s="2"/>
      <c r="B39727" s="2"/>
      <c r="C39727" s="2"/>
    </row>
    <row r="39728" spans="1:3" ht="19.2">
      <c r="A39728" s="2"/>
      <c r="B39728" s="2"/>
      <c r="C39728" s="2"/>
    </row>
    <row r="39729" spans="1:3" ht="19.2">
      <c r="A39729" s="2"/>
      <c r="B39729" s="2"/>
      <c r="C39729" s="2"/>
    </row>
    <row r="39730" spans="1:3" ht="19.2">
      <c r="A39730" s="2"/>
      <c r="B39730" s="2"/>
      <c r="C39730" s="2"/>
    </row>
    <row r="39731" spans="1:3" ht="19.2">
      <c r="A39731" s="2"/>
      <c r="B39731" s="2"/>
      <c r="C39731" s="2"/>
    </row>
    <row r="39732" spans="1:3" ht="19.2">
      <c r="A39732" s="2"/>
      <c r="B39732" s="2"/>
      <c r="C39732" s="2"/>
    </row>
    <row r="39733" spans="1:3" ht="19.2">
      <c r="A39733" s="2"/>
      <c r="B39733" s="2"/>
      <c r="C39733" s="2"/>
    </row>
    <row r="39734" spans="1:3" ht="19.2">
      <c r="A39734" s="2"/>
      <c r="B39734" s="2"/>
      <c r="C39734" s="2"/>
    </row>
    <row r="39735" spans="1:3" ht="19.2">
      <c r="A39735" s="2"/>
      <c r="B39735" s="2"/>
      <c r="C39735" s="2"/>
    </row>
    <row r="39736" spans="1:3" ht="19.2">
      <c r="A39736" s="2"/>
      <c r="B39736" s="2"/>
      <c r="C39736" s="2"/>
    </row>
    <row r="39737" spans="1:3" ht="19.2">
      <c r="A39737" s="2"/>
      <c r="B39737" s="2"/>
      <c r="C39737" s="2"/>
    </row>
    <row r="39738" spans="1:3" ht="19.2">
      <c r="A39738" s="2"/>
      <c r="B39738" s="2"/>
      <c r="C39738" s="2"/>
    </row>
    <row r="39739" spans="1:3" ht="19.2">
      <c r="A39739" s="2"/>
      <c r="B39739" s="2"/>
      <c r="C39739" s="2"/>
    </row>
    <row r="39740" spans="1:3" ht="19.2">
      <c r="A39740" s="2"/>
      <c r="B39740" s="2"/>
      <c r="C39740" s="2"/>
    </row>
    <row r="39741" spans="1:3" ht="19.2">
      <c r="A39741" s="2"/>
      <c r="B39741" s="2"/>
      <c r="C39741" s="2"/>
    </row>
    <row r="39742" spans="1:3" ht="19.2">
      <c r="A39742" s="2"/>
      <c r="B39742" s="2"/>
      <c r="C39742" s="2"/>
    </row>
    <row r="39743" spans="1:3" ht="19.2">
      <c r="A39743" s="2"/>
      <c r="B39743" s="2"/>
      <c r="C39743" s="2"/>
    </row>
    <row r="39744" spans="1:3" ht="19.2">
      <c r="A39744" s="2"/>
      <c r="B39744" s="2"/>
      <c r="C39744" s="2"/>
    </row>
    <row r="39745" spans="1:3" ht="19.2">
      <c r="A39745" s="2"/>
      <c r="B39745" s="2"/>
      <c r="C39745" s="2"/>
    </row>
    <row r="39746" spans="1:3" ht="19.2">
      <c r="A39746" s="2"/>
      <c r="B39746" s="2"/>
      <c r="C39746" s="2"/>
    </row>
    <row r="39747" spans="1:3" ht="19.2">
      <c r="A39747" s="2"/>
      <c r="B39747" s="2"/>
      <c r="C39747" s="2"/>
    </row>
    <row r="39748" spans="1:3" ht="19.2">
      <c r="A39748" s="2"/>
      <c r="B39748" s="2"/>
      <c r="C39748" s="2"/>
    </row>
    <row r="39749" spans="1:3" ht="19.2">
      <c r="A39749" s="2"/>
      <c r="B39749" s="2"/>
      <c r="C39749" s="2"/>
    </row>
    <row r="39750" spans="1:3" ht="19.2">
      <c r="A39750" s="2"/>
      <c r="B39750" s="2"/>
      <c r="C39750" s="2"/>
    </row>
    <row r="39751" spans="1:3" ht="19.2">
      <c r="A39751" s="2"/>
      <c r="B39751" s="2"/>
      <c r="C39751" s="2"/>
    </row>
    <row r="39752" spans="1:3" ht="19.2">
      <c r="A39752" s="2"/>
      <c r="B39752" s="2"/>
      <c r="C39752" s="2"/>
    </row>
    <row r="39753" spans="1:3" ht="19.2">
      <c r="A39753" s="2"/>
      <c r="B39753" s="2"/>
      <c r="C39753" s="2"/>
    </row>
    <row r="39754" spans="1:3" ht="19.2">
      <c r="A39754" s="2"/>
      <c r="B39754" s="2"/>
      <c r="C39754" s="2"/>
    </row>
    <row r="39755" spans="1:3" ht="19.2">
      <c r="A39755" s="2"/>
      <c r="B39755" s="2"/>
      <c r="C39755" s="2"/>
    </row>
    <row r="39756" spans="1:3" ht="19.2">
      <c r="A39756" s="2"/>
      <c r="B39756" s="2"/>
      <c r="C39756" s="2"/>
    </row>
    <row r="39757" spans="1:3" ht="19.2">
      <c r="A39757" s="2"/>
      <c r="B39757" s="2"/>
      <c r="C39757" s="2"/>
    </row>
    <row r="39758" spans="1:3" ht="19.2">
      <c r="A39758" s="2"/>
      <c r="B39758" s="2"/>
      <c r="C39758" s="2"/>
    </row>
    <row r="39759" spans="1:3" ht="19.2">
      <c r="A39759" s="2"/>
      <c r="B39759" s="2"/>
      <c r="C39759" s="2"/>
    </row>
    <row r="39760" spans="1:3" ht="19.2">
      <c r="A39760" s="2"/>
      <c r="B39760" s="2"/>
      <c r="C39760" s="2"/>
    </row>
    <row r="39761" spans="1:3" ht="19.2">
      <c r="A39761" s="2"/>
      <c r="B39761" s="2"/>
      <c r="C39761" s="2"/>
    </row>
    <row r="39762" spans="1:3" ht="19.2">
      <c r="A39762" s="2"/>
      <c r="B39762" s="2"/>
      <c r="C39762" s="2"/>
    </row>
    <row r="39763" spans="1:3" ht="19.2">
      <c r="A39763" s="2"/>
      <c r="B39763" s="2"/>
      <c r="C39763" s="2"/>
    </row>
    <row r="39764" spans="1:3" ht="19.2">
      <c r="A39764" s="2"/>
      <c r="B39764" s="2"/>
      <c r="C39764" s="2"/>
    </row>
    <row r="39765" spans="1:3" ht="19.2">
      <c r="A39765" s="2"/>
      <c r="B39765" s="2"/>
      <c r="C39765" s="2"/>
    </row>
    <row r="39766" spans="1:3" ht="19.2">
      <c r="A39766" s="2"/>
      <c r="B39766" s="2"/>
      <c r="C39766" s="2"/>
    </row>
    <row r="39767" spans="1:3" ht="19.2">
      <c r="A39767" s="2"/>
      <c r="B39767" s="2"/>
      <c r="C39767" s="2"/>
    </row>
    <row r="39768" spans="1:3" ht="19.2">
      <c r="A39768" s="2"/>
      <c r="B39768" s="2"/>
      <c r="C39768" s="2"/>
    </row>
    <row r="39769" spans="1:3" ht="19.2">
      <c r="A39769" s="2"/>
      <c r="B39769" s="2"/>
      <c r="C39769" s="2"/>
    </row>
    <row r="39770" spans="1:3" ht="19.2">
      <c r="A39770" s="2"/>
      <c r="B39770" s="2"/>
      <c r="C39770" s="2"/>
    </row>
    <row r="39771" spans="1:3" ht="19.2">
      <c r="A39771" s="2"/>
      <c r="B39771" s="2"/>
      <c r="C39771" s="2"/>
    </row>
    <row r="39772" spans="1:3" ht="19.2">
      <c r="A39772" s="2"/>
      <c r="B39772" s="2"/>
      <c r="C39772" s="2"/>
    </row>
    <row r="39773" spans="1:3" ht="19.2">
      <c r="A39773" s="2"/>
      <c r="B39773" s="2"/>
      <c r="C39773" s="2"/>
    </row>
    <row r="39774" spans="1:3" ht="19.2">
      <c r="A39774" s="2"/>
      <c r="B39774" s="2"/>
      <c r="C39774" s="2"/>
    </row>
    <row r="39775" spans="1:3" ht="19.2">
      <c r="A39775" s="2"/>
      <c r="B39775" s="2"/>
      <c r="C39775" s="2"/>
    </row>
    <row r="39776" spans="1:3" ht="19.2">
      <c r="A39776" s="2"/>
      <c r="B39776" s="2"/>
      <c r="C39776" s="2"/>
    </row>
    <row r="39777" spans="1:3" ht="19.2">
      <c r="A39777" s="2"/>
      <c r="B39777" s="2"/>
      <c r="C39777" s="2"/>
    </row>
    <row r="39778" spans="1:3" ht="19.2">
      <c r="A39778" s="2"/>
      <c r="B39778" s="2"/>
      <c r="C39778" s="2"/>
    </row>
    <row r="39779" spans="1:3" ht="19.2">
      <c r="A39779" s="2"/>
      <c r="B39779" s="2"/>
      <c r="C39779" s="2"/>
    </row>
    <row r="39780" spans="1:3" ht="19.2">
      <c r="A39780" s="2"/>
      <c r="B39780" s="2"/>
      <c r="C39780" s="2"/>
    </row>
    <row r="39781" spans="1:3" ht="19.2">
      <c r="A39781" s="2"/>
      <c r="B39781" s="2"/>
      <c r="C39781" s="2"/>
    </row>
    <row r="39782" spans="1:3" ht="19.2">
      <c r="A39782" s="2"/>
      <c r="B39782" s="2"/>
      <c r="C39782" s="2"/>
    </row>
    <row r="39783" spans="1:3" ht="19.2">
      <c r="A39783" s="2"/>
      <c r="B39783" s="2"/>
      <c r="C39783" s="2"/>
    </row>
    <row r="39784" spans="1:3" ht="19.2">
      <c r="A39784" s="2"/>
      <c r="B39784" s="2"/>
      <c r="C39784" s="2"/>
    </row>
    <row r="39785" spans="1:3" ht="19.2">
      <c r="A39785" s="2"/>
      <c r="B39785" s="2"/>
      <c r="C39785" s="2"/>
    </row>
    <row r="39786" spans="1:3" ht="19.2">
      <c r="A39786" s="2"/>
      <c r="B39786" s="2"/>
      <c r="C39786" s="2"/>
    </row>
    <row r="39787" spans="1:3" ht="19.2">
      <c r="A39787" s="2"/>
      <c r="B39787" s="2"/>
      <c r="C39787" s="2"/>
    </row>
    <row r="39788" spans="1:3" ht="19.2">
      <c r="A39788" s="2"/>
      <c r="B39788" s="2"/>
      <c r="C39788" s="2"/>
    </row>
    <row r="39789" spans="1:3" ht="19.2">
      <c r="A39789" s="2"/>
      <c r="B39789" s="2"/>
      <c r="C39789" s="2"/>
    </row>
    <row r="39790" spans="1:3" ht="19.2">
      <c r="A39790" s="2"/>
      <c r="B39790" s="2"/>
      <c r="C39790" s="2"/>
    </row>
    <row r="39791" spans="1:3" ht="19.2">
      <c r="A39791" s="2"/>
      <c r="B39791" s="2"/>
      <c r="C39791" s="2"/>
    </row>
    <row r="39792" spans="1:3" ht="19.2">
      <c r="A39792" s="2"/>
      <c r="B39792" s="2"/>
      <c r="C39792" s="2"/>
    </row>
    <row r="39793" spans="1:3" ht="19.2">
      <c r="A39793" s="2"/>
      <c r="B39793" s="2"/>
      <c r="C39793" s="2"/>
    </row>
    <row r="39794" spans="1:3" ht="19.2">
      <c r="A39794" s="2"/>
      <c r="B39794" s="2"/>
      <c r="C39794" s="2"/>
    </row>
    <row r="39795" spans="1:3" ht="19.2">
      <c r="A39795" s="2"/>
      <c r="B39795" s="2"/>
      <c r="C39795" s="2"/>
    </row>
    <row r="39796" spans="1:3" ht="19.2">
      <c r="A39796" s="2"/>
      <c r="B39796" s="2"/>
      <c r="C39796" s="2"/>
    </row>
    <row r="39797" spans="1:3" ht="19.2">
      <c r="A39797" s="2"/>
      <c r="B39797" s="2"/>
      <c r="C39797" s="2"/>
    </row>
    <row r="39798" spans="1:3" ht="19.2">
      <c r="A39798" s="2"/>
      <c r="B39798" s="2"/>
      <c r="C39798" s="2"/>
    </row>
    <row r="39799" spans="1:3" ht="19.2">
      <c r="A39799" s="2"/>
      <c r="B39799" s="2"/>
      <c r="C39799" s="2"/>
    </row>
    <row r="39800" spans="1:3" ht="19.2">
      <c r="A39800" s="2"/>
      <c r="B39800" s="2"/>
      <c r="C39800" s="2"/>
    </row>
    <row r="39801" spans="1:3" ht="19.2">
      <c r="A39801" s="2"/>
      <c r="B39801" s="2"/>
      <c r="C39801" s="2"/>
    </row>
    <row r="39802" spans="1:3" ht="19.2">
      <c r="A39802" s="2"/>
      <c r="B39802" s="2"/>
      <c r="C39802" s="2"/>
    </row>
    <row r="39803" spans="1:3" ht="19.2">
      <c r="A39803" s="2"/>
      <c r="B39803" s="2"/>
      <c r="C39803" s="2"/>
    </row>
    <row r="39804" spans="1:3" ht="19.2">
      <c r="A39804" s="2"/>
      <c r="B39804" s="2"/>
      <c r="C39804" s="2"/>
    </row>
    <row r="39805" spans="1:3" ht="19.2">
      <c r="A39805" s="2"/>
      <c r="B39805" s="2"/>
      <c r="C39805" s="2"/>
    </row>
    <row r="39806" spans="1:3" ht="19.2">
      <c r="A39806" s="2"/>
      <c r="B39806" s="2"/>
      <c r="C39806" s="2"/>
    </row>
    <row r="39807" spans="1:3" ht="19.2">
      <c r="A39807" s="2"/>
      <c r="B39807" s="2"/>
      <c r="C39807" s="2"/>
    </row>
    <row r="39808" spans="1:3" ht="19.2">
      <c r="A39808" s="2"/>
      <c r="B39808" s="2"/>
      <c r="C39808" s="2"/>
    </row>
    <row r="39809" spans="1:3" ht="19.2">
      <c r="A39809" s="2"/>
      <c r="B39809" s="2"/>
      <c r="C39809" s="2"/>
    </row>
    <row r="39810" spans="1:3" ht="19.2">
      <c r="A39810" s="2"/>
      <c r="B39810" s="2"/>
      <c r="C39810" s="2"/>
    </row>
    <row r="39811" spans="1:3" ht="19.2">
      <c r="A39811" s="2"/>
      <c r="B39811" s="2"/>
      <c r="C39811" s="2"/>
    </row>
    <row r="39812" spans="1:3" ht="19.2">
      <c r="A39812" s="2"/>
      <c r="B39812" s="2"/>
      <c r="C39812" s="2"/>
    </row>
    <row r="39813" spans="1:3" ht="19.2">
      <c r="A39813" s="2"/>
      <c r="B39813" s="2"/>
      <c r="C39813" s="2"/>
    </row>
    <row r="39814" spans="1:3" ht="19.2">
      <c r="A39814" s="2"/>
      <c r="B39814" s="2"/>
      <c r="C39814" s="2"/>
    </row>
    <row r="39815" spans="1:3" ht="19.2">
      <c r="A39815" s="2"/>
      <c r="B39815" s="2"/>
      <c r="C39815" s="2"/>
    </row>
    <row r="39816" spans="1:3" ht="19.2">
      <c r="A39816" s="2"/>
      <c r="B39816" s="2"/>
      <c r="C39816" s="2"/>
    </row>
    <row r="39817" spans="1:3" ht="19.2">
      <c r="A39817" s="2"/>
      <c r="B39817" s="2"/>
      <c r="C39817" s="2"/>
    </row>
    <row r="39818" spans="1:3" ht="19.2">
      <c r="A39818" s="2"/>
      <c r="B39818" s="2"/>
      <c r="C39818" s="2"/>
    </row>
    <row r="39819" spans="1:3" ht="19.2">
      <c r="A39819" s="2"/>
      <c r="B39819" s="2"/>
      <c r="C39819" s="2"/>
    </row>
    <row r="39820" spans="1:3" ht="19.2">
      <c r="A39820" s="2"/>
      <c r="B39820" s="2"/>
      <c r="C39820" s="2"/>
    </row>
    <row r="39821" spans="1:3" ht="19.2">
      <c r="A39821" s="2"/>
      <c r="B39821" s="2"/>
      <c r="C39821" s="2"/>
    </row>
    <row r="39822" spans="1:3" ht="19.2">
      <c r="A39822" s="2"/>
      <c r="B39822" s="2"/>
      <c r="C39822" s="2"/>
    </row>
    <row r="39823" spans="1:3" ht="19.2">
      <c r="A39823" s="2"/>
      <c r="B39823" s="2"/>
      <c r="C39823" s="2"/>
    </row>
    <row r="39824" spans="1:3" ht="19.2">
      <c r="A39824" s="2"/>
      <c r="B39824" s="2"/>
      <c r="C39824" s="2"/>
    </row>
    <row r="39825" spans="1:3" ht="19.2">
      <c r="A39825" s="2"/>
      <c r="B39825" s="2"/>
      <c r="C39825" s="2"/>
    </row>
    <row r="39826" spans="1:3" ht="19.2">
      <c r="A39826" s="2"/>
      <c r="B39826" s="2"/>
      <c r="C39826" s="2"/>
    </row>
    <row r="39827" spans="1:3" ht="19.2">
      <c r="A39827" s="2"/>
      <c r="B39827" s="2"/>
      <c r="C39827" s="2"/>
    </row>
    <row r="39828" spans="1:3" ht="19.2">
      <c r="A39828" s="2"/>
      <c r="B39828" s="2"/>
      <c r="C39828" s="2"/>
    </row>
    <row r="39829" spans="1:3" ht="19.2">
      <c r="A39829" s="2"/>
      <c r="B39829" s="2"/>
      <c r="C39829" s="2"/>
    </row>
    <row r="39830" spans="1:3" ht="19.2">
      <c r="A39830" s="2"/>
      <c r="B39830" s="2"/>
      <c r="C39830" s="2"/>
    </row>
    <row r="39831" spans="1:3" ht="19.2">
      <c r="A39831" s="2"/>
      <c r="B39831" s="2"/>
      <c r="C39831" s="2"/>
    </row>
    <row r="39832" spans="1:3" ht="19.2">
      <c r="A39832" s="2"/>
      <c r="B39832" s="2"/>
      <c r="C39832" s="2"/>
    </row>
    <row r="39833" spans="1:3" ht="19.2">
      <c r="A39833" s="2"/>
      <c r="B39833" s="2"/>
      <c r="C39833" s="2"/>
    </row>
    <row r="39834" spans="1:3" ht="19.2">
      <c r="A39834" s="2"/>
      <c r="B39834" s="2"/>
      <c r="C39834" s="2"/>
    </row>
    <row r="39835" spans="1:3" ht="19.2">
      <c r="A39835" s="2"/>
      <c r="B39835" s="2"/>
      <c r="C39835" s="2"/>
    </row>
    <row r="39836" spans="1:3" ht="19.2">
      <c r="A39836" s="2"/>
      <c r="B39836" s="2"/>
      <c r="C39836" s="2"/>
    </row>
    <row r="39837" spans="1:3" ht="19.2">
      <c r="A39837" s="2"/>
      <c r="B39837" s="2"/>
      <c r="C39837" s="2"/>
    </row>
    <row r="39838" spans="1:3" ht="19.2">
      <c r="A39838" s="2"/>
      <c r="B39838" s="2"/>
      <c r="C39838" s="2"/>
    </row>
    <row r="39839" spans="1:3" ht="19.2">
      <c r="A39839" s="2"/>
      <c r="B39839" s="2"/>
      <c r="C39839" s="2"/>
    </row>
    <row r="39840" spans="1:3" ht="19.2">
      <c r="A39840" s="2"/>
      <c r="B39840" s="2"/>
      <c r="C39840" s="2"/>
    </row>
    <row r="39841" spans="1:3" ht="19.2">
      <c r="A39841" s="2"/>
      <c r="B39841" s="2"/>
      <c r="C39841" s="2"/>
    </row>
    <row r="39842" spans="1:3" ht="19.2">
      <c r="A39842" s="2"/>
      <c r="B39842" s="2"/>
      <c r="C39842" s="2"/>
    </row>
    <row r="39843" spans="1:3" ht="19.2">
      <c r="A39843" s="2"/>
      <c r="B39843" s="2"/>
      <c r="C39843" s="2"/>
    </row>
    <row r="39844" spans="1:3" ht="19.2">
      <c r="A39844" s="2"/>
      <c r="B39844" s="2"/>
      <c r="C39844" s="2"/>
    </row>
    <row r="39845" spans="1:3" ht="19.2">
      <c r="A39845" s="2"/>
      <c r="B39845" s="2"/>
      <c r="C39845" s="2"/>
    </row>
    <row r="39846" spans="1:3" ht="19.2">
      <c r="A39846" s="2"/>
      <c r="B39846" s="2"/>
      <c r="C39846" s="2"/>
    </row>
    <row r="39847" spans="1:3" ht="19.2">
      <c r="A39847" s="2"/>
      <c r="B39847" s="2"/>
      <c r="C39847" s="2"/>
    </row>
    <row r="39848" spans="1:3" ht="19.2">
      <c r="A39848" s="2"/>
      <c r="B39848" s="2"/>
      <c r="C39848" s="2"/>
    </row>
    <row r="39849" spans="1:3" ht="19.2">
      <c r="A39849" s="2"/>
      <c r="B39849" s="2"/>
      <c r="C39849" s="2"/>
    </row>
    <row r="39850" spans="1:3" ht="19.2">
      <c r="A39850" s="2"/>
      <c r="B39850" s="2"/>
      <c r="C39850" s="2"/>
    </row>
    <row r="39851" spans="1:3" ht="19.2">
      <c r="A39851" s="2"/>
      <c r="B39851" s="2"/>
      <c r="C39851" s="2"/>
    </row>
    <row r="39852" spans="1:3" ht="19.2">
      <c r="A39852" s="2"/>
      <c r="B39852" s="2"/>
      <c r="C39852" s="2"/>
    </row>
    <row r="39853" spans="1:3" ht="19.2">
      <c r="A39853" s="2"/>
      <c r="B39853" s="2"/>
      <c r="C39853" s="2"/>
    </row>
    <row r="39854" spans="1:3" ht="19.2">
      <c r="A39854" s="2"/>
      <c r="B39854" s="2"/>
      <c r="C39854" s="2"/>
    </row>
    <row r="39855" spans="1:3" ht="19.2">
      <c r="A39855" s="2"/>
      <c r="B39855" s="2"/>
      <c r="C39855" s="2"/>
    </row>
    <row r="39856" spans="1:3" ht="19.2">
      <c r="A39856" s="2"/>
      <c r="B39856" s="2"/>
      <c r="C39856" s="2"/>
    </row>
    <row r="39857" spans="1:3" ht="19.2">
      <c r="A39857" s="2"/>
      <c r="B39857" s="2"/>
      <c r="C39857" s="2"/>
    </row>
    <row r="39858" spans="1:3" ht="19.2">
      <c r="A39858" s="2"/>
      <c r="B39858" s="2"/>
      <c r="C39858" s="2"/>
    </row>
    <row r="39859" spans="1:3" ht="19.2">
      <c r="A39859" s="2"/>
      <c r="B39859" s="2"/>
      <c r="C39859" s="2"/>
    </row>
    <row r="39860" spans="1:3" ht="19.2">
      <c r="A39860" s="2"/>
      <c r="B39860" s="2"/>
      <c r="C39860" s="2"/>
    </row>
    <row r="39861" spans="1:3" ht="19.2">
      <c r="A39861" s="2"/>
      <c r="B39861" s="2"/>
      <c r="C39861" s="2"/>
    </row>
    <row r="39862" spans="1:3" ht="19.2">
      <c r="A39862" s="2"/>
      <c r="B39862" s="2"/>
      <c r="C39862" s="2"/>
    </row>
    <row r="39863" spans="1:3" ht="19.2">
      <c r="A39863" s="2"/>
      <c r="B39863" s="2"/>
      <c r="C39863" s="2"/>
    </row>
    <row r="39864" spans="1:3" ht="19.2">
      <c r="A39864" s="2"/>
      <c r="B39864" s="2"/>
      <c r="C39864" s="2"/>
    </row>
    <row r="39865" spans="1:3" ht="19.2">
      <c r="A39865" s="2"/>
      <c r="B39865" s="2"/>
      <c r="C39865" s="2"/>
    </row>
    <row r="39866" spans="1:3" ht="19.2">
      <c r="A39866" s="2"/>
      <c r="B39866" s="2"/>
      <c r="C39866" s="2"/>
    </row>
    <row r="39867" spans="1:3" ht="19.2">
      <c r="A39867" s="2"/>
      <c r="B39867" s="2"/>
      <c r="C39867" s="2"/>
    </row>
    <row r="39868" spans="1:3" ht="19.2">
      <c r="A39868" s="2"/>
      <c r="B39868" s="2"/>
      <c r="C39868" s="2"/>
    </row>
    <row r="39869" spans="1:3" ht="19.2">
      <c r="A39869" s="2"/>
      <c r="B39869" s="2"/>
      <c r="C39869" s="2"/>
    </row>
    <row r="39870" spans="1:3" ht="19.2">
      <c r="A39870" s="2"/>
      <c r="B39870" s="2"/>
      <c r="C39870" s="2"/>
    </row>
    <row r="39871" spans="1:3" ht="19.2">
      <c r="A39871" s="2"/>
      <c r="B39871" s="2"/>
      <c r="C39871" s="2"/>
    </row>
    <row r="39872" spans="1:3" ht="19.2">
      <c r="A39872" s="2"/>
      <c r="B39872" s="2"/>
      <c r="C39872" s="2"/>
    </row>
    <row r="39873" spans="1:3" ht="19.2">
      <c r="A39873" s="2"/>
      <c r="B39873" s="2"/>
      <c r="C39873" s="2"/>
    </row>
    <row r="39874" spans="1:3" ht="19.2">
      <c r="A39874" s="2"/>
      <c r="B39874" s="2"/>
      <c r="C39874" s="2"/>
    </row>
    <row r="39875" spans="1:3" ht="19.2">
      <c r="A39875" s="2"/>
      <c r="B39875" s="2"/>
      <c r="C39875" s="2"/>
    </row>
    <row r="39876" spans="1:3" ht="19.2">
      <c r="A39876" s="2"/>
      <c r="B39876" s="2"/>
      <c r="C39876" s="2"/>
    </row>
    <row r="39877" spans="1:3" ht="19.2">
      <c r="A39877" s="2"/>
      <c r="B39877" s="2"/>
      <c r="C39877" s="2"/>
    </row>
    <row r="39878" spans="1:3" ht="19.2">
      <c r="A39878" s="2"/>
      <c r="B39878" s="2"/>
      <c r="C39878" s="2"/>
    </row>
    <row r="39879" spans="1:3" ht="19.2">
      <c r="A39879" s="2"/>
      <c r="B39879" s="2"/>
      <c r="C39879" s="2"/>
    </row>
    <row r="39880" spans="1:3" ht="19.2">
      <c r="A39880" s="2"/>
      <c r="B39880" s="2"/>
      <c r="C39880" s="2"/>
    </row>
    <row r="39881" spans="1:3" ht="19.2">
      <c r="A39881" s="2"/>
      <c r="B39881" s="2"/>
      <c r="C39881" s="2"/>
    </row>
    <row r="39882" spans="1:3" ht="19.2">
      <c r="A39882" s="2"/>
      <c r="B39882" s="2"/>
      <c r="C39882" s="2"/>
    </row>
    <row r="39883" spans="1:3" ht="19.2">
      <c r="A39883" s="2"/>
      <c r="B39883" s="2"/>
      <c r="C39883" s="2"/>
    </row>
    <row r="39884" spans="1:3" ht="19.2">
      <c r="A39884" s="2"/>
      <c r="B39884" s="2"/>
      <c r="C39884" s="2"/>
    </row>
    <row r="39885" spans="1:3" ht="19.2">
      <c r="A39885" s="2"/>
      <c r="B39885" s="2"/>
      <c r="C39885" s="2"/>
    </row>
    <row r="39886" spans="1:3" ht="19.2">
      <c r="A39886" s="2"/>
      <c r="B39886" s="2"/>
      <c r="C39886" s="2"/>
    </row>
    <row r="39887" spans="1:3" ht="19.2">
      <c r="A39887" s="2"/>
      <c r="B39887" s="2"/>
      <c r="C39887" s="2"/>
    </row>
    <row r="39888" spans="1:3" ht="19.2">
      <c r="A39888" s="2"/>
      <c r="B39888" s="2"/>
      <c r="C39888" s="2"/>
    </row>
    <row r="39889" spans="1:3" ht="19.2">
      <c r="A39889" s="2"/>
      <c r="B39889" s="2"/>
      <c r="C39889" s="2"/>
    </row>
    <row r="39890" spans="1:3" ht="19.2">
      <c r="A39890" s="2"/>
      <c r="B39890" s="2"/>
      <c r="C39890" s="2"/>
    </row>
    <row r="39891" spans="1:3" ht="19.2">
      <c r="A39891" s="2"/>
      <c r="B39891" s="2"/>
      <c r="C39891" s="2"/>
    </row>
    <row r="39892" spans="1:3" ht="19.2">
      <c r="A39892" s="2"/>
      <c r="B39892" s="2"/>
      <c r="C39892" s="2"/>
    </row>
    <row r="39893" spans="1:3" ht="19.2">
      <c r="A39893" s="2"/>
      <c r="B39893" s="2"/>
      <c r="C39893" s="2"/>
    </row>
    <row r="39894" spans="1:3" ht="19.2">
      <c r="A39894" s="2"/>
      <c r="B39894" s="2"/>
      <c r="C39894" s="2"/>
    </row>
    <row r="39895" spans="1:3" ht="19.2">
      <c r="A39895" s="2"/>
      <c r="B39895" s="2"/>
      <c r="C39895" s="2"/>
    </row>
    <row r="39896" spans="1:3" ht="19.2">
      <c r="A39896" s="2"/>
      <c r="B39896" s="2"/>
      <c r="C39896" s="2"/>
    </row>
    <row r="39897" spans="1:3" ht="19.2">
      <c r="A39897" s="2"/>
      <c r="B39897" s="2"/>
      <c r="C39897" s="2"/>
    </row>
    <row r="39898" spans="1:3" ht="19.2">
      <c r="A39898" s="2"/>
      <c r="B39898" s="2"/>
      <c r="C39898" s="2"/>
    </row>
    <row r="39899" spans="1:3" ht="19.2">
      <c r="A39899" s="2"/>
      <c r="B39899" s="2"/>
      <c r="C39899" s="2"/>
    </row>
    <row r="39900" spans="1:3" ht="19.2">
      <c r="A39900" s="2"/>
      <c r="B39900" s="2"/>
      <c r="C39900" s="2"/>
    </row>
    <row r="39901" spans="1:3" ht="19.2">
      <c r="A39901" s="2"/>
      <c r="B39901" s="2"/>
      <c r="C39901" s="2"/>
    </row>
    <row r="39902" spans="1:3" ht="19.2">
      <c r="A39902" s="2"/>
      <c r="B39902" s="2"/>
      <c r="C39902" s="2"/>
    </row>
    <row r="39903" spans="1:3" ht="19.2">
      <c r="A39903" s="2"/>
      <c r="B39903" s="2"/>
      <c r="C39903" s="2"/>
    </row>
    <row r="39904" spans="1:3" ht="19.2">
      <c r="A39904" s="2"/>
      <c r="B39904" s="2"/>
      <c r="C39904" s="2"/>
    </row>
    <row r="39905" spans="1:3" ht="19.2">
      <c r="A39905" s="2"/>
      <c r="B39905" s="2"/>
      <c r="C39905" s="2"/>
    </row>
    <row r="39906" spans="1:3" ht="19.2">
      <c r="A39906" s="2"/>
      <c r="B39906" s="2"/>
      <c r="C39906" s="2"/>
    </row>
    <row r="39907" spans="1:3" ht="19.2">
      <c r="A39907" s="2"/>
      <c r="B39907" s="2"/>
      <c r="C39907" s="2"/>
    </row>
    <row r="39908" spans="1:3" ht="19.2">
      <c r="A39908" s="2"/>
      <c r="B39908" s="2"/>
      <c r="C39908" s="2"/>
    </row>
    <row r="39909" spans="1:3" ht="19.2">
      <c r="A39909" s="2"/>
      <c r="B39909" s="2"/>
      <c r="C39909" s="2"/>
    </row>
    <row r="39910" spans="1:3" ht="19.2">
      <c r="A39910" s="2"/>
      <c r="B39910" s="2"/>
      <c r="C39910" s="2"/>
    </row>
    <row r="39911" spans="1:3" ht="19.2">
      <c r="A39911" s="2"/>
      <c r="B39911" s="2"/>
      <c r="C39911" s="2"/>
    </row>
    <row r="39912" spans="1:3" ht="19.2">
      <c r="A39912" s="2"/>
      <c r="B39912" s="2"/>
      <c r="C39912" s="2"/>
    </row>
    <row r="39913" spans="1:3" ht="19.2">
      <c r="A39913" s="2"/>
      <c r="B39913" s="2"/>
      <c r="C39913" s="2"/>
    </row>
    <row r="39914" spans="1:3" ht="19.2">
      <c r="A39914" s="2"/>
      <c r="B39914" s="2"/>
      <c r="C39914" s="2"/>
    </row>
    <row r="39915" spans="1:3" ht="19.2">
      <c r="A39915" s="2"/>
      <c r="B39915" s="2"/>
      <c r="C39915" s="2"/>
    </row>
    <row r="39916" spans="1:3" ht="19.2">
      <c r="A39916" s="2"/>
      <c r="B39916" s="2"/>
      <c r="C39916" s="2"/>
    </row>
    <row r="39917" spans="1:3" ht="19.2">
      <c r="A39917" s="2"/>
      <c r="B39917" s="2"/>
      <c r="C39917" s="2"/>
    </row>
    <row r="39918" spans="1:3" ht="19.2">
      <c r="A39918" s="2"/>
      <c r="B39918" s="2"/>
      <c r="C39918" s="2"/>
    </row>
    <row r="39919" spans="1:3" ht="19.2">
      <c r="A39919" s="2"/>
      <c r="B39919" s="2"/>
      <c r="C39919" s="2"/>
    </row>
    <row r="39920" spans="1:3" ht="19.2">
      <c r="A39920" s="2"/>
      <c r="B39920" s="2"/>
      <c r="C39920" s="2"/>
    </row>
    <row r="39921" spans="1:3" ht="19.2">
      <c r="A39921" s="2"/>
      <c r="B39921" s="2"/>
      <c r="C39921" s="2"/>
    </row>
    <row r="39922" spans="1:3" ht="19.2">
      <c r="A39922" s="2"/>
      <c r="B39922" s="2"/>
      <c r="C39922" s="2"/>
    </row>
    <row r="39923" spans="1:3" ht="19.2">
      <c r="A39923" s="2"/>
      <c r="B39923" s="2"/>
      <c r="C39923" s="2"/>
    </row>
    <row r="39924" spans="1:3" ht="19.2">
      <c r="A39924" s="2"/>
      <c r="B39924" s="2"/>
      <c r="C39924" s="2"/>
    </row>
    <row r="39925" spans="1:3" ht="19.2">
      <c r="A39925" s="2"/>
      <c r="B39925" s="2"/>
      <c r="C39925" s="2"/>
    </row>
    <row r="39926" spans="1:3" ht="19.2">
      <c r="A39926" s="2"/>
      <c r="B39926" s="2"/>
      <c r="C39926" s="2"/>
    </row>
    <row r="39927" spans="1:3" ht="19.2">
      <c r="A39927" s="2"/>
      <c r="B39927" s="2"/>
      <c r="C39927" s="2"/>
    </row>
    <row r="39928" spans="1:3" ht="19.2">
      <c r="A39928" s="2"/>
      <c r="B39928" s="2"/>
      <c r="C39928" s="2"/>
    </row>
    <row r="39929" spans="1:3" ht="19.2">
      <c r="A39929" s="2"/>
      <c r="B39929" s="2"/>
      <c r="C39929" s="2"/>
    </row>
    <row r="39930" spans="1:3" ht="19.2">
      <c r="A39930" s="2"/>
      <c r="B39930" s="2"/>
      <c r="C39930" s="2"/>
    </row>
    <row r="39931" spans="1:3" ht="19.2">
      <c r="A39931" s="2"/>
      <c r="B39931" s="2"/>
      <c r="C39931" s="2"/>
    </row>
    <row r="39932" spans="1:3" ht="19.2">
      <c r="A39932" s="2"/>
      <c r="B39932" s="2"/>
      <c r="C39932" s="2"/>
    </row>
    <row r="39933" spans="1:3" ht="19.2">
      <c r="A39933" s="2"/>
      <c r="B39933" s="2"/>
      <c r="C39933" s="2"/>
    </row>
    <row r="39934" spans="1:3" ht="19.2">
      <c r="A39934" s="2"/>
      <c r="B39934" s="2"/>
      <c r="C39934" s="2"/>
    </row>
    <row r="39935" spans="1:3" ht="19.2">
      <c r="A39935" s="2"/>
      <c r="B39935" s="2"/>
      <c r="C39935" s="2"/>
    </row>
    <row r="39936" spans="1:3" ht="19.2">
      <c r="A39936" s="2"/>
      <c r="B39936" s="2"/>
      <c r="C39936" s="2"/>
    </row>
    <row r="39937" spans="1:3" ht="19.2">
      <c r="A39937" s="2"/>
      <c r="B39937" s="2"/>
      <c r="C39937" s="2"/>
    </row>
    <row r="39938" spans="1:3" ht="19.2">
      <c r="A39938" s="2"/>
      <c r="B39938" s="2"/>
      <c r="C39938" s="2"/>
    </row>
    <row r="39939" spans="1:3" ht="19.2">
      <c r="A39939" s="2"/>
      <c r="B39939" s="2"/>
      <c r="C39939" s="2"/>
    </row>
    <row r="39940" spans="1:3" ht="19.2">
      <c r="A39940" s="2"/>
      <c r="B39940" s="2"/>
      <c r="C39940" s="2"/>
    </row>
    <row r="39941" spans="1:3" ht="19.2">
      <c r="A39941" s="2"/>
      <c r="B39941" s="2"/>
      <c r="C39941" s="2"/>
    </row>
    <row r="39942" spans="1:3" ht="19.2">
      <c r="A39942" s="2"/>
      <c r="B39942" s="2"/>
      <c r="C39942" s="2"/>
    </row>
    <row r="39943" spans="1:3" ht="19.2">
      <c r="A39943" s="2"/>
      <c r="B39943" s="2"/>
      <c r="C39943" s="2"/>
    </row>
    <row r="39944" spans="1:3" ht="19.2">
      <c r="A39944" s="2"/>
      <c r="B39944" s="2"/>
      <c r="C39944" s="2"/>
    </row>
    <row r="39945" spans="1:3" ht="19.2">
      <c r="A39945" s="2"/>
      <c r="B39945" s="2"/>
      <c r="C39945" s="2"/>
    </row>
    <row r="39946" spans="1:3" ht="19.2">
      <c r="A39946" s="2"/>
      <c r="B39946" s="2"/>
      <c r="C39946" s="2"/>
    </row>
    <row r="39947" spans="1:3" ht="19.2">
      <c r="A39947" s="2"/>
      <c r="B39947" s="2"/>
      <c r="C39947" s="2"/>
    </row>
    <row r="39948" spans="1:3" ht="19.2">
      <c r="A39948" s="2"/>
      <c r="B39948" s="2"/>
      <c r="C39948" s="2"/>
    </row>
    <row r="39949" spans="1:3" ht="19.2">
      <c r="A39949" s="2"/>
      <c r="B39949" s="2"/>
      <c r="C39949" s="2"/>
    </row>
    <row r="39950" spans="1:3" ht="19.2">
      <c r="A39950" s="2"/>
      <c r="B39950" s="2"/>
      <c r="C39950" s="2"/>
    </row>
    <row r="39951" spans="1:3" ht="19.2">
      <c r="A39951" s="2"/>
      <c r="B39951" s="2"/>
      <c r="C39951" s="2"/>
    </row>
    <row r="39952" spans="1:3" ht="19.2">
      <c r="A39952" s="2"/>
      <c r="B39952" s="2"/>
      <c r="C39952" s="2"/>
    </row>
    <row r="39953" spans="1:3" ht="19.2">
      <c r="A39953" s="2"/>
      <c r="B39953" s="2"/>
      <c r="C39953" s="2"/>
    </row>
    <row r="39954" spans="1:3" ht="19.2">
      <c r="A39954" s="2"/>
      <c r="B39954" s="2"/>
      <c r="C39954" s="2"/>
    </row>
    <row r="39955" spans="1:3" ht="19.2">
      <c r="A39955" s="2"/>
      <c r="B39955" s="2"/>
      <c r="C39955" s="2"/>
    </row>
    <row r="39956" spans="1:3" ht="19.2">
      <c r="A39956" s="2"/>
      <c r="B39956" s="2"/>
      <c r="C39956" s="2"/>
    </row>
    <row r="39957" spans="1:3" ht="19.2">
      <c r="A39957" s="2"/>
      <c r="B39957" s="2"/>
      <c r="C39957" s="2"/>
    </row>
    <row r="39958" spans="1:3" ht="19.2">
      <c r="A39958" s="2"/>
      <c r="B39958" s="2"/>
      <c r="C39958" s="2"/>
    </row>
    <row r="39959" spans="1:3" ht="19.2">
      <c r="A39959" s="2"/>
      <c r="B39959" s="2"/>
      <c r="C39959" s="2"/>
    </row>
    <row r="39960" spans="1:3" ht="19.2">
      <c r="A39960" s="2"/>
      <c r="B39960" s="2"/>
      <c r="C39960" s="2"/>
    </row>
    <row r="39961" spans="1:3" ht="19.2">
      <c r="A39961" s="2"/>
      <c r="B39961" s="2"/>
      <c r="C39961" s="2"/>
    </row>
    <row r="39962" spans="1:3" ht="19.2">
      <c r="A39962" s="2"/>
      <c r="B39962" s="2"/>
      <c r="C39962" s="2"/>
    </row>
    <row r="39963" spans="1:3" ht="19.2">
      <c r="A39963" s="2"/>
      <c r="B39963" s="2"/>
      <c r="C39963" s="2"/>
    </row>
    <row r="39964" spans="1:3" ht="19.2">
      <c r="A39964" s="2"/>
      <c r="B39964" s="2"/>
      <c r="C39964" s="2"/>
    </row>
    <row r="39965" spans="1:3" ht="19.2">
      <c r="A39965" s="2"/>
      <c r="B39965" s="2"/>
      <c r="C39965" s="2"/>
    </row>
    <row r="39966" spans="1:3" ht="19.2">
      <c r="A39966" s="2"/>
      <c r="B39966" s="2"/>
      <c r="C39966" s="2"/>
    </row>
    <row r="39967" spans="1:3" ht="19.2">
      <c r="A39967" s="2"/>
      <c r="B39967" s="2"/>
      <c r="C39967" s="2"/>
    </row>
    <row r="39968" spans="1:3" ht="19.2">
      <c r="A39968" s="2"/>
      <c r="B39968" s="2"/>
      <c r="C39968" s="2"/>
    </row>
    <row r="39969" spans="1:3" ht="19.2">
      <c r="A39969" s="2"/>
      <c r="B39969" s="2"/>
      <c r="C39969" s="2"/>
    </row>
    <row r="39970" spans="1:3" ht="19.2">
      <c r="A39970" s="2"/>
      <c r="B39970" s="2"/>
      <c r="C39970" s="2"/>
    </row>
    <row r="39971" spans="1:3" ht="19.2">
      <c r="A39971" s="2"/>
      <c r="B39971" s="2"/>
      <c r="C39971" s="2"/>
    </row>
    <row r="39972" spans="1:3" ht="19.2">
      <c r="A39972" s="2"/>
      <c r="B39972" s="2"/>
      <c r="C39972" s="2"/>
    </row>
    <row r="39973" spans="1:3" ht="19.2">
      <c r="A39973" s="2"/>
      <c r="B39973" s="2"/>
      <c r="C39973" s="2"/>
    </row>
    <row r="39974" spans="1:3" ht="19.2">
      <c r="A39974" s="2"/>
      <c r="B39974" s="2"/>
      <c r="C39974" s="2"/>
    </row>
    <row r="39975" spans="1:3" ht="19.2">
      <c r="A39975" s="2"/>
      <c r="B39975" s="2"/>
      <c r="C39975" s="2"/>
    </row>
    <row r="39976" spans="1:3" ht="19.2">
      <c r="A39976" s="2"/>
      <c r="B39976" s="2"/>
      <c r="C39976" s="2"/>
    </row>
    <row r="39977" spans="1:3" ht="19.2">
      <c r="A39977" s="2"/>
      <c r="B39977" s="2"/>
      <c r="C39977" s="2"/>
    </row>
    <row r="39978" spans="1:3" ht="19.2">
      <c r="A39978" s="2"/>
      <c r="B39978" s="2"/>
      <c r="C39978" s="2"/>
    </row>
    <row r="39979" spans="1:3" ht="19.2">
      <c r="A39979" s="2"/>
      <c r="B39979" s="2"/>
      <c r="C39979" s="2"/>
    </row>
    <row r="39980" spans="1:3" ht="19.2">
      <c r="A39980" s="2"/>
      <c r="B39980" s="2"/>
      <c r="C39980" s="2"/>
    </row>
    <row r="39981" spans="1:3" ht="19.2">
      <c r="A39981" s="2"/>
      <c r="B39981" s="2"/>
      <c r="C39981" s="2"/>
    </row>
    <row r="39982" spans="1:3" ht="19.2">
      <c r="A39982" s="2"/>
      <c r="B39982" s="2"/>
      <c r="C39982" s="2"/>
    </row>
    <row r="39983" spans="1:3" ht="19.2">
      <c r="A39983" s="2"/>
      <c r="B39983" s="2"/>
      <c r="C39983" s="2"/>
    </row>
    <row r="39984" spans="1:3" ht="19.2">
      <c r="A39984" s="2"/>
      <c r="B39984" s="2"/>
      <c r="C39984" s="2"/>
    </row>
    <row r="39985" spans="1:3" ht="19.2">
      <c r="A39985" s="2"/>
      <c r="B39985" s="2"/>
      <c r="C39985" s="2"/>
    </row>
    <row r="39986" spans="1:3" ht="19.2">
      <c r="A39986" s="2"/>
      <c r="B39986" s="2"/>
      <c r="C39986" s="2"/>
    </row>
    <row r="39987" spans="1:3" ht="19.2">
      <c r="A39987" s="2"/>
      <c r="B39987" s="2"/>
      <c r="C39987" s="2"/>
    </row>
    <row r="39988" spans="1:3" ht="19.2">
      <c r="A39988" s="2"/>
      <c r="B39988" s="2"/>
      <c r="C39988" s="2"/>
    </row>
    <row r="39989" spans="1:3" ht="19.2">
      <c r="A39989" s="2"/>
      <c r="B39989" s="2"/>
      <c r="C39989" s="2"/>
    </row>
    <row r="39990" spans="1:3" ht="19.2">
      <c r="A39990" s="2"/>
      <c r="B39990" s="2"/>
      <c r="C39990" s="2"/>
    </row>
    <row r="39991" spans="1:3" ht="19.2">
      <c r="A39991" s="2"/>
      <c r="B39991" s="2"/>
      <c r="C39991" s="2"/>
    </row>
    <row r="39992" spans="1:3" ht="19.2">
      <c r="A39992" s="2"/>
      <c r="B39992" s="2"/>
      <c r="C39992" s="2"/>
    </row>
    <row r="39993" spans="1:3" ht="19.2">
      <c r="A39993" s="2"/>
      <c r="B39993" s="2"/>
      <c r="C39993" s="2"/>
    </row>
    <row r="39994" spans="1:3" ht="19.2">
      <c r="A39994" s="2"/>
      <c r="B39994" s="2"/>
      <c r="C39994" s="2"/>
    </row>
    <row r="39995" spans="1:3" ht="19.2">
      <c r="A39995" s="2"/>
      <c r="B39995" s="2"/>
      <c r="C39995" s="2"/>
    </row>
    <row r="39996" spans="1:3" ht="19.2">
      <c r="A39996" s="2"/>
      <c r="B39996" s="2"/>
      <c r="C39996" s="2"/>
    </row>
    <row r="39997" spans="1:3" ht="19.2">
      <c r="A39997" s="2"/>
      <c r="B39997" s="2"/>
      <c r="C39997" s="2"/>
    </row>
    <row r="39998" spans="1:3" ht="19.2">
      <c r="A39998" s="2"/>
      <c r="B39998" s="2"/>
      <c r="C39998" s="2"/>
    </row>
    <row r="39999" spans="1:3" ht="19.2">
      <c r="A39999" s="2"/>
      <c r="B39999" s="2"/>
      <c r="C39999" s="2"/>
    </row>
    <row r="40000" spans="1:3" ht="19.2">
      <c r="A40000" s="2"/>
      <c r="B40000" s="2"/>
      <c r="C40000" s="2"/>
    </row>
    <row r="40001" spans="1:3" ht="19.2">
      <c r="A40001" s="2"/>
      <c r="B40001" s="2"/>
      <c r="C40001" s="2"/>
    </row>
    <row r="40002" spans="1:3" ht="19.2">
      <c r="A40002" s="2"/>
      <c r="B40002" s="2"/>
      <c r="C40002" s="2"/>
    </row>
    <row r="40003" spans="1:3" ht="19.2">
      <c r="A40003" s="2"/>
      <c r="B40003" s="2"/>
      <c r="C40003" s="2"/>
    </row>
    <row r="40004" spans="1:3" ht="19.2">
      <c r="A40004" s="2"/>
      <c r="B40004" s="2"/>
      <c r="C40004" s="2"/>
    </row>
    <row r="40005" spans="1:3" ht="19.2">
      <c r="A40005" s="2"/>
      <c r="B40005" s="2"/>
      <c r="C40005" s="2"/>
    </row>
    <row r="40006" spans="1:3" ht="19.2">
      <c r="A40006" s="2"/>
      <c r="B40006" s="2"/>
      <c r="C40006" s="2"/>
    </row>
    <row r="40007" spans="1:3" ht="19.2">
      <c r="A40007" s="2"/>
      <c r="B40007" s="2"/>
      <c r="C40007" s="2"/>
    </row>
    <row r="40008" spans="1:3" ht="19.2">
      <c r="A40008" s="2"/>
      <c r="B40008" s="2"/>
      <c r="C40008" s="2"/>
    </row>
    <row r="40009" spans="1:3" ht="19.2">
      <c r="A40009" s="2"/>
      <c r="B40009" s="2"/>
      <c r="C40009" s="2"/>
    </row>
    <row r="40010" spans="1:3" ht="19.2">
      <c r="A40010" s="2"/>
      <c r="B40010" s="2"/>
      <c r="C40010" s="2"/>
    </row>
    <row r="40011" spans="1:3" ht="19.2">
      <c r="A40011" s="2"/>
      <c r="B40011" s="2"/>
      <c r="C40011" s="2"/>
    </row>
    <row r="40012" spans="1:3" ht="19.2">
      <c r="A40012" s="2"/>
      <c r="B40012" s="2"/>
      <c r="C40012" s="2"/>
    </row>
    <row r="40013" spans="1:3" ht="19.2">
      <c r="A40013" s="2"/>
      <c r="B40013" s="2"/>
      <c r="C40013" s="2"/>
    </row>
    <row r="40014" spans="1:3" ht="19.2">
      <c r="A40014" s="2"/>
      <c r="B40014" s="2"/>
      <c r="C40014" s="2"/>
    </row>
    <row r="40015" spans="1:3" ht="19.2">
      <c r="A40015" s="2"/>
      <c r="B40015" s="2"/>
      <c r="C40015" s="2"/>
    </row>
    <row r="40016" spans="1:3" ht="19.2">
      <c r="A40016" s="2"/>
      <c r="B40016" s="2"/>
      <c r="C40016" s="2"/>
    </row>
    <row r="40017" spans="1:3" ht="19.2">
      <c r="A40017" s="2"/>
      <c r="B40017" s="2"/>
      <c r="C40017" s="2"/>
    </row>
    <row r="40018" spans="1:3" ht="19.2">
      <c r="A40018" s="2"/>
      <c r="B40018" s="2"/>
      <c r="C40018" s="2"/>
    </row>
    <row r="40019" spans="1:3" ht="19.2">
      <c r="A40019" s="2"/>
      <c r="B40019" s="2"/>
      <c r="C40019" s="2"/>
    </row>
    <row r="40020" spans="1:3" ht="19.2">
      <c r="A40020" s="2"/>
      <c r="B40020" s="2"/>
      <c r="C40020" s="2"/>
    </row>
    <row r="40021" spans="1:3" ht="19.2">
      <c r="A40021" s="2"/>
      <c r="B40021" s="2"/>
      <c r="C40021" s="2"/>
    </row>
    <row r="40022" spans="1:3" ht="19.2">
      <c r="A40022" s="2"/>
      <c r="B40022" s="2"/>
      <c r="C40022" s="2"/>
    </row>
    <row r="40023" spans="1:3" ht="19.2">
      <c r="A40023" s="2"/>
      <c r="B40023" s="2"/>
      <c r="C40023" s="2"/>
    </row>
    <row r="40024" spans="1:3" ht="19.2">
      <c r="A40024" s="2"/>
      <c r="B40024" s="2"/>
      <c r="C40024" s="2"/>
    </row>
    <row r="40025" spans="1:3" ht="19.2">
      <c r="A40025" s="2"/>
      <c r="B40025" s="2"/>
      <c r="C40025" s="2"/>
    </row>
    <row r="40026" spans="1:3" ht="19.2">
      <c r="A40026" s="2"/>
      <c r="B40026" s="2"/>
      <c r="C40026" s="2"/>
    </row>
    <row r="40027" spans="1:3" ht="19.2">
      <c r="A40027" s="2"/>
      <c r="B40027" s="2"/>
      <c r="C40027" s="2"/>
    </row>
    <row r="40028" spans="1:3" ht="19.2">
      <c r="A40028" s="2"/>
      <c r="B40028" s="2"/>
      <c r="C40028" s="2"/>
    </row>
    <row r="40029" spans="1:3" ht="19.2">
      <c r="A40029" s="2"/>
      <c r="B40029" s="2"/>
      <c r="C40029" s="2"/>
    </row>
    <row r="40030" spans="1:3" ht="19.2">
      <c r="A40030" s="2"/>
      <c r="B40030" s="2"/>
      <c r="C40030" s="2"/>
    </row>
    <row r="40031" spans="1:3" ht="19.2">
      <c r="A40031" s="2"/>
      <c r="B40031" s="2"/>
      <c r="C40031" s="2"/>
    </row>
    <row r="40032" spans="1:3" ht="19.2">
      <c r="A40032" s="2"/>
      <c r="B40032" s="2"/>
      <c r="C40032" s="2"/>
    </row>
    <row r="40033" spans="1:3" ht="19.2">
      <c r="A40033" s="2"/>
      <c r="B40033" s="2"/>
      <c r="C40033" s="2"/>
    </row>
    <row r="40034" spans="1:3" ht="19.2">
      <c r="A40034" s="2"/>
      <c r="B40034" s="2"/>
      <c r="C40034" s="2"/>
    </row>
    <row r="40035" spans="1:3" ht="19.2">
      <c r="A40035" s="2"/>
      <c r="B40035" s="2"/>
      <c r="C40035" s="2"/>
    </row>
    <row r="40036" spans="1:3" ht="19.2">
      <c r="A40036" s="2"/>
      <c r="B40036" s="2"/>
      <c r="C40036" s="2"/>
    </row>
    <row r="40037" spans="1:3" ht="19.2">
      <c r="A40037" s="2"/>
      <c r="B40037" s="2"/>
      <c r="C40037" s="2"/>
    </row>
    <row r="40038" spans="1:3" ht="19.2">
      <c r="A40038" s="2"/>
      <c r="B40038" s="2"/>
      <c r="C40038" s="2"/>
    </row>
    <row r="40039" spans="1:3" ht="19.2">
      <c r="A40039" s="2"/>
      <c r="B40039" s="2"/>
      <c r="C40039" s="2"/>
    </row>
    <row r="40040" spans="1:3" ht="19.2">
      <c r="A40040" s="2"/>
      <c r="B40040" s="2"/>
      <c r="C40040" s="2"/>
    </row>
    <row r="40041" spans="1:3" ht="19.2">
      <c r="A40041" s="2"/>
      <c r="B40041" s="2"/>
      <c r="C40041" s="2"/>
    </row>
    <row r="40042" spans="1:3" ht="19.2">
      <c r="A40042" s="2"/>
      <c r="B40042" s="2"/>
      <c r="C40042" s="2"/>
    </row>
    <row r="40043" spans="1:3" ht="19.2">
      <c r="A40043" s="2"/>
      <c r="B40043" s="2"/>
      <c r="C40043" s="2"/>
    </row>
    <row r="40044" spans="1:3" ht="19.2">
      <c r="A40044" s="2"/>
      <c r="B40044" s="2"/>
      <c r="C40044" s="2"/>
    </row>
    <row r="40045" spans="1:3" ht="19.2">
      <c r="A40045" s="2"/>
      <c r="B40045" s="2"/>
      <c r="C40045" s="2"/>
    </row>
    <row r="40046" spans="1:3" ht="19.2">
      <c r="A40046" s="2"/>
      <c r="B40046" s="2"/>
      <c r="C40046" s="2"/>
    </row>
    <row r="40047" spans="1:3" ht="19.2">
      <c r="A40047" s="2"/>
      <c r="B40047" s="2"/>
      <c r="C40047" s="2"/>
    </row>
    <row r="40048" spans="1:3" ht="19.2">
      <c r="A40048" s="2"/>
      <c r="B40048" s="2"/>
      <c r="C40048" s="2"/>
    </row>
    <row r="40049" spans="1:3" ht="19.2">
      <c r="A40049" s="2"/>
      <c r="B40049" s="2"/>
      <c r="C40049" s="2"/>
    </row>
    <row r="40050" spans="1:3" ht="19.2">
      <c r="A40050" s="2"/>
      <c r="B40050" s="2"/>
      <c r="C40050" s="2"/>
    </row>
    <row r="40051" spans="1:3" ht="19.2">
      <c r="A40051" s="2"/>
      <c r="B40051" s="2"/>
      <c r="C40051" s="2"/>
    </row>
    <row r="40052" spans="1:3" ht="19.2">
      <c r="A40052" s="2"/>
      <c r="B40052" s="2"/>
      <c r="C40052" s="2"/>
    </row>
    <row r="40053" spans="1:3" ht="19.2">
      <c r="A40053" s="2"/>
      <c r="B40053" s="2"/>
      <c r="C40053" s="2"/>
    </row>
    <row r="40054" spans="1:3" ht="19.2">
      <c r="A40054" s="2"/>
      <c r="B40054" s="2"/>
      <c r="C40054" s="2"/>
    </row>
    <row r="40055" spans="1:3" ht="19.2">
      <c r="A40055" s="2"/>
      <c r="B40055" s="2"/>
      <c r="C40055" s="2"/>
    </row>
    <row r="40056" spans="1:3" ht="19.2">
      <c r="A40056" s="2"/>
      <c r="B40056" s="2"/>
      <c r="C40056" s="2"/>
    </row>
    <row r="40057" spans="1:3" ht="19.2">
      <c r="A40057" s="2"/>
      <c r="B40057" s="2"/>
      <c r="C40057" s="2"/>
    </row>
    <row r="40058" spans="1:3" ht="19.2">
      <c r="A40058" s="2"/>
      <c r="B40058" s="2"/>
      <c r="C40058" s="2"/>
    </row>
    <row r="40059" spans="1:3" ht="19.2">
      <c r="A40059" s="2"/>
      <c r="B40059" s="2"/>
      <c r="C40059" s="2"/>
    </row>
    <row r="40060" spans="1:3" ht="19.2">
      <c r="A40060" s="2"/>
      <c r="B40060" s="2"/>
      <c r="C40060" s="2"/>
    </row>
    <row r="40061" spans="1:3" ht="19.2">
      <c r="A40061" s="2"/>
      <c r="B40061" s="2"/>
      <c r="C40061" s="2"/>
    </row>
    <row r="40062" spans="1:3" ht="19.2">
      <c r="A40062" s="2"/>
      <c r="B40062" s="2"/>
      <c r="C40062" s="2"/>
    </row>
    <row r="40063" spans="1:3" ht="19.2">
      <c r="A40063" s="2"/>
      <c r="B40063" s="2"/>
      <c r="C40063" s="2"/>
    </row>
    <row r="40064" spans="1:3" ht="19.2">
      <c r="A40064" s="2"/>
      <c r="B40064" s="2"/>
      <c r="C40064" s="2"/>
    </row>
    <row r="40065" spans="1:3" ht="19.2">
      <c r="A40065" s="2"/>
      <c r="B40065" s="2"/>
      <c r="C40065" s="2"/>
    </row>
    <row r="40066" spans="1:3" ht="19.2">
      <c r="A40066" s="2"/>
      <c r="B40066" s="2"/>
      <c r="C40066" s="2"/>
    </row>
    <row r="40067" spans="1:3" ht="19.2">
      <c r="A40067" s="2"/>
      <c r="B40067" s="2"/>
      <c r="C40067" s="2"/>
    </row>
    <row r="40068" spans="1:3" ht="19.2">
      <c r="A40068" s="2"/>
      <c r="B40068" s="2"/>
      <c r="C40068" s="2"/>
    </row>
    <row r="40069" spans="1:3" ht="19.2">
      <c r="A40069" s="2"/>
      <c r="B40069" s="2"/>
      <c r="C40069" s="2"/>
    </row>
    <row r="40070" spans="1:3" ht="19.2">
      <c r="A40070" s="2"/>
      <c r="B40070" s="2"/>
      <c r="C40070" s="2"/>
    </row>
    <row r="40071" spans="1:3" ht="19.2">
      <c r="A40071" s="2"/>
      <c r="B40071" s="2"/>
      <c r="C40071" s="2"/>
    </row>
    <row r="40072" spans="1:3" ht="19.2">
      <c r="A40072" s="2"/>
      <c r="B40072" s="2"/>
      <c r="C40072" s="2"/>
    </row>
    <row r="40073" spans="1:3" ht="19.2">
      <c r="A40073" s="2"/>
      <c r="B40073" s="2"/>
      <c r="C40073" s="2"/>
    </row>
    <row r="40074" spans="1:3" ht="19.2">
      <c r="A40074" s="2"/>
      <c r="B40074" s="2"/>
      <c r="C40074" s="2"/>
    </row>
    <row r="40075" spans="1:3" ht="19.2">
      <c r="A40075" s="2"/>
      <c r="B40075" s="2"/>
      <c r="C40075" s="2"/>
    </row>
    <row r="40076" spans="1:3" ht="19.2">
      <c r="A40076" s="2"/>
      <c r="B40076" s="2"/>
      <c r="C40076" s="2"/>
    </row>
    <row r="40077" spans="1:3" ht="19.2">
      <c r="A40077" s="2"/>
      <c r="B40077" s="2"/>
      <c r="C40077" s="2"/>
    </row>
    <row r="40078" spans="1:3" ht="19.2">
      <c r="A40078" s="2"/>
      <c r="B40078" s="2"/>
      <c r="C40078" s="2"/>
    </row>
    <row r="40079" spans="1:3" ht="19.2">
      <c r="A40079" s="2"/>
      <c r="B40079" s="2"/>
      <c r="C40079" s="2"/>
    </row>
    <row r="40080" spans="1:3" ht="19.2">
      <c r="A40080" s="2"/>
      <c r="B40080" s="2"/>
      <c r="C40080" s="2"/>
    </row>
    <row r="40081" spans="1:3" ht="19.2">
      <c r="A40081" s="2"/>
      <c r="B40081" s="2"/>
      <c r="C40081" s="2"/>
    </row>
    <row r="40082" spans="1:3" ht="19.2">
      <c r="A40082" s="2"/>
      <c r="B40082" s="2"/>
      <c r="C40082" s="2"/>
    </row>
    <row r="40083" spans="1:3" ht="19.2">
      <c r="A40083" s="2"/>
      <c r="B40083" s="2"/>
      <c r="C40083" s="2"/>
    </row>
    <row r="40084" spans="1:3" ht="19.2">
      <c r="A40084" s="2"/>
      <c r="B40084" s="2"/>
      <c r="C40084" s="2"/>
    </row>
    <row r="40085" spans="1:3" ht="19.2">
      <c r="A40085" s="2"/>
      <c r="B40085" s="2"/>
      <c r="C40085" s="2"/>
    </row>
    <row r="40086" spans="1:3" ht="19.2">
      <c r="A40086" s="2"/>
      <c r="B40086" s="2"/>
      <c r="C40086" s="2"/>
    </row>
    <row r="40087" spans="1:3" ht="19.2">
      <c r="A40087" s="2"/>
      <c r="B40087" s="2"/>
      <c r="C40087" s="2"/>
    </row>
    <row r="40088" spans="1:3" ht="19.2">
      <c r="A40088" s="2"/>
      <c r="B40088" s="2"/>
      <c r="C40088" s="2"/>
    </row>
    <row r="40089" spans="1:3" ht="19.2">
      <c r="A40089" s="2"/>
      <c r="B40089" s="2"/>
      <c r="C40089" s="2"/>
    </row>
    <row r="40090" spans="1:3" ht="19.2">
      <c r="A40090" s="2"/>
      <c r="B40090" s="2"/>
      <c r="C40090" s="2"/>
    </row>
    <row r="40091" spans="1:3" ht="19.2">
      <c r="A40091" s="2"/>
      <c r="B40091" s="2"/>
      <c r="C40091" s="2"/>
    </row>
    <row r="40092" spans="1:3" ht="19.2">
      <c r="A40092" s="2"/>
      <c r="B40092" s="2"/>
      <c r="C40092" s="2"/>
    </row>
    <row r="40093" spans="1:3" ht="19.2">
      <c r="A40093" s="2"/>
      <c r="B40093" s="2"/>
      <c r="C40093" s="2"/>
    </row>
    <row r="40094" spans="1:3" ht="19.2">
      <c r="A40094" s="2"/>
      <c r="B40094" s="2"/>
      <c r="C40094" s="2"/>
    </row>
    <row r="40095" spans="1:3" ht="19.2">
      <c r="A40095" s="2"/>
      <c r="B40095" s="2"/>
      <c r="C40095" s="2"/>
    </row>
    <row r="40096" spans="1:3" ht="19.2">
      <c r="A40096" s="2"/>
      <c r="B40096" s="2"/>
      <c r="C40096" s="2"/>
    </row>
    <row r="40097" spans="1:3" ht="19.2">
      <c r="A40097" s="2"/>
      <c r="B40097" s="2"/>
      <c r="C40097" s="2"/>
    </row>
    <row r="40098" spans="1:3" ht="19.2">
      <c r="A40098" s="2"/>
      <c r="B40098" s="2"/>
      <c r="C40098" s="2"/>
    </row>
    <row r="40099" spans="1:3" ht="19.2">
      <c r="A40099" s="2"/>
      <c r="B40099" s="2"/>
      <c r="C40099" s="2"/>
    </row>
    <row r="40100" spans="1:3" ht="19.2">
      <c r="A40100" s="2"/>
      <c r="B40100" s="2"/>
      <c r="C40100" s="2"/>
    </row>
    <row r="40101" spans="1:3" ht="19.2">
      <c r="A40101" s="2"/>
      <c r="B40101" s="2"/>
      <c r="C40101" s="2"/>
    </row>
    <row r="40102" spans="1:3" ht="19.2">
      <c r="A40102" s="2"/>
      <c r="B40102" s="2"/>
      <c r="C40102" s="2"/>
    </row>
    <row r="40103" spans="1:3" ht="19.2">
      <c r="A40103" s="2"/>
      <c r="B40103" s="2"/>
      <c r="C40103" s="2"/>
    </row>
    <row r="40104" spans="1:3" ht="19.2">
      <c r="A40104" s="2"/>
      <c r="B40104" s="2"/>
      <c r="C40104" s="2"/>
    </row>
    <row r="40105" spans="1:3" ht="19.2">
      <c r="A40105" s="2"/>
      <c r="B40105" s="2"/>
      <c r="C40105" s="2"/>
    </row>
    <row r="40106" spans="1:3" ht="19.2">
      <c r="A40106" s="2"/>
      <c r="B40106" s="2"/>
      <c r="C40106" s="2"/>
    </row>
    <row r="40107" spans="1:3" ht="19.2">
      <c r="A40107" s="2"/>
      <c r="B40107" s="2"/>
      <c r="C40107" s="2"/>
    </row>
    <row r="40108" spans="1:3" ht="19.2">
      <c r="A40108" s="2"/>
      <c r="B40108" s="2"/>
      <c r="C40108" s="2"/>
    </row>
    <row r="40109" spans="1:3" ht="19.2">
      <c r="A40109" s="2"/>
      <c r="B40109" s="2"/>
      <c r="C40109" s="2"/>
    </row>
    <row r="40110" spans="1:3" ht="19.2">
      <c r="A40110" s="2"/>
      <c r="B40110" s="2"/>
      <c r="C40110" s="2"/>
    </row>
    <row r="40111" spans="1:3" ht="19.2">
      <c r="A40111" s="2"/>
      <c r="B40111" s="2"/>
      <c r="C40111" s="2"/>
    </row>
    <row r="40112" spans="1:3" ht="19.2">
      <c r="A40112" s="2"/>
      <c r="B40112" s="2"/>
      <c r="C40112" s="2"/>
    </row>
    <row r="40113" spans="1:3" ht="19.2">
      <c r="A40113" s="2"/>
      <c r="B40113" s="2"/>
      <c r="C40113" s="2"/>
    </row>
    <row r="40114" spans="1:3" ht="19.2">
      <c r="A40114" s="2"/>
      <c r="B40114" s="2"/>
      <c r="C40114" s="2"/>
    </row>
    <row r="40115" spans="1:3" ht="19.2">
      <c r="A40115" s="2"/>
      <c r="B40115" s="2"/>
      <c r="C40115" s="2"/>
    </row>
    <row r="40116" spans="1:3" ht="19.2">
      <c r="A40116" s="2"/>
      <c r="B40116" s="2"/>
      <c r="C40116" s="2"/>
    </row>
    <row r="40117" spans="1:3" ht="19.2">
      <c r="A40117" s="2"/>
      <c r="B40117" s="2"/>
      <c r="C40117" s="2"/>
    </row>
    <row r="40118" spans="1:3" ht="19.2">
      <c r="A40118" s="2"/>
      <c r="B40118" s="2"/>
      <c r="C40118" s="2"/>
    </row>
    <row r="40119" spans="1:3" ht="19.2">
      <c r="A40119" s="2"/>
      <c r="B40119" s="2"/>
      <c r="C40119" s="2"/>
    </row>
    <row r="40120" spans="1:3" ht="19.2">
      <c r="A40120" s="2"/>
      <c r="B40120" s="2"/>
      <c r="C40120" s="2"/>
    </row>
    <row r="40121" spans="1:3" ht="19.2">
      <c r="A40121" s="2"/>
      <c r="B40121" s="2"/>
      <c r="C40121" s="2"/>
    </row>
    <row r="40122" spans="1:3" ht="19.2">
      <c r="A40122" s="2"/>
      <c r="B40122" s="2"/>
      <c r="C40122" s="2"/>
    </row>
    <row r="40123" spans="1:3" ht="19.2">
      <c r="A40123" s="2"/>
      <c r="B40123" s="2"/>
      <c r="C40123" s="2"/>
    </row>
    <row r="40124" spans="1:3" ht="19.2">
      <c r="A40124" s="2"/>
      <c r="B40124" s="2"/>
      <c r="C40124" s="2"/>
    </row>
    <row r="40125" spans="1:3" ht="19.2">
      <c r="A40125" s="2"/>
      <c r="B40125" s="2"/>
      <c r="C40125" s="2"/>
    </row>
    <row r="40126" spans="1:3" ht="19.2">
      <c r="A40126" s="2"/>
      <c r="B40126" s="2"/>
      <c r="C40126" s="2"/>
    </row>
    <row r="40127" spans="1:3" ht="19.2">
      <c r="A40127" s="2"/>
      <c r="B40127" s="2"/>
      <c r="C40127" s="2"/>
    </row>
    <row r="40128" spans="1:3" ht="19.2">
      <c r="A40128" s="2"/>
      <c r="B40128" s="2"/>
      <c r="C40128" s="2"/>
    </row>
    <row r="40129" spans="1:3" ht="19.2">
      <c r="A40129" s="2"/>
      <c r="B40129" s="2"/>
      <c r="C40129" s="2"/>
    </row>
    <row r="40130" spans="1:3" ht="19.2">
      <c r="A40130" s="2"/>
      <c r="B40130" s="2"/>
      <c r="C40130" s="2"/>
    </row>
    <row r="40131" spans="1:3" ht="19.2">
      <c r="A40131" s="2"/>
      <c r="B40131" s="2"/>
      <c r="C40131" s="2"/>
    </row>
    <row r="40132" spans="1:3" ht="19.2">
      <c r="A40132" s="2"/>
      <c r="B40132" s="2"/>
      <c r="C40132" s="2"/>
    </row>
    <row r="40133" spans="1:3" ht="19.2">
      <c r="A40133" s="2"/>
      <c r="B40133" s="2"/>
      <c r="C40133" s="2"/>
    </row>
    <row r="40134" spans="1:3" ht="19.2">
      <c r="A40134" s="2"/>
      <c r="B40134" s="2"/>
      <c r="C40134" s="2"/>
    </row>
    <row r="40135" spans="1:3" ht="19.2">
      <c r="A40135" s="2"/>
      <c r="B40135" s="2"/>
      <c r="C40135" s="2"/>
    </row>
    <row r="40136" spans="1:3" ht="19.2">
      <c r="A40136" s="2"/>
      <c r="B40136" s="2"/>
      <c r="C40136" s="2"/>
    </row>
    <row r="40137" spans="1:3" ht="19.2">
      <c r="A40137" s="2"/>
      <c r="B40137" s="2"/>
      <c r="C40137" s="2"/>
    </row>
    <row r="40138" spans="1:3" ht="19.2">
      <c r="A40138" s="2"/>
      <c r="B40138" s="2"/>
      <c r="C40138" s="2"/>
    </row>
    <row r="40139" spans="1:3" ht="19.2">
      <c r="A40139" s="2"/>
      <c r="B40139" s="2"/>
      <c r="C40139" s="2"/>
    </row>
    <row r="40140" spans="1:3" ht="19.2">
      <c r="A40140" s="2"/>
      <c r="B40140" s="2"/>
      <c r="C40140" s="2"/>
    </row>
    <row r="40141" spans="1:3" ht="19.2">
      <c r="A40141" s="2"/>
      <c r="B40141" s="2"/>
      <c r="C40141" s="2"/>
    </row>
    <row r="40142" spans="1:3" ht="19.2">
      <c r="A40142" s="2"/>
      <c r="B40142" s="2"/>
      <c r="C40142" s="2"/>
    </row>
    <row r="40143" spans="1:3" ht="19.2">
      <c r="A40143" s="2"/>
      <c r="B40143" s="2"/>
      <c r="C40143" s="2"/>
    </row>
    <row r="40144" spans="1:3" ht="19.2">
      <c r="A40144" s="2"/>
      <c r="B40144" s="2"/>
      <c r="C40144" s="2"/>
    </row>
    <row r="40145" spans="1:3" ht="19.2">
      <c r="A40145" s="2"/>
      <c r="B40145" s="2"/>
      <c r="C40145" s="2"/>
    </row>
    <row r="40146" spans="1:3" ht="19.2">
      <c r="A40146" s="2"/>
      <c r="B40146" s="2"/>
      <c r="C40146" s="2"/>
    </row>
    <row r="40147" spans="1:3" ht="19.2">
      <c r="A40147" s="2"/>
      <c r="B40147" s="2"/>
      <c r="C40147" s="2"/>
    </row>
    <row r="40148" spans="1:3" ht="19.2">
      <c r="A40148" s="2"/>
      <c r="B40148" s="2"/>
      <c r="C40148" s="2"/>
    </row>
    <row r="40149" spans="1:3" ht="19.2">
      <c r="A40149" s="2"/>
      <c r="B40149" s="2"/>
      <c r="C40149" s="2"/>
    </row>
    <row r="40150" spans="1:3" ht="19.2">
      <c r="A40150" s="2"/>
      <c r="B40150" s="2"/>
      <c r="C40150" s="2"/>
    </row>
    <row r="40151" spans="1:3" ht="19.2">
      <c r="A40151" s="2"/>
      <c r="B40151" s="2"/>
      <c r="C40151" s="2"/>
    </row>
    <row r="40152" spans="1:3" ht="19.2">
      <c r="A40152" s="2"/>
      <c r="B40152" s="2"/>
      <c r="C40152" s="2"/>
    </row>
    <row r="40153" spans="1:3" ht="19.2">
      <c r="A40153" s="2"/>
      <c r="B40153" s="2"/>
      <c r="C40153" s="2"/>
    </row>
    <row r="40154" spans="1:3" ht="19.2">
      <c r="A40154" s="2"/>
      <c r="B40154" s="2"/>
      <c r="C40154" s="2"/>
    </row>
    <row r="40155" spans="1:3" ht="19.2">
      <c r="A40155" s="2"/>
      <c r="B40155" s="2"/>
      <c r="C40155" s="2"/>
    </row>
    <row r="40156" spans="1:3" ht="19.2">
      <c r="A40156" s="2"/>
      <c r="B40156" s="2"/>
      <c r="C40156" s="2"/>
    </row>
    <row r="40157" spans="1:3" ht="19.2">
      <c r="A40157" s="2"/>
      <c r="B40157" s="2"/>
      <c r="C40157" s="2"/>
    </row>
    <row r="40158" spans="1:3" ht="19.2">
      <c r="A40158" s="2"/>
      <c r="B40158" s="2"/>
      <c r="C40158" s="2"/>
    </row>
    <row r="40159" spans="1:3" ht="19.2">
      <c r="A40159" s="2"/>
      <c r="B40159" s="2"/>
      <c r="C40159" s="2"/>
    </row>
    <row r="40160" spans="1:3" ht="19.2">
      <c r="A40160" s="2"/>
      <c r="B40160" s="2"/>
      <c r="C40160" s="2"/>
    </row>
    <row r="40161" spans="1:3" ht="19.2">
      <c r="A40161" s="2"/>
      <c r="B40161" s="2"/>
      <c r="C40161" s="2"/>
    </row>
    <row r="40162" spans="1:3" ht="19.2">
      <c r="A40162" s="2"/>
      <c r="B40162" s="2"/>
      <c r="C40162" s="2"/>
    </row>
    <row r="40163" spans="1:3" ht="19.2">
      <c r="A40163" s="2"/>
      <c r="B40163" s="2"/>
      <c r="C40163" s="2"/>
    </row>
    <row r="40164" spans="1:3" ht="19.2">
      <c r="A40164" s="2"/>
      <c r="B40164" s="2"/>
      <c r="C40164" s="2"/>
    </row>
    <row r="40165" spans="1:3" ht="19.2">
      <c r="A40165" s="2"/>
      <c r="B40165" s="2"/>
      <c r="C40165" s="2"/>
    </row>
    <row r="40166" spans="1:3" ht="19.2">
      <c r="A40166" s="2"/>
      <c r="B40166" s="2"/>
      <c r="C40166" s="2"/>
    </row>
    <row r="40167" spans="1:3" ht="19.2">
      <c r="A40167" s="2"/>
      <c r="B40167" s="2"/>
      <c r="C40167" s="2"/>
    </row>
    <row r="40168" spans="1:3" ht="19.2">
      <c r="A40168" s="2"/>
      <c r="B40168" s="2"/>
      <c r="C40168" s="2"/>
    </row>
    <row r="40169" spans="1:3" ht="19.2">
      <c r="A40169" s="2"/>
      <c r="B40169" s="2"/>
      <c r="C40169" s="2"/>
    </row>
    <row r="40170" spans="1:3" ht="19.2">
      <c r="A40170" s="2"/>
      <c r="B40170" s="2"/>
      <c r="C40170" s="2"/>
    </row>
    <row r="40171" spans="1:3" ht="19.2">
      <c r="A40171" s="2"/>
      <c r="B40171" s="2"/>
      <c r="C40171" s="2"/>
    </row>
    <row r="40172" spans="1:3" ht="19.2">
      <c r="A40172" s="2"/>
      <c r="B40172" s="2"/>
      <c r="C40172" s="2"/>
    </row>
    <row r="40173" spans="1:3" ht="19.2">
      <c r="A40173" s="2"/>
      <c r="B40173" s="2"/>
      <c r="C40173" s="2"/>
    </row>
    <row r="40174" spans="1:3" ht="19.2">
      <c r="A40174" s="2"/>
      <c r="B40174" s="2"/>
      <c r="C40174" s="2"/>
    </row>
    <row r="40175" spans="1:3" ht="19.2">
      <c r="A40175" s="2"/>
      <c r="B40175" s="2"/>
      <c r="C40175" s="2"/>
    </row>
    <row r="40176" spans="1:3" ht="19.2">
      <c r="A40176" s="2"/>
      <c r="B40176" s="2"/>
      <c r="C40176" s="2"/>
    </row>
    <row r="40177" spans="1:3" ht="19.2">
      <c r="A40177" s="2"/>
      <c r="B40177" s="2"/>
      <c r="C40177" s="2"/>
    </row>
    <row r="40178" spans="1:3" ht="19.2">
      <c r="A40178" s="2"/>
      <c r="B40178" s="2"/>
      <c r="C40178" s="2"/>
    </row>
    <row r="40179" spans="1:3" ht="19.2">
      <c r="A40179" s="2"/>
      <c r="B40179" s="2"/>
      <c r="C40179" s="2"/>
    </row>
    <row r="40180" spans="1:3" ht="19.2">
      <c r="A40180" s="2"/>
      <c r="B40180" s="2"/>
      <c r="C40180" s="2"/>
    </row>
    <row r="40181" spans="1:3" ht="19.2">
      <c r="A40181" s="2"/>
      <c r="B40181" s="2"/>
      <c r="C40181" s="2"/>
    </row>
    <row r="40182" spans="1:3" ht="19.2">
      <c r="A40182" s="2"/>
      <c r="B40182" s="2"/>
      <c r="C40182" s="2"/>
    </row>
    <row r="40183" spans="1:3" ht="19.2">
      <c r="A40183" s="2"/>
      <c r="B40183" s="2"/>
      <c r="C40183" s="2"/>
    </row>
    <row r="40184" spans="1:3" ht="19.2">
      <c r="A40184" s="2"/>
      <c r="B40184" s="2"/>
      <c r="C40184" s="2"/>
    </row>
    <row r="40185" spans="1:3" ht="19.2">
      <c r="A40185" s="2"/>
      <c r="B40185" s="2"/>
      <c r="C40185" s="2"/>
    </row>
    <row r="40186" spans="1:3" ht="19.2">
      <c r="A40186" s="2"/>
      <c r="B40186" s="2"/>
      <c r="C40186" s="2"/>
    </row>
    <row r="40187" spans="1:3" ht="19.2">
      <c r="A40187" s="2"/>
      <c r="B40187" s="2"/>
      <c r="C40187" s="2"/>
    </row>
    <row r="40188" spans="1:3" ht="19.2">
      <c r="A40188" s="2"/>
      <c r="B40188" s="2"/>
      <c r="C40188" s="2"/>
    </row>
    <row r="40189" spans="1:3" ht="19.2">
      <c r="A40189" s="2"/>
      <c r="B40189" s="2"/>
      <c r="C40189" s="2"/>
    </row>
    <row r="40190" spans="1:3" ht="19.2">
      <c r="A40190" s="2"/>
      <c r="B40190" s="2"/>
      <c r="C40190" s="2"/>
    </row>
    <row r="40191" spans="1:3" ht="19.2">
      <c r="A40191" s="2"/>
      <c r="B40191" s="2"/>
      <c r="C40191" s="2"/>
    </row>
    <row r="40192" spans="1:3" ht="19.2">
      <c r="A40192" s="2"/>
      <c r="B40192" s="2"/>
      <c r="C40192" s="2"/>
    </row>
    <row r="40193" spans="1:3" ht="19.2">
      <c r="A40193" s="2"/>
      <c r="B40193" s="2"/>
      <c r="C40193" s="2"/>
    </row>
    <row r="40194" spans="1:3" ht="19.2">
      <c r="A40194" s="2"/>
      <c r="B40194" s="2"/>
      <c r="C40194" s="2"/>
    </row>
    <row r="40195" spans="1:3" ht="19.2">
      <c r="A40195" s="2"/>
      <c r="B40195" s="2"/>
      <c r="C40195" s="2"/>
    </row>
    <row r="40196" spans="1:3" ht="19.2">
      <c r="A40196" s="2"/>
      <c r="B40196" s="2"/>
      <c r="C40196" s="2"/>
    </row>
    <row r="40197" spans="1:3" ht="19.2">
      <c r="A40197" s="2"/>
      <c r="B40197" s="2"/>
      <c r="C40197" s="2"/>
    </row>
    <row r="40198" spans="1:3" ht="19.2">
      <c r="A40198" s="2"/>
      <c r="B40198" s="2"/>
      <c r="C40198" s="2"/>
    </row>
    <row r="40199" spans="1:3" ht="19.2">
      <c r="A40199" s="2"/>
      <c r="B40199" s="2"/>
      <c r="C40199" s="2"/>
    </row>
    <row r="40200" spans="1:3" ht="19.2">
      <c r="A40200" s="2"/>
      <c r="B40200" s="2"/>
      <c r="C40200" s="2"/>
    </row>
    <row r="40201" spans="1:3" ht="19.2">
      <c r="A40201" s="2"/>
      <c r="B40201" s="2"/>
      <c r="C40201" s="2"/>
    </row>
    <row r="40202" spans="1:3" ht="19.2">
      <c r="A40202" s="2"/>
      <c r="B40202" s="2"/>
      <c r="C40202" s="2"/>
    </row>
    <row r="40203" spans="1:3" ht="19.2">
      <c r="A40203" s="2"/>
      <c r="B40203" s="2"/>
      <c r="C40203" s="2"/>
    </row>
    <row r="40204" spans="1:3" ht="19.2">
      <c r="A40204" s="2"/>
      <c r="B40204" s="2"/>
      <c r="C40204" s="2"/>
    </row>
    <row r="40205" spans="1:3" ht="19.2">
      <c r="A40205" s="2"/>
      <c r="B40205" s="2"/>
      <c r="C40205" s="2"/>
    </row>
    <row r="40206" spans="1:3" ht="19.2">
      <c r="A40206" s="2"/>
      <c r="B40206" s="2"/>
      <c r="C40206" s="2"/>
    </row>
    <row r="40207" spans="1:3" ht="19.2">
      <c r="A40207" s="2"/>
      <c r="B40207" s="2"/>
      <c r="C40207" s="2"/>
    </row>
    <row r="40208" spans="1:3" ht="19.2">
      <c r="A40208" s="2"/>
      <c r="B40208" s="2"/>
      <c r="C40208" s="2"/>
    </row>
    <row r="40209" spans="1:3" ht="19.2">
      <c r="A40209" s="2"/>
      <c r="B40209" s="2"/>
      <c r="C40209" s="2"/>
    </row>
    <row r="40210" spans="1:3" ht="19.2">
      <c r="A40210" s="2"/>
      <c r="B40210" s="2"/>
      <c r="C40210" s="2"/>
    </row>
    <row r="40211" spans="1:3" ht="19.2">
      <c r="A40211" s="2"/>
      <c r="B40211" s="2"/>
      <c r="C40211" s="2"/>
    </row>
    <row r="40212" spans="1:3" ht="19.2">
      <c r="A40212" s="2"/>
      <c r="B40212" s="2"/>
      <c r="C40212" s="2"/>
    </row>
    <row r="40213" spans="1:3" ht="19.2">
      <c r="A40213" s="2"/>
      <c r="B40213" s="2"/>
      <c r="C40213" s="2"/>
    </row>
    <row r="40214" spans="1:3" ht="19.2">
      <c r="A40214" s="2"/>
      <c r="B40214" s="2"/>
      <c r="C40214" s="2"/>
    </row>
    <row r="40215" spans="1:3" ht="19.2">
      <c r="A40215" s="2"/>
      <c r="B40215" s="2"/>
      <c r="C40215" s="2"/>
    </row>
    <row r="40216" spans="1:3" ht="19.2">
      <c r="A40216" s="2"/>
      <c r="B40216" s="2"/>
      <c r="C40216" s="2"/>
    </row>
    <row r="40217" spans="1:3" ht="19.2">
      <c r="A40217" s="2"/>
      <c r="B40217" s="2"/>
      <c r="C40217" s="2"/>
    </row>
    <row r="40218" spans="1:3" ht="19.2">
      <c r="A40218" s="2"/>
      <c r="B40218" s="2"/>
      <c r="C40218" s="2"/>
    </row>
    <row r="40219" spans="1:3" ht="19.2">
      <c r="A40219" s="2"/>
      <c r="B40219" s="2"/>
      <c r="C40219" s="2"/>
    </row>
    <row r="40220" spans="1:3" ht="19.2">
      <c r="A40220" s="2"/>
      <c r="B40220" s="2"/>
      <c r="C40220" s="2"/>
    </row>
    <row r="40221" spans="1:3" ht="19.2">
      <c r="A40221" s="2"/>
      <c r="B40221" s="2"/>
      <c r="C40221" s="2"/>
    </row>
    <row r="40222" spans="1:3" ht="19.2">
      <c r="A40222" s="2"/>
      <c r="B40222" s="2"/>
      <c r="C40222" s="2"/>
    </row>
    <row r="40223" spans="1:3" ht="19.2">
      <c r="A40223" s="2"/>
      <c r="B40223" s="2"/>
      <c r="C40223" s="2"/>
    </row>
    <row r="40224" spans="1:3" ht="19.2">
      <c r="A40224" s="2"/>
      <c r="B40224" s="2"/>
      <c r="C40224" s="2"/>
    </row>
    <row r="40225" spans="1:3" ht="19.2">
      <c r="A40225" s="2"/>
      <c r="B40225" s="2"/>
      <c r="C40225" s="2"/>
    </row>
    <row r="40226" spans="1:3" ht="19.2">
      <c r="A40226" s="2"/>
      <c r="B40226" s="2"/>
      <c r="C40226" s="2"/>
    </row>
    <row r="40227" spans="1:3" ht="19.2">
      <c r="A40227" s="2"/>
      <c r="B40227" s="2"/>
      <c r="C40227" s="2"/>
    </row>
    <row r="40228" spans="1:3" ht="19.2">
      <c r="A40228" s="2"/>
      <c r="B40228" s="2"/>
      <c r="C40228" s="2"/>
    </row>
    <row r="40229" spans="1:3" ht="19.2">
      <c r="A40229" s="2"/>
      <c r="B40229" s="2"/>
      <c r="C40229" s="2"/>
    </row>
    <row r="40230" spans="1:3" ht="19.2">
      <c r="A40230" s="2"/>
      <c r="B40230" s="2"/>
      <c r="C40230" s="2"/>
    </row>
    <row r="40231" spans="1:3" ht="19.2">
      <c r="A40231" s="2"/>
      <c r="B40231" s="2"/>
      <c r="C40231" s="2"/>
    </row>
    <row r="40232" spans="1:3" ht="19.2">
      <c r="A40232" s="2"/>
      <c r="B40232" s="2"/>
      <c r="C40232" s="2"/>
    </row>
    <row r="40233" spans="1:3" ht="19.2">
      <c r="A40233" s="2"/>
      <c r="B40233" s="2"/>
      <c r="C40233" s="2"/>
    </row>
    <row r="40234" spans="1:3" ht="19.2">
      <c r="A40234" s="2"/>
      <c r="B40234" s="2"/>
      <c r="C40234" s="2"/>
    </row>
    <row r="40235" spans="1:3" ht="19.2">
      <c r="A40235" s="2"/>
      <c r="B40235" s="2"/>
      <c r="C40235" s="2"/>
    </row>
    <row r="40236" spans="1:3" ht="19.2">
      <c r="A40236" s="2"/>
      <c r="B40236" s="2"/>
      <c r="C40236" s="2"/>
    </row>
    <row r="40237" spans="1:3" ht="19.2">
      <c r="A40237" s="2"/>
      <c r="B40237" s="2"/>
      <c r="C40237" s="2"/>
    </row>
    <row r="40238" spans="1:3" ht="19.2">
      <c r="A40238" s="2"/>
      <c r="B40238" s="2"/>
      <c r="C40238" s="2"/>
    </row>
    <row r="40239" spans="1:3" ht="19.2">
      <c r="A40239" s="2"/>
      <c r="B40239" s="2"/>
      <c r="C40239" s="2"/>
    </row>
    <row r="40240" spans="1:3" ht="19.2">
      <c r="A40240" s="2"/>
      <c r="B40240" s="2"/>
      <c r="C40240" s="2"/>
    </row>
    <row r="40241" spans="1:3" ht="19.2">
      <c r="A40241" s="2"/>
      <c r="B40241" s="2"/>
      <c r="C40241" s="2"/>
    </row>
    <row r="40242" spans="1:3" ht="19.2">
      <c r="A40242" s="2"/>
      <c r="B40242" s="2"/>
      <c r="C40242" s="2"/>
    </row>
    <row r="40243" spans="1:3" ht="19.2">
      <c r="A40243" s="2"/>
      <c r="B40243" s="2"/>
      <c r="C40243" s="2"/>
    </row>
    <row r="40244" spans="1:3" ht="19.2">
      <c r="A40244" s="2"/>
      <c r="B40244" s="2"/>
      <c r="C40244" s="2"/>
    </row>
    <row r="40245" spans="1:3" ht="19.2">
      <c r="A40245" s="2"/>
      <c r="B40245" s="2"/>
      <c r="C40245" s="2"/>
    </row>
    <row r="40246" spans="1:3" ht="19.2">
      <c r="A40246" s="2"/>
      <c r="B40246" s="2"/>
      <c r="C40246" s="2"/>
    </row>
    <row r="40247" spans="1:3" ht="19.2">
      <c r="A40247" s="2"/>
      <c r="B40247" s="2"/>
      <c r="C40247" s="2"/>
    </row>
    <row r="40248" spans="1:3" ht="19.2">
      <c r="A40248" s="2"/>
      <c r="B40248" s="2"/>
      <c r="C40248" s="2"/>
    </row>
    <row r="40249" spans="1:3" ht="19.2">
      <c r="A40249" s="2"/>
      <c r="B40249" s="2"/>
      <c r="C40249" s="2"/>
    </row>
    <row r="40250" spans="1:3" ht="19.2">
      <c r="A40250" s="2"/>
      <c r="B40250" s="2"/>
      <c r="C40250" s="2"/>
    </row>
    <row r="40251" spans="1:3" ht="19.2">
      <c r="A40251" s="2"/>
      <c r="B40251" s="2"/>
      <c r="C40251" s="2"/>
    </row>
    <row r="40252" spans="1:3" ht="19.2">
      <c r="A40252" s="2"/>
      <c r="B40252" s="2"/>
      <c r="C40252" s="2"/>
    </row>
    <row r="40253" spans="1:3" ht="19.2">
      <c r="A40253" s="2"/>
      <c r="B40253" s="2"/>
      <c r="C40253" s="2"/>
    </row>
    <row r="40254" spans="1:3" ht="19.2">
      <c r="A40254" s="2"/>
      <c r="B40254" s="2"/>
      <c r="C40254" s="2"/>
    </row>
    <row r="40255" spans="1:3" ht="19.2">
      <c r="A40255" s="2"/>
      <c r="B40255" s="2"/>
      <c r="C40255" s="2"/>
    </row>
    <row r="40256" spans="1:3" ht="19.2">
      <c r="A40256" s="2"/>
      <c r="B40256" s="2"/>
      <c r="C40256" s="2"/>
    </row>
    <row r="40257" spans="1:3" ht="19.2">
      <c r="A40257" s="2"/>
      <c r="B40257" s="2"/>
      <c r="C40257" s="2"/>
    </row>
    <row r="40258" spans="1:3" ht="19.2">
      <c r="A40258" s="2"/>
      <c r="B40258" s="2"/>
      <c r="C40258" s="2"/>
    </row>
    <row r="40259" spans="1:3" ht="19.2">
      <c r="A40259" s="2"/>
      <c r="B40259" s="2"/>
      <c r="C40259" s="2"/>
    </row>
    <row r="40260" spans="1:3" ht="19.2">
      <c r="A40260" s="2"/>
      <c r="B40260" s="2"/>
      <c r="C40260" s="2"/>
    </row>
    <row r="40261" spans="1:3" ht="19.2">
      <c r="A40261" s="2"/>
      <c r="B40261" s="2"/>
      <c r="C40261" s="2"/>
    </row>
    <row r="40262" spans="1:3" ht="19.2">
      <c r="A40262" s="2"/>
      <c r="B40262" s="2"/>
      <c r="C40262" s="2"/>
    </row>
    <row r="40263" spans="1:3" ht="19.2">
      <c r="A40263" s="2"/>
      <c r="B40263" s="2"/>
      <c r="C40263" s="2"/>
    </row>
    <row r="40264" spans="1:3" ht="19.2">
      <c r="A40264" s="2"/>
      <c r="B40264" s="2"/>
      <c r="C40264" s="2"/>
    </row>
    <row r="40265" spans="1:3" ht="19.2">
      <c r="A40265" s="2"/>
      <c r="B40265" s="2"/>
      <c r="C40265" s="2"/>
    </row>
    <row r="40266" spans="1:3" ht="19.2">
      <c r="A40266" s="2"/>
      <c r="B40266" s="2"/>
      <c r="C40266" s="2"/>
    </row>
    <row r="40267" spans="1:3" ht="19.2">
      <c r="A40267" s="2"/>
      <c r="B40267" s="2"/>
      <c r="C40267" s="2"/>
    </row>
    <row r="40268" spans="1:3" ht="19.2">
      <c r="A40268" s="2"/>
      <c r="B40268" s="2"/>
      <c r="C40268" s="2"/>
    </row>
    <row r="40269" spans="1:3" ht="19.2">
      <c r="A40269" s="2"/>
      <c r="B40269" s="2"/>
      <c r="C40269" s="2"/>
    </row>
    <row r="40270" spans="1:3" ht="19.2">
      <c r="A40270" s="2"/>
      <c r="B40270" s="2"/>
      <c r="C40270" s="2"/>
    </row>
    <row r="40271" spans="1:3" ht="19.2">
      <c r="A40271" s="2"/>
      <c r="B40271" s="2"/>
      <c r="C40271" s="2"/>
    </row>
    <row r="40272" spans="1:3" ht="19.2">
      <c r="A40272" s="2"/>
      <c r="B40272" s="2"/>
      <c r="C40272" s="2"/>
    </row>
    <row r="40273" spans="1:3" ht="19.2">
      <c r="A40273" s="2"/>
      <c r="B40273" s="2"/>
      <c r="C40273" s="2"/>
    </row>
    <row r="40274" spans="1:3" ht="19.2">
      <c r="A40274" s="2"/>
      <c r="B40274" s="2"/>
      <c r="C40274" s="2"/>
    </row>
    <row r="40275" spans="1:3" ht="19.2">
      <c r="A40275" s="2"/>
      <c r="B40275" s="2"/>
      <c r="C40275" s="2"/>
    </row>
    <row r="40276" spans="1:3" ht="19.2">
      <c r="A40276" s="2"/>
      <c r="B40276" s="2"/>
      <c r="C40276" s="2"/>
    </row>
    <row r="40277" spans="1:3" ht="19.2">
      <c r="A40277" s="2"/>
      <c r="B40277" s="2"/>
      <c r="C40277" s="2"/>
    </row>
    <row r="40278" spans="1:3" ht="19.2">
      <c r="A40278" s="2"/>
      <c r="B40278" s="2"/>
      <c r="C40278" s="2"/>
    </row>
    <row r="40279" spans="1:3" ht="19.2">
      <c r="A40279" s="2"/>
      <c r="B40279" s="2"/>
      <c r="C40279" s="2"/>
    </row>
    <row r="40280" spans="1:3" ht="19.2">
      <c r="A40280" s="2"/>
      <c r="B40280" s="2"/>
      <c r="C40280" s="2"/>
    </row>
    <row r="40281" spans="1:3" ht="19.2">
      <c r="A40281" s="2"/>
      <c r="B40281" s="2"/>
      <c r="C40281" s="2"/>
    </row>
    <row r="40282" spans="1:3" ht="19.2">
      <c r="A40282" s="2"/>
      <c r="B40282" s="2"/>
      <c r="C40282" s="2"/>
    </row>
    <row r="40283" spans="1:3" ht="19.2">
      <c r="A40283" s="2"/>
      <c r="B40283" s="2"/>
      <c r="C40283" s="2"/>
    </row>
    <row r="40284" spans="1:3" ht="19.2">
      <c r="A40284" s="2"/>
      <c r="B40284" s="2"/>
      <c r="C40284" s="2"/>
    </row>
    <row r="40285" spans="1:3" ht="19.2">
      <c r="A40285" s="2"/>
      <c r="B40285" s="2"/>
      <c r="C40285" s="2"/>
    </row>
    <row r="40286" spans="1:3" ht="19.2">
      <c r="A40286" s="2"/>
      <c r="B40286" s="2"/>
      <c r="C40286" s="2"/>
    </row>
    <row r="40287" spans="1:3" ht="19.2">
      <c r="A40287" s="2"/>
      <c r="B40287" s="2"/>
      <c r="C40287" s="2"/>
    </row>
    <row r="40288" spans="1:3" ht="19.2">
      <c r="A40288" s="2"/>
      <c r="B40288" s="2"/>
      <c r="C40288" s="2"/>
    </row>
    <row r="40289" spans="1:3" ht="19.2">
      <c r="A40289" s="2"/>
      <c r="B40289" s="2"/>
      <c r="C40289" s="2"/>
    </row>
    <row r="40290" spans="1:3" ht="19.2">
      <c r="A40290" s="2"/>
      <c r="B40290" s="2"/>
      <c r="C40290" s="2"/>
    </row>
    <row r="40291" spans="1:3" ht="19.2">
      <c r="A40291" s="2"/>
      <c r="B40291" s="2"/>
      <c r="C40291" s="2"/>
    </row>
    <row r="40292" spans="1:3" ht="19.2">
      <c r="A40292" s="2"/>
      <c r="B40292" s="2"/>
      <c r="C40292" s="2"/>
    </row>
    <row r="40293" spans="1:3" ht="19.2">
      <c r="A40293" s="2"/>
      <c r="B40293" s="2"/>
      <c r="C40293" s="2"/>
    </row>
    <row r="40294" spans="1:3" ht="19.2">
      <c r="A40294" s="2"/>
      <c r="B40294" s="2"/>
      <c r="C40294" s="2"/>
    </row>
    <row r="40295" spans="1:3" ht="19.2">
      <c r="A40295" s="2"/>
      <c r="B40295" s="2"/>
      <c r="C40295" s="2"/>
    </row>
    <row r="40296" spans="1:3" ht="19.2">
      <c r="A40296" s="2"/>
      <c r="B40296" s="2"/>
      <c r="C40296" s="2"/>
    </row>
    <row r="40297" spans="1:3" ht="19.2">
      <c r="A40297" s="2"/>
      <c r="B40297" s="2"/>
      <c r="C40297" s="2"/>
    </row>
    <row r="40298" spans="1:3" ht="19.2">
      <c r="A40298" s="2"/>
      <c r="B40298" s="2"/>
      <c r="C40298" s="2"/>
    </row>
    <row r="40299" spans="1:3" ht="19.2">
      <c r="A40299" s="2"/>
      <c r="B40299" s="2"/>
      <c r="C40299" s="2"/>
    </row>
    <row r="40300" spans="1:3" ht="19.2">
      <c r="A40300" s="2"/>
      <c r="B40300" s="2"/>
      <c r="C40300" s="2"/>
    </row>
    <row r="40301" spans="1:3" ht="19.2">
      <c r="A40301" s="2"/>
      <c r="B40301" s="2"/>
      <c r="C40301" s="2"/>
    </row>
    <row r="40302" spans="1:3" ht="19.2">
      <c r="A40302" s="2"/>
      <c r="B40302" s="2"/>
      <c r="C40302" s="2"/>
    </row>
    <row r="40303" spans="1:3" ht="19.2">
      <c r="A40303" s="2"/>
      <c r="B40303" s="2"/>
      <c r="C40303" s="2"/>
    </row>
    <row r="40304" spans="1:3" ht="19.2">
      <c r="A40304" s="2"/>
      <c r="B40304" s="2"/>
      <c r="C40304" s="2"/>
    </row>
    <row r="40305" spans="1:3" ht="19.2">
      <c r="A40305" s="2"/>
      <c r="B40305" s="2"/>
      <c r="C40305" s="2"/>
    </row>
    <row r="40306" spans="1:3" ht="19.2">
      <c r="A40306" s="2"/>
      <c r="B40306" s="2"/>
      <c r="C40306" s="2"/>
    </row>
    <row r="40307" spans="1:3" ht="19.2">
      <c r="A40307" s="2"/>
      <c r="B40307" s="2"/>
      <c r="C40307" s="2"/>
    </row>
    <row r="40308" spans="1:3" ht="19.2">
      <c r="A40308" s="2"/>
      <c r="B40308" s="2"/>
      <c r="C40308" s="2"/>
    </row>
    <row r="40309" spans="1:3" ht="19.2">
      <c r="A40309" s="2"/>
      <c r="B40309" s="2"/>
      <c r="C40309" s="2"/>
    </row>
    <row r="40310" spans="1:3" ht="19.2">
      <c r="A40310" s="2"/>
      <c r="B40310" s="2"/>
      <c r="C40310" s="2"/>
    </row>
    <row r="40311" spans="1:3" ht="19.2">
      <c r="A40311" s="2"/>
      <c r="B40311" s="2"/>
      <c r="C40311" s="2"/>
    </row>
    <row r="40312" spans="1:3" ht="19.2">
      <c r="A40312" s="2"/>
      <c r="B40312" s="2"/>
      <c r="C40312" s="2"/>
    </row>
    <row r="40313" spans="1:3" ht="19.2">
      <c r="A40313" s="2"/>
      <c r="B40313" s="2"/>
      <c r="C40313" s="2"/>
    </row>
    <row r="40314" spans="1:3" ht="19.2">
      <c r="A40314" s="2"/>
      <c r="B40314" s="2"/>
      <c r="C40314" s="2"/>
    </row>
    <row r="40315" spans="1:3" ht="19.2">
      <c r="A40315" s="2"/>
      <c r="B40315" s="2"/>
      <c r="C40315" s="2"/>
    </row>
    <row r="40316" spans="1:3" ht="19.2">
      <c r="A40316" s="2"/>
      <c r="B40316" s="2"/>
      <c r="C40316" s="2"/>
    </row>
    <row r="40317" spans="1:3" ht="19.2">
      <c r="A40317" s="2"/>
      <c r="B40317" s="2"/>
      <c r="C40317" s="2"/>
    </row>
    <row r="40318" spans="1:3" ht="19.2">
      <c r="A40318" s="2"/>
      <c r="B40318" s="2"/>
      <c r="C40318" s="2"/>
    </row>
    <row r="40319" spans="1:3" ht="19.2">
      <c r="A40319" s="2"/>
      <c r="B40319" s="2"/>
      <c r="C40319" s="2"/>
    </row>
    <row r="40320" spans="1:3" ht="19.2">
      <c r="A40320" s="2"/>
      <c r="B40320" s="2"/>
      <c r="C40320" s="2"/>
    </row>
    <row r="40321" spans="1:3" ht="19.2">
      <c r="A40321" s="2"/>
      <c r="B40321" s="2"/>
      <c r="C40321" s="2"/>
    </row>
    <row r="40322" spans="1:3" ht="19.2">
      <c r="A40322" s="2"/>
      <c r="B40322" s="2"/>
      <c r="C40322" s="2"/>
    </row>
    <row r="40323" spans="1:3" ht="19.2">
      <c r="A40323" s="2"/>
      <c r="B40323" s="2"/>
      <c r="C40323" s="2"/>
    </row>
    <row r="40324" spans="1:3" ht="19.2">
      <c r="A40324" s="2"/>
      <c r="B40324" s="2"/>
      <c r="C40324" s="2"/>
    </row>
    <row r="40325" spans="1:3" ht="19.2">
      <c r="A40325" s="2"/>
      <c r="B40325" s="2"/>
      <c r="C40325" s="2"/>
    </row>
    <row r="40326" spans="1:3" ht="19.2">
      <c r="A40326" s="2"/>
      <c r="B40326" s="2"/>
      <c r="C40326" s="2"/>
    </row>
    <row r="40327" spans="1:3" ht="19.2">
      <c r="A40327" s="2"/>
      <c r="B40327" s="2"/>
      <c r="C40327" s="2"/>
    </row>
    <row r="40328" spans="1:3" ht="19.2">
      <c r="A40328" s="2"/>
      <c r="B40328" s="2"/>
      <c r="C40328" s="2"/>
    </row>
    <row r="40329" spans="1:3" ht="19.2">
      <c r="A40329" s="2"/>
      <c r="B40329" s="2"/>
      <c r="C40329" s="2"/>
    </row>
    <row r="40330" spans="1:3" ht="19.2">
      <c r="A40330" s="2"/>
      <c r="B40330" s="2"/>
      <c r="C40330" s="2"/>
    </row>
    <row r="40331" spans="1:3" ht="19.2">
      <c r="A40331" s="2"/>
      <c r="B40331" s="2"/>
      <c r="C40331" s="2"/>
    </row>
    <row r="40332" spans="1:3" ht="19.2">
      <c r="A40332" s="2"/>
      <c r="B40332" s="2"/>
      <c r="C40332" s="2"/>
    </row>
    <row r="40333" spans="1:3" ht="19.2">
      <c r="A40333" s="2"/>
      <c r="B40333" s="2"/>
      <c r="C40333" s="2"/>
    </row>
    <row r="40334" spans="1:3" ht="19.2">
      <c r="A40334" s="2"/>
      <c r="B40334" s="2"/>
      <c r="C40334" s="2"/>
    </row>
    <row r="40335" spans="1:3" ht="19.2">
      <c r="A40335" s="2"/>
      <c r="B40335" s="2"/>
      <c r="C40335" s="2"/>
    </row>
    <row r="40336" spans="1:3" ht="19.2">
      <c r="A40336" s="2"/>
      <c r="B40336" s="2"/>
      <c r="C40336" s="2"/>
    </row>
    <row r="40337" spans="1:3" ht="19.2">
      <c r="A40337" s="2"/>
      <c r="B40337" s="2"/>
      <c r="C40337" s="2"/>
    </row>
    <row r="40338" spans="1:3" ht="19.2">
      <c r="A40338" s="2"/>
      <c r="B40338" s="2"/>
      <c r="C40338" s="2"/>
    </row>
    <row r="40339" spans="1:3" ht="19.2">
      <c r="A40339" s="2"/>
      <c r="B40339" s="2"/>
      <c r="C40339" s="2"/>
    </row>
    <row r="40340" spans="1:3" ht="19.2">
      <c r="A40340" s="2"/>
      <c r="B40340" s="2"/>
      <c r="C40340" s="2"/>
    </row>
    <row r="40341" spans="1:3" ht="19.2">
      <c r="A40341" s="2"/>
      <c r="B40341" s="2"/>
      <c r="C40341" s="2"/>
    </row>
    <row r="40342" spans="1:3" ht="19.2">
      <c r="A40342" s="2"/>
      <c r="B40342" s="2"/>
      <c r="C40342" s="2"/>
    </row>
    <row r="40343" spans="1:3" ht="19.2">
      <c r="A40343" s="2"/>
      <c r="B40343" s="2"/>
      <c r="C40343" s="2"/>
    </row>
    <row r="40344" spans="1:3" ht="19.2">
      <c r="A40344" s="2"/>
      <c r="B40344" s="2"/>
      <c r="C40344" s="2"/>
    </row>
    <row r="40345" spans="1:3" ht="19.2">
      <c r="A40345" s="2"/>
      <c r="B40345" s="2"/>
      <c r="C40345" s="2"/>
    </row>
    <row r="40346" spans="1:3" ht="19.2">
      <c r="A40346" s="2"/>
      <c r="B40346" s="2"/>
      <c r="C40346" s="2"/>
    </row>
    <row r="40347" spans="1:3" ht="19.2">
      <c r="A40347" s="2"/>
      <c r="B40347" s="2"/>
      <c r="C40347" s="2"/>
    </row>
    <row r="40348" spans="1:3" ht="19.2">
      <c r="A40348" s="2"/>
      <c r="B40348" s="2"/>
      <c r="C40348" s="2"/>
    </row>
    <row r="40349" spans="1:3" ht="19.2">
      <c r="A40349" s="2"/>
      <c r="B40349" s="2"/>
      <c r="C40349" s="2"/>
    </row>
    <row r="40350" spans="1:3" ht="19.2">
      <c r="A40350" s="2"/>
      <c r="B40350" s="2"/>
      <c r="C40350" s="2"/>
    </row>
    <row r="40351" spans="1:3" ht="19.2">
      <c r="A40351" s="2"/>
      <c r="B40351" s="2"/>
      <c r="C40351" s="2"/>
    </row>
    <row r="40352" spans="1:3" ht="19.2">
      <c r="A40352" s="2"/>
      <c r="B40352" s="2"/>
      <c r="C40352" s="2"/>
    </row>
    <row r="40353" spans="1:3" ht="19.2">
      <c r="A40353" s="2"/>
      <c r="B40353" s="2"/>
      <c r="C40353" s="2"/>
    </row>
    <row r="40354" spans="1:3" ht="19.2">
      <c r="A40354" s="2"/>
      <c r="B40354" s="2"/>
      <c r="C40354" s="2"/>
    </row>
    <row r="40355" spans="1:3" ht="19.2">
      <c r="A40355" s="2"/>
      <c r="B40355" s="2"/>
      <c r="C40355" s="2"/>
    </row>
    <row r="40356" spans="1:3" ht="19.2">
      <c r="A40356" s="2"/>
      <c r="B40356" s="2"/>
      <c r="C40356" s="2"/>
    </row>
    <row r="40357" spans="1:3" ht="19.2">
      <c r="A40357" s="2"/>
      <c r="B40357" s="2"/>
      <c r="C40357" s="2"/>
    </row>
    <row r="40358" spans="1:3" ht="19.2">
      <c r="A40358" s="2"/>
      <c r="B40358" s="2"/>
      <c r="C40358" s="2"/>
    </row>
    <row r="40359" spans="1:3" ht="19.2">
      <c r="A40359" s="2"/>
      <c r="B40359" s="2"/>
      <c r="C40359" s="2"/>
    </row>
    <row r="40360" spans="1:3" ht="19.2">
      <c r="A40360" s="2"/>
      <c r="B40360" s="2"/>
      <c r="C40360" s="2"/>
    </row>
    <row r="40361" spans="1:3" ht="19.2">
      <c r="A40361" s="2"/>
      <c r="B40361" s="2"/>
      <c r="C40361" s="2"/>
    </row>
    <row r="40362" spans="1:3" ht="19.2">
      <c r="A40362" s="2"/>
      <c r="B40362" s="2"/>
      <c r="C40362" s="2"/>
    </row>
    <row r="40363" spans="1:3" ht="19.2">
      <c r="A40363" s="2"/>
      <c r="B40363" s="2"/>
      <c r="C40363" s="2"/>
    </row>
    <row r="40364" spans="1:3" ht="19.2">
      <c r="A40364" s="2"/>
      <c r="B40364" s="2"/>
      <c r="C40364" s="2"/>
    </row>
    <row r="40365" spans="1:3" ht="19.2">
      <c r="A40365" s="2"/>
      <c r="B40365" s="2"/>
      <c r="C40365" s="2"/>
    </row>
    <row r="40366" spans="1:3" ht="19.2">
      <c r="A40366" s="2"/>
      <c r="B40366" s="2"/>
      <c r="C40366" s="2"/>
    </row>
    <row r="40367" spans="1:3" ht="19.2">
      <c r="A40367" s="2"/>
      <c r="B40367" s="2"/>
      <c r="C40367" s="2"/>
    </row>
    <row r="40368" spans="1:3" ht="19.2">
      <c r="A40368" s="2"/>
      <c r="B40368" s="2"/>
      <c r="C40368" s="2"/>
    </row>
    <row r="40369" spans="1:3" ht="19.2">
      <c r="A40369" s="2"/>
      <c r="B40369" s="2"/>
      <c r="C40369" s="2"/>
    </row>
    <row r="40370" spans="1:3" ht="19.2">
      <c r="A40370" s="2"/>
      <c r="B40370" s="2"/>
      <c r="C40370" s="2"/>
    </row>
    <row r="40371" spans="1:3" ht="19.2">
      <c r="A40371" s="2"/>
      <c r="B40371" s="2"/>
      <c r="C40371" s="2"/>
    </row>
    <row r="40372" spans="1:3" ht="19.2">
      <c r="A40372" s="2"/>
      <c r="B40372" s="2"/>
      <c r="C40372" s="2"/>
    </row>
    <row r="40373" spans="1:3" ht="19.2">
      <c r="A40373" s="2"/>
      <c r="B40373" s="2"/>
      <c r="C40373" s="2"/>
    </row>
    <row r="40374" spans="1:3" ht="19.2">
      <c r="A40374" s="2"/>
      <c r="B40374" s="2"/>
      <c r="C40374" s="2"/>
    </row>
    <row r="40375" spans="1:3" ht="19.2">
      <c r="A40375" s="2"/>
      <c r="B40375" s="2"/>
      <c r="C40375" s="2"/>
    </row>
    <row r="40376" spans="1:3" ht="19.2">
      <c r="A40376" s="2"/>
      <c r="B40376" s="2"/>
      <c r="C40376" s="2"/>
    </row>
    <row r="40377" spans="1:3" ht="19.2">
      <c r="A40377" s="2"/>
      <c r="B40377" s="2"/>
      <c r="C40377" s="2"/>
    </row>
    <row r="40378" spans="1:3" ht="19.2">
      <c r="A40378" s="2"/>
      <c r="B40378" s="2"/>
      <c r="C40378" s="2"/>
    </row>
    <row r="40379" spans="1:3" ht="19.2">
      <c r="A40379" s="2"/>
      <c r="B40379" s="2"/>
      <c r="C40379" s="2"/>
    </row>
    <row r="40380" spans="1:3" ht="19.2">
      <c r="A40380" s="2"/>
      <c r="B40380" s="2"/>
      <c r="C40380" s="2"/>
    </row>
    <row r="40381" spans="1:3" ht="19.2">
      <c r="A40381" s="2"/>
      <c r="B40381" s="2"/>
      <c r="C40381" s="2"/>
    </row>
    <row r="40382" spans="1:3" ht="19.2">
      <c r="A40382" s="2"/>
      <c r="B40382" s="2"/>
      <c r="C40382" s="2"/>
    </row>
    <row r="40383" spans="1:3" ht="19.2">
      <c r="A40383" s="2"/>
      <c r="B40383" s="2"/>
      <c r="C40383" s="2"/>
    </row>
    <row r="40384" spans="1:3" ht="19.2">
      <c r="A40384" s="2"/>
      <c r="B40384" s="2"/>
      <c r="C40384" s="2"/>
    </row>
    <row r="40385" spans="1:3" ht="19.2">
      <c r="A40385" s="2"/>
      <c r="B40385" s="2"/>
      <c r="C40385" s="2"/>
    </row>
    <row r="40386" spans="1:3" ht="19.2">
      <c r="A40386" s="2"/>
      <c r="B40386" s="2"/>
      <c r="C40386" s="2"/>
    </row>
    <row r="40387" spans="1:3" ht="19.2">
      <c r="A40387" s="2"/>
      <c r="B40387" s="2"/>
      <c r="C40387" s="2"/>
    </row>
    <row r="40388" spans="1:3" ht="19.2">
      <c r="A40388" s="2"/>
      <c r="B40388" s="2"/>
      <c r="C40388" s="2"/>
    </row>
    <row r="40389" spans="1:3" ht="19.2">
      <c r="A40389" s="2"/>
      <c r="B40389" s="2"/>
      <c r="C40389" s="2"/>
    </row>
    <row r="40390" spans="1:3" ht="19.2">
      <c r="A40390" s="2"/>
      <c r="B40390" s="2"/>
      <c r="C40390" s="2"/>
    </row>
    <row r="40391" spans="1:3" ht="19.2">
      <c r="A40391" s="2"/>
      <c r="B40391" s="2"/>
      <c r="C40391" s="2"/>
    </row>
    <row r="40392" spans="1:3" ht="19.2">
      <c r="A40392" s="2"/>
      <c r="B40392" s="2"/>
      <c r="C40392" s="2"/>
    </row>
    <row r="40393" spans="1:3" ht="19.2">
      <c r="A40393" s="2"/>
      <c r="B40393" s="2"/>
      <c r="C40393" s="2"/>
    </row>
    <row r="40394" spans="1:3" ht="19.2">
      <c r="A40394" s="2"/>
      <c r="B40394" s="2"/>
      <c r="C40394" s="2"/>
    </row>
    <row r="40395" spans="1:3" ht="19.2">
      <c r="A40395" s="2"/>
      <c r="B40395" s="2"/>
      <c r="C40395" s="2"/>
    </row>
    <row r="40396" spans="1:3" ht="19.2">
      <c r="A40396" s="2"/>
      <c r="B40396" s="2"/>
      <c r="C40396" s="2"/>
    </row>
    <row r="40397" spans="1:3" ht="19.2">
      <c r="A40397" s="2"/>
      <c r="B40397" s="2"/>
      <c r="C40397" s="2"/>
    </row>
    <row r="40398" spans="1:3" ht="19.2">
      <c r="A40398" s="2"/>
      <c r="B40398" s="2"/>
      <c r="C40398" s="2"/>
    </row>
    <row r="40399" spans="1:3" ht="19.2">
      <c r="A40399" s="2"/>
      <c r="B40399" s="2"/>
      <c r="C40399" s="2"/>
    </row>
    <row r="40400" spans="1:3" ht="19.2">
      <c r="A40400" s="2"/>
      <c r="B40400" s="2"/>
      <c r="C40400" s="2"/>
    </row>
    <row r="40401" spans="1:3" ht="19.2">
      <c r="A40401" s="2"/>
      <c r="B40401" s="2"/>
      <c r="C40401" s="2"/>
    </row>
    <row r="40402" spans="1:3" ht="19.2">
      <c r="A40402" s="2"/>
      <c r="B40402" s="2"/>
      <c r="C40402" s="2"/>
    </row>
    <row r="40403" spans="1:3" ht="19.2">
      <c r="A40403" s="2"/>
      <c r="B40403" s="2"/>
      <c r="C40403" s="2"/>
    </row>
    <row r="40404" spans="1:3" ht="19.2">
      <c r="A40404" s="2"/>
      <c r="B40404" s="2"/>
      <c r="C40404" s="2"/>
    </row>
    <row r="40405" spans="1:3" ht="19.2">
      <c r="A40405" s="2"/>
      <c r="B40405" s="2"/>
      <c r="C40405" s="2"/>
    </row>
    <row r="40406" spans="1:3" ht="19.2">
      <c r="A40406" s="2"/>
      <c r="B40406" s="2"/>
      <c r="C40406" s="2"/>
    </row>
    <row r="40407" spans="1:3" ht="19.2">
      <c r="A40407" s="2"/>
      <c r="B40407" s="2"/>
      <c r="C40407" s="2"/>
    </row>
    <row r="40408" spans="1:3" ht="19.2">
      <c r="A40408" s="2"/>
      <c r="B40408" s="2"/>
      <c r="C40408" s="2"/>
    </row>
    <row r="40409" spans="1:3" ht="19.2">
      <c r="A40409" s="2"/>
      <c r="B40409" s="2"/>
      <c r="C40409" s="2"/>
    </row>
    <row r="40410" spans="1:3" ht="19.2">
      <c r="A40410" s="2"/>
      <c r="B40410" s="2"/>
      <c r="C40410" s="2"/>
    </row>
    <row r="40411" spans="1:3" ht="19.2">
      <c r="A40411" s="2"/>
      <c r="B40411" s="2"/>
      <c r="C40411" s="2"/>
    </row>
    <row r="40412" spans="1:3" ht="19.2">
      <c r="A40412" s="2"/>
      <c r="B40412" s="2"/>
      <c r="C40412" s="2"/>
    </row>
    <row r="40413" spans="1:3" ht="19.2">
      <c r="A40413" s="2"/>
      <c r="B40413" s="2"/>
      <c r="C40413" s="2"/>
    </row>
    <row r="40414" spans="1:3" ht="19.2">
      <c r="A40414" s="2"/>
      <c r="B40414" s="2"/>
      <c r="C40414" s="2"/>
    </row>
    <row r="40415" spans="1:3" ht="19.2">
      <c r="A40415" s="2"/>
      <c r="B40415" s="2"/>
      <c r="C40415" s="2"/>
    </row>
    <row r="40416" spans="1:3" ht="19.2">
      <c r="A40416" s="2"/>
      <c r="B40416" s="2"/>
      <c r="C40416" s="2"/>
    </row>
    <row r="40417" spans="1:3" ht="19.2">
      <c r="A40417" s="2"/>
      <c r="B40417" s="2"/>
      <c r="C40417" s="2"/>
    </row>
    <row r="40418" spans="1:3" ht="19.2">
      <c r="A40418" s="2"/>
      <c r="B40418" s="2"/>
      <c r="C40418" s="2"/>
    </row>
    <row r="40419" spans="1:3" ht="19.2">
      <c r="A40419" s="2"/>
      <c r="B40419" s="2"/>
      <c r="C40419" s="2"/>
    </row>
    <row r="40420" spans="1:3" ht="19.2">
      <c r="A40420" s="2"/>
      <c r="B40420" s="2"/>
      <c r="C40420" s="2"/>
    </row>
    <row r="40421" spans="1:3" ht="19.2">
      <c r="A40421" s="2"/>
      <c r="B40421" s="2"/>
      <c r="C40421" s="2"/>
    </row>
    <row r="40422" spans="1:3" ht="19.2">
      <c r="A40422" s="2"/>
      <c r="B40422" s="2"/>
      <c r="C40422" s="2"/>
    </row>
    <row r="40423" spans="1:3" ht="19.2">
      <c r="A40423" s="2"/>
      <c r="B40423" s="2"/>
      <c r="C40423" s="2"/>
    </row>
    <row r="40424" spans="1:3" ht="19.2">
      <c r="A40424" s="2"/>
      <c r="B40424" s="2"/>
      <c r="C40424" s="2"/>
    </row>
    <row r="40425" spans="1:3" ht="19.2">
      <c r="A40425" s="2"/>
      <c r="B40425" s="2"/>
      <c r="C40425" s="2"/>
    </row>
    <row r="40426" spans="1:3" ht="19.2">
      <c r="A40426" s="2"/>
      <c r="B40426" s="2"/>
      <c r="C40426" s="2"/>
    </row>
    <row r="40427" spans="1:3" ht="19.2">
      <c r="A40427" s="2"/>
      <c r="B40427" s="2"/>
      <c r="C40427" s="2"/>
    </row>
    <row r="40428" spans="1:3" ht="19.2">
      <c r="A40428" s="2"/>
      <c r="B40428" s="2"/>
      <c r="C40428" s="2"/>
    </row>
    <row r="40429" spans="1:3" ht="19.2">
      <c r="A40429" s="2"/>
      <c r="B40429" s="2"/>
      <c r="C40429" s="2"/>
    </row>
    <row r="40430" spans="1:3" ht="19.2">
      <c r="A40430" s="2"/>
      <c r="B40430" s="2"/>
      <c r="C40430" s="2"/>
    </row>
    <row r="40431" spans="1:3" ht="19.2">
      <c r="A40431" s="2"/>
      <c r="B40431" s="2"/>
      <c r="C40431" s="2"/>
    </row>
    <row r="40432" spans="1:3" ht="19.2">
      <c r="A40432" s="2"/>
      <c r="B40432" s="2"/>
      <c r="C40432" s="2"/>
    </row>
    <row r="40433" spans="1:3" ht="19.2">
      <c r="A40433" s="2"/>
      <c r="B40433" s="2"/>
      <c r="C40433" s="2"/>
    </row>
    <row r="40434" spans="1:3" ht="19.2">
      <c r="A40434" s="2"/>
      <c r="B40434" s="2"/>
      <c r="C40434" s="2"/>
    </row>
    <row r="40435" spans="1:3" ht="19.2">
      <c r="A40435" s="2"/>
      <c r="B40435" s="2"/>
      <c r="C40435" s="2"/>
    </row>
    <row r="40436" spans="1:3" ht="19.2">
      <c r="A40436" s="2"/>
      <c r="B40436" s="2"/>
      <c r="C40436" s="2"/>
    </row>
    <row r="40437" spans="1:3" ht="19.2">
      <c r="A40437" s="2"/>
      <c r="B40437" s="2"/>
      <c r="C40437" s="2"/>
    </row>
    <row r="40438" spans="1:3" ht="19.2">
      <c r="A40438" s="2"/>
      <c r="B40438" s="2"/>
      <c r="C40438" s="2"/>
    </row>
    <row r="40439" spans="1:3" ht="19.2">
      <c r="A40439" s="2"/>
      <c r="B40439" s="2"/>
      <c r="C40439" s="2"/>
    </row>
    <row r="40440" spans="1:3" ht="19.2">
      <c r="A40440" s="2"/>
      <c r="B40440" s="2"/>
      <c r="C40440" s="2"/>
    </row>
    <row r="40441" spans="1:3" ht="19.2">
      <c r="A40441" s="2"/>
      <c r="B40441" s="2"/>
      <c r="C40441" s="2"/>
    </row>
    <row r="40442" spans="1:3" ht="19.2">
      <c r="A40442" s="2"/>
      <c r="B40442" s="2"/>
      <c r="C40442" s="2"/>
    </row>
    <row r="40443" spans="1:3" ht="19.2">
      <c r="A40443" s="2"/>
      <c r="B40443" s="2"/>
      <c r="C40443" s="2"/>
    </row>
    <row r="40444" spans="1:3" ht="19.2">
      <c r="A40444" s="2"/>
      <c r="B40444" s="2"/>
      <c r="C40444" s="2"/>
    </row>
    <row r="40445" spans="1:3" ht="19.2">
      <c r="A40445" s="2"/>
      <c r="B40445" s="2"/>
      <c r="C40445" s="2"/>
    </row>
    <row r="40446" spans="1:3" ht="19.2">
      <c r="A40446" s="2"/>
      <c r="B40446" s="2"/>
      <c r="C40446" s="2"/>
    </row>
    <row r="40447" spans="1:3" ht="19.2">
      <c r="A40447" s="2"/>
      <c r="B40447" s="2"/>
      <c r="C40447" s="2"/>
    </row>
    <row r="40448" spans="1:3" ht="19.2">
      <c r="A40448" s="2"/>
      <c r="B40448" s="2"/>
      <c r="C40448" s="2"/>
    </row>
    <row r="40449" spans="1:3" ht="19.2">
      <c r="A40449" s="2"/>
      <c r="B40449" s="2"/>
      <c r="C40449" s="2"/>
    </row>
    <row r="40450" spans="1:3" ht="19.2">
      <c r="A40450" s="2"/>
      <c r="B40450" s="2"/>
      <c r="C40450" s="2"/>
    </row>
    <row r="40451" spans="1:3" ht="19.2">
      <c r="A40451" s="2"/>
      <c r="B40451" s="2"/>
      <c r="C40451" s="2"/>
    </row>
    <row r="40452" spans="1:3" ht="19.2">
      <c r="A40452" s="2"/>
      <c r="B40452" s="2"/>
      <c r="C40452" s="2"/>
    </row>
    <row r="40453" spans="1:3" ht="19.2">
      <c r="A40453" s="2"/>
      <c r="B40453" s="2"/>
      <c r="C40453" s="2"/>
    </row>
    <row r="40454" spans="1:3" ht="19.2">
      <c r="A40454" s="2"/>
      <c r="B40454" s="2"/>
      <c r="C40454" s="2"/>
    </row>
    <row r="40455" spans="1:3" ht="19.2">
      <c r="A40455" s="2"/>
      <c r="B40455" s="2"/>
      <c r="C40455" s="2"/>
    </row>
    <row r="40456" spans="1:3" ht="19.2">
      <c r="A40456" s="2"/>
      <c r="B40456" s="2"/>
      <c r="C40456" s="2"/>
    </row>
    <row r="40457" spans="1:3" ht="19.2">
      <c r="A40457" s="2"/>
      <c r="B40457" s="2"/>
      <c r="C40457" s="2"/>
    </row>
    <row r="40458" spans="1:3" ht="19.2">
      <c r="A40458" s="2"/>
      <c r="B40458" s="2"/>
      <c r="C40458" s="2"/>
    </row>
    <row r="40459" spans="1:3" ht="19.2">
      <c r="A40459" s="2"/>
      <c r="B40459" s="2"/>
      <c r="C40459" s="2"/>
    </row>
    <row r="40460" spans="1:3" ht="19.2">
      <c r="A40460" s="2"/>
      <c r="B40460" s="2"/>
      <c r="C40460" s="2"/>
    </row>
    <row r="40461" spans="1:3" ht="19.2">
      <c r="A40461" s="2"/>
      <c r="B40461" s="2"/>
      <c r="C40461" s="2"/>
    </row>
    <row r="40462" spans="1:3" ht="19.2">
      <c r="A40462" s="2"/>
      <c r="B40462" s="2"/>
      <c r="C40462" s="2"/>
    </row>
    <row r="40463" spans="1:3" ht="19.2">
      <c r="A40463" s="2"/>
      <c r="B40463" s="2"/>
      <c r="C40463" s="2"/>
    </row>
    <row r="40464" spans="1:3" ht="19.2">
      <c r="A40464" s="2"/>
      <c r="B40464" s="2"/>
      <c r="C40464" s="2"/>
    </row>
    <row r="40465" spans="1:3" ht="19.2">
      <c r="A40465" s="2"/>
      <c r="B40465" s="2"/>
      <c r="C40465" s="2"/>
    </row>
    <row r="40466" spans="1:3" ht="19.2">
      <c r="A40466" s="2"/>
      <c r="B40466" s="2"/>
      <c r="C40466" s="2"/>
    </row>
    <row r="40467" spans="1:3" ht="19.2">
      <c r="A40467" s="2"/>
      <c r="B40467" s="2"/>
      <c r="C40467" s="2"/>
    </row>
    <row r="40468" spans="1:3" ht="19.2">
      <c r="A40468" s="2"/>
      <c r="B40468" s="2"/>
      <c r="C40468" s="2"/>
    </row>
    <row r="40469" spans="1:3" ht="19.2">
      <c r="A40469" s="2"/>
      <c r="B40469" s="2"/>
      <c r="C40469" s="2"/>
    </row>
    <row r="40470" spans="1:3" ht="19.2">
      <c r="A40470" s="2"/>
      <c r="B40470" s="2"/>
      <c r="C40470" s="2"/>
    </row>
    <row r="40471" spans="1:3" ht="19.2">
      <c r="A40471" s="2"/>
      <c r="B40471" s="2"/>
      <c r="C40471" s="2"/>
    </row>
    <row r="40472" spans="1:3" ht="19.2">
      <c r="A40472" s="2"/>
      <c r="B40472" s="2"/>
      <c r="C40472" s="2"/>
    </row>
    <row r="40473" spans="1:3" ht="19.2">
      <c r="A40473" s="2"/>
      <c r="B40473" s="2"/>
      <c r="C40473" s="2"/>
    </row>
    <row r="40474" spans="1:3" ht="19.2">
      <c r="A40474" s="2"/>
      <c r="B40474" s="2"/>
      <c r="C40474" s="2"/>
    </row>
    <row r="40475" spans="1:3" ht="19.2">
      <c r="A40475" s="2"/>
      <c r="B40475" s="2"/>
      <c r="C40475" s="2"/>
    </row>
    <row r="40476" spans="1:3" ht="19.2">
      <c r="A40476" s="2"/>
      <c r="B40476" s="2"/>
      <c r="C40476" s="2"/>
    </row>
    <row r="40477" spans="1:3" ht="19.2">
      <c r="A40477" s="2"/>
      <c r="B40477" s="2"/>
      <c r="C40477" s="2"/>
    </row>
    <row r="40478" spans="1:3" ht="19.2">
      <c r="A40478" s="2"/>
      <c r="B40478" s="2"/>
      <c r="C40478" s="2"/>
    </row>
    <row r="40479" spans="1:3" ht="19.2">
      <c r="A40479" s="2"/>
      <c r="B40479" s="2"/>
      <c r="C40479" s="2"/>
    </row>
    <row r="40480" spans="1:3" ht="19.2">
      <c r="A40480" s="2"/>
      <c r="B40480" s="2"/>
      <c r="C40480" s="2"/>
    </row>
    <row r="40481" spans="1:3" ht="19.2">
      <c r="A40481" s="2"/>
      <c r="B40481" s="2"/>
      <c r="C40481" s="2"/>
    </row>
    <row r="40482" spans="1:3" ht="19.2">
      <c r="A40482" s="2"/>
      <c r="B40482" s="2"/>
      <c r="C40482" s="2"/>
    </row>
    <row r="40483" spans="1:3" ht="19.2">
      <c r="A40483" s="2"/>
      <c r="B40483" s="2"/>
      <c r="C40483" s="2"/>
    </row>
    <row r="40484" spans="1:3" ht="19.2">
      <c r="A40484" s="2"/>
      <c r="B40484" s="2"/>
      <c r="C40484" s="2"/>
    </row>
    <row r="40485" spans="1:3" ht="19.2">
      <c r="A40485" s="2"/>
      <c r="B40485" s="2"/>
      <c r="C40485" s="2"/>
    </row>
    <row r="40486" spans="1:3" ht="19.2">
      <c r="A40486" s="2"/>
      <c r="B40486" s="2"/>
      <c r="C40486" s="2"/>
    </row>
    <row r="40487" spans="1:3" ht="19.2">
      <c r="A40487" s="2"/>
      <c r="B40487" s="2"/>
      <c r="C40487" s="2"/>
    </row>
    <row r="40488" spans="1:3" ht="19.2">
      <c r="A40488" s="2"/>
      <c r="B40488" s="2"/>
      <c r="C40488" s="2"/>
    </row>
    <row r="40489" spans="1:3" ht="19.2">
      <c r="A40489" s="2"/>
      <c r="B40489" s="2"/>
      <c r="C40489" s="2"/>
    </row>
    <row r="40490" spans="1:3" ht="19.2">
      <c r="A40490" s="2"/>
      <c r="B40490" s="2"/>
      <c r="C40490" s="2"/>
    </row>
    <row r="40491" spans="1:3" ht="19.2">
      <c r="A40491" s="2"/>
      <c r="B40491" s="2"/>
      <c r="C40491" s="2"/>
    </row>
    <row r="40492" spans="1:3" ht="19.2">
      <c r="A40492" s="2"/>
      <c r="B40492" s="2"/>
      <c r="C40492" s="2"/>
    </row>
    <row r="40493" spans="1:3" ht="19.2">
      <c r="A40493" s="2"/>
      <c r="B40493" s="2"/>
      <c r="C40493" s="2"/>
    </row>
    <row r="40494" spans="1:3" ht="19.2">
      <c r="A40494" s="2"/>
      <c r="B40494" s="2"/>
      <c r="C40494" s="2"/>
    </row>
    <row r="40495" spans="1:3" ht="19.2">
      <c r="A40495" s="2"/>
      <c r="B40495" s="2"/>
      <c r="C40495" s="2"/>
    </row>
    <row r="40496" spans="1:3" ht="19.2">
      <c r="A40496" s="2"/>
      <c r="B40496" s="2"/>
      <c r="C40496" s="2"/>
    </row>
    <row r="40497" spans="1:3" ht="19.2">
      <c r="A40497" s="2"/>
      <c r="B40497" s="2"/>
      <c r="C40497" s="2"/>
    </row>
    <row r="40498" spans="1:3" ht="19.2">
      <c r="A40498" s="2"/>
      <c r="B40498" s="2"/>
      <c r="C40498" s="2"/>
    </row>
    <row r="40499" spans="1:3" ht="19.2">
      <c r="A40499" s="2"/>
      <c r="B40499" s="2"/>
      <c r="C40499" s="2"/>
    </row>
    <row r="40500" spans="1:3" ht="19.2">
      <c r="A40500" s="2"/>
      <c r="B40500" s="2"/>
      <c r="C40500" s="2"/>
    </row>
    <row r="40501" spans="1:3" ht="19.2">
      <c r="A40501" s="2"/>
      <c r="B40501" s="2"/>
      <c r="C40501" s="2"/>
    </row>
    <row r="40502" spans="1:3" ht="19.2">
      <c r="A40502" s="2"/>
      <c r="B40502" s="2"/>
      <c r="C40502" s="2"/>
    </row>
    <row r="40503" spans="1:3" ht="19.2">
      <c r="A40503" s="2"/>
      <c r="B40503" s="2"/>
      <c r="C40503" s="2"/>
    </row>
    <row r="40504" spans="1:3" ht="19.2">
      <c r="A40504" s="2"/>
      <c r="B40504" s="2"/>
      <c r="C40504" s="2"/>
    </row>
    <row r="40505" spans="1:3" ht="19.2">
      <c r="A40505" s="2"/>
      <c r="B40505" s="2"/>
      <c r="C40505" s="2"/>
    </row>
    <row r="40506" spans="1:3" ht="19.2">
      <c r="A40506" s="2"/>
      <c r="B40506" s="2"/>
      <c r="C40506" s="2"/>
    </row>
    <row r="40507" spans="1:3" ht="19.2">
      <c r="A40507" s="2"/>
      <c r="B40507" s="2"/>
      <c r="C40507" s="2"/>
    </row>
    <row r="40508" spans="1:3" ht="19.2">
      <c r="A40508" s="2"/>
      <c r="B40508" s="2"/>
      <c r="C40508" s="2"/>
    </row>
    <row r="40509" spans="1:3" ht="19.2">
      <c r="A40509" s="2"/>
      <c r="B40509" s="2"/>
      <c r="C40509" s="2"/>
    </row>
    <row r="40510" spans="1:3" ht="19.2">
      <c r="A40510" s="2"/>
      <c r="B40510" s="2"/>
      <c r="C40510" s="2"/>
    </row>
    <row r="40511" spans="1:3" ht="19.2">
      <c r="A40511" s="2"/>
      <c r="B40511" s="2"/>
      <c r="C40511" s="2"/>
    </row>
    <row r="40512" spans="1:3" ht="19.2">
      <c r="A40512" s="2"/>
      <c r="B40512" s="2"/>
      <c r="C40512" s="2"/>
    </row>
    <row r="40513" spans="1:3" ht="19.2">
      <c r="A40513" s="2"/>
      <c r="B40513" s="2"/>
      <c r="C40513" s="2"/>
    </row>
    <row r="40514" spans="1:3" ht="19.2">
      <c r="A40514" s="2"/>
      <c r="B40514" s="2"/>
      <c r="C40514" s="2"/>
    </row>
    <row r="40515" spans="1:3" ht="19.2">
      <c r="A40515" s="2"/>
      <c r="B40515" s="2"/>
      <c r="C40515" s="2"/>
    </row>
    <row r="40516" spans="1:3" ht="19.2">
      <c r="A40516" s="2"/>
      <c r="B40516" s="2"/>
      <c r="C40516" s="2"/>
    </row>
    <row r="40517" spans="1:3" ht="19.2">
      <c r="A40517" s="2"/>
      <c r="B40517" s="2"/>
      <c r="C40517" s="2"/>
    </row>
    <row r="40518" spans="1:3" ht="19.2">
      <c r="A40518" s="2"/>
      <c r="B40518" s="2"/>
      <c r="C40518" s="2"/>
    </row>
    <row r="40519" spans="1:3" ht="19.2">
      <c r="A40519" s="2"/>
      <c r="B40519" s="2"/>
      <c r="C40519" s="2"/>
    </row>
    <row r="40520" spans="1:3" ht="19.2">
      <c r="A40520" s="2"/>
      <c r="B40520" s="2"/>
      <c r="C40520" s="2"/>
    </row>
    <row r="40521" spans="1:3" ht="19.2">
      <c r="A40521" s="2"/>
      <c r="B40521" s="2"/>
      <c r="C40521" s="2"/>
    </row>
    <row r="40522" spans="1:3" ht="19.2">
      <c r="A40522" s="2"/>
      <c r="B40522" s="2"/>
      <c r="C40522" s="2"/>
    </row>
    <row r="40523" spans="1:3" ht="19.2">
      <c r="A40523" s="2"/>
      <c r="B40523" s="2"/>
      <c r="C40523" s="2"/>
    </row>
    <row r="40524" spans="1:3" ht="19.2">
      <c r="A40524" s="2"/>
      <c r="B40524" s="2"/>
      <c r="C40524" s="2"/>
    </row>
    <row r="40525" spans="1:3" ht="19.2">
      <c r="A40525" s="2"/>
      <c r="B40525" s="2"/>
      <c r="C40525" s="2"/>
    </row>
    <row r="40526" spans="1:3" ht="19.2">
      <c r="A40526" s="2"/>
      <c r="B40526" s="2"/>
      <c r="C40526" s="2"/>
    </row>
    <row r="40527" spans="1:3" ht="19.2">
      <c r="A40527" s="2"/>
      <c r="B40527" s="2"/>
      <c r="C40527" s="2"/>
    </row>
    <row r="40528" spans="1:3" ht="19.2">
      <c r="A40528" s="2"/>
      <c r="B40528" s="2"/>
      <c r="C40528" s="2"/>
    </row>
    <row r="40529" spans="1:3" ht="19.2">
      <c r="A40529" s="2"/>
      <c r="B40529" s="2"/>
      <c r="C40529" s="2"/>
    </row>
    <row r="40530" spans="1:3" ht="19.2">
      <c r="A40530" s="2"/>
      <c r="B40530" s="2"/>
      <c r="C40530" s="2"/>
    </row>
    <row r="40531" spans="1:3" ht="19.2">
      <c r="A40531" s="2"/>
      <c r="B40531" s="2"/>
      <c r="C40531" s="2"/>
    </row>
    <row r="40532" spans="1:3" ht="19.2">
      <c r="A40532" s="2"/>
      <c r="B40532" s="2"/>
      <c r="C40532" s="2"/>
    </row>
    <row r="40533" spans="1:3" ht="19.2">
      <c r="A40533" s="2"/>
      <c r="B40533" s="2"/>
      <c r="C40533" s="2"/>
    </row>
    <row r="40534" spans="1:3" ht="19.2">
      <c r="A40534" s="2"/>
      <c r="B40534" s="2"/>
      <c r="C40534" s="2"/>
    </row>
    <row r="40535" spans="1:3" ht="19.2">
      <c r="A40535" s="2"/>
      <c r="B40535" s="2"/>
      <c r="C40535" s="2"/>
    </row>
    <row r="40536" spans="1:3" ht="19.2">
      <c r="A40536" s="2"/>
      <c r="B40536" s="2"/>
      <c r="C40536" s="2"/>
    </row>
    <row r="40537" spans="1:3" ht="19.2">
      <c r="A40537" s="2"/>
      <c r="B40537" s="2"/>
      <c r="C40537" s="2"/>
    </row>
    <row r="40538" spans="1:3" ht="19.2">
      <c r="A40538" s="2"/>
      <c r="B40538" s="2"/>
      <c r="C40538" s="2"/>
    </row>
    <row r="40539" spans="1:3" ht="19.2">
      <c r="A40539" s="2"/>
      <c r="B40539" s="2"/>
      <c r="C40539" s="2"/>
    </row>
    <row r="40540" spans="1:3" ht="19.2">
      <c r="A40540" s="2"/>
      <c r="B40540" s="2"/>
      <c r="C40540" s="2"/>
    </row>
    <row r="40541" spans="1:3" ht="19.2">
      <c r="A40541" s="2"/>
      <c r="B40541" s="2"/>
      <c r="C40541" s="2"/>
    </row>
    <row r="40542" spans="1:3" ht="19.2">
      <c r="A40542" s="2"/>
      <c r="B40542" s="2"/>
      <c r="C40542" s="2"/>
    </row>
    <row r="40543" spans="1:3" ht="19.2">
      <c r="A40543" s="2"/>
      <c r="B40543" s="2"/>
      <c r="C40543" s="2"/>
    </row>
    <row r="40544" spans="1:3" ht="19.2">
      <c r="A40544" s="2"/>
      <c r="B40544" s="2"/>
      <c r="C40544" s="2"/>
    </row>
    <row r="40545" spans="1:3" ht="19.2">
      <c r="A40545" s="2"/>
      <c r="B40545" s="2"/>
      <c r="C40545" s="2"/>
    </row>
    <row r="40546" spans="1:3" ht="19.2">
      <c r="A40546" s="2"/>
      <c r="B40546" s="2"/>
      <c r="C40546" s="2"/>
    </row>
    <row r="40547" spans="1:3" ht="19.2">
      <c r="A40547" s="2"/>
      <c r="B40547" s="2"/>
      <c r="C40547" s="2"/>
    </row>
    <row r="40548" spans="1:3" ht="19.2">
      <c r="A40548" s="2"/>
      <c r="B40548" s="2"/>
      <c r="C40548" s="2"/>
    </row>
    <row r="40549" spans="1:3" ht="19.2">
      <c r="A40549" s="2"/>
      <c r="B40549" s="2"/>
      <c r="C40549" s="2"/>
    </row>
    <row r="40550" spans="1:3" ht="19.2">
      <c r="A40550" s="2"/>
      <c r="B40550" s="2"/>
      <c r="C40550" s="2"/>
    </row>
    <row r="40551" spans="1:3" ht="19.2">
      <c r="A40551" s="2"/>
      <c r="B40551" s="2"/>
      <c r="C40551" s="2"/>
    </row>
    <row r="40552" spans="1:3" ht="19.2">
      <c r="A40552" s="2"/>
      <c r="B40552" s="2"/>
      <c r="C40552" s="2"/>
    </row>
    <row r="40553" spans="1:3" ht="19.2">
      <c r="A40553" s="2"/>
      <c r="B40553" s="2"/>
      <c r="C40553" s="2"/>
    </row>
    <row r="40554" spans="1:3" ht="19.2">
      <c r="A40554" s="2"/>
      <c r="B40554" s="2"/>
      <c r="C40554" s="2"/>
    </row>
    <row r="40555" spans="1:3" ht="19.2">
      <c r="A40555" s="2"/>
      <c r="B40555" s="2"/>
      <c r="C40555" s="2"/>
    </row>
    <row r="40556" spans="1:3" ht="19.2">
      <c r="A40556" s="2"/>
      <c r="B40556" s="2"/>
      <c r="C40556" s="2"/>
    </row>
    <row r="40557" spans="1:3" ht="19.2">
      <c r="A40557" s="2"/>
      <c r="B40557" s="2"/>
      <c r="C40557" s="2"/>
    </row>
    <row r="40558" spans="1:3" ht="19.2">
      <c r="A40558" s="2"/>
      <c r="B40558" s="2"/>
      <c r="C40558" s="2"/>
    </row>
    <row r="40559" spans="1:3" ht="19.2">
      <c r="A40559" s="2"/>
      <c r="B40559" s="2"/>
      <c r="C40559" s="2"/>
    </row>
    <row r="40560" spans="1:3" ht="19.2">
      <c r="A40560" s="2"/>
      <c r="B40560" s="2"/>
      <c r="C40560" s="2"/>
    </row>
    <row r="40561" spans="1:3" ht="19.2">
      <c r="A40561" s="2"/>
      <c r="B40561" s="2"/>
      <c r="C40561" s="2"/>
    </row>
    <row r="40562" spans="1:3" ht="19.2">
      <c r="A40562" s="2"/>
      <c r="B40562" s="2"/>
      <c r="C40562" s="2"/>
    </row>
    <row r="40563" spans="1:3" ht="19.2">
      <c r="A40563" s="2"/>
      <c r="B40563" s="2"/>
      <c r="C40563" s="2"/>
    </row>
    <row r="40564" spans="1:3" ht="19.2">
      <c r="A40564" s="2"/>
      <c r="B40564" s="2"/>
      <c r="C40564" s="2"/>
    </row>
    <row r="40565" spans="1:3" ht="19.2">
      <c r="A40565" s="2"/>
      <c r="B40565" s="2"/>
      <c r="C40565" s="2"/>
    </row>
    <row r="40566" spans="1:3" ht="19.2">
      <c r="A40566" s="2"/>
      <c r="B40566" s="2"/>
      <c r="C40566" s="2"/>
    </row>
    <row r="40567" spans="1:3" ht="19.2">
      <c r="A40567" s="2"/>
      <c r="B40567" s="2"/>
      <c r="C40567" s="2"/>
    </row>
    <row r="40568" spans="1:3" ht="19.2">
      <c r="A40568" s="2"/>
      <c r="B40568" s="2"/>
      <c r="C40568" s="2"/>
    </row>
    <row r="40569" spans="1:3" ht="19.2">
      <c r="A40569" s="2"/>
      <c r="B40569" s="2"/>
      <c r="C40569" s="2"/>
    </row>
    <row r="40570" spans="1:3" ht="19.2">
      <c r="A40570" s="2"/>
      <c r="B40570" s="2"/>
      <c r="C40570" s="2"/>
    </row>
    <row r="40571" spans="1:3" ht="19.2">
      <c r="A40571" s="2"/>
      <c r="B40571" s="2"/>
      <c r="C40571" s="2"/>
    </row>
    <row r="40572" spans="1:3" ht="19.2">
      <c r="A40572" s="2"/>
      <c r="B40572" s="2"/>
      <c r="C40572" s="2"/>
    </row>
    <row r="40573" spans="1:3" ht="19.2">
      <c r="A40573" s="2"/>
      <c r="B40573" s="2"/>
      <c r="C40573" s="2"/>
    </row>
    <row r="40574" spans="1:3" ht="19.2">
      <c r="A40574" s="2"/>
      <c r="B40574" s="2"/>
      <c r="C40574" s="2"/>
    </row>
    <row r="40575" spans="1:3" ht="19.2">
      <c r="A40575" s="2"/>
      <c r="B40575" s="2"/>
      <c r="C40575" s="2"/>
    </row>
    <row r="40576" spans="1:3" ht="19.2">
      <c r="A40576" s="2"/>
      <c r="B40576" s="2"/>
      <c r="C40576" s="2"/>
    </row>
    <row r="40577" spans="1:3" ht="19.2">
      <c r="A40577" s="2"/>
      <c r="B40577" s="2"/>
      <c r="C40577" s="2"/>
    </row>
    <row r="40578" spans="1:3" ht="19.2">
      <c r="A40578" s="2"/>
      <c r="B40578" s="2"/>
      <c r="C40578" s="2"/>
    </row>
    <row r="40579" spans="1:3" ht="19.2">
      <c r="A40579" s="2"/>
      <c r="B40579" s="2"/>
      <c r="C40579" s="2"/>
    </row>
    <row r="40580" spans="1:3" ht="19.2">
      <c r="A40580" s="2"/>
      <c r="B40580" s="2"/>
      <c r="C40580" s="2"/>
    </row>
    <row r="40581" spans="1:3" ht="19.2">
      <c r="A40581" s="2"/>
      <c r="B40581" s="2"/>
      <c r="C40581" s="2"/>
    </row>
    <row r="40582" spans="1:3" ht="19.2">
      <c r="A40582" s="2"/>
      <c r="B40582" s="2"/>
      <c r="C40582" s="2"/>
    </row>
    <row r="40583" spans="1:3" ht="19.2">
      <c r="A40583" s="2"/>
      <c r="B40583" s="2"/>
      <c r="C40583" s="2"/>
    </row>
    <row r="40584" spans="1:3" ht="19.2">
      <c r="A40584" s="2"/>
      <c r="B40584" s="2"/>
      <c r="C40584" s="2"/>
    </row>
    <row r="40585" spans="1:3" ht="19.2">
      <c r="A40585" s="2"/>
      <c r="B40585" s="2"/>
      <c r="C40585" s="2"/>
    </row>
    <row r="40586" spans="1:3" ht="19.2">
      <c r="A40586" s="2"/>
      <c r="B40586" s="2"/>
      <c r="C40586" s="2"/>
    </row>
    <row r="40587" spans="1:3" ht="19.2">
      <c r="A40587" s="2"/>
      <c r="B40587" s="2"/>
      <c r="C40587" s="2"/>
    </row>
    <row r="40588" spans="1:3" ht="19.2">
      <c r="A40588" s="2"/>
      <c r="B40588" s="2"/>
      <c r="C40588" s="2"/>
    </row>
    <row r="40589" spans="1:3" ht="19.2">
      <c r="A40589" s="2"/>
      <c r="B40589" s="2"/>
      <c r="C40589" s="2"/>
    </row>
    <row r="40590" spans="1:3" ht="19.2">
      <c r="A40590" s="2"/>
      <c r="B40590" s="2"/>
      <c r="C40590" s="2"/>
    </row>
    <row r="40591" spans="1:3" ht="19.2">
      <c r="A40591" s="2"/>
      <c r="B40591" s="2"/>
      <c r="C40591" s="2"/>
    </row>
    <row r="40592" spans="1:3" ht="19.2">
      <c r="A40592" s="2"/>
      <c r="B40592" s="2"/>
      <c r="C40592" s="2"/>
    </row>
    <row r="40593" spans="1:3" ht="19.2">
      <c r="A40593" s="2"/>
      <c r="B40593" s="2"/>
      <c r="C40593" s="2"/>
    </row>
    <row r="40594" spans="1:3" ht="19.2">
      <c r="A40594" s="2"/>
      <c r="B40594" s="2"/>
      <c r="C40594" s="2"/>
    </row>
    <row r="40595" spans="1:3" ht="19.2">
      <c r="A40595" s="2"/>
      <c r="B40595" s="2"/>
      <c r="C40595" s="2"/>
    </row>
    <row r="40596" spans="1:3" ht="19.2">
      <c r="A40596" s="2"/>
      <c r="B40596" s="2"/>
      <c r="C40596" s="2"/>
    </row>
    <row r="40597" spans="1:3" ht="19.2">
      <c r="A40597" s="2"/>
      <c r="B40597" s="2"/>
      <c r="C40597" s="2"/>
    </row>
    <row r="40598" spans="1:3" ht="19.2">
      <c r="A40598" s="2"/>
      <c r="B40598" s="2"/>
      <c r="C40598" s="2"/>
    </row>
    <row r="40599" spans="1:3" ht="19.2">
      <c r="A40599" s="2"/>
      <c r="B40599" s="2"/>
      <c r="C40599" s="2"/>
    </row>
    <row r="40600" spans="1:3" ht="19.2">
      <c r="A40600" s="2"/>
      <c r="B40600" s="2"/>
      <c r="C40600" s="2"/>
    </row>
    <row r="40601" spans="1:3" ht="19.2">
      <c r="A40601" s="2"/>
      <c r="B40601" s="2"/>
      <c r="C40601" s="2"/>
    </row>
    <row r="40602" spans="1:3" ht="19.2">
      <c r="A40602" s="2"/>
      <c r="B40602" s="2"/>
      <c r="C40602" s="2"/>
    </row>
    <row r="40603" spans="1:3" ht="19.2">
      <c r="A40603" s="2"/>
      <c r="B40603" s="2"/>
      <c r="C40603" s="2"/>
    </row>
    <row r="40604" spans="1:3" ht="19.2">
      <c r="A40604" s="2"/>
      <c r="B40604" s="2"/>
      <c r="C40604" s="2"/>
    </row>
    <row r="40605" spans="1:3" ht="19.2">
      <c r="A40605" s="2"/>
      <c r="B40605" s="2"/>
      <c r="C40605" s="2"/>
    </row>
    <row r="40606" spans="1:3" ht="19.2">
      <c r="A40606" s="2"/>
      <c r="B40606" s="2"/>
      <c r="C40606" s="2"/>
    </row>
    <row r="40607" spans="1:3" ht="19.2">
      <c r="A40607" s="2"/>
      <c r="B40607" s="2"/>
      <c r="C40607" s="2"/>
    </row>
    <row r="40608" spans="1:3" ht="19.2">
      <c r="A40608" s="2"/>
      <c r="B40608" s="2"/>
      <c r="C40608" s="2"/>
    </row>
    <row r="40609" spans="1:3" ht="19.2">
      <c r="A40609" s="2"/>
      <c r="B40609" s="2"/>
      <c r="C40609" s="2"/>
    </row>
    <row r="40610" spans="1:3" ht="19.2">
      <c r="A40610" s="2"/>
      <c r="B40610" s="2"/>
      <c r="C40610" s="2"/>
    </row>
    <row r="40611" spans="1:3" ht="19.2">
      <c r="A40611" s="2"/>
      <c r="B40611" s="2"/>
      <c r="C40611" s="2"/>
    </row>
    <row r="40612" spans="1:3" ht="19.2">
      <c r="A40612" s="2"/>
      <c r="B40612" s="2"/>
      <c r="C40612" s="2"/>
    </row>
    <row r="40613" spans="1:3" ht="19.2">
      <c r="A40613" s="2"/>
      <c r="B40613" s="2"/>
      <c r="C40613" s="2"/>
    </row>
    <row r="40614" spans="1:3" ht="19.2">
      <c r="A40614" s="2"/>
      <c r="B40614" s="2"/>
      <c r="C40614" s="2"/>
    </row>
    <row r="40615" spans="1:3" ht="19.2">
      <c r="A40615" s="2"/>
      <c r="B40615" s="2"/>
      <c r="C40615" s="2"/>
    </row>
    <row r="40616" spans="1:3" ht="19.2">
      <c r="A40616" s="2"/>
      <c r="B40616" s="2"/>
      <c r="C40616" s="2"/>
    </row>
    <row r="40617" spans="1:3" ht="19.2">
      <c r="A40617" s="2"/>
      <c r="B40617" s="2"/>
      <c r="C40617" s="2"/>
    </row>
    <row r="40618" spans="1:3" ht="19.2">
      <c r="A40618" s="2"/>
      <c r="B40618" s="2"/>
      <c r="C40618" s="2"/>
    </row>
    <row r="40619" spans="1:3" ht="19.2">
      <c r="A40619" s="2"/>
      <c r="B40619" s="2"/>
      <c r="C40619" s="2"/>
    </row>
    <row r="40620" spans="1:3" ht="19.2">
      <c r="A40620" s="2"/>
      <c r="B40620" s="2"/>
      <c r="C40620" s="2"/>
    </row>
    <row r="40621" spans="1:3" ht="19.2">
      <c r="A40621" s="2"/>
      <c r="B40621" s="2"/>
      <c r="C40621" s="2"/>
    </row>
    <row r="40622" spans="1:3" ht="19.2">
      <c r="A40622" s="2"/>
      <c r="B40622" s="2"/>
      <c r="C40622" s="2"/>
    </row>
    <row r="40623" spans="1:3" ht="19.2">
      <c r="A40623" s="2"/>
      <c r="B40623" s="2"/>
      <c r="C40623" s="2"/>
    </row>
    <row r="40624" spans="1:3" ht="19.2">
      <c r="A40624" s="2"/>
      <c r="B40624" s="2"/>
      <c r="C40624" s="2"/>
    </row>
    <row r="40625" spans="1:3" ht="19.2">
      <c r="A40625" s="2"/>
      <c r="B40625" s="2"/>
      <c r="C40625" s="2"/>
    </row>
    <row r="40626" spans="1:3" ht="19.2">
      <c r="A40626" s="2"/>
      <c r="B40626" s="2"/>
      <c r="C40626" s="2"/>
    </row>
    <row r="40627" spans="1:3" ht="19.2">
      <c r="A40627" s="2"/>
      <c r="B40627" s="2"/>
      <c r="C40627" s="2"/>
    </row>
    <row r="40628" spans="1:3" ht="19.2">
      <c r="A40628" s="2"/>
      <c r="B40628" s="2"/>
      <c r="C40628" s="2"/>
    </row>
    <row r="40629" spans="1:3" ht="19.2">
      <c r="A40629" s="2"/>
      <c r="B40629" s="2"/>
      <c r="C40629" s="2"/>
    </row>
    <row r="40630" spans="1:3" ht="19.2">
      <c r="A40630" s="2"/>
      <c r="B40630" s="2"/>
      <c r="C40630" s="2"/>
    </row>
    <row r="40631" spans="1:3" ht="19.2">
      <c r="A40631" s="2"/>
      <c r="B40631" s="2"/>
      <c r="C40631" s="2"/>
    </row>
    <row r="40632" spans="1:3" ht="19.2">
      <c r="A40632" s="2"/>
      <c r="B40632" s="2"/>
      <c r="C40632" s="2"/>
    </row>
    <row r="40633" spans="1:3" ht="19.2">
      <c r="A40633" s="2"/>
      <c r="B40633" s="2"/>
      <c r="C40633" s="2"/>
    </row>
    <row r="40634" spans="1:3" ht="19.2">
      <c r="A40634" s="2"/>
      <c r="B40634" s="2"/>
      <c r="C40634" s="2"/>
    </row>
    <row r="40635" spans="1:3" ht="19.2">
      <c r="A40635" s="2"/>
      <c r="B40635" s="2"/>
      <c r="C40635" s="2"/>
    </row>
    <row r="40636" spans="1:3" ht="19.2">
      <c r="A40636" s="2"/>
      <c r="B40636" s="2"/>
      <c r="C40636" s="2"/>
    </row>
    <row r="40637" spans="1:3" ht="19.2">
      <c r="A40637" s="2"/>
      <c r="B40637" s="2"/>
      <c r="C40637" s="2"/>
    </row>
    <row r="40638" spans="1:3" ht="19.2">
      <c r="A40638" s="2"/>
      <c r="B40638" s="2"/>
      <c r="C40638" s="2"/>
    </row>
    <row r="40639" spans="1:3" ht="19.2">
      <c r="A40639" s="2"/>
      <c r="B40639" s="2"/>
      <c r="C40639" s="2"/>
    </row>
    <row r="40640" spans="1:3" ht="19.2">
      <c r="A40640" s="2"/>
      <c r="B40640" s="2"/>
      <c r="C40640" s="2"/>
    </row>
    <row r="40641" spans="1:3" ht="19.2">
      <c r="A40641" s="2"/>
      <c r="B40641" s="2"/>
      <c r="C40641" s="2"/>
    </row>
    <row r="40642" spans="1:3" ht="19.2">
      <c r="A40642" s="2"/>
      <c r="B40642" s="2"/>
      <c r="C40642" s="2"/>
    </row>
    <row r="40643" spans="1:3" ht="19.2">
      <c r="A40643" s="2"/>
      <c r="B40643" s="2"/>
      <c r="C40643" s="2"/>
    </row>
    <row r="40644" spans="1:3" ht="19.2">
      <c r="A40644" s="2"/>
      <c r="B40644" s="2"/>
      <c r="C40644" s="2"/>
    </row>
    <row r="40645" spans="1:3" ht="19.2">
      <c r="A40645" s="2"/>
      <c r="B40645" s="2"/>
      <c r="C40645" s="2"/>
    </row>
    <row r="40646" spans="1:3" ht="19.2">
      <c r="A40646" s="2"/>
      <c r="B40646" s="2"/>
      <c r="C40646" s="2"/>
    </row>
    <row r="40647" spans="1:3" ht="19.2">
      <c r="A40647" s="2"/>
      <c r="B40647" s="2"/>
      <c r="C40647" s="2"/>
    </row>
    <row r="40648" spans="1:3" ht="19.2">
      <c r="A40648" s="2"/>
      <c r="B40648" s="2"/>
      <c r="C40648" s="2"/>
    </row>
    <row r="40649" spans="1:3" ht="19.2">
      <c r="A40649" s="2"/>
      <c r="B40649" s="2"/>
      <c r="C40649" s="2"/>
    </row>
    <row r="40650" spans="1:3" ht="19.2">
      <c r="A40650" s="2"/>
      <c r="B40650" s="2"/>
      <c r="C40650" s="2"/>
    </row>
    <row r="40651" spans="1:3" ht="19.2">
      <c r="A40651" s="2"/>
      <c r="B40651" s="2"/>
      <c r="C40651" s="2"/>
    </row>
    <row r="40652" spans="1:3" ht="19.2">
      <c r="A40652" s="2"/>
      <c r="B40652" s="2"/>
      <c r="C40652" s="2"/>
    </row>
    <row r="40653" spans="1:3" ht="19.2">
      <c r="A40653" s="2"/>
      <c r="B40653" s="2"/>
      <c r="C40653" s="2"/>
    </row>
    <row r="40654" spans="1:3" ht="19.2">
      <c r="A40654" s="2"/>
      <c r="B40654" s="2"/>
      <c r="C40654" s="2"/>
    </row>
    <row r="40655" spans="1:3" ht="19.2">
      <c r="A40655" s="2"/>
      <c r="B40655" s="2"/>
      <c r="C40655" s="2"/>
    </row>
    <row r="40656" spans="1:3" ht="19.2">
      <c r="A40656" s="2"/>
      <c r="B40656" s="2"/>
      <c r="C40656" s="2"/>
    </row>
    <row r="40657" spans="1:3" ht="19.2">
      <c r="A40657" s="2"/>
      <c r="B40657" s="2"/>
      <c r="C40657" s="2"/>
    </row>
    <row r="40658" spans="1:3" ht="19.2">
      <c r="A40658" s="2"/>
      <c r="B40658" s="2"/>
      <c r="C40658" s="2"/>
    </row>
    <row r="40659" spans="1:3" ht="19.2">
      <c r="A40659" s="2"/>
      <c r="B40659" s="2"/>
      <c r="C40659" s="2"/>
    </row>
    <row r="40660" spans="1:3" ht="19.2">
      <c r="A40660" s="2"/>
      <c r="B40660" s="2"/>
      <c r="C40660" s="2"/>
    </row>
    <row r="40661" spans="1:3" ht="19.2">
      <c r="A40661" s="2"/>
      <c r="B40661" s="2"/>
      <c r="C40661" s="2"/>
    </row>
    <row r="40662" spans="1:3" ht="19.2">
      <c r="A40662" s="2"/>
      <c r="B40662" s="2"/>
      <c r="C40662" s="2"/>
    </row>
    <row r="40663" spans="1:3" ht="19.2">
      <c r="A40663" s="2"/>
      <c r="B40663" s="2"/>
      <c r="C40663" s="2"/>
    </row>
    <row r="40664" spans="1:3" ht="19.2">
      <c r="A40664" s="2"/>
      <c r="B40664" s="2"/>
      <c r="C40664" s="2"/>
    </row>
    <row r="40665" spans="1:3" ht="19.2">
      <c r="A40665" s="2"/>
      <c r="B40665" s="2"/>
      <c r="C40665" s="2"/>
    </row>
    <row r="40666" spans="1:3" ht="19.2">
      <c r="A40666" s="2"/>
      <c r="B40666" s="2"/>
      <c r="C40666" s="2"/>
    </row>
    <row r="40667" spans="1:3" ht="19.2">
      <c r="A40667" s="2"/>
      <c r="B40667" s="2"/>
      <c r="C40667" s="2"/>
    </row>
    <row r="40668" spans="1:3" ht="19.2">
      <c r="A40668" s="2"/>
      <c r="B40668" s="2"/>
      <c r="C40668" s="2"/>
    </row>
    <row r="40669" spans="1:3" ht="19.2">
      <c r="A40669" s="2"/>
      <c r="B40669" s="2"/>
      <c r="C40669" s="2"/>
    </row>
    <row r="40670" spans="1:3" ht="19.2">
      <c r="A40670" s="2"/>
      <c r="B40670" s="2"/>
      <c r="C40670" s="2"/>
    </row>
    <row r="40671" spans="1:3" ht="19.2">
      <c r="A40671" s="2"/>
      <c r="B40671" s="2"/>
      <c r="C40671" s="2"/>
    </row>
    <row r="40672" spans="1:3" ht="19.2">
      <c r="A40672" s="2"/>
      <c r="B40672" s="2"/>
      <c r="C40672" s="2"/>
    </row>
    <row r="40673" spans="1:3" ht="19.2">
      <c r="A40673" s="2"/>
      <c r="B40673" s="2"/>
      <c r="C40673" s="2"/>
    </row>
    <row r="40674" spans="1:3" ht="19.2">
      <c r="A40674" s="2"/>
      <c r="B40674" s="2"/>
      <c r="C40674" s="2"/>
    </row>
    <row r="40675" spans="1:3" ht="19.2">
      <c r="A40675" s="2"/>
      <c r="B40675" s="2"/>
      <c r="C40675" s="2"/>
    </row>
    <row r="40676" spans="1:3" ht="19.2">
      <c r="A40676" s="2"/>
      <c r="B40676" s="2"/>
      <c r="C40676" s="2"/>
    </row>
    <row r="40677" spans="1:3" ht="19.2">
      <c r="A40677" s="2"/>
      <c r="B40677" s="2"/>
      <c r="C40677" s="2"/>
    </row>
    <row r="40678" spans="1:3" ht="19.2">
      <c r="A40678" s="2"/>
      <c r="B40678" s="2"/>
      <c r="C40678" s="2"/>
    </row>
    <row r="40679" spans="1:3" ht="19.2">
      <c r="A40679" s="2"/>
      <c r="B40679" s="2"/>
      <c r="C40679" s="2"/>
    </row>
    <row r="40680" spans="1:3" ht="19.2">
      <c r="A40680" s="2"/>
      <c r="B40680" s="2"/>
      <c r="C40680" s="2"/>
    </row>
    <row r="40681" spans="1:3" ht="19.2">
      <c r="A40681" s="2"/>
      <c r="B40681" s="2"/>
      <c r="C40681" s="2"/>
    </row>
    <row r="40682" spans="1:3" ht="19.2">
      <c r="A40682" s="2"/>
      <c r="B40682" s="2"/>
      <c r="C40682" s="2"/>
    </row>
    <row r="40683" spans="1:3" ht="19.2">
      <c r="A40683" s="2"/>
      <c r="B40683" s="2"/>
      <c r="C40683" s="2"/>
    </row>
    <row r="40684" spans="1:3" ht="19.2">
      <c r="A40684" s="2"/>
      <c r="B40684" s="2"/>
      <c r="C40684" s="2"/>
    </row>
    <row r="40685" spans="1:3" ht="19.2">
      <c r="A40685" s="2"/>
      <c r="B40685" s="2"/>
      <c r="C40685" s="2"/>
    </row>
    <row r="40686" spans="1:3" ht="19.2">
      <c r="A40686" s="2"/>
      <c r="B40686" s="2"/>
      <c r="C40686" s="2"/>
    </row>
    <row r="40687" spans="1:3" ht="19.2">
      <c r="A40687" s="2"/>
      <c r="B40687" s="2"/>
      <c r="C40687" s="2"/>
    </row>
    <row r="40688" spans="1:3" ht="19.2">
      <c r="A40688" s="2"/>
      <c r="B40688" s="2"/>
      <c r="C40688" s="2"/>
    </row>
    <row r="40689" spans="1:3" ht="19.2">
      <c r="A40689" s="2"/>
      <c r="B40689" s="2"/>
      <c r="C40689" s="2"/>
    </row>
    <row r="40690" spans="1:3" ht="19.2">
      <c r="A40690" s="2"/>
      <c r="B40690" s="2"/>
      <c r="C40690" s="2"/>
    </row>
    <row r="40691" spans="1:3" ht="19.2">
      <c r="A40691" s="2"/>
      <c r="B40691" s="2"/>
      <c r="C40691" s="2"/>
    </row>
    <row r="40692" spans="1:3" ht="19.2">
      <c r="A40692" s="2"/>
      <c r="B40692" s="2"/>
      <c r="C40692" s="2"/>
    </row>
    <row r="40693" spans="1:3" ht="19.2">
      <c r="A40693" s="2"/>
      <c r="B40693" s="2"/>
      <c r="C40693" s="2"/>
    </row>
    <row r="40694" spans="1:3" ht="19.2">
      <c r="A40694" s="2"/>
      <c r="B40694" s="2"/>
      <c r="C40694" s="2"/>
    </row>
    <row r="40695" spans="1:3" ht="19.2">
      <c r="A40695" s="2"/>
      <c r="B40695" s="2"/>
      <c r="C40695" s="2"/>
    </row>
    <row r="40696" spans="1:3" ht="19.2">
      <c r="A40696" s="2"/>
      <c r="B40696" s="2"/>
      <c r="C40696" s="2"/>
    </row>
    <row r="40697" spans="1:3" ht="19.2">
      <c r="A40697" s="2"/>
      <c r="B40697" s="2"/>
      <c r="C40697" s="2"/>
    </row>
    <row r="40698" spans="1:3" ht="19.2">
      <c r="A40698" s="2"/>
      <c r="B40698" s="2"/>
      <c r="C40698" s="2"/>
    </row>
    <row r="40699" spans="1:3" ht="19.2">
      <c r="A40699" s="2"/>
      <c r="B40699" s="2"/>
      <c r="C40699" s="2"/>
    </row>
    <row r="40700" spans="1:3" ht="19.2">
      <c r="A40700" s="2"/>
      <c r="B40700" s="2"/>
      <c r="C40700" s="2"/>
    </row>
    <row r="40701" spans="1:3" ht="19.2">
      <c r="A40701" s="2"/>
      <c r="B40701" s="2"/>
      <c r="C40701" s="2"/>
    </row>
    <row r="40702" spans="1:3" ht="19.2">
      <c r="A40702" s="2"/>
      <c r="B40702" s="2"/>
      <c r="C40702" s="2"/>
    </row>
    <row r="40703" spans="1:3" ht="19.2">
      <c r="A40703" s="2"/>
      <c r="B40703" s="2"/>
      <c r="C40703" s="2"/>
    </row>
    <row r="40704" spans="1:3" ht="19.2">
      <c r="A40704" s="2"/>
      <c r="B40704" s="2"/>
      <c r="C40704" s="2"/>
    </row>
    <row r="40705" spans="1:3" ht="19.2">
      <c r="A40705" s="2"/>
      <c r="B40705" s="2"/>
      <c r="C40705" s="2"/>
    </row>
    <row r="40706" spans="1:3" ht="19.2">
      <c r="A40706" s="2"/>
      <c r="B40706" s="2"/>
      <c r="C40706" s="2"/>
    </row>
    <row r="40707" spans="1:3" ht="19.2">
      <c r="A40707" s="2"/>
      <c r="B40707" s="2"/>
      <c r="C40707" s="2"/>
    </row>
    <row r="40708" spans="1:3" ht="19.2">
      <c r="A40708" s="2"/>
      <c r="B40708" s="2"/>
      <c r="C40708" s="2"/>
    </row>
    <row r="40709" spans="1:3" ht="19.2">
      <c r="A40709" s="2"/>
      <c r="B40709" s="2"/>
      <c r="C40709" s="2"/>
    </row>
    <row r="40710" spans="1:3" ht="19.2">
      <c r="A40710" s="2"/>
      <c r="B40710" s="2"/>
      <c r="C40710" s="2"/>
    </row>
    <row r="40711" spans="1:3" ht="19.2">
      <c r="A40711" s="2"/>
      <c r="B40711" s="2"/>
      <c r="C40711" s="2"/>
    </row>
    <row r="40712" spans="1:3" ht="19.2">
      <c r="A40712" s="2"/>
      <c r="B40712" s="2"/>
      <c r="C40712" s="2"/>
    </row>
    <row r="40713" spans="1:3" ht="19.2">
      <c r="A40713" s="2"/>
      <c r="B40713" s="2"/>
      <c r="C40713" s="2"/>
    </row>
    <row r="40714" spans="1:3" ht="19.2">
      <c r="A40714" s="2"/>
      <c r="B40714" s="2"/>
      <c r="C40714" s="2"/>
    </row>
    <row r="40715" spans="1:3" ht="19.2">
      <c r="A40715" s="2"/>
      <c r="B40715" s="2"/>
      <c r="C40715" s="2"/>
    </row>
    <row r="40716" spans="1:3" ht="19.2">
      <c r="A40716" s="2"/>
      <c r="B40716" s="2"/>
      <c r="C40716" s="2"/>
    </row>
    <row r="40717" spans="1:3" ht="19.2">
      <c r="A40717" s="2"/>
      <c r="B40717" s="2"/>
      <c r="C40717" s="2"/>
    </row>
    <row r="40718" spans="1:3" ht="19.2">
      <c r="A40718" s="2"/>
      <c r="B40718" s="2"/>
      <c r="C40718" s="2"/>
    </row>
    <row r="40719" spans="1:3" ht="19.2">
      <c r="A40719" s="2"/>
      <c r="B40719" s="2"/>
      <c r="C40719" s="2"/>
    </row>
    <row r="40720" spans="1:3" ht="19.2">
      <c r="A40720" s="2"/>
      <c r="B40720" s="2"/>
      <c r="C40720" s="2"/>
    </row>
    <row r="40721" spans="1:3" ht="19.2">
      <c r="A40721" s="2"/>
      <c r="B40721" s="2"/>
      <c r="C40721" s="2"/>
    </row>
    <row r="40722" spans="1:3" ht="19.2">
      <c r="A40722" s="2"/>
      <c r="B40722" s="2"/>
      <c r="C40722" s="2"/>
    </row>
    <row r="40723" spans="1:3" ht="19.2">
      <c r="A40723" s="2"/>
      <c r="B40723" s="2"/>
      <c r="C40723" s="2"/>
    </row>
    <row r="40724" spans="1:3" ht="19.2">
      <c r="A40724" s="2"/>
      <c r="B40724" s="2"/>
      <c r="C40724" s="2"/>
    </row>
    <row r="40725" spans="1:3" ht="19.2">
      <c r="A40725" s="2"/>
      <c r="B40725" s="2"/>
      <c r="C40725" s="2"/>
    </row>
    <row r="40726" spans="1:3" ht="19.2">
      <c r="A40726" s="2"/>
      <c r="B40726" s="2"/>
      <c r="C40726" s="2"/>
    </row>
    <row r="40727" spans="1:3" ht="19.2">
      <c r="A40727" s="2"/>
      <c r="B40727" s="2"/>
      <c r="C40727" s="2"/>
    </row>
    <row r="40728" spans="1:3" ht="19.2">
      <c r="A40728" s="2"/>
      <c r="B40728" s="2"/>
      <c r="C40728" s="2"/>
    </row>
    <row r="40729" spans="1:3" ht="19.2">
      <c r="A40729" s="2"/>
      <c r="B40729" s="2"/>
      <c r="C40729" s="2"/>
    </row>
    <row r="40730" spans="1:3" ht="19.2">
      <c r="A40730" s="2"/>
      <c r="B40730" s="2"/>
      <c r="C40730" s="2"/>
    </row>
    <row r="40731" spans="1:3" ht="19.2">
      <c r="A40731" s="2"/>
      <c r="B40731" s="2"/>
      <c r="C40731" s="2"/>
    </row>
    <row r="40732" spans="1:3" ht="19.2">
      <c r="A40732" s="2"/>
      <c r="B40732" s="2"/>
      <c r="C40732" s="2"/>
    </row>
    <row r="40733" spans="1:3" ht="19.2">
      <c r="A40733" s="2"/>
      <c r="B40733" s="2"/>
      <c r="C40733" s="2"/>
    </row>
    <row r="40734" spans="1:3" ht="19.2">
      <c r="A40734" s="2"/>
      <c r="B40734" s="2"/>
      <c r="C40734" s="2"/>
    </row>
    <row r="40735" spans="1:3" ht="19.2">
      <c r="A40735" s="2"/>
      <c r="B40735" s="2"/>
      <c r="C40735" s="2"/>
    </row>
    <row r="40736" spans="1:3" ht="19.2">
      <c r="A40736" s="2"/>
      <c r="B40736" s="2"/>
      <c r="C40736" s="2"/>
    </row>
    <row r="40737" spans="1:3" ht="19.2">
      <c r="A40737" s="2"/>
      <c r="B40737" s="2"/>
      <c r="C40737" s="2"/>
    </row>
    <row r="40738" spans="1:3" ht="19.2">
      <c r="A40738" s="2"/>
      <c r="B40738" s="2"/>
      <c r="C40738" s="2"/>
    </row>
    <row r="40739" spans="1:3" ht="19.2">
      <c r="A40739" s="2"/>
      <c r="B40739" s="2"/>
      <c r="C40739" s="2"/>
    </row>
    <row r="40740" spans="1:3" ht="19.2">
      <c r="A40740" s="2"/>
      <c r="B40740" s="2"/>
      <c r="C40740" s="2"/>
    </row>
    <row r="40741" spans="1:3" ht="19.2">
      <c r="A40741" s="2"/>
      <c r="B40741" s="2"/>
      <c r="C40741" s="2"/>
    </row>
    <row r="40742" spans="1:3" ht="19.2">
      <c r="A40742" s="2"/>
      <c r="B40742" s="2"/>
      <c r="C40742" s="2"/>
    </row>
    <row r="40743" spans="1:3" ht="19.2">
      <c r="A40743" s="2"/>
      <c r="B40743" s="2"/>
      <c r="C40743" s="2"/>
    </row>
    <row r="40744" spans="1:3" ht="19.2">
      <c r="A40744" s="2"/>
      <c r="B40744" s="2"/>
      <c r="C40744" s="2"/>
    </row>
    <row r="40745" spans="1:3" ht="19.2">
      <c r="A40745" s="2"/>
      <c r="B40745" s="2"/>
      <c r="C40745" s="2"/>
    </row>
    <row r="40746" spans="1:3" ht="19.2">
      <c r="A40746" s="2"/>
      <c r="B40746" s="2"/>
      <c r="C40746" s="2"/>
    </row>
    <row r="40747" spans="1:3" ht="19.2">
      <c r="A40747" s="2"/>
      <c r="B40747" s="2"/>
      <c r="C40747" s="2"/>
    </row>
    <row r="40748" spans="1:3" ht="19.2">
      <c r="A40748" s="2"/>
      <c r="B40748" s="2"/>
      <c r="C40748" s="2"/>
    </row>
    <row r="40749" spans="1:3" ht="19.2">
      <c r="A40749" s="2"/>
      <c r="B40749" s="2"/>
      <c r="C40749" s="2"/>
    </row>
    <row r="40750" spans="1:3" ht="19.2">
      <c r="A40750" s="2"/>
      <c r="B40750" s="2"/>
      <c r="C40750" s="2"/>
    </row>
    <row r="40751" spans="1:3" ht="19.2">
      <c r="A40751" s="2"/>
      <c r="B40751" s="2"/>
      <c r="C40751" s="2"/>
    </row>
    <row r="40752" spans="1:3" ht="19.2">
      <c r="A40752" s="2"/>
      <c r="B40752" s="2"/>
      <c r="C40752" s="2"/>
    </row>
    <row r="40753" spans="1:3" ht="19.2">
      <c r="A40753" s="2"/>
      <c r="B40753" s="2"/>
      <c r="C40753" s="2"/>
    </row>
    <row r="40754" spans="1:3" ht="19.2">
      <c r="A40754" s="2"/>
      <c r="B40754" s="2"/>
      <c r="C40754" s="2"/>
    </row>
    <row r="40755" spans="1:3" ht="19.2">
      <c r="A40755" s="2"/>
      <c r="B40755" s="2"/>
      <c r="C40755" s="2"/>
    </row>
    <row r="40756" spans="1:3" ht="19.2">
      <c r="A40756" s="2"/>
      <c r="B40756" s="2"/>
      <c r="C40756" s="2"/>
    </row>
    <row r="40757" spans="1:3" ht="19.2">
      <c r="A40757" s="2"/>
      <c r="B40757" s="2"/>
      <c r="C40757" s="2"/>
    </row>
    <row r="40758" spans="1:3" ht="19.2">
      <c r="A40758" s="2"/>
      <c r="B40758" s="2"/>
      <c r="C40758" s="2"/>
    </row>
    <row r="40759" spans="1:3" ht="19.2">
      <c r="A40759" s="2"/>
      <c r="B40759" s="2"/>
      <c r="C40759" s="2"/>
    </row>
    <row r="40760" spans="1:3" ht="19.2">
      <c r="A40760" s="2"/>
      <c r="B40760" s="2"/>
      <c r="C40760" s="2"/>
    </row>
    <row r="40761" spans="1:3" ht="19.2">
      <c r="A40761" s="2"/>
      <c r="B40761" s="2"/>
      <c r="C40761" s="2"/>
    </row>
    <row r="40762" spans="1:3" ht="19.2">
      <c r="A40762" s="2"/>
      <c r="B40762" s="2"/>
      <c r="C40762" s="2"/>
    </row>
    <row r="40763" spans="1:3" ht="19.2">
      <c r="A40763" s="2"/>
      <c r="B40763" s="2"/>
      <c r="C40763" s="2"/>
    </row>
    <row r="40764" spans="1:3" ht="19.2">
      <c r="A40764" s="2"/>
      <c r="B40764" s="2"/>
      <c r="C40764" s="2"/>
    </row>
    <row r="40765" spans="1:3" ht="19.2">
      <c r="A40765" s="2"/>
      <c r="B40765" s="2"/>
      <c r="C40765" s="2"/>
    </row>
    <row r="40766" spans="1:3" ht="19.2">
      <c r="A40766" s="2"/>
      <c r="B40766" s="2"/>
      <c r="C40766" s="2"/>
    </row>
    <row r="40767" spans="1:3" ht="19.2">
      <c r="A40767" s="2"/>
      <c r="B40767" s="2"/>
      <c r="C40767" s="2"/>
    </row>
    <row r="40768" spans="1:3" ht="19.2">
      <c r="A40768" s="2"/>
      <c r="B40768" s="2"/>
      <c r="C40768" s="2"/>
    </row>
    <row r="40769" spans="1:3" ht="19.2">
      <c r="A40769" s="2"/>
      <c r="B40769" s="2"/>
      <c r="C40769" s="2"/>
    </row>
    <row r="40770" spans="1:3" ht="19.2">
      <c r="A40770" s="2"/>
      <c r="B40770" s="2"/>
      <c r="C40770" s="2"/>
    </row>
    <row r="40771" spans="1:3" ht="19.2">
      <c r="A40771" s="2"/>
      <c r="B40771" s="2"/>
      <c r="C40771" s="2"/>
    </row>
    <row r="40772" spans="1:3" ht="19.2">
      <c r="A40772" s="2"/>
      <c r="B40772" s="2"/>
      <c r="C40772" s="2"/>
    </row>
    <row r="40773" spans="1:3" ht="19.2">
      <c r="A40773" s="2"/>
      <c r="B40773" s="2"/>
      <c r="C40773" s="2"/>
    </row>
    <row r="40774" spans="1:3" ht="19.2">
      <c r="A40774" s="2"/>
      <c r="B40774" s="2"/>
      <c r="C40774" s="2"/>
    </row>
    <row r="40775" spans="1:3" ht="19.2">
      <c r="A40775" s="2"/>
      <c r="B40775" s="2"/>
      <c r="C40775" s="2"/>
    </row>
    <row r="40776" spans="1:3" ht="19.2">
      <c r="A40776" s="2"/>
      <c r="B40776" s="2"/>
      <c r="C40776" s="2"/>
    </row>
    <row r="40777" spans="1:3" ht="19.2">
      <c r="A40777" s="2"/>
      <c r="B40777" s="2"/>
      <c r="C40777" s="2"/>
    </row>
    <row r="40778" spans="1:3" ht="19.2">
      <c r="A40778" s="2"/>
      <c r="B40778" s="2"/>
      <c r="C40778" s="2"/>
    </row>
    <row r="40779" spans="1:3" ht="19.2">
      <c r="A40779" s="2"/>
      <c r="B40779" s="2"/>
      <c r="C40779" s="2"/>
    </row>
    <row r="40780" spans="1:3" ht="19.2">
      <c r="A40780" s="2"/>
      <c r="B40780" s="2"/>
      <c r="C40780" s="2"/>
    </row>
    <row r="40781" spans="1:3" ht="19.2">
      <c r="A40781" s="2"/>
      <c r="B40781" s="2"/>
      <c r="C40781" s="2"/>
    </row>
    <row r="40782" spans="1:3" ht="19.2">
      <c r="A40782" s="2"/>
      <c r="B40782" s="2"/>
      <c r="C40782" s="2"/>
    </row>
    <row r="40783" spans="1:3" ht="19.2">
      <c r="A40783" s="2"/>
      <c r="B40783" s="2"/>
      <c r="C40783" s="2"/>
    </row>
    <row r="40784" spans="1:3" ht="19.2">
      <c r="A40784" s="2"/>
      <c r="B40784" s="2"/>
      <c r="C40784" s="2"/>
    </row>
    <row r="40785" spans="1:3" ht="19.2">
      <c r="A40785" s="2"/>
      <c r="B40785" s="2"/>
      <c r="C40785" s="2"/>
    </row>
    <row r="40786" spans="1:3" ht="19.2">
      <c r="A40786" s="2"/>
      <c r="B40786" s="2"/>
      <c r="C40786" s="2"/>
    </row>
    <row r="40787" spans="1:3" ht="19.2">
      <c r="A40787" s="2"/>
      <c r="B40787" s="2"/>
      <c r="C40787" s="2"/>
    </row>
    <row r="40788" spans="1:3" ht="19.2">
      <c r="A40788" s="2"/>
      <c r="B40788" s="2"/>
      <c r="C40788" s="2"/>
    </row>
    <row r="40789" spans="1:3" ht="19.2">
      <c r="A40789" s="2"/>
      <c r="B40789" s="2"/>
      <c r="C40789" s="2"/>
    </row>
    <row r="40790" spans="1:3" ht="19.2">
      <c r="A40790" s="2"/>
      <c r="B40790" s="2"/>
      <c r="C40790" s="2"/>
    </row>
    <row r="40791" spans="1:3" ht="19.2">
      <c r="A40791" s="2"/>
      <c r="B40791" s="2"/>
      <c r="C40791" s="2"/>
    </row>
    <row r="40792" spans="1:3" ht="19.2">
      <c r="A40792" s="2"/>
      <c r="B40792" s="2"/>
      <c r="C40792" s="2"/>
    </row>
    <row r="40793" spans="1:3" ht="19.2">
      <c r="A40793" s="2"/>
      <c r="B40793" s="2"/>
      <c r="C40793" s="2"/>
    </row>
    <row r="40794" spans="1:3" ht="19.2">
      <c r="A40794" s="2"/>
      <c r="B40794" s="2"/>
      <c r="C40794" s="2"/>
    </row>
    <row r="40795" spans="1:3" ht="19.2">
      <c r="A40795" s="2"/>
      <c r="B40795" s="2"/>
      <c r="C40795" s="2"/>
    </row>
    <row r="40796" spans="1:3" ht="19.2">
      <c r="A40796" s="2"/>
      <c r="B40796" s="2"/>
      <c r="C40796" s="2"/>
    </row>
    <row r="40797" spans="1:3" ht="19.2">
      <c r="A40797" s="2"/>
      <c r="B40797" s="2"/>
      <c r="C40797" s="2"/>
    </row>
    <row r="40798" spans="1:3" ht="19.2">
      <c r="A40798" s="2"/>
      <c r="B40798" s="2"/>
      <c r="C40798" s="2"/>
    </row>
    <row r="40799" spans="1:3" ht="19.2">
      <c r="A40799" s="2"/>
      <c r="B40799" s="2"/>
      <c r="C40799" s="2"/>
    </row>
    <row r="40800" spans="1:3" ht="19.2">
      <c r="A40800" s="2"/>
      <c r="B40800" s="2"/>
      <c r="C40800" s="2"/>
    </row>
    <row r="40801" spans="1:3" ht="19.2">
      <c r="A40801" s="2"/>
      <c r="B40801" s="2"/>
      <c r="C40801" s="2"/>
    </row>
    <row r="40802" spans="1:3" ht="19.2">
      <c r="A40802" s="2"/>
      <c r="B40802" s="2"/>
      <c r="C40802" s="2"/>
    </row>
    <row r="40803" spans="1:3" ht="19.2">
      <c r="A40803" s="2"/>
      <c r="B40803" s="2"/>
      <c r="C40803" s="2"/>
    </row>
    <row r="40804" spans="1:3" ht="19.2">
      <c r="A40804" s="2"/>
      <c r="B40804" s="2"/>
      <c r="C40804" s="2"/>
    </row>
    <row r="40805" spans="1:3" ht="19.2">
      <c r="A40805" s="2"/>
      <c r="B40805" s="2"/>
      <c r="C40805" s="2"/>
    </row>
    <row r="40806" spans="1:3" ht="19.2">
      <c r="A40806" s="2"/>
      <c r="B40806" s="2"/>
      <c r="C40806" s="2"/>
    </row>
    <row r="40807" spans="1:3" ht="19.2">
      <c r="A40807" s="2"/>
      <c r="B40807" s="2"/>
      <c r="C40807" s="2"/>
    </row>
    <row r="40808" spans="1:3" ht="19.2">
      <c r="A40808" s="2"/>
      <c r="B40808" s="2"/>
      <c r="C40808" s="2"/>
    </row>
    <row r="40809" spans="1:3" ht="19.2">
      <c r="A40809" s="2"/>
      <c r="B40809" s="2"/>
      <c r="C40809" s="2"/>
    </row>
    <row r="40810" spans="1:3" ht="19.2">
      <c r="A40810" s="2"/>
      <c r="B40810" s="2"/>
      <c r="C40810" s="2"/>
    </row>
    <row r="40811" spans="1:3" ht="19.2">
      <c r="A40811" s="2"/>
      <c r="B40811" s="2"/>
      <c r="C40811" s="2"/>
    </row>
    <row r="40812" spans="1:3" ht="19.2">
      <c r="A40812" s="2"/>
      <c r="B40812" s="2"/>
      <c r="C40812" s="2"/>
    </row>
    <row r="40813" spans="1:3" ht="19.2">
      <c r="A40813" s="2"/>
      <c r="B40813" s="2"/>
      <c r="C40813" s="2"/>
    </row>
    <row r="40814" spans="1:3" ht="19.2">
      <c r="A40814" s="2"/>
      <c r="B40814" s="2"/>
      <c r="C40814" s="2"/>
    </row>
    <row r="40815" spans="1:3" ht="19.2">
      <c r="A40815" s="2"/>
      <c r="B40815" s="2"/>
      <c r="C40815" s="2"/>
    </row>
    <row r="40816" spans="1:3" ht="19.2">
      <c r="A40816" s="2"/>
      <c r="B40816" s="2"/>
      <c r="C40816" s="2"/>
    </row>
    <row r="40817" spans="1:3" ht="19.2">
      <c r="A40817" s="2"/>
      <c r="B40817" s="2"/>
      <c r="C40817" s="2"/>
    </row>
    <row r="40818" spans="1:3" ht="19.2">
      <c r="A40818" s="2"/>
      <c r="B40818" s="2"/>
      <c r="C40818" s="2"/>
    </row>
    <row r="40819" spans="1:3" ht="19.2">
      <c r="A40819" s="2"/>
      <c r="B40819" s="2"/>
      <c r="C40819" s="2"/>
    </row>
    <row r="40820" spans="1:3" ht="19.2">
      <c r="A40820" s="2"/>
      <c r="B40820" s="2"/>
      <c r="C40820" s="2"/>
    </row>
    <row r="40821" spans="1:3" ht="19.2">
      <c r="A40821" s="2"/>
      <c r="B40821" s="2"/>
      <c r="C40821" s="2"/>
    </row>
    <row r="40822" spans="1:3" ht="19.2">
      <c r="A40822" s="2"/>
      <c r="B40822" s="2"/>
      <c r="C40822" s="2"/>
    </row>
    <row r="40823" spans="1:3" ht="19.2">
      <c r="A40823" s="2"/>
      <c r="B40823" s="2"/>
      <c r="C40823" s="2"/>
    </row>
    <row r="40824" spans="1:3" ht="19.2">
      <c r="A40824" s="2"/>
      <c r="B40824" s="2"/>
      <c r="C40824" s="2"/>
    </row>
    <row r="40825" spans="1:3" ht="19.2">
      <c r="A40825" s="2"/>
      <c r="B40825" s="2"/>
      <c r="C40825" s="2"/>
    </row>
    <row r="40826" spans="1:3" ht="19.2">
      <c r="A40826" s="2"/>
      <c r="B40826" s="2"/>
      <c r="C40826" s="2"/>
    </row>
    <row r="40827" spans="1:3" ht="19.2">
      <c r="A40827" s="2"/>
      <c r="B40827" s="2"/>
      <c r="C40827" s="2"/>
    </row>
    <row r="40828" spans="1:3" ht="19.2">
      <c r="A40828" s="2"/>
      <c r="B40828" s="2"/>
      <c r="C40828" s="2"/>
    </row>
    <row r="40829" spans="1:3" ht="19.2">
      <c r="A40829" s="2"/>
      <c r="B40829" s="2"/>
      <c r="C40829" s="2"/>
    </row>
    <row r="40830" spans="1:3" ht="19.2">
      <c r="A40830" s="2"/>
      <c r="B40830" s="2"/>
      <c r="C40830" s="2"/>
    </row>
    <row r="40831" spans="1:3" ht="19.2">
      <c r="A40831" s="2"/>
      <c r="B40831" s="2"/>
      <c r="C40831" s="2"/>
    </row>
    <row r="40832" spans="1:3" ht="19.2">
      <c r="A40832" s="2"/>
      <c r="B40832" s="2"/>
      <c r="C40832" s="2"/>
    </row>
    <row r="40833" spans="1:3" ht="19.2">
      <c r="A40833" s="2"/>
      <c r="B40833" s="2"/>
      <c r="C40833" s="2"/>
    </row>
    <row r="40834" spans="1:3" ht="19.2">
      <c r="A40834" s="2"/>
      <c r="B40834" s="2"/>
      <c r="C40834" s="2"/>
    </row>
    <row r="40835" spans="1:3" ht="19.2">
      <c r="A40835" s="2"/>
      <c r="B40835" s="2"/>
      <c r="C40835" s="2"/>
    </row>
    <row r="40836" spans="1:3" ht="19.2">
      <c r="A40836" s="2"/>
      <c r="B40836" s="2"/>
      <c r="C40836" s="2"/>
    </row>
    <row r="40837" spans="1:3" ht="19.2">
      <c r="A40837" s="2"/>
      <c r="B40837" s="2"/>
      <c r="C40837" s="2"/>
    </row>
    <row r="40838" spans="1:3" ht="19.2">
      <c r="A40838" s="2"/>
      <c r="B40838" s="2"/>
      <c r="C40838" s="2"/>
    </row>
    <row r="40839" spans="1:3" ht="19.2">
      <c r="A40839" s="2"/>
      <c r="B40839" s="2"/>
      <c r="C40839" s="2"/>
    </row>
    <row r="40840" spans="1:3" ht="19.2">
      <c r="A40840" s="2"/>
      <c r="B40840" s="2"/>
      <c r="C40840" s="2"/>
    </row>
    <row r="40841" spans="1:3" ht="19.2">
      <c r="A40841" s="2"/>
      <c r="B40841" s="2"/>
      <c r="C40841" s="2"/>
    </row>
    <row r="40842" spans="1:3" ht="19.2">
      <c r="A40842" s="2"/>
      <c r="B40842" s="2"/>
      <c r="C40842" s="2"/>
    </row>
    <row r="40843" spans="1:3" ht="19.2">
      <c r="A40843" s="2"/>
      <c r="B40843" s="2"/>
      <c r="C40843" s="2"/>
    </row>
    <row r="40844" spans="1:3" ht="19.2">
      <c r="A40844" s="2"/>
      <c r="B40844" s="2"/>
      <c r="C40844" s="2"/>
    </row>
    <row r="40845" spans="1:3" ht="19.2">
      <c r="A40845" s="2"/>
      <c r="B40845" s="2"/>
      <c r="C40845" s="2"/>
    </row>
    <row r="40846" spans="1:3" ht="19.2">
      <c r="A40846" s="2"/>
      <c r="B40846" s="2"/>
      <c r="C40846" s="2"/>
    </row>
    <row r="40847" spans="1:3" ht="19.2">
      <c r="A40847" s="2"/>
      <c r="B40847" s="2"/>
      <c r="C40847" s="2"/>
    </row>
    <row r="40848" spans="1:3" ht="19.2">
      <c r="A40848" s="2"/>
      <c r="B40848" s="2"/>
      <c r="C40848" s="2"/>
    </row>
    <row r="40849" spans="1:3" ht="19.2">
      <c r="A40849" s="2"/>
      <c r="B40849" s="2"/>
      <c r="C40849" s="2"/>
    </row>
    <row r="40850" spans="1:3" ht="19.2">
      <c r="A40850" s="2"/>
      <c r="B40850" s="2"/>
      <c r="C40850" s="2"/>
    </row>
    <row r="40851" spans="1:3" ht="19.2">
      <c r="A40851" s="2"/>
      <c r="B40851" s="2"/>
      <c r="C40851" s="2"/>
    </row>
    <row r="40852" spans="1:3" ht="19.2">
      <c r="A40852" s="2"/>
      <c r="B40852" s="2"/>
      <c r="C40852" s="2"/>
    </row>
    <row r="40853" spans="1:3" ht="19.2">
      <c r="A40853" s="2"/>
      <c r="B40853" s="2"/>
      <c r="C40853" s="2"/>
    </row>
    <row r="40854" spans="1:3" ht="19.2">
      <c r="A40854" s="2"/>
      <c r="B40854" s="2"/>
      <c r="C40854" s="2"/>
    </row>
    <row r="40855" spans="1:3" ht="19.2">
      <c r="A40855" s="2"/>
      <c r="B40855" s="2"/>
      <c r="C40855" s="2"/>
    </row>
    <row r="40856" spans="1:3" ht="19.2">
      <c r="A40856" s="2"/>
      <c r="B40856" s="2"/>
      <c r="C40856" s="2"/>
    </row>
    <row r="40857" spans="1:3" ht="19.2">
      <c r="A40857" s="2"/>
      <c r="B40857" s="2"/>
      <c r="C40857" s="2"/>
    </row>
    <row r="40858" spans="1:3" ht="19.2">
      <c r="A40858" s="2"/>
      <c r="B40858" s="2"/>
      <c r="C40858" s="2"/>
    </row>
    <row r="40859" spans="1:3" ht="19.2">
      <c r="A40859" s="2"/>
      <c r="B40859" s="2"/>
      <c r="C40859" s="2"/>
    </row>
    <row r="40860" spans="1:3" ht="19.2">
      <c r="A40860" s="2"/>
      <c r="B40860" s="2"/>
      <c r="C40860" s="2"/>
    </row>
    <row r="40861" spans="1:3" ht="19.2">
      <c r="A40861" s="2"/>
      <c r="B40861" s="2"/>
      <c r="C40861" s="2"/>
    </row>
    <row r="40862" spans="1:3" ht="19.2">
      <c r="A40862" s="2"/>
      <c r="B40862" s="2"/>
      <c r="C40862" s="2"/>
    </row>
    <row r="40863" spans="1:3" ht="19.2">
      <c r="A40863" s="2"/>
      <c r="B40863" s="2"/>
      <c r="C40863" s="2"/>
    </row>
    <row r="40864" spans="1:3" ht="19.2">
      <c r="A40864" s="2"/>
      <c r="B40864" s="2"/>
      <c r="C40864" s="2"/>
    </row>
    <row r="40865" spans="1:3" ht="19.2">
      <c r="A40865" s="2"/>
      <c r="B40865" s="2"/>
      <c r="C40865" s="2"/>
    </row>
    <row r="40866" spans="1:3" ht="19.2">
      <c r="A40866" s="2"/>
      <c r="B40866" s="2"/>
      <c r="C40866" s="2"/>
    </row>
    <row r="40867" spans="1:3" ht="19.2">
      <c r="A40867" s="2"/>
      <c r="B40867" s="2"/>
      <c r="C40867" s="2"/>
    </row>
    <row r="40868" spans="1:3" ht="19.2">
      <c r="A40868" s="2"/>
      <c r="B40868" s="2"/>
      <c r="C40868" s="2"/>
    </row>
    <row r="40869" spans="1:3" ht="19.2">
      <c r="A40869" s="2"/>
      <c r="B40869" s="2"/>
      <c r="C40869" s="2"/>
    </row>
    <row r="40870" spans="1:3" ht="19.2">
      <c r="A40870" s="2"/>
      <c r="B40870" s="2"/>
      <c r="C40870" s="2"/>
    </row>
    <row r="40871" spans="1:3" ht="19.2">
      <c r="A40871" s="2"/>
      <c r="B40871" s="2"/>
      <c r="C40871" s="2"/>
    </row>
    <row r="40872" spans="1:3" ht="19.2">
      <c r="A40872" s="2"/>
      <c r="B40872" s="2"/>
      <c r="C40872" s="2"/>
    </row>
    <row r="40873" spans="1:3" ht="19.2">
      <c r="A40873" s="2"/>
      <c r="B40873" s="2"/>
      <c r="C40873" s="2"/>
    </row>
    <row r="40874" spans="1:3" ht="19.2">
      <c r="A40874" s="2"/>
      <c r="B40874" s="2"/>
      <c r="C40874" s="2"/>
    </row>
    <row r="40875" spans="1:3" ht="19.2">
      <c r="A40875" s="2"/>
      <c r="B40875" s="2"/>
      <c r="C40875" s="2"/>
    </row>
    <row r="40876" spans="1:3" ht="19.2">
      <c r="A40876" s="2"/>
      <c r="B40876" s="2"/>
      <c r="C40876" s="2"/>
    </row>
    <row r="40877" spans="1:3" ht="19.2">
      <c r="A40877" s="2"/>
      <c r="B40877" s="2"/>
      <c r="C40877" s="2"/>
    </row>
    <row r="40878" spans="1:3" ht="19.2">
      <c r="A40878" s="2"/>
      <c r="B40878" s="2"/>
      <c r="C40878" s="2"/>
    </row>
    <row r="40879" spans="1:3" ht="19.2">
      <c r="A40879" s="2"/>
      <c r="B40879" s="2"/>
      <c r="C40879" s="2"/>
    </row>
    <row r="40880" spans="1:3" ht="19.2">
      <c r="A40880" s="2"/>
      <c r="B40880" s="2"/>
      <c r="C40880" s="2"/>
    </row>
    <row r="40881" spans="1:3" ht="19.2">
      <c r="A40881" s="2"/>
      <c r="B40881" s="2"/>
      <c r="C40881" s="2"/>
    </row>
    <row r="40882" spans="1:3" ht="19.2">
      <c r="A40882" s="2"/>
      <c r="B40882" s="2"/>
      <c r="C40882" s="2"/>
    </row>
    <row r="40883" spans="1:3" ht="19.2">
      <c r="A40883" s="2"/>
      <c r="B40883" s="2"/>
      <c r="C40883" s="2"/>
    </row>
    <row r="40884" spans="1:3" ht="19.2">
      <c r="A40884" s="2"/>
      <c r="B40884" s="2"/>
      <c r="C40884" s="2"/>
    </row>
    <row r="40885" spans="1:3" ht="19.2">
      <c r="A40885" s="2"/>
      <c r="B40885" s="2"/>
      <c r="C40885" s="2"/>
    </row>
    <row r="40886" spans="1:3" ht="19.2">
      <c r="A40886" s="2"/>
      <c r="B40886" s="2"/>
      <c r="C40886" s="2"/>
    </row>
    <row r="40887" spans="1:3" ht="19.2">
      <c r="A40887" s="2"/>
      <c r="B40887" s="2"/>
      <c r="C40887" s="2"/>
    </row>
    <row r="40888" spans="1:3" ht="19.2">
      <c r="A40888" s="2"/>
      <c r="B40888" s="2"/>
      <c r="C40888" s="2"/>
    </row>
    <row r="40889" spans="1:3" ht="19.2">
      <c r="A40889" s="2"/>
      <c r="B40889" s="2"/>
      <c r="C40889" s="2"/>
    </row>
    <row r="40890" spans="1:3" ht="19.2">
      <c r="A40890" s="2"/>
      <c r="B40890" s="2"/>
      <c r="C40890" s="2"/>
    </row>
    <row r="40891" spans="1:3" ht="19.2">
      <c r="A40891" s="2"/>
      <c r="B40891" s="2"/>
      <c r="C40891" s="2"/>
    </row>
    <row r="40892" spans="1:3" ht="19.2">
      <c r="A40892" s="2"/>
      <c r="B40892" s="2"/>
      <c r="C40892" s="2"/>
    </row>
    <row r="40893" spans="1:3" ht="19.2">
      <c r="A40893" s="2"/>
      <c r="B40893" s="2"/>
      <c r="C40893" s="2"/>
    </row>
    <row r="40894" spans="1:3" ht="19.2">
      <c r="A40894" s="2"/>
      <c r="B40894" s="2"/>
      <c r="C40894" s="2"/>
    </row>
    <row r="40895" spans="1:3" ht="19.2">
      <c r="A40895" s="2"/>
      <c r="B40895" s="2"/>
      <c r="C40895" s="2"/>
    </row>
    <row r="40896" spans="1:3" ht="19.2">
      <c r="A40896" s="2"/>
      <c r="B40896" s="2"/>
      <c r="C40896" s="2"/>
    </row>
    <row r="40897" spans="1:3" ht="19.2">
      <c r="A40897" s="2"/>
      <c r="B40897" s="2"/>
      <c r="C40897" s="2"/>
    </row>
    <row r="40898" spans="1:3" ht="19.2">
      <c r="A40898" s="2"/>
      <c r="B40898" s="2"/>
      <c r="C40898" s="2"/>
    </row>
    <row r="40899" spans="1:3" ht="19.2">
      <c r="A40899" s="2"/>
      <c r="B40899" s="2"/>
      <c r="C40899" s="2"/>
    </row>
    <row r="40900" spans="1:3" ht="19.2">
      <c r="A40900" s="2"/>
      <c r="B40900" s="2"/>
      <c r="C40900" s="2"/>
    </row>
    <row r="40901" spans="1:3" ht="19.2">
      <c r="A40901" s="2"/>
      <c r="B40901" s="2"/>
      <c r="C40901" s="2"/>
    </row>
    <row r="40902" spans="1:3" ht="19.2">
      <c r="A40902" s="2"/>
      <c r="B40902" s="2"/>
      <c r="C40902" s="2"/>
    </row>
    <row r="40903" spans="1:3" ht="19.2">
      <c r="A40903" s="2"/>
      <c r="B40903" s="2"/>
      <c r="C40903" s="2"/>
    </row>
    <row r="40904" spans="1:3" ht="19.2">
      <c r="A40904" s="2"/>
      <c r="B40904" s="2"/>
      <c r="C40904" s="2"/>
    </row>
    <row r="40905" spans="1:3" ht="19.2">
      <c r="A40905" s="2"/>
      <c r="B40905" s="2"/>
      <c r="C40905" s="2"/>
    </row>
    <row r="40906" spans="1:3" ht="19.2">
      <c r="A40906" s="2"/>
      <c r="B40906" s="2"/>
      <c r="C40906" s="2"/>
    </row>
    <row r="40907" spans="1:3" ht="19.2">
      <c r="A40907" s="2"/>
      <c r="B40907" s="2"/>
      <c r="C40907" s="2"/>
    </row>
    <row r="40908" spans="1:3" ht="19.2">
      <c r="A40908" s="2"/>
      <c r="B40908" s="2"/>
      <c r="C40908" s="2"/>
    </row>
    <row r="40909" spans="1:3" ht="19.2">
      <c r="A40909" s="2"/>
      <c r="B40909" s="2"/>
      <c r="C40909" s="2"/>
    </row>
    <row r="40910" spans="1:3" ht="19.2">
      <c r="A40910" s="2"/>
      <c r="B40910" s="2"/>
      <c r="C40910" s="2"/>
    </row>
    <row r="40911" spans="1:3" ht="19.2">
      <c r="A40911" s="2"/>
      <c r="B40911" s="2"/>
      <c r="C40911" s="2"/>
    </row>
    <row r="40912" spans="1:3" ht="19.2">
      <c r="A40912" s="2"/>
      <c r="B40912" s="2"/>
      <c r="C40912" s="2"/>
    </row>
    <row r="40913" spans="1:3" ht="19.2">
      <c r="A40913" s="2"/>
      <c r="B40913" s="2"/>
      <c r="C40913" s="2"/>
    </row>
    <row r="40914" spans="1:3" ht="19.2">
      <c r="A40914" s="2"/>
      <c r="B40914" s="2"/>
      <c r="C40914" s="2"/>
    </row>
    <row r="40915" spans="1:3" ht="19.2">
      <c r="A40915" s="2"/>
      <c r="B40915" s="2"/>
      <c r="C40915" s="2"/>
    </row>
    <row r="40916" spans="1:3" ht="19.2">
      <c r="A40916" s="2"/>
      <c r="B40916" s="2"/>
      <c r="C40916" s="2"/>
    </row>
    <row r="40917" spans="1:3" ht="19.2">
      <c r="A40917" s="2"/>
      <c r="B40917" s="2"/>
      <c r="C40917" s="2"/>
    </row>
    <row r="40918" spans="1:3" ht="19.2">
      <c r="A40918" s="2"/>
      <c r="B40918" s="2"/>
      <c r="C40918" s="2"/>
    </row>
    <row r="40919" spans="1:3" ht="19.2">
      <c r="A40919" s="2"/>
      <c r="B40919" s="2"/>
      <c r="C40919" s="2"/>
    </row>
    <row r="40920" spans="1:3" ht="19.2">
      <c r="A40920" s="2"/>
      <c r="B40920" s="2"/>
      <c r="C40920" s="2"/>
    </row>
    <row r="40921" spans="1:3" ht="19.2">
      <c r="A40921" s="2"/>
      <c r="B40921" s="2"/>
      <c r="C40921" s="2"/>
    </row>
    <row r="40922" spans="1:3" ht="19.2">
      <c r="A40922" s="2"/>
      <c r="B40922" s="2"/>
      <c r="C40922" s="2"/>
    </row>
    <row r="40923" spans="1:3" ht="19.2">
      <c r="A40923" s="2"/>
      <c r="B40923" s="2"/>
      <c r="C40923" s="2"/>
    </row>
    <row r="40924" spans="1:3" ht="19.2">
      <c r="A40924" s="2"/>
      <c r="B40924" s="2"/>
      <c r="C40924" s="2"/>
    </row>
    <row r="40925" spans="1:3" ht="19.2">
      <c r="A40925" s="2"/>
      <c r="B40925" s="2"/>
      <c r="C40925" s="2"/>
    </row>
    <row r="40926" spans="1:3" ht="19.2">
      <c r="A40926" s="2"/>
      <c r="B40926" s="2"/>
      <c r="C40926" s="2"/>
    </row>
    <row r="40927" spans="1:3" ht="19.2">
      <c r="A40927" s="2"/>
      <c r="B40927" s="2"/>
      <c r="C40927" s="2"/>
    </row>
    <row r="40928" spans="1:3" ht="19.2">
      <c r="A40928" s="2"/>
      <c r="B40928" s="2"/>
      <c r="C40928" s="2"/>
    </row>
    <row r="40929" spans="1:3" ht="19.2">
      <c r="A40929" s="2"/>
      <c r="B40929" s="2"/>
      <c r="C40929" s="2"/>
    </row>
    <row r="40930" spans="1:3" ht="19.2">
      <c r="A40930" s="2"/>
      <c r="B40930" s="2"/>
      <c r="C40930" s="2"/>
    </row>
    <row r="40931" spans="1:3" ht="19.2">
      <c r="A40931" s="2"/>
      <c r="B40931" s="2"/>
      <c r="C40931" s="2"/>
    </row>
    <row r="40932" spans="1:3" ht="19.2">
      <c r="A40932" s="2"/>
      <c r="B40932" s="2"/>
      <c r="C40932" s="2"/>
    </row>
    <row r="40933" spans="1:3" ht="19.2">
      <c r="A40933" s="2"/>
      <c r="B40933" s="2"/>
      <c r="C40933" s="2"/>
    </row>
    <row r="40934" spans="1:3" ht="19.2">
      <c r="A40934" s="2"/>
      <c r="B40934" s="2"/>
      <c r="C40934" s="2"/>
    </row>
    <row r="40935" spans="1:3" ht="19.2">
      <c r="A40935" s="2"/>
      <c r="B40935" s="2"/>
      <c r="C40935" s="2"/>
    </row>
    <row r="40936" spans="1:3" ht="19.2">
      <c r="A40936" s="2"/>
      <c r="B40936" s="2"/>
      <c r="C40936" s="2"/>
    </row>
    <row r="40937" spans="1:3" ht="19.2">
      <c r="A40937" s="2"/>
      <c r="B40937" s="2"/>
      <c r="C40937" s="2"/>
    </row>
    <row r="40938" spans="1:3" ht="19.2">
      <c r="A40938" s="2"/>
      <c r="B40938" s="2"/>
      <c r="C40938" s="2"/>
    </row>
    <row r="40939" spans="1:3" ht="19.2">
      <c r="A40939" s="2"/>
      <c r="B40939" s="2"/>
      <c r="C40939" s="2"/>
    </row>
    <row r="40940" spans="1:3" ht="19.2">
      <c r="A40940" s="2"/>
      <c r="B40940" s="2"/>
      <c r="C40940" s="2"/>
    </row>
    <row r="40941" spans="1:3" ht="19.2">
      <c r="A40941" s="2"/>
      <c r="B40941" s="2"/>
      <c r="C40941" s="2"/>
    </row>
    <row r="40942" spans="1:3" ht="19.2">
      <c r="A40942" s="2"/>
      <c r="B40942" s="2"/>
      <c r="C40942" s="2"/>
    </row>
    <row r="40943" spans="1:3" ht="19.2">
      <c r="A40943" s="2"/>
      <c r="B40943" s="2"/>
      <c r="C40943" s="2"/>
    </row>
    <row r="40944" spans="1:3" ht="19.2">
      <c r="A40944" s="2"/>
      <c r="B40944" s="2"/>
      <c r="C40944" s="2"/>
    </row>
    <row r="40945" spans="1:3" ht="19.2">
      <c r="A40945" s="2"/>
      <c r="B40945" s="2"/>
      <c r="C40945" s="2"/>
    </row>
    <row r="40946" spans="1:3" ht="19.2">
      <c r="A40946" s="2"/>
      <c r="B40946" s="2"/>
      <c r="C40946" s="2"/>
    </row>
    <row r="40947" spans="1:3" ht="19.2">
      <c r="A40947" s="2"/>
      <c r="B40947" s="2"/>
      <c r="C40947" s="2"/>
    </row>
    <row r="40948" spans="1:3" ht="19.2">
      <c r="A40948" s="2"/>
      <c r="B40948" s="2"/>
      <c r="C40948" s="2"/>
    </row>
    <row r="40949" spans="1:3" ht="19.2">
      <c r="A40949" s="2"/>
      <c r="B40949" s="2"/>
      <c r="C40949" s="2"/>
    </row>
    <row r="40950" spans="1:3" ht="19.2">
      <c r="A40950" s="2"/>
      <c r="B40950" s="2"/>
      <c r="C40950" s="2"/>
    </row>
    <row r="40951" spans="1:3" ht="19.2">
      <c r="A40951" s="2"/>
      <c r="B40951" s="2"/>
      <c r="C40951" s="2"/>
    </row>
    <row r="40952" spans="1:3" ht="19.2">
      <c r="A40952" s="2"/>
      <c r="B40952" s="2"/>
      <c r="C40952" s="2"/>
    </row>
    <row r="40953" spans="1:3" ht="19.2">
      <c r="A40953" s="2"/>
      <c r="B40953" s="2"/>
      <c r="C40953" s="2"/>
    </row>
    <row r="40954" spans="1:3" ht="19.2">
      <c r="A40954" s="2"/>
      <c r="B40954" s="2"/>
      <c r="C40954" s="2"/>
    </row>
    <row r="40955" spans="1:3" ht="19.2">
      <c r="A40955" s="2"/>
      <c r="B40955" s="2"/>
      <c r="C40955" s="2"/>
    </row>
    <row r="40956" spans="1:3" ht="19.2">
      <c r="A40956" s="2"/>
      <c r="B40956" s="2"/>
      <c r="C40956" s="2"/>
    </row>
    <row r="40957" spans="1:3" ht="19.2">
      <c r="A40957" s="2"/>
      <c r="B40957" s="2"/>
      <c r="C40957" s="2"/>
    </row>
    <row r="40958" spans="1:3" ht="19.2">
      <c r="A40958" s="2"/>
      <c r="B40958" s="2"/>
      <c r="C40958" s="2"/>
    </row>
    <row r="40959" spans="1:3" ht="19.2">
      <c r="A40959" s="2"/>
      <c r="B40959" s="2"/>
      <c r="C40959" s="2"/>
    </row>
    <row r="40960" spans="1:3" ht="19.2">
      <c r="A40960" s="2"/>
      <c r="B40960" s="2"/>
      <c r="C40960" s="2"/>
    </row>
    <row r="40961" spans="1:3" ht="19.2">
      <c r="A40961" s="2"/>
      <c r="B40961" s="2"/>
      <c r="C40961" s="2"/>
    </row>
    <row r="40962" spans="1:3" ht="19.2">
      <c r="A40962" s="2"/>
      <c r="B40962" s="2"/>
      <c r="C40962" s="2"/>
    </row>
    <row r="40963" spans="1:3" ht="19.2">
      <c r="A40963" s="2"/>
      <c r="B40963" s="2"/>
      <c r="C40963" s="2"/>
    </row>
    <row r="40964" spans="1:3" ht="19.2">
      <c r="A40964" s="2"/>
      <c r="B40964" s="2"/>
      <c r="C40964" s="2"/>
    </row>
    <row r="40965" spans="1:3" ht="19.2">
      <c r="A40965" s="2"/>
      <c r="B40965" s="2"/>
      <c r="C40965" s="2"/>
    </row>
    <row r="40966" spans="1:3" ht="19.2">
      <c r="A40966" s="2"/>
      <c r="B40966" s="2"/>
      <c r="C40966" s="2"/>
    </row>
    <row r="40967" spans="1:3" ht="19.2">
      <c r="A40967" s="2"/>
      <c r="B40967" s="2"/>
      <c r="C40967" s="2"/>
    </row>
    <row r="40968" spans="1:3" ht="19.2">
      <c r="A40968" s="2"/>
      <c r="B40968" s="2"/>
      <c r="C40968" s="2"/>
    </row>
    <row r="40969" spans="1:3" ht="19.2">
      <c r="A40969" s="2"/>
      <c r="B40969" s="2"/>
      <c r="C40969" s="2"/>
    </row>
    <row r="40970" spans="1:3" ht="19.2">
      <c r="A40970" s="2"/>
      <c r="B40970" s="2"/>
      <c r="C40970" s="2"/>
    </row>
    <row r="40971" spans="1:3" ht="19.2">
      <c r="A40971" s="2"/>
      <c r="B40971" s="2"/>
      <c r="C40971" s="2"/>
    </row>
    <row r="40972" spans="1:3" ht="19.2">
      <c r="A40972" s="2"/>
      <c r="B40972" s="2"/>
      <c r="C40972" s="2"/>
    </row>
    <row r="40973" spans="1:3" ht="19.2">
      <c r="A40973" s="2"/>
      <c r="B40973" s="2"/>
      <c r="C40973" s="2"/>
    </row>
    <row r="40974" spans="1:3" ht="19.2">
      <c r="A40974" s="2"/>
      <c r="B40974" s="2"/>
      <c r="C40974" s="2"/>
    </row>
    <row r="40975" spans="1:3" ht="19.2">
      <c r="A40975" s="2"/>
      <c r="B40975" s="2"/>
      <c r="C40975" s="2"/>
    </row>
    <row r="40976" spans="1:3" ht="19.2">
      <c r="A40976" s="2"/>
      <c r="B40976" s="2"/>
      <c r="C40976" s="2"/>
    </row>
    <row r="40977" spans="1:3" ht="19.2">
      <c r="A40977" s="2"/>
      <c r="B40977" s="2"/>
      <c r="C40977" s="2"/>
    </row>
    <row r="40978" spans="1:3" ht="19.2">
      <c r="A40978" s="2"/>
      <c r="B40978" s="2"/>
      <c r="C40978" s="2"/>
    </row>
    <row r="40979" spans="1:3" ht="19.2">
      <c r="A40979" s="2"/>
      <c r="B40979" s="2"/>
      <c r="C40979" s="2"/>
    </row>
    <row r="40980" spans="1:3" ht="19.2">
      <c r="A40980" s="2"/>
      <c r="B40980" s="2"/>
      <c r="C40980" s="2"/>
    </row>
    <row r="40981" spans="1:3" ht="19.2">
      <c r="A40981" s="2"/>
      <c r="B40981" s="2"/>
      <c r="C40981" s="2"/>
    </row>
    <row r="40982" spans="1:3" ht="19.2">
      <c r="A40982" s="2"/>
      <c r="B40982" s="2"/>
      <c r="C40982" s="2"/>
    </row>
    <row r="40983" spans="1:3" ht="19.2">
      <c r="A40983" s="2"/>
      <c r="B40983" s="2"/>
      <c r="C40983" s="2"/>
    </row>
    <row r="40984" spans="1:3" ht="19.2">
      <c r="A40984" s="2"/>
      <c r="B40984" s="2"/>
      <c r="C40984" s="2"/>
    </row>
    <row r="40985" spans="1:3" ht="19.2">
      <c r="A40985" s="2"/>
      <c r="B40985" s="2"/>
      <c r="C40985" s="2"/>
    </row>
    <row r="40986" spans="1:3" ht="19.2">
      <c r="A40986" s="2"/>
      <c r="B40986" s="2"/>
      <c r="C40986" s="2"/>
    </row>
    <row r="40987" spans="1:3" ht="19.2">
      <c r="A40987" s="2"/>
      <c r="B40987" s="2"/>
      <c r="C40987" s="2"/>
    </row>
    <row r="40988" spans="1:3" ht="19.2">
      <c r="A40988" s="2"/>
      <c r="B40988" s="2"/>
      <c r="C40988" s="2"/>
    </row>
    <row r="40989" spans="1:3" ht="19.2">
      <c r="A40989" s="2"/>
      <c r="B40989" s="2"/>
      <c r="C40989" s="2"/>
    </row>
    <row r="40990" spans="1:3" ht="19.2">
      <c r="A40990" s="2"/>
      <c r="B40990" s="2"/>
      <c r="C40990" s="2"/>
    </row>
    <row r="40991" spans="1:3" ht="19.2">
      <c r="A40991" s="2"/>
      <c r="B40991" s="2"/>
      <c r="C40991" s="2"/>
    </row>
    <row r="40992" spans="1:3" ht="19.2">
      <c r="A40992" s="2"/>
      <c r="B40992" s="2"/>
      <c r="C40992" s="2"/>
    </row>
    <row r="40993" spans="1:3" ht="19.2">
      <c r="A40993" s="2"/>
      <c r="B40993" s="2"/>
      <c r="C40993" s="2"/>
    </row>
    <row r="40994" spans="1:3" ht="19.2">
      <c r="A40994" s="2"/>
      <c r="B40994" s="2"/>
      <c r="C40994" s="2"/>
    </row>
    <row r="40995" spans="1:3" ht="19.2">
      <c r="A40995" s="2"/>
      <c r="B40995" s="2"/>
      <c r="C40995" s="2"/>
    </row>
    <row r="40996" spans="1:3" ht="19.2">
      <c r="A40996" s="2"/>
      <c r="B40996" s="2"/>
      <c r="C40996" s="2"/>
    </row>
    <row r="40997" spans="1:3" ht="19.2">
      <c r="A40997" s="2"/>
      <c r="B40997" s="2"/>
      <c r="C40997" s="2"/>
    </row>
    <row r="40998" spans="1:3" ht="19.2">
      <c r="A40998" s="2"/>
      <c r="B40998" s="2"/>
      <c r="C40998" s="2"/>
    </row>
    <row r="40999" spans="1:3" ht="19.2">
      <c r="A40999" s="2"/>
      <c r="B40999" s="2"/>
      <c r="C40999" s="2"/>
    </row>
    <row r="41000" spans="1:3" ht="19.2">
      <c r="A41000" s="2"/>
      <c r="B41000" s="2"/>
      <c r="C41000" s="2"/>
    </row>
    <row r="41001" spans="1:3" ht="19.2">
      <c r="A41001" s="2"/>
      <c r="B41001" s="2"/>
      <c r="C41001" s="2"/>
    </row>
    <row r="41002" spans="1:3" ht="19.2">
      <c r="A41002" s="2"/>
      <c r="B41002" s="2"/>
      <c r="C41002" s="2"/>
    </row>
    <row r="41003" spans="1:3" ht="19.2">
      <c r="A41003" s="2"/>
      <c r="B41003" s="2"/>
      <c r="C41003" s="2"/>
    </row>
    <row r="41004" spans="1:3" ht="19.2">
      <c r="A41004" s="2"/>
      <c r="B41004" s="2"/>
      <c r="C41004" s="2"/>
    </row>
    <row r="41005" spans="1:3" ht="19.2">
      <c r="A41005" s="2"/>
      <c r="B41005" s="2"/>
      <c r="C41005" s="2"/>
    </row>
    <row r="41006" spans="1:3" ht="19.2">
      <c r="A41006" s="2"/>
      <c r="B41006" s="2"/>
      <c r="C41006" s="2"/>
    </row>
    <row r="41007" spans="1:3" ht="19.2">
      <c r="A41007" s="2"/>
      <c r="B41007" s="2"/>
      <c r="C41007" s="2"/>
    </row>
    <row r="41008" spans="1:3" ht="19.2">
      <c r="A41008" s="2"/>
      <c r="B41008" s="2"/>
      <c r="C41008" s="2"/>
    </row>
    <row r="41009" spans="1:3" ht="19.2">
      <c r="A41009" s="2"/>
      <c r="B41009" s="2"/>
      <c r="C41009" s="2"/>
    </row>
    <row r="41010" spans="1:3" ht="19.2">
      <c r="A41010" s="2"/>
      <c r="B41010" s="2"/>
      <c r="C41010" s="2"/>
    </row>
    <row r="41011" spans="1:3" ht="19.2">
      <c r="A41011" s="2"/>
      <c r="B41011" s="2"/>
      <c r="C41011" s="2"/>
    </row>
    <row r="41012" spans="1:3" ht="19.2">
      <c r="A41012" s="2"/>
      <c r="B41012" s="2"/>
      <c r="C41012" s="2"/>
    </row>
    <row r="41013" spans="1:3" ht="19.2">
      <c r="A41013" s="2"/>
      <c r="B41013" s="2"/>
      <c r="C41013" s="2"/>
    </row>
    <row r="41014" spans="1:3" ht="19.2">
      <c r="A41014" s="2"/>
      <c r="B41014" s="2"/>
      <c r="C41014" s="2"/>
    </row>
    <row r="41015" spans="1:3" ht="19.2">
      <c r="A41015" s="2"/>
      <c r="B41015" s="2"/>
      <c r="C41015" s="2"/>
    </row>
    <row r="41016" spans="1:3" ht="19.2">
      <c r="A41016" s="2"/>
      <c r="B41016" s="2"/>
      <c r="C41016" s="2"/>
    </row>
    <row r="41017" spans="1:3" ht="19.2">
      <c r="A41017" s="2"/>
      <c r="B41017" s="2"/>
      <c r="C41017" s="2"/>
    </row>
    <row r="41018" spans="1:3" ht="19.2">
      <c r="A41018" s="2"/>
      <c r="B41018" s="2"/>
      <c r="C41018" s="2"/>
    </row>
    <row r="41019" spans="1:3" ht="19.2">
      <c r="A41019" s="2"/>
      <c r="B41019" s="2"/>
      <c r="C41019" s="2"/>
    </row>
    <row r="41020" spans="1:3" ht="19.2">
      <c r="A41020" s="2"/>
      <c r="B41020" s="2"/>
      <c r="C41020" s="2"/>
    </row>
    <row r="41021" spans="1:3" ht="19.2">
      <c r="A41021" s="2"/>
      <c r="B41021" s="2"/>
      <c r="C41021" s="2"/>
    </row>
    <row r="41022" spans="1:3" ht="19.2">
      <c r="A41022" s="2"/>
      <c r="B41022" s="2"/>
      <c r="C41022" s="2"/>
    </row>
    <row r="41023" spans="1:3" ht="19.2">
      <c r="A41023" s="2"/>
      <c r="B41023" s="2"/>
      <c r="C41023" s="2"/>
    </row>
    <row r="41024" spans="1:3" ht="19.2">
      <c r="A41024" s="2"/>
      <c r="B41024" s="2"/>
      <c r="C41024" s="2"/>
    </row>
    <row r="41025" spans="1:3" ht="19.2">
      <c r="A41025" s="2"/>
      <c r="B41025" s="2"/>
      <c r="C41025" s="2"/>
    </row>
    <row r="41026" spans="1:3" ht="19.2">
      <c r="A41026" s="2"/>
      <c r="B41026" s="2"/>
      <c r="C41026" s="2"/>
    </row>
    <row r="41027" spans="1:3" ht="19.2">
      <c r="A41027" s="2"/>
      <c r="B41027" s="2"/>
      <c r="C41027" s="2"/>
    </row>
    <row r="41028" spans="1:3" ht="19.2">
      <c r="A41028" s="2"/>
      <c r="B41028" s="2"/>
      <c r="C41028" s="2"/>
    </row>
    <row r="41029" spans="1:3" ht="19.2">
      <c r="A41029" s="2"/>
      <c r="B41029" s="2"/>
      <c r="C41029" s="2"/>
    </row>
    <row r="41030" spans="1:3" ht="19.2">
      <c r="A41030" s="2"/>
      <c r="B41030" s="2"/>
      <c r="C41030" s="2"/>
    </row>
    <row r="41031" spans="1:3" ht="19.2">
      <c r="A41031" s="2"/>
      <c r="B41031" s="2"/>
      <c r="C41031" s="2"/>
    </row>
    <row r="41032" spans="1:3" ht="19.2">
      <c r="A41032" s="2"/>
      <c r="B41032" s="2"/>
      <c r="C41032" s="2"/>
    </row>
    <row r="41033" spans="1:3" ht="19.2">
      <c r="A41033" s="2"/>
      <c r="B41033" s="2"/>
      <c r="C41033" s="2"/>
    </row>
    <row r="41034" spans="1:3" ht="19.2">
      <c r="A41034" s="2"/>
      <c r="B41034" s="2"/>
      <c r="C41034" s="2"/>
    </row>
    <row r="41035" spans="1:3" ht="19.2">
      <c r="A41035" s="2"/>
      <c r="B41035" s="2"/>
      <c r="C41035" s="2"/>
    </row>
    <row r="41036" spans="1:3" ht="19.2">
      <c r="A41036" s="2"/>
      <c r="B41036" s="2"/>
      <c r="C41036" s="2"/>
    </row>
    <row r="41037" spans="1:3" ht="19.2">
      <c r="A41037" s="2"/>
      <c r="B41037" s="2"/>
      <c r="C41037" s="2"/>
    </row>
    <row r="41038" spans="1:3" ht="19.2">
      <c r="A41038" s="2"/>
      <c r="B41038" s="2"/>
      <c r="C41038" s="2"/>
    </row>
    <row r="41039" spans="1:3" ht="19.2">
      <c r="A41039" s="2"/>
      <c r="B41039" s="2"/>
      <c r="C41039" s="2"/>
    </row>
    <row r="41040" spans="1:3" ht="19.2">
      <c r="A41040" s="2"/>
      <c r="B41040" s="2"/>
      <c r="C41040" s="2"/>
    </row>
    <row r="41041" spans="1:3" ht="19.2">
      <c r="A41041" s="2"/>
      <c r="B41041" s="2"/>
      <c r="C41041" s="2"/>
    </row>
    <row r="41042" spans="1:3" ht="19.2">
      <c r="A41042" s="2"/>
      <c r="B41042" s="2"/>
      <c r="C41042" s="2"/>
    </row>
    <row r="41043" spans="1:3" ht="19.2">
      <c r="A41043" s="2"/>
      <c r="B41043" s="2"/>
      <c r="C41043" s="2"/>
    </row>
    <row r="41044" spans="1:3" ht="19.2">
      <c r="A41044" s="2"/>
      <c r="B41044" s="2"/>
      <c r="C41044" s="2"/>
    </row>
    <row r="41045" spans="1:3" ht="19.2">
      <c r="A41045" s="2"/>
      <c r="B41045" s="2"/>
      <c r="C41045" s="2"/>
    </row>
    <row r="41046" spans="1:3" ht="19.2">
      <c r="A41046" s="2"/>
      <c r="B41046" s="2"/>
      <c r="C41046" s="2"/>
    </row>
    <row r="41047" spans="1:3" ht="19.2">
      <c r="A41047" s="2"/>
      <c r="B41047" s="2"/>
      <c r="C41047" s="2"/>
    </row>
    <row r="41048" spans="1:3" ht="19.2">
      <c r="A41048" s="2"/>
      <c r="B41048" s="2"/>
      <c r="C41048" s="2"/>
    </row>
    <row r="41049" spans="1:3" ht="19.2">
      <c r="A41049" s="2"/>
      <c r="B41049" s="2"/>
      <c r="C41049" s="2"/>
    </row>
    <row r="41050" spans="1:3" ht="19.2">
      <c r="A41050" s="2"/>
      <c r="B41050" s="2"/>
      <c r="C41050" s="2"/>
    </row>
    <row r="41051" spans="1:3" ht="19.2">
      <c r="A41051" s="2"/>
      <c r="B41051" s="2"/>
      <c r="C41051" s="2"/>
    </row>
    <row r="41052" spans="1:3" ht="19.2">
      <c r="A41052" s="2"/>
      <c r="B41052" s="2"/>
      <c r="C41052" s="2"/>
    </row>
    <row r="41053" spans="1:3" ht="19.2">
      <c r="A41053" s="2"/>
      <c r="B41053" s="2"/>
      <c r="C41053" s="2"/>
    </row>
    <row r="41054" spans="1:3" ht="19.2">
      <c r="A41054" s="2"/>
      <c r="B41054" s="2"/>
      <c r="C41054" s="2"/>
    </row>
    <row r="41055" spans="1:3" ht="19.2">
      <c r="A41055" s="2"/>
      <c r="B41055" s="2"/>
      <c r="C41055" s="2"/>
    </row>
    <row r="41056" spans="1:3" ht="19.2">
      <c r="A41056" s="2"/>
      <c r="B41056" s="2"/>
      <c r="C41056" s="2"/>
    </row>
    <row r="41057" spans="1:3" ht="19.2">
      <c r="A41057" s="2"/>
      <c r="B41057" s="2"/>
      <c r="C41057" s="2"/>
    </row>
    <row r="41058" spans="1:3" ht="19.2">
      <c r="A41058" s="2"/>
      <c r="B41058" s="2"/>
      <c r="C41058" s="2"/>
    </row>
    <row r="41059" spans="1:3" ht="19.2">
      <c r="A41059" s="2"/>
      <c r="B41059" s="2"/>
      <c r="C41059" s="2"/>
    </row>
    <row r="41060" spans="1:3" ht="19.2">
      <c r="A41060" s="2"/>
      <c r="B41060" s="2"/>
      <c r="C41060" s="2"/>
    </row>
    <row r="41061" spans="1:3" ht="19.2">
      <c r="A41061" s="2"/>
      <c r="B41061" s="2"/>
      <c r="C41061" s="2"/>
    </row>
    <row r="41062" spans="1:3" ht="19.2">
      <c r="A41062" s="2"/>
      <c r="B41062" s="2"/>
      <c r="C41062" s="2"/>
    </row>
    <row r="41063" spans="1:3" ht="19.2">
      <c r="A41063" s="2"/>
      <c r="B41063" s="2"/>
      <c r="C41063" s="2"/>
    </row>
    <row r="41064" spans="1:3" ht="19.2">
      <c r="A41064" s="2"/>
      <c r="B41064" s="2"/>
      <c r="C41064" s="2"/>
    </row>
    <row r="41065" spans="1:3" ht="19.2">
      <c r="A41065" s="2"/>
      <c r="B41065" s="2"/>
      <c r="C41065" s="2"/>
    </row>
    <row r="41066" spans="1:3" ht="19.2">
      <c r="A41066" s="2"/>
      <c r="B41066" s="2"/>
      <c r="C41066" s="2"/>
    </row>
    <row r="41067" spans="1:3" ht="19.2">
      <c r="A41067" s="2"/>
      <c r="B41067" s="2"/>
      <c r="C41067" s="2"/>
    </row>
    <row r="41068" spans="1:3" ht="19.2">
      <c r="A41068" s="2"/>
      <c r="B41068" s="2"/>
      <c r="C41068" s="2"/>
    </row>
    <row r="41069" spans="1:3" ht="19.2">
      <c r="A41069" s="2"/>
      <c r="B41069" s="2"/>
      <c r="C41069" s="2"/>
    </row>
    <row r="41070" spans="1:3" ht="19.2">
      <c r="A41070" s="2"/>
      <c r="B41070" s="2"/>
      <c r="C41070" s="2"/>
    </row>
    <row r="41071" spans="1:3" ht="19.2">
      <c r="A41071" s="2"/>
      <c r="B41071" s="2"/>
      <c r="C41071" s="2"/>
    </row>
    <row r="41072" spans="1:3" ht="19.2">
      <c r="A41072" s="2"/>
      <c r="B41072" s="2"/>
      <c r="C41072" s="2"/>
    </row>
    <row r="41073" spans="1:3" ht="19.2">
      <c r="A41073" s="2"/>
      <c r="B41073" s="2"/>
      <c r="C41073" s="2"/>
    </row>
    <row r="41074" spans="1:3" ht="19.2">
      <c r="A41074" s="2"/>
      <c r="B41074" s="2"/>
      <c r="C41074" s="2"/>
    </row>
    <row r="41075" spans="1:3" ht="19.2">
      <c r="A41075" s="2"/>
      <c r="B41075" s="2"/>
      <c r="C41075" s="2"/>
    </row>
    <row r="41076" spans="1:3" ht="19.2">
      <c r="A41076" s="2"/>
      <c r="B41076" s="2"/>
      <c r="C41076" s="2"/>
    </row>
    <row r="41077" spans="1:3" ht="19.2">
      <c r="A41077" s="2"/>
      <c r="B41077" s="2"/>
      <c r="C41077" s="2"/>
    </row>
    <row r="41078" spans="1:3" ht="19.2">
      <c r="A41078" s="2"/>
      <c r="B41078" s="2"/>
      <c r="C41078" s="2"/>
    </row>
    <row r="41079" spans="1:3" ht="19.2">
      <c r="A41079" s="2"/>
      <c r="B41079" s="2"/>
      <c r="C41079" s="2"/>
    </row>
    <row r="41080" spans="1:3" ht="19.2">
      <c r="A41080" s="2"/>
      <c r="B41080" s="2"/>
      <c r="C41080" s="2"/>
    </row>
    <row r="41081" spans="1:3" ht="19.2">
      <c r="A41081" s="2"/>
      <c r="B41081" s="2"/>
      <c r="C41081" s="2"/>
    </row>
    <row r="41082" spans="1:3" ht="19.2">
      <c r="A41082" s="2"/>
      <c r="B41082" s="2"/>
      <c r="C41082" s="2"/>
    </row>
    <row r="41083" spans="1:3" ht="19.2">
      <c r="A41083" s="2"/>
      <c r="B41083" s="2"/>
      <c r="C41083" s="2"/>
    </row>
    <row r="41084" spans="1:3" ht="19.2">
      <c r="A41084" s="2"/>
      <c r="B41084" s="2"/>
      <c r="C41084" s="2"/>
    </row>
    <row r="41085" spans="1:3" ht="19.2">
      <c r="A41085" s="2"/>
      <c r="B41085" s="2"/>
      <c r="C41085" s="2"/>
    </row>
    <row r="41086" spans="1:3" ht="19.2">
      <c r="A41086" s="2"/>
      <c r="B41086" s="2"/>
      <c r="C41086" s="2"/>
    </row>
    <row r="41087" spans="1:3" ht="19.2">
      <c r="A41087" s="2"/>
      <c r="B41087" s="2"/>
      <c r="C41087" s="2"/>
    </row>
    <row r="41088" spans="1:3" ht="19.2">
      <c r="A41088" s="2"/>
      <c r="B41088" s="2"/>
      <c r="C41088" s="2"/>
    </row>
    <row r="41089" spans="1:3" ht="19.2">
      <c r="A41089" s="2"/>
      <c r="B41089" s="2"/>
      <c r="C41089" s="2"/>
    </row>
    <row r="41090" spans="1:3" ht="19.2">
      <c r="A41090" s="2"/>
      <c r="B41090" s="2"/>
      <c r="C41090" s="2"/>
    </row>
    <row r="41091" spans="1:3" ht="19.2">
      <c r="A41091" s="2"/>
      <c r="B41091" s="2"/>
      <c r="C41091" s="2"/>
    </row>
    <row r="41092" spans="1:3" ht="19.2">
      <c r="A41092" s="2"/>
      <c r="B41092" s="2"/>
      <c r="C41092" s="2"/>
    </row>
    <row r="41093" spans="1:3" ht="19.2">
      <c r="A41093" s="2"/>
      <c r="B41093" s="2"/>
      <c r="C41093" s="2"/>
    </row>
    <row r="41094" spans="1:3" ht="19.2">
      <c r="A41094" s="2"/>
      <c r="B41094" s="2"/>
      <c r="C41094" s="2"/>
    </row>
    <row r="41095" spans="1:3" ht="19.2">
      <c r="A41095" s="2"/>
      <c r="B41095" s="2"/>
      <c r="C41095" s="2"/>
    </row>
    <row r="41096" spans="1:3" ht="19.2">
      <c r="A41096" s="2"/>
      <c r="B41096" s="2"/>
      <c r="C41096" s="2"/>
    </row>
    <row r="41097" spans="1:3" ht="19.2">
      <c r="A41097" s="2"/>
      <c r="B41097" s="2"/>
      <c r="C41097" s="2"/>
    </row>
    <row r="41098" spans="1:3" ht="19.2">
      <c r="A41098" s="2"/>
      <c r="B41098" s="2"/>
      <c r="C41098" s="2"/>
    </row>
    <row r="41099" spans="1:3" ht="19.2">
      <c r="A41099" s="2"/>
      <c r="B41099" s="2"/>
      <c r="C41099" s="2"/>
    </row>
    <row r="41100" spans="1:3" ht="19.2">
      <c r="A41100" s="2"/>
      <c r="B41100" s="2"/>
      <c r="C41100" s="2"/>
    </row>
    <row r="41101" spans="1:3" ht="19.2">
      <c r="A41101" s="2"/>
      <c r="B41101" s="2"/>
      <c r="C41101" s="2"/>
    </row>
    <row r="41102" spans="1:3" ht="19.2">
      <c r="A41102" s="2"/>
      <c r="B41102" s="2"/>
      <c r="C41102" s="2"/>
    </row>
    <row r="41103" spans="1:3" ht="19.2">
      <c r="A41103" s="2"/>
      <c r="B41103" s="2"/>
      <c r="C41103" s="2"/>
    </row>
    <row r="41104" spans="1:3" ht="19.2">
      <c r="A41104" s="2"/>
      <c r="B41104" s="2"/>
      <c r="C41104" s="2"/>
    </row>
    <row r="41105" spans="1:3" ht="19.2">
      <c r="A41105" s="2"/>
      <c r="B41105" s="2"/>
      <c r="C41105" s="2"/>
    </row>
    <row r="41106" spans="1:3" ht="19.2">
      <c r="A41106" s="2"/>
      <c r="B41106" s="2"/>
      <c r="C41106" s="2"/>
    </row>
    <row r="41107" spans="1:3" ht="19.2">
      <c r="A41107" s="2"/>
      <c r="B41107" s="2"/>
      <c r="C41107" s="2"/>
    </row>
    <row r="41108" spans="1:3" ht="19.2">
      <c r="A41108" s="2"/>
      <c r="B41108" s="2"/>
      <c r="C41108" s="2"/>
    </row>
    <row r="41109" spans="1:3" ht="19.2">
      <c r="A41109" s="2"/>
      <c r="B41109" s="2"/>
      <c r="C41109" s="2"/>
    </row>
    <row r="41110" spans="1:3" ht="19.2">
      <c r="A41110" s="2"/>
      <c r="B41110" s="2"/>
      <c r="C41110" s="2"/>
    </row>
    <row r="41111" spans="1:3" ht="19.2">
      <c r="A41111" s="2"/>
      <c r="B41111" s="2"/>
      <c r="C41111" s="2"/>
    </row>
    <row r="41112" spans="1:3" ht="19.2">
      <c r="A41112" s="2"/>
      <c r="B41112" s="2"/>
      <c r="C41112" s="2"/>
    </row>
    <row r="41113" spans="1:3" ht="19.2">
      <c r="A41113" s="2"/>
      <c r="B41113" s="2"/>
      <c r="C41113" s="2"/>
    </row>
    <row r="41114" spans="1:3" ht="19.2">
      <c r="A41114" s="2"/>
      <c r="B41114" s="2"/>
      <c r="C41114" s="2"/>
    </row>
    <row r="41115" spans="1:3" ht="19.2">
      <c r="A41115" s="2"/>
      <c r="B41115" s="2"/>
      <c r="C41115" s="2"/>
    </row>
    <row r="41116" spans="1:3" ht="19.2">
      <c r="A41116" s="2"/>
      <c r="B41116" s="2"/>
      <c r="C41116" s="2"/>
    </row>
    <row r="41117" spans="1:3" ht="19.2">
      <c r="A41117" s="2"/>
      <c r="B41117" s="2"/>
      <c r="C41117" s="2"/>
    </row>
    <row r="41118" spans="1:3" ht="19.2">
      <c r="A41118" s="2"/>
      <c r="B41118" s="2"/>
      <c r="C41118" s="2"/>
    </row>
    <row r="41119" spans="1:3" ht="19.2">
      <c r="A41119" s="2"/>
      <c r="B41119" s="2"/>
      <c r="C41119" s="2"/>
    </row>
    <row r="41120" spans="1:3" ht="19.2">
      <c r="A41120" s="2"/>
      <c r="B41120" s="2"/>
      <c r="C41120" s="2"/>
    </row>
    <row r="41121" spans="1:3" ht="19.2">
      <c r="A41121" s="2"/>
      <c r="B41121" s="2"/>
      <c r="C41121" s="2"/>
    </row>
    <row r="41122" spans="1:3" ht="19.2">
      <c r="A41122" s="2"/>
      <c r="B41122" s="2"/>
      <c r="C41122" s="2"/>
    </row>
    <row r="41123" spans="1:3" ht="19.2">
      <c r="A41123" s="2"/>
      <c r="B41123" s="2"/>
      <c r="C41123" s="2"/>
    </row>
    <row r="41124" spans="1:3" ht="19.2">
      <c r="A41124" s="2"/>
      <c r="B41124" s="2"/>
      <c r="C41124" s="2"/>
    </row>
    <row r="41125" spans="1:3" ht="19.2">
      <c r="A41125" s="2"/>
      <c r="B41125" s="2"/>
      <c r="C41125" s="2"/>
    </row>
    <row r="41126" spans="1:3" ht="19.2">
      <c r="A41126" s="2"/>
      <c r="B41126" s="2"/>
      <c r="C41126" s="2"/>
    </row>
    <row r="41127" spans="1:3" ht="19.2">
      <c r="A41127" s="2"/>
      <c r="B41127" s="2"/>
      <c r="C41127" s="2"/>
    </row>
    <row r="41128" spans="1:3" ht="19.2">
      <c r="A41128" s="2"/>
      <c r="B41128" s="2"/>
      <c r="C41128" s="2"/>
    </row>
    <row r="41129" spans="1:3" ht="19.2">
      <c r="A41129" s="2"/>
      <c r="B41129" s="2"/>
      <c r="C41129" s="2"/>
    </row>
    <row r="41130" spans="1:3" ht="19.2">
      <c r="A41130" s="2"/>
      <c r="B41130" s="2"/>
      <c r="C41130" s="2"/>
    </row>
    <row r="41131" spans="1:3" ht="19.2">
      <c r="A41131" s="2"/>
      <c r="B41131" s="2"/>
      <c r="C41131" s="2"/>
    </row>
    <row r="41132" spans="1:3" ht="19.2">
      <c r="A41132" s="2"/>
      <c r="B41132" s="2"/>
      <c r="C41132" s="2"/>
    </row>
    <row r="41133" spans="1:3" ht="19.2">
      <c r="A41133" s="2"/>
      <c r="B41133" s="2"/>
      <c r="C41133" s="2"/>
    </row>
    <row r="41134" spans="1:3" ht="19.2">
      <c r="A41134" s="2"/>
      <c r="B41134" s="2"/>
      <c r="C41134" s="2"/>
    </row>
    <row r="41135" spans="1:3" ht="19.2">
      <c r="A41135" s="2"/>
      <c r="B41135" s="2"/>
      <c r="C41135" s="2"/>
    </row>
    <row r="41136" spans="1:3" ht="19.2">
      <c r="A41136" s="2"/>
      <c r="B41136" s="2"/>
      <c r="C41136" s="2"/>
    </row>
    <row r="41137" spans="1:3" ht="19.2">
      <c r="A41137" s="2"/>
      <c r="B41137" s="2"/>
      <c r="C41137" s="2"/>
    </row>
    <row r="41138" spans="1:3" ht="19.2">
      <c r="A41138" s="2"/>
      <c r="B41138" s="2"/>
      <c r="C41138" s="2"/>
    </row>
    <row r="41139" spans="1:3" ht="19.2">
      <c r="A41139" s="2"/>
      <c r="B41139" s="2"/>
      <c r="C41139" s="2"/>
    </row>
    <row r="41140" spans="1:3" ht="19.2">
      <c r="A41140" s="2"/>
      <c r="B41140" s="2"/>
      <c r="C41140" s="2"/>
    </row>
    <row r="41141" spans="1:3" ht="19.2">
      <c r="A41141" s="2"/>
      <c r="B41141" s="2"/>
      <c r="C41141" s="2"/>
    </row>
    <row r="41142" spans="1:3" ht="19.2">
      <c r="A41142" s="2"/>
      <c r="B41142" s="2"/>
      <c r="C41142" s="2"/>
    </row>
    <row r="41143" spans="1:3" ht="19.2">
      <c r="A41143" s="2"/>
      <c r="B41143" s="2"/>
      <c r="C41143" s="2"/>
    </row>
    <row r="41144" spans="1:3" ht="19.2">
      <c r="A41144" s="2"/>
      <c r="B41144" s="2"/>
      <c r="C41144" s="2"/>
    </row>
    <row r="41145" spans="1:3" ht="19.2">
      <c r="A41145" s="2"/>
      <c r="B41145" s="2"/>
      <c r="C41145" s="2"/>
    </row>
    <row r="41146" spans="1:3" ht="19.2">
      <c r="A41146" s="2"/>
      <c r="B41146" s="2"/>
      <c r="C41146" s="2"/>
    </row>
    <row r="41147" spans="1:3" ht="19.2">
      <c r="A41147" s="2"/>
      <c r="B41147" s="2"/>
      <c r="C41147" s="2"/>
    </row>
    <row r="41148" spans="1:3" ht="19.2">
      <c r="A41148" s="2"/>
      <c r="B41148" s="2"/>
      <c r="C41148" s="2"/>
    </row>
    <row r="41149" spans="1:3" ht="19.2">
      <c r="A41149" s="2"/>
      <c r="B41149" s="2"/>
      <c r="C41149" s="2"/>
    </row>
    <row r="41150" spans="1:3" ht="19.2">
      <c r="A41150" s="2"/>
      <c r="B41150" s="2"/>
      <c r="C41150" s="2"/>
    </row>
    <row r="41151" spans="1:3" ht="19.2">
      <c r="A41151" s="2"/>
      <c r="B41151" s="2"/>
      <c r="C41151" s="2"/>
    </row>
    <row r="41152" spans="1:3" ht="19.2">
      <c r="A41152" s="2"/>
      <c r="B41152" s="2"/>
      <c r="C41152" s="2"/>
    </row>
    <row r="41153" spans="1:3" ht="19.2">
      <c r="A41153" s="2"/>
      <c r="B41153" s="2"/>
      <c r="C41153" s="2"/>
    </row>
    <row r="41154" spans="1:3" ht="19.2">
      <c r="A41154" s="2"/>
      <c r="B41154" s="2"/>
      <c r="C41154" s="2"/>
    </row>
    <row r="41155" spans="1:3" ht="19.2">
      <c r="A41155" s="2"/>
      <c r="B41155" s="2"/>
      <c r="C41155" s="2"/>
    </row>
    <row r="41156" spans="1:3" ht="19.2">
      <c r="A41156" s="2"/>
      <c r="B41156" s="2"/>
      <c r="C41156" s="2"/>
    </row>
    <row r="41157" spans="1:3" ht="19.2">
      <c r="A41157" s="2"/>
      <c r="B41157" s="2"/>
      <c r="C41157" s="2"/>
    </row>
    <row r="41158" spans="1:3" ht="19.2">
      <c r="A41158" s="2"/>
      <c r="B41158" s="2"/>
      <c r="C41158" s="2"/>
    </row>
    <row r="41159" spans="1:3" ht="19.2">
      <c r="A41159" s="2"/>
      <c r="B41159" s="2"/>
      <c r="C41159" s="2"/>
    </row>
    <row r="41160" spans="1:3" ht="19.2">
      <c r="A41160" s="2"/>
      <c r="B41160" s="2"/>
      <c r="C41160" s="2"/>
    </row>
    <row r="41161" spans="1:3" ht="19.2">
      <c r="A41161" s="2"/>
      <c r="B41161" s="2"/>
      <c r="C41161" s="2"/>
    </row>
    <row r="41162" spans="1:3" ht="19.2">
      <c r="A41162" s="2"/>
      <c r="B41162" s="2"/>
      <c r="C41162" s="2"/>
    </row>
    <row r="41163" spans="1:3" ht="19.2">
      <c r="A41163" s="2"/>
      <c r="B41163" s="2"/>
      <c r="C41163" s="2"/>
    </row>
    <row r="41164" spans="1:3" ht="19.2">
      <c r="A41164" s="2"/>
      <c r="B41164" s="2"/>
      <c r="C41164" s="2"/>
    </row>
    <row r="41165" spans="1:3" ht="19.2">
      <c r="A41165" s="2"/>
      <c r="B41165" s="2"/>
      <c r="C41165" s="2"/>
    </row>
    <row r="41166" spans="1:3" ht="19.2">
      <c r="A41166" s="2"/>
      <c r="B41166" s="2"/>
      <c r="C41166" s="2"/>
    </row>
    <row r="41167" spans="1:3" ht="19.2">
      <c r="A41167" s="2"/>
      <c r="B41167" s="2"/>
      <c r="C41167" s="2"/>
    </row>
    <row r="41168" spans="1:3" ht="19.2">
      <c r="A41168" s="2"/>
      <c r="B41168" s="2"/>
      <c r="C41168" s="2"/>
    </row>
    <row r="41169" spans="1:3" ht="19.2">
      <c r="A41169" s="2"/>
      <c r="B41169" s="2"/>
      <c r="C41169" s="2"/>
    </row>
    <row r="41170" spans="1:3" ht="19.2">
      <c r="A41170" s="2"/>
      <c r="B41170" s="2"/>
      <c r="C41170" s="2"/>
    </row>
    <row r="41171" spans="1:3" ht="19.2">
      <c r="A41171" s="2"/>
      <c r="B41171" s="2"/>
      <c r="C41171" s="2"/>
    </row>
    <row r="41172" spans="1:3" ht="19.2">
      <c r="A41172" s="2"/>
      <c r="B41172" s="2"/>
      <c r="C41172" s="2"/>
    </row>
    <row r="41173" spans="1:3" ht="19.2">
      <c r="A41173" s="2"/>
      <c r="B41173" s="2"/>
      <c r="C41173" s="2"/>
    </row>
    <row r="41174" spans="1:3" ht="19.2">
      <c r="A41174" s="2"/>
      <c r="B41174" s="2"/>
      <c r="C41174" s="2"/>
    </row>
    <row r="41175" spans="1:3" ht="19.2">
      <c r="A41175" s="2"/>
      <c r="B41175" s="2"/>
      <c r="C41175" s="2"/>
    </row>
    <row r="41176" spans="1:3" ht="19.2">
      <c r="A41176" s="2"/>
      <c r="B41176" s="2"/>
      <c r="C41176" s="2"/>
    </row>
    <row r="41177" spans="1:3" ht="19.2">
      <c r="A41177" s="2"/>
      <c r="B41177" s="2"/>
      <c r="C41177" s="2"/>
    </row>
    <row r="41178" spans="1:3" ht="19.2">
      <c r="A41178" s="2"/>
      <c r="B41178" s="2"/>
      <c r="C41178" s="2"/>
    </row>
    <row r="41179" spans="1:3" ht="19.2">
      <c r="A41179" s="2"/>
      <c r="B41179" s="2"/>
      <c r="C41179" s="2"/>
    </row>
    <row r="41180" spans="1:3" ht="19.2">
      <c r="A41180" s="2"/>
      <c r="B41180" s="2"/>
      <c r="C41180" s="2"/>
    </row>
    <row r="41181" spans="1:3" ht="19.2">
      <c r="A41181" s="2"/>
      <c r="B41181" s="2"/>
      <c r="C41181" s="2"/>
    </row>
    <row r="41182" spans="1:3" ht="19.2">
      <c r="A41182" s="2"/>
      <c r="B41182" s="2"/>
      <c r="C41182" s="2"/>
    </row>
    <row r="41183" spans="1:3" ht="19.2">
      <c r="A41183" s="2"/>
      <c r="B41183" s="2"/>
      <c r="C41183" s="2"/>
    </row>
    <row r="41184" spans="1:3" ht="19.2">
      <c r="A41184" s="2"/>
      <c r="B41184" s="2"/>
      <c r="C41184" s="2"/>
    </row>
    <row r="41185" spans="1:3" ht="19.2">
      <c r="A41185" s="2"/>
      <c r="B41185" s="2"/>
      <c r="C41185" s="2"/>
    </row>
    <row r="41186" spans="1:3" ht="19.2">
      <c r="A41186" s="2"/>
      <c r="B41186" s="2"/>
      <c r="C41186" s="2"/>
    </row>
    <row r="41187" spans="1:3" ht="19.2">
      <c r="A41187" s="2"/>
      <c r="B41187" s="2"/>
      <c r="C41187" s="2"/>
    </row>
    <row r="41188" spans="1:3" ht="19.2">
      <c r="A41188" s="2"/>
      <c r="B41188" s="2"/>
      <c r="C41188" s="2"/>
    </row>
    <row r="41189" spans="1:3" ht="19.2">
      <c r="A41189" s="2"/>
      <c r="B41189" s="2"/>
      <c r="C41189" s="2"/>
    </row>
    <row r="41190" spans="1:3" ht="19.2">
      <c r="A41190" s="2"/>
      <c r="B41190" s="2"/>
      <c r="C41190" s="2"/>
    </row>
    <row r="41191" spans="1:3" ht="19.2">
      <c r="A41191" s="2"/>
      <c r="B41191" s="2"/>
      <c r="C41191" s="2"/>
    </row>
    <row r="41192" spans="1:3" ht="19.2">
      <c r="A41192" s="2"/>
      <c r="B41192" s="2"/>
      <c r="C41192" s="2"/>
    </row>
    <row r="41193" spans="1:3" ht="19.2">
      <c r="A41193" s="2"/>
      <c r="B41193" s="2"/>
      <c r="C41193" s="2"/>
    </row>
    <row r="41194" spans="1:3" ht="19.2">
      <c r="A41194" s="2"/>
      <c r="B41194" s="2"/>
      <c r="C41194" s="2"/>
    </row>
    <row r="41195" spans="1:3" ht="19.2">
      <c r="A41195" s="2"/>
      <c r="B41195" s="2"/>
      <c r="C41195" s="2"/>
    </row>
    <row r="41196" spans="1:3" ht="19.2">
      <c r="A41196" s="2"/>
      <c r="B41196" s="2"/>
      <c r="C41196" s="2"/>
    </row>
    <row r="41197" spans="1:3" ht="19.2">
      <c r="A41197" s="2"/>
      <c r="B41197" s="2"/>
      <c r="C41197" s="2"/>
    </row>
    <row r="41198" spans="1:3" ht="19.2">
      <c r="A41198" s="2"/>
      <c r="B41198" s="2"/>
      <c r="C41198" s="2"/>
    </row>
    <row r="41199" spans="1:3" ht="19.2">
      <c r="A41199" s="2"/>
      <c r="B41199" s="2"/>
      <c r="C41199" s="2"/>
    </row>
    <row r="41200" spans="1:3" ht="19.2">
      <c r="A41200" s="2"/>
      <c r="B41200" s="2"/>
      <c r="C41200" s="2"/>
    </row>
    <row r="41201" spans="1:3" ht="19.2">
      <c r="A41201" s="2"/>
      <c r="B41201" s="2"/>
      <c r="C41201" s="2"/>
    </row>
    <row r="41202" spans="1:3" ht="19.2">
      <c r="A41202" s="2"/>
      <c r="B41202" s="2"/>
      <c r="C41202" s="2"/>
    </row>
    <row r="41203" spans="1:3" ht="19.2">
      <c r="A41203" s="2"/>
      <c r="B41203" s="2"/>
      <c r="C41203" s="2"/>
    </row>
    <row r="41204" spans="1:3" ht="19.2">
      <c r="A41204" s="2"/>
      <c r="B41204" s="2"/>
      <c r="C41204" s="2"/>
    </row>
    <row r="41205" spans="1:3" ht="19.2">
      <c r="A41205" s="2"/>
      <c r="B41205" s="2"/>
      <c r="C41205" s="2"/>
    </row>
    <row r="41206" spans="1:3" ht="19.2">
      <c r="A41206" s="2"/>
      <c r="B41206" s="2"/>
      <c r="C41206" s="2"/>
    </row>
    <row r="41207" spans="1:3" ht="19.2">
      <c r="A41207" s="2"/>
      <c r="B41207" s="2"/>
      <c r="C41207" s="2"/>
    </row>
    <row r="41208" spans="1:3" ht="19.2">
      <c r="A41208" s="2"/>
      <c r="B41208" s="2"/>
      <c r="C41208" s="2"/>
    </row>
    <row r="41209" spans="1:3" ht="19.2">
      <c r="A41209" s="2"/>
      <c r="B41209" s="2"/>
      <c r="C41209" s="2"/>
    </row>
    <row r="41210" spans="1:3" ht="19.2">
      <c r="A41210" s="2"/>
      <c r="B41210" s="2"/>
      <c r="C41210" s="2"/>
    </row>
    <row r="41211" spans="1:3" ht="19.2">
      <c r="A41211" s="2"/>
      <c r="B41211" s="2"/>
      <c r="C41211" s="2"/>
    </row>
    <row r="41212" spans="1:3" ht="19.2">
      <c r="A41212" s="2"/>
      <c r="B41212" s="2"/>
      <c r="C41212" s="2"/>
    </row>
    <row r="41213" spans="1:3" ht="19.2">
      <c r="A41213" s="2"/>
      <c r="B41213" s="2"/>
      <c r="C41213" s="2"/>
    </row>
    <row r="41214" spans="1:3" ht="19.2">
      <c r="A41214" s="2"/>
      <c r="B41214" s="2"/>
      <c r="C41214" s="2"/>
    </row>
    <row r="41215" spans="1:3" ht="19.2">
      <c r="A41215" s="2"/>
      <c r="B41215" s="2"/>
      <c r="C41215" s="2"/>
    </row>
    <row r="41216" spans="1:3" ht="19.2">
      <c r="A41216" s="2"/>
      <c r="B41216" s="2"/>
      <c r="C41216" s="2"/>
    </row>
    <row r="41217" spans="1:3" ht="19.2">
      <c r="A41217" s="2"/>
      <c r="B41217" s="2"/>
      <c r="C41217" s="2"/>
    </row>
    <row r="41218" spans="1:3" ht="19.2">
      <c r="A41218" s="2"/>
      <c r="B41218" s="2"/>
      <c r="C41218" s="2"/>
    </row>
    <row r="41219" spans="1:3" ht="19.2">
      <c r="A41219" s="2"/>
      <c r="B41219" s="2"/>
      <c r="C41219" s="2"/>
    </row>
    <row r="41220" spans="1:3" ht="19.2">
      <c r="A41220" s="2"/>
      <c r="B41220" s="2"/>
      <c r="C41220" s="2"/>
    </row>
    <row r="41221" spans="1:3" ht="19.2">
      <c r="A41221" s="2"/>
      <c r="B41221" s="2"/>
      <c r="C41221" s="2"/>
    </row>
    <row r="41222" spans="1:3" ht="19.2">
      <c r="A41222" s="2"/>
      <c r="B41222" s="2"/>
      <c r="C41222" s="2"/>
    </row>
    <row r="41223" spans="1:3" ht="19.2">
      <c r="A41223" s="2"/>
      <c r="B41223" s="2"/>
      <c r="C41223" s="2"/>
    </row>
    <row r="41224" spans="1:3" ht="19.2">
      <c r="A41224" s="2"/>
      <c r="B41224" s="2"/>
      <c r="C41224" s="2"/>
    </row>
    <row r="41225" spans="1:3" ht="19.2">
      <c r="A41225" s="2"/>
      <c r="B41225" s="2"/>
      <c r="C41225" s="2"/>
    </row>
    <row r="41226" spans="1:3" ht="19.2">
      <c r="A41226" s="2"/>
      <c r="B41226" s="2"/>
      <c r="C41226" s="2"/>
    </row>
    <row r="41227" spans="1:3" ht="19.2">
      <c r="A41227" s="2"/>
      <c r="B41227" s="2"/>
      <c r="C41227" s="2"/>
    </row>
    <row r="41228" spans="1:3" ht="19.2">
      <c r="A41228" s="2"/>
      <c r="B41228" s="2"/>
      <c r="C41228" s="2"/>
    </row>
    <row r="41229" spans="1:3" ht="19.2">
      <c r="A41229" s="2"/>
      <c r="B41229" s="2"/>
      <c r="C41229" s="2"/>
    </row>
    <row r="41230" spans="1:3" ht="19.2">
      <c r="A41230" s="2"/>
      <c r="B41230" s="2"/>
      <c r="C41230" s="2"/>
    </row>
    <row r="41231" spans="1:3" ht="19.2">
      <c r="A41231" s="2"/>
      <c r="B41231" s="2"/>
      <c r="C41231" s="2"/>
    </row>
    <row r="41232" spans="1:3" ht="19.2">
      <c r="A41232" s="2"/>
      <c r="B41232" s="2"/>
      <c r="C41232" s="2"/>
    </row>
    <row r="41233" spans="1:3" ht="19.2">
      <c r="A41233" s="2"/>
      <c r="B41233" s="2"/>
      <c r="C41233" s="2"/>
    </row>
    <row r="41234" spans="1:3" ht="19.2">
      <c r="A41234" s="2"/>
      <c r="B41234" s="2"/>
      <c r="C41234" s="2"/>
    </row>
    <row r="41235" spans="1:3" ht="19.2">
      <c r="A41235" s="2"/>
      <c r="B41235" s="2"/>
      <c r="C41235" s="2"/>
    </row>
    <row r="41236" spans="1:3" ht="19.2">
      <c r="A41236" s="2"/>
      <c r="B41236" s="2"/>
      <c r="C41236" s="2"/>
    </row>
    <row r="41237" spans="1:3" ht="19.2">
      <c r="A41237" s="2"/>
      <c r="B41237" s="2"/>
      <c r="C41237" s="2"/>
    </row>
    <row r="41238" spans="1:3" ht="19.2">
      <c r="A41238" s="2"/>
      <c r="B41238" s="2"/>
      <c r="C41238" s="2"/>
    </row>
    <row r="41239" spans="1:3" ht="19.2">
      <c r="A41239" s="2"/>
      <c r="B41239" s="2"/>
      <c r="C41239" s="2"/>
    </row>
    <row r="41240" spans="1:3" ht="19.2">
      <c r="A41240" s="2"/>
      <c r="B41240" s="2"/>
      <c r="C41240" s="2"/>
    </row>
    <row r="41241" spans="1:3" ht="19.2">
      <c r="A41241" s="2"/>
      <c r="B41241" s="2"/>
      <c r="C41241" s="2"/>
    </row>
    <row r="41242" spans="1:3" ht="19.2">
      <c r="A41242" s="2"/>
      <c r="B41242" s="2"/>
      <c r="C41242" s="2"/>
    </row>
    <row r="41243" spans="1:3" ht="19.2">
      <c r="A41243" s="2"/>
      <c r="B41243" s="2"/>
      <c r="C41243" s="2"/>
    </row>
    <row r="41244" spans="1:3" ht="19.2">
      <c r="A41244" s="2"/>
      <c r="B41244" s="2"/>
      <c r="C41244" s="2"/>
    </row>
    <row r="41245" spans="1:3" ht="19.2">
      <c r="A41245" s="2"/>
      <c r="B41245" s="2"/>
      <c r="C41245" s="2"/>
    </row>
    <row r="41246" spans="1:3" ht="19.2">
      <c r="A41246" s="2"/>
      <c r="B41246" s="2"/>
      <c r="C41246" s="2"/>
    </row>
    <row r="41247" spans="1:3" ht="19.2">
      <c r="A41247" s="2"/>
      <c r="B41247" s="2"/>
      <c r="C41247" s="2"/>
    </row>
    <row r="41248" spans="1:3" ht="19.2">
      <c r="A41248" s="2"/>
      <c r="B41248" s="2"/>
      <c r="C41248" s="2"/>
    </row>
    <row r="41249" spans="1:3" ht="19.2">
      <c r="A41249" s="2"/>
      <c r="B41249" s="2"/>
      <c r="C41249" s="2"/>
    </row>
    <row r="41250" spans="1:3" ht="19.2">
      <c r="A41250" s="2"/>
      <c r="B41250" s="2"/>
      <c r="C41250" s="2"/>
    </row>
    <row r="41251" spans="1:3" ht="19.2">
      <c r="A41251" s="2"/>
      <c r="B41251" s="2"/>
      <c r="C41251" s="2"/>
    </row>
    <row r="41252" spans="1:3" ht="19.2">
      <c r="A41252" s="2"/>
      <c r="B41252" s="2"/>
      <c r="C41252" s="2"/>
    </row>
    <row r="41253" spans="1:3" ht="19.2">
      <c r="A41253" s="2"/>
      <c r="B41253" s="2"/>
      <c r="C41253" s="2"/>
    </row>
    <row r="41254" spans="1:3" ht="19.2">
      <c r="A41254" s="2"/>
      <c r="B41254" s="2"/>
      <c r="C41254" s="2"/>
    </row>
    <row r="41255" spans="1:3" ht="19.2">
      <c r="A41255" s="2"/>
      <c r="B41255" s="2"/>
      <c r="C41255" s="2"/>
    </row>
    <row r="41256" spans="1:3" ht="19.2">
      <c r="A41256" s="2"/>
      <c r="B41256" s="2"/>
      <c r="C41256" s="2"/>
    </row>
    <row r="41257" spans="1:3" ht="19.2">
      <c r="A41257" s="2"/>
      <c r="B41257" s="2"/>
      <c r="C41257" s="2"/>
    </row>
    <row r="41258" spans="1:3" ht="19.2">
      <c r="A41258" s="2"/>
      <c r="B41258" s="2"/>
      <c r="C41258" s="2"/>
    </row>
    <row r="41259" spans="1:3" ht="19.2">
      <c r="A41259" s="2"/>
      <c r="B41259" s="2"/>
      <c r="C41259" s="2"/>
    </row>
    <row r="41260" spans="1:3" ht="19.2">
      <c r="A41260" s="2"/>
      <c r="B41260" s="2"/>
      <c r="C41260" s="2"/>
    </row>
    <row r="41261" spans="1:3" ht="19.2">
      <c r="A41261" s="2"/>
      <c r="B41261" s="2"/>
      <c r="C41261" s="2"/>
    </row>
    <row r="41262" spans="1:3" ht="19.2">
      <c r="A41262" s="2"/>
      <c r="B41262" s="2"/>
      <c r="C41262" s="2"/>
    </row>
    <row r="41263" spans="1:3" ht="19.2">
      <c r="A41263" s="2"/>
      <c r="B41263" s="2"/>
      <c r="C41263" s="2"/>
    </row>
    <row r="41264" spans="1:3" ht="19.2">
      <c r="A41264" s="2"/>
      <c r="B41264" s="2"/>
      <c r="C41264" s="2"/>
    </row>
    <row r="41265" spans="1:3" ht="19.2">
      <c r="A41265" s="2"/>
      <c r="B41265" s="2"/>
      <c r="C41265" s="2"/>
    </row>
    <row r="41266" spans="1:3" ht="19.2">
      <c r="A41266" s="2"/>
      <c r="B41266" s="2"/>
      <c r="C41266" s="2"/>
    </row>
    <row r="41267" spans="1:3" ht="19.2">
      <c r="A41267" s="2"/>
      <c r="B41267" s="2"/>
      <c r="C41267" s="2"/>
    </row>
    <row r="41268" spans="1:3" ht="19.2">
      <c r="A41268" s="2"/>
      <c r="B41268" s="2"/>
      <c r="C41268" s="2"/>
    </row>
    <row r="41269" spans="1:3" ht="19.2">
      <c r="A41269" s="2"/>
      <c r="B41269" s="2"/>
      <c r="C41269" s="2"/>
    </row>
    <row r="41270" spans="1:3" ht="19.2">
      <c r="A41270" s="2"/>
      <c r="B41270" s="2"/>
      <c r="C41270" s="2"/>
    </row>
    <row r="41271" spans="1:3" ht="19.2">
      <c r="A41271" s="2"/>
      <c r="B41271" s="2"/>
      <c r="C41271" s="2"/>
    </row>
    <row r="41272" spans="1:3" ht="19.2">
      <c r="A41272" s="2"/>
      <c r="B41272" s="2"/>
      <c r="C41272" s="2"/>
    </row>
    <row r="41273" spans="1:3" ht="19.2">
      <c r="A41273" s="2"/>
      <c r="B41273" s="2"/>
      <c r="C41273" s="2"/>
    </row>
    <row r="41274" spans="1:3" ht="19.2">
      <c r="A41274" s="2"/>
      <c r="B41274" s="2"/>
      <c r="C41274" s="2"/>
    </row>
    <row r="41275" spans="1:3" ht="19.2">
      <c r="A41275" s="2"/>
      <c r="B41275" s="2"/>
      <c r="C41275" s="2"/>
    </row>
    <row r="41276" spans="1:3" ht="19.2">
      <c r="A41276" s="2"/>
      <c r="B41276" s="2"/>
      <c r="C41276" s="2"/>
    </row>
    <row r="41277" spans="1:3" ht="19.2">
      <c r="A41277" s="2"/>
      <c r="B41277" s="2"/>
      <c r="C41277" s="2"/>
    </row>
    <row r="41278" spans="1:3" ht="19.2">
      <c r="A41278" s="2"/>
      <c r="B41278" s="2"/>
      <c r="C41278" s="2"/>
    </row>
    <row r="41279" spans="1:3" ht="19.2">
      <c r="A41279" s="2"/>
      <c r="B41279" s="2"/>
      <c r="C41279" s="2"/>
    </row>
    <row r="41280" spans="1:3" ht="19.2">
      <c r="A41280" s="2"/>
      <c r="B41280" s="2"/>
      <c r="C41280" s="2"/>
    </row>
    <row r="41281" spans="1:3" ht="19.2">
      <c r="A41281" s="2"/>
      <c r="B41281" s="2"/>
      <c r="C41281" s="2"/>
    </row>
    <row r="41282" spans="1:3" ht="19.2">
      <c r="A41282" s="2"/>
      <c r="B41282" s="2"/>
      <c r="C41282" s="2"/>
    </row>
    <row r="41283" spans="1:3" ht="19.2">
      <c r="A41283" s="2"/>
      <c r="B41283" s="2"/>
      <c r="C41283" s="2"/>
    </row>
    <row r="41284" spans="1:3" ht="19.2">
      <c r="A41284" s="2"/>
      <c r="B41284" s="2"/>
      <c r="C41284" s="2"/>
    </row>
    <row r="41285" spans="1:3" ht="19.2">
      <c r="A41285" s="2"/>
      <c r="B41285" s="2"/>
      <c r="C41285" s="2"/>
    </row>
    <row r="41286" spans="1:3" ht="19.2">
      <c r="A41286" s="2"/>
      <c r="B41286" s="2"/>
      <c r="C41286" s="2"/>
    </row>
    <row r="41287" spans="1:3" ht="19.2">
      <c r="A41287" s="2"/>
      <c r="B41287" s="2"/>
      <c r="C41287" s="2"/>
    </row>
    <row r="41288" spans="1:3" ht="19.2">
      <c r="A41288" s="2"/>
      <c r="B41288" s="2"/>
      <c r="C41288" s="2"/>
    </row>
    <row r="41289" spans="1:3" ht="19.2">
      <c r="A41289" s="2"/>
      <c r="B41289" s="2"/>
      <c r="C41289" s="2"/>
    </row>
    <row r="41290" spans="1:3" ht="19.2">
      <c r="A41290" s="2"/>
      <c r="B41290" s="2"/>
      <c r="C41290" s="2"/>
    </row>
    <row r="41291" spans="1:3" ht="19.2">
      <c r="A41291" s="2"/>
      <c r="B41291" s="2"/>
      <c r="C41291" s="2"/>
    </row>
    <row r="41292" spans="1:3" ht="19.2">
      <c r="A41292" s="2"/>
      <c r="B41292" s="2"/>
      <c r="C41292" s="2"/>
    </row>
    <row r="41293" spans="1:3" ht="19.2">
      <c r="A41293" s="2"/>
      <c r="B41293" s="2"/>
      <c r="C41293" s="2"/>
    </row>
    <row r="41294" spans="1:3" ht="19.2">
      <c r="A41294" s="2"/>
      <c r="B41294" s="2"/>
      <c r="C41294" s="2"/>
    </row>
    <row r="41295" spans="1:3" ht="19.2">
      <c r="A41295" s="2"/>
      <c r="B41295" s="2"/>
      <c r="C41295" s="2"/>
    </row>
    <row r="41296" spans="1:3" ht="19.2">
      <c r="A41296" s="2"/>
      <c r="B41296" s="2"/>
      <c r="C41296" s="2"/>
    </row>
    <row r="41297" spans="1:3" ht="19.2">
      <c r="A41297" s="2"/>
      <c r="B41297" s="2"/>
      <c r="C41297" s="2"/>
    </row>
    <row r="41298" spans="1:3" ht="19.2">
      <c r="A41298" s="2"/>
      <c r="B41298" s="2"/>
      <c r="C41298" s="2"/>
    </row>
    <row r="41299" spans="1:3" ht="19.2">
      <c r="A41299" s="2"/>
      <c r="B41299" s="2"/>
      <c r="C41299" s="2"/>
    </row>
    <row r="41300" spans="1:3" ht="19.2">
      <c r="A41300" s="2"/>
      <c r="B41300" s="2"/>
      <c r="C41300" s="2"/>
    </row>
    <row r="41301" spans="1:3" ht="19.2">
      <c r="A41301" s="2"/>
      <c r="B41301" s="2"/>
      <c r="C41301" s="2"/>
    </row>
    <row r="41302" spans="1:3" ht="19.2">
      <c r="A41302" s="2"/>
      <c r="B41302" s="2"/>
      <c r="C41302" s="2"/>
    </row>
    <row r="41303" spans="1:3" ht="19.2">
      <c r="A41303" s="2"/>
      <c r="B41303" s="2"/>
      <c r="C41303" s="2"/>
    </row>
    <row r="41304" spans="1:3" ht="19.2">
      <c r="A41304" s="2"/>
      <c r="B41304" s="2"/>
      <c r="C41304" s="2"/>
    </row>
    <row r="41305" spans="1:3" ht="19.2">
      <c r="A41305" s="2"/>
      <c r="B41305" s="2"/>
      <c r="C41305" s="2"/>
    </row>
    <row r="41306" spans="1:3" ht="19.2">
      <c r="A41306" s="2"/>
      <c r="B41306" s="2"/>
      <c r="C41306" s="2"/>
    </row>
    <row r="41307" spans="1:3" ht="19.2">
      <c r="A41307" s="2"/>
      <c r="B41307" s="2"/>
      <c r="C41307" s="2"/>
    </row>
    <row r="41308" spans="1:3" ht="19.2">
      <c r="A41308" s="2"/>
      <c r="B41308" s="2"/>
      <c r="C41308" s="2"/>
    </row>
    <row r="41309" spans="1:3" ht="19.2">
      <c r="A41309" s="2"/>
      <c r="B41309" s="2"/>
      <c r="C41309" s="2"/>
    </row>
    <row r="41310" spans="1:3" ht="19.2">
      <c r="A41310" s="2"/>
      <c r="B41310" s="2"/>
      <c r="C41310" s="2"/>
    </row>
    <row r="41311" spans="1:3" ht="19.2">
      <c r="A41311" s="2"/>
      <c r="B41311" s="2"/>
      <c r="C41311" s="2"/>
    </row>
    <row r="41312" spans="1:3" ht="19.2">
      <c r="A41312" s="2"/>
      <c r="B41312" s="2"/>
      <c r="C41312" s="2"/>
    </row>
    <row r="41313" spans="1:3" ht="19.2">
      <c r="A41313" s="2"/>
      <c r="B41313" s="2"/>
      <c r="C41313" s="2"/>
    </row>
    <row r="41314" spans="1:3" ht="19.2">
      <c r="A41314" s="2"/>
      <c r="B41314" s="2"/>
      <c r="C41314" s="2"/>
    </row>
    <row r="41315" spans="1:3" ht="19.2">
      <c r="A41315" s="2"/>
      <c r="B41315" s="2"/>
      <c r="C41315" s="2"/>
    </row>
    <row r="41316" spans="1:3" ht="19.2">
      <c r="A41316" s="2"/>
      <c r="B41316" s="2"/>
      <c r="C41316" s="2"/>
    </row>
    <row r="41317" spans="1:3" ht="19.2">
      <c r="A41317" s="2"/>
      <c r="B41317" s="2"/>
      <c r="C41317" s="2"/>
    </row>
    <row r="41318" spans="1:3" ht="19.2">
      <c r="A41318" s="2"/>
      <c r="B41318" s="2"/>
      <c r="C41318" s="2"/>
    </row>
    <row r="41319" spans="1:3" ht="19.2">
      <c r="A41319" s="2"/>
      <c r="B41319" s="2"/>
      <c r="C41319" s="2"/>
    </row>
    <row r="41320" spans="1:3" ht="19.2">
      <c r="A41320" s="2"/>
      <c r="B41320" s="2"/>
      <c r="C41320" s="2"/>
    </row>
    <row r="41321" spans="1:3" ht="19.2">
      <c r="A41321" s="2"/>
      <c r="B41321" s="2"/>
      <c r="C41321" s="2"/>
    </row>
    <row r="41322" spans="1:3" ht="19.2">
      <c r="A41322" s="2"/>
      <c r="B41322" s="2"/>
      <c r="C41322" s="2"/>
    </row>
    <row r="41323" spans="1:3" ht="19.2">
      <c r="A41323" s="2"/>
      <c r="B41323" s="2"/>
      <c r="C41323" s="2"/>
    </row>
    <row r="41324" spans="1:3" ht="19.2">
      <c r="A41324" s="2"/>
      <c r="B41324" s="2"/>
      <c r="C41324" s="2"/>
    </row>
    <row r="41325" spans="1:3" ht="19.2">
      <c r="A41325" s="2"/>
      <c r="B41325" s="2"/>
      <c r="C41325" s="2"/>
    </row>
    <row r="41326" spans="1:3" ht="19.2">
      <c r="A41326" s="2"/>
      <c r="B41326" s="2"/>
      <c r="C41326" s="2"/>
    </row>
    <row r="41327" spans="1:3" ht="19.2">
      <c r="A41327" s="2"/>
      <c r="B41327" s="2"/>
      <c r="C41327" s="2"/>
    </row>
    <row r="41328" spans="1:3" ht="19.2">
      <c r="A41328" s="2"/>
      <c r="B41328" s="2"/>
      <c r="C41328" s="2"/>
    </row>
    <row r="41329" spans="1:3" ht="19.2">
      <c r="A41329" s="2"/>
      <c r="B41329" s="2"/>
      <c r="C41329" s="2"/>
    </row>
    <row r="41330" spans="1:3" ht="19.2">
      <c r="A41330" s="2"/>
      <c r="B41330" s="2"/>
      <c r="C41330" s="2"/>
    </row>
    <row r="41331" spans="1:3" ht="19.2">
      <c r="A41331" s="2"/>
      <c r="B41331" s="2"/>
      <c r="C41331" s="2"/>
    </row>
    <row r="41332" spans="1:3" ht="19.2">
      <c r="A41332" s="2"/>
      <c r="B41332" s="2"/>
      <c r="C41332" s="2"/>
    </row>
    <row r="41333" spans="1:3" ht="19.2">
      <c r="A41333" s="2"/>
      <c r="B41333" s="2"/>
      <c r="C41333" s="2"/>
    </row>
    <row r="41334" spans="1:3" ht="19.2">
      <c r="A41334" s="2"/>
      <c r="B41334" s="2"/>
      <c r="C41334" s="2"/>
    </row>
    <row r="41335" spans="1:3" ht="19.2">
      <c r="A41335" s="2"/>
      <c r="B41335" s="2"/>
      <c r="C41335" s="2"/>
    </row>
    <row r="41336" spans="1:3" ht="19.2">
      <c r="A41336" s="2"/>
      <c r="B41336" s="2"/>
      <c r="C41336" s="2"/>
    </row>
    <row r="41337" spans="1:3" ht="19.2">
      <c r="A41337" s="2"/>
      <c r="B41337" s="2"/>
      <c r="C41337" s="2"/>
    </row>
    <row r="41338" spans="1:3" ht="19.2">
      <c r="A41338" s="2"/>
      <c r="B41338" s="2"/>
      <c r="C41338" s="2"/>
    </row>
    <row r="41339" spans="1:3" ht="19.2">
      <c r="A41339" s="2"/>
      <c r="B41339" s="2"/>
      <c r="C41339" s="2"/>
    </row>
    <row r="41340" spans="1:3" ht="19.2">
      <c r="A41340" s="2"/>
      <c r="B41340" s="2"/>
      <c r="C41340" s="2"/>
    </row>
    <row r="41341" spans="1:3" ht="19.2">
      <c r="A41341" s="2"/>
      <c r="B41341" s="2"/>
      <c r="C41341" s="2"/>
    </row>
    <row r="41342" spans="1:3" ht="19.2">
      <c r="A41342" s="2"/>
      <c r="B41342" s="2"/>
      <c r="C41342" s="2"/>
    </row>
    <row r="41343" spans="1:3" ht="19.2">
      <c r="A41343" s="2"/>
      <c r="B41343" s="2"/>
      <c r="C41343" s="2"/>
    </row>
    <row r="41344" spans="1:3" ht="19.2">
      <c r="A41344" s="2"/>
      <c r="B41344" s="2"/>
      <c r="C41344" s="2"/>
    </row>
    <row r="41345" spans="1:3" ht="19.2">
      <c r="A41345" s="2"/>
      <c r="B41345" s="2"/>
      <c r="C41345" s="2"/>
    </row>
    <row r="41346" spans="1:3" ht="19.2">
      <c r="A41346" s="2"/>
      <c r="B41346" s="2"/>
      <c r="C41346" s="2"/>
    </row>
    <row r="41347" spans="1:3" ht="19.2">
      <c r="A41347" s="2"/>
      <c r="B41347" s="2"/>
      <c r="C41347" s="2"/>
    </row>
    <row r="41348" spans="1:3" ht="19.2">
      <c r="A41348" s="2"/>
      <c r="B41348" s="2"/>
      <c r="C41348" s="2"/>
    </row>
    <row r="41349" spans="1:3" ht="19.2">
      <c r="A41349" s="2"/>
      <c r="B41349" s="2"/>
      <c r="C41349" s="2"/>
    </row>
    <row r="41350" spans="1:3" ht="19.2">
      <c r="A41350" s="2"/>
      <c r="B41350" s="2"/>
      <c r="C41350" s="2"/>
    </row>
    <row r="41351" spans="1:3" ht="19.2">
      <c r="A41351" s="2"/>
      <c r="B41351" s="2"/>
      <c r="C41351" s="2"/>
    </row>
    <row r="41352" spans="1:3" ht="19.2">
      <c r="A41352" s="2"/>
      <c r="B41352" s="2"/>
      <c r="C41352" s="2"/>
    </row>
    <row r="41353" spans="1:3" ht="19.2">
      <c r="A41353" s="2"/>
      <c r="B41353" s="2"/>
      <c r="C41353" s="2"/>
    </row>
    <row r="41354" spans="1:3" ht="19.2">
      <c r="A41354" s="2"/>
      <c r="B41354" s="2"/>
      <c r="C41354" s="2"/>
    </row>
    <row r="41355" spans="1:3" ht="19.2">
      <c r="A41355" s="2"/>
      <c r="B41355" s="2"/>
      <c r="C41355" s="2"/>
    </row>
    <row r="41356" spans="1:3" ht="19.2">
      <c r="A41356" s="2"/>
      <c r="B41356" s="2"/>
      <c r="C41356" s="2"/>
    </row>
    <row r="41357" spans="1:3" ht="19.2">
      <c r="A41357" s="2"/>
      <c r="B41357" s="2"/>
      <c r="C41357" s="2"/>
    </row>
    <row r="41358" spans="1:3" ht="19.2">
      <c r="A41358" s="2"/>
      <c r="B41358" s="2"/>
      <c r="C41358" s="2"/>
    </row>
    <row r="41359" spans="1:3" ht="19.2">
      <c r="A41359" s="2"/>
      <c r="B41359" s="2"/>
      <c r="C41359" s="2"/>
    </row>
    <row r="41360" spans="1:3" ht="19.2">
      <c r="A41360" s="2"/>
      <c r="B41360" s="2"/>
      <c r="C41360" s="2"/>
    </row>
    <row r="41361" spans="1:3" ht="19.2">
      <c r="A41361" s="2"/>
      <c r="B41361" s="2"/>
      <c r="C41361" s="2"/>
    </row>
    <row r="41362" spans="1:3" ht="19.2">
      <c r="A41362" s="2"/>
      <c r="B41362" s="2"/>
      <c r="C41362" s="2"/>
    </row>
    <row r="41363" spans="1:3" ht="19.2">
      <c r="A41363" s="2"/>
      <c r="B41363" s="2"/>
      <c r="C41363" s="2"/>
    </row>
    <row r="41364" spans="1:3" ht="19.2">
      <c r="A41364" s="2"/>
      <c r="B41364" s="2"/>
      <c r="C41364" s="2"/>
    </row>
    <row r="41365" spans="1:3" ht="19.2">
      <c r="A41365" s="2"/>
      <c r="B41365" s="2"/>
      <c r="C41365" s="2"/>
    </row>
    <row r="41366" spans="1:3" ht="19.2">
      <c r="A41366" s="2"/>
      <c r="B41366" s="2"/>
      <c r="C41366" s="2"/>
    </row>
    <row r="41367" spans="1:3" ht="19.2">
      <c r="A41367" s="2"/>
      <c r="B41367" s="2"/>
      <c r="C41367" s="2"/>
    </row>
    <row r="41368" spans="1:3" ht="19.2">
      <c r="A41368" s="2"/>
      <c r="B41368" s="2"/>
      <c r="C41368" s="2"/>
    </row>
    <row r="41369" spans="1:3" ht="19.2">
      <c r="A41369" s="2"/>
      <c r="B41369" s="2"/>
      <c r="C41369" s="2"/>
    </row>
    <row r="41370" spans="1:3" ht="19.2">
      <c r="A41370" s="2"/>
      <c r="B41370" s="2"/>
      <c r="C41370" s="2"/>
    </row>
    <row r="41371" spans="1:3" ht="19.2">
      <c r="A41371" s="2"/>
      <c r="B41371" s="2"/>
      <c r="C41371" s="2"/>
    </row>
    <row r="41372" spans="1:3" ht="19.2">
      <c r="A41372" s="2"/>
      <c r="B41372" s="2"/>
      <c r="C41372" s="2"/>
    </row>
    <row r="41373" spans="1:3" ht="19.2">
      <c r="A41373" s="2"/>
      <c r="B41373" s="2"/>
      <c r="C41373" s="2"/>
    </row>
    <row r="41374" spans="1:3" ht="19.2">
      <c r="A41374" s="2"/>
      <c r="B41374" s="2"/>
      <c r="C41374" s="2"/>
    </row>
    <row r="41375" spans="1:3" ht="19.2">
      <c r="A41375" s="2"/>
      <c r="B41375" s="2"/>
      <c r="C41375" s="2"/>
    </row>
    <row r="41376" spans="1:3" ht="19.2">
      <c r="A41376" s="2"/>
      <c r="B41376" s="2"/>
      <c r="C41376" s="2"/>
    </row>
    <row r="41377" spans="1:3" ht="19.2">
      <c r="A41377" s="2"/>
      <c r="B41377" s="2"/>
      <c r="C41377" s="2"/>
    </row>
    <row r="41378" spans="1:3" ht="19.2">
      <c r="A41378" s="2"/>
      <c r="B41378" s="2"/>
      <c r="C41378" s="2"/>
    </row>
    <row r="41379" spans="1:3" ht="19.2">
      <c r="A41379" s="2"/>
      <c r="B41379" s="2"/>
      <c r="C41379" s="2"/>
    </row>
    <row r="41380" spans="1:3" ht="19.2">
      <c r="A41380" s="2"/>
      <c r="B41380" s="2"/>
      <c r="C41380" s="2"/>
    </row>
    <row r="41381" spans="1:3" ht="19.2">
      <c r="A41381" s="2"/>
      <c r="B41381" s="2"/>
      <c r="C41381" s="2"/>
    </row>
    <row r="41382" spans="1:3" ht="19.2">
      <c r="A41382" s="2"/>
      <c r="B41382" s="2"/>
      <c r="C41382" s="2"/>
    </row>
    <row r="41383" spans="1:3" ht="19.2">
      <c r="A41383" s="2"/>
      <c r="B41383" s="2"/>
      <c r="C41383" s="2"/>
    </row>
    <row r="41384" spans="1:3" ht="19.2">
      <c r="A41384" s="2"/>
      <c r="B41384" s="2"/>
      <c r="C41384" s="2"/>
    </row>
    <row r="41385" spans="1:3" ht="19.2">
      <c r="A41385" s="2"/>
      <c r="B41385" s="2"/>
      <c r="C41385" s="2"/>
    </row>
    <row r="41386" spans="1:3" ht="19.2">
      <c r="A41386" s="2"/>
      <c r="B41386" s="2"/>
      <c r="C41386" s="2"/>
    </row>
    <row r="41387" spans="1:3" ht="19.2">
      <c r="A41387" s="2"/>
      <c r="B41387" s="2"/>
      <c r="C41387" s="2"/>
    </row>
    <row r="41388" spans="1:3" ht="19.2">
      <c r="A41388" s="2"/>
      <c r="B41388" s="2"/>
      <c r="C41388" s="2"/>
    </row>
    <row r="41389" spans="1:3" ht="19.2">
      <c r="A41389" s="2"/>
      <c r="B41389" s="2"/>
      <c r="C41389" s="2"/>
    </row>
    <row r="41390" spans="1:3" ht="19.2">
      <c r="A41390" s="2"/>
      <c r="B41390" s="2"/>
      <c r="C41390" s="2"/>
    </row>
    <row r="41391" spans="1:3" ht="19.2">
      <c r="A41391" s="2"/>
      <c r="B41391" s="2"/>
      <c r="C41391" s="2"/>
    </row>
    <row r="41392" spans="1:3" ht="19.2">
      <c r="A41392" s="2"/>
      <c r="B41392" s="2"/>
      <c r="C41392" s="2"/>
    </row>
    <row r="41393" spans="1:3" ht="19.2">
      <c r="A41393" s="2"/>
      <c r="B41393" s="2"/>
      <c r="C41393" s="2"/>
    </row>
    <row r="41394" spans="1:3" ht="19.2">
      <c r="A41394" s="2"/>
      <c r="B41394" s="2"/>
      <c r="C41394" s="2"/>
    </row>
    <row r="41395" spans="1:3" ht="19.2">
      <c r="A41395" s="2"/>
      <c r="B41395" s="2"/>
      <c r="C41395" s="2"/>
    </row>
    <row r="41396" spans="1:3" ht="19.2">
      <c r="A41396" s="2"/>
      <c r="B41396" s="2"/>
      <c r="C41396" s="2"/>
    </row>
    <row r="41397" spans="1:3" ht="19.2">
      <c r="A41397" s="2"/>
      <c r="B41397" s="2"/>
      <c r="C41397" s="2"/>
    </row>
    <row r="41398" spans="1:3" ht="19.2">
      <c r="A41398" s="2"/>
      <c r="B41398" s="2"/>
      <c r="C41398" s="2"/>
    </row>
    <row r="41399" spans="1:3" ht="19.2">
      <c r="A41399" s="2"/>
      <c r="B41399" s="2"/>
      <c r="C41399" s="2"/>
    </row>
    <row r="41400" spans="1:3" ht="19.2">
      <c r="A41400" s="2"/>
      <c r="B41400" s="2"/>
      <c r="C41400" s="2"/>
    </row>
    <row r="41401" spans="1:3" ht="19.2">
      <c r="A41401" s="2"/>
      <c r="B41401" s="2"/>
      <c r="C41401" s="2"/>
    </row>
    <row r="41402" spans="1:3" ht="19.2">
      <c r="A41402" s="2"/>
      <c r="B41402" s="2"/>
      <c r="C41402" s="2"/>
    </row>
    <row r="41403" spans="1:3" ht="19.2">
      <c r="A41403" s="2"/>
      <c r="B41403" s="2"/>
      <c r="C41403" s="2"/>
    </row>
    <row r="41404" spans="1:3" ht="19.2">
      <c r="A41404" s="2"/>
      <c r="B41404" s="2"/>
      <c r="C41404" s="2"/>
    </row>
    <row r="41405" spans="1:3" ht="19.2">
      <c r="A41405" s="2"/>
      <c r="B41405" s="2"/>
      <c r="C41405" s="2"/>
    </row>
    <row r="41406" spans="1:3" ht="19.2">
      <c r="A41406" s="2"/>
      <c r="B41406" s="2"/>
      <c r="C41406" s="2"/>
    </row>
    <row r="41407" spans="1:3" ht="19.2">
      <c r="A41407" s="2"/>
      <c r="B41407" s="2"/>
      <c r="C41407" s="2"/>
    </row>
    <row r="41408" spans="1:3" ht="19.2">
      <c r="A41408" s="2"/>
      <c r="B41408" s="2"/>
      <c r="C41408" s="2"/>
    </row>
    <row r="41409" spans="1:3" ht="19.2">
      <c r="A41409" s="2"/>
      <c r="B41409" s="2"/>
      <c r="C41409" s="2"/>
    </row>
    <row r="41410" spans="1:3" ht="19.2">
      <c r="A41410" s="2"/>
      <c r="B41410" s="2"/>
      <c r="C41410" s="2"/>
    </row>
    <row r="41411" spans="1:3" ht="19.2">
      <c r="A41411" s="2"/>
      <c r="B41411" s="2"/>
      <c r="C41411" s="2"/>
    </row>
    <row r="41412" spans="1:3" ht="19.2">
      <c r="A41412" s="2"/>
      <c r="B41412" s="2"/>
      <c r="C41412" s="2"/>
    </row>
    <row r="41413" spans="1:3" ht="19.2">
      <c r="A41413" s="2"/>
      <c r="B41413" s="2"/>
      <c r="C41413" s="2"/>
    </row>
    <row r="41414" spans="1:3" ht="19.2">
      <c r="A41414" s="2"/>
      <c r="B41414" s="2"/>
      <c r="C41414" s="2"/>
    </row>
    <row r="41415" spans="1:3" ht="19.2">
      <c r="A41415" s="2"/>
      <c r="B41415" s="2"/>
      <c r="C41415" s="2"/>
    </row>
    <row r="41416" spans="1:3" ht="19.2">
      <c r="A41416" s="2"/>
      <c r="B41416" s="2"/>
      <c r="C41416" s="2"/>
    </row>
    <row r="41417" spans="1:3" ht="19.2">
      <c r="A41417" s="2"/>
      <c r="B41417" s="2"/>
      <c r="C41417" s="2"/>
    </row>
    <row r="41418" spans="1:3" ht="19.2">
      <c r="A41418" s="2"/>
      <c r="B41418" s="2"/>
      <c r="C41418" s="2"/>
    </row>
    <row r="41419" spans="1:3" ht="19.2">
      <c r="A41419" s="2"/>
      <c r="B41419" s="2"/>
      <c r="C41419" s="2"/>
    </row>
    <row r="41420" spans="1:3" ht="19.2">
      <c r="A41420" s="2"/>
      <c r="B41420" s="2"/>
      <c r="C41420" s="2"/>
    </row>
    <row r="41421" spans="1:3" ht="19.2">
      <c r="A41421" s="2"/>
      <c r="B41421" s="2"/>
      <c r="C41421" s="2"/>
    </row>
    <row r="41422" spans="1:3" ht="19.2">
      <c r="A41422" s="2"/>
      <c r="B41422" s="2"/>
      <c r="C41422" s="2"/>
    </row>
    <row r="41423" spans="1:3" ht="19.2">
      <c r="A41423" s="2"/>
      <c r="B41423" s="2"/>
      <c r="C41423" s="2"/>
    </row>
    <row r="41424" spans="1:3" ht="19.2">
      <c r="A41424" s="2"/>
      <c r="B41424" s="2"/>
      <c r="C41424" s="2"/>
    </row>
    <row r="41425" spans="1:3" ht="19.2">
      <c r="A41425" s="2"/>
      <c r="B41425" s="2"/>
      <c r="C41425" s="2"/>
    </row>
    <row r="41426" spans="1:3" ht="19.2">
      <c r="A41426" s="2"/>
      <c r="B41426" s="2"/>
      <c r="C41426" s="2"/>
    </row>
    <row r="41427" spans="1:3" ht="19.2">
      <c r="A41427" s="2"/>
      <c r="B41427" s="2"/>
      <c r="C41427" s="2"/>
    </row>
    <row r="41428" spans="1:3" ht="19.2">
      <c r="A41428" s="2"/>
      <c r="B41428" s="2"/>
      <c r="C41428" s="2"/>
    </row>
    <row r="41429" spans="1:3" ht="19.2">
      <c r="A41429" s="2"/>
      <c r="B41429" s="2"/>
      <c r="C41429" s="2"/>
    </row>
    <row r="41430" spans="1:3" ht="19.2">
      <c r="A41430" s="2"/>
      <c r="B41430" s="2"/>
      <c r="C41430" s="2"/>
    </row>
    <row r="41431" spans="1:3" ht="19.2">
      <c r="A41431" s="2"/>
      <c r="B41431" s="2"/>
      <c r="C41431" s="2"/>
    </row>
    <row r="41432" spans="1:3" ht="19.2">
      <c r="A41432" s="2"/>
      <c r="B41432" s="2"/>
      <c r="C41432" s="2"/>
    </row>
    <row r="41433" spans="1:3" ht="19.2">
      <c r="A41433" s="2"/>
      <c r="B41433" s="2"/>
      <c r="C41433" s="2"/>
    </row>
    <row r="41434" spans="1:3" ht="19.2">
      <c r="A41434" s="2"/>
      <c r="B41434" s="2"/>
      <c r="C41434" s="2"/>
    </row>
    <row r="41435" spans="1:3" ht="19.2">
      <c r="A41435" s="2"/>
      <c r="B41435" s="2"/>
      <c r="C41435" s="2"/>
    </row>
    <row r="41436" spans="1:3" ht="19.2">
      <c r="A41436" s="2"/>
      <c r="B41436" s="2"/>
      <c r="C41436" s="2"/>
    </row>
    <row r="41437" spans="1:3" ht="19.2">
      <c r="A41437" s="2"/>
      <c r="B41437" s="2"/>
      <c r="C41437" s="2"/>
    </row>
    <row r="41438" spans="1:3" ht="19.2">
      <c r="A41438" s="2"/>
      <c r="B41438" s="2"/>
      <c r="C41438" s="2"/>
    </row>
    <row r="41439" spans="1:3" ht="19.2">
      <c r="A41439" s="2"/>
      <c r="B41439" s="2"/>
      <c r="C41439" s="2"/>
    </row>
    <row r="41440" spans="1:3" ht="19.2">
      <c r="A41440" s="2"/>
      <c r="B41440" s="2"/>
      <c r="C41440" s="2"/>
    </row>
    <row r="41441" spans="1:3" ht="19.2">
      <c r="A41441" s="2"/>
      <c r="B41441" s="2"/>
      <c r="C41441" s="2"/>
    </row>
    <row r="41442" spans="1:3" ht="19.2">
      <c r="A41442" s="2"/>
      <c r="B41442" s="2"/>
      <c r="C41442" s="2"/>
    </row>
    <row r="41443" spans="1:3" ht="19.2">
      <c r="A41443" s="2"/>
      <c r="B41443" s="2"/>
      <c r="C41443" s="2"/>
    </row>
    <row r="41444" spans="1:3" ht="19.2">
      <c r="A41444" s="2"/>
      <c r="B41444" s="2"/>
      <c r="C41444" s="2"/>
    </row>
    <row r="41445" spans="1:3" ht="19.2">
      <c r="A41445" s="2"/>
      <c r="B41445" s="2"/>
      <c r="C41445" s="2"/>
    </row>
    <row r="41446" spans="1:3" ht="19.2">
      <c r="A41446" s="2"/>
      <c r="B41446" s="2"/>
      <c r="C41446" s="2"/>
    </row>
    <row r="41447" spans="1:3" ht="19.2">
      <c r="A41447" s="2"/>
      <c r="B41447" s="2"/>
      <c r="C41447" s="2"/>
    </row>
    <row r="41448" spans="1:3" ht="19.2">
      <c r="A41448" s="2"/>
      <c r="B41448" s="2"/>
      <c r="C41448" s="2"/>
    </row>
    <row r="41449" spans="1:3" ht="19.2">
      <c r="A41449" s="2"/>
      <c r="B41449" s="2"/>
      <c r="C41449" s="2"/>
    </row>
    <row r="41450" spans="1:3" ht="19.2">
      <c r="A41450" s="2"/>
      <c r="B41450" s="2"/>
      <c r="C41450" s="2"/>
    </row>
    <row r="41451" spans="1:3" ht="19.2">
      <c r="A41451" s="2"/>
      <c r="B41451" s="2"/>
      <c r="C41451" s="2"/>
    </row>
    <row r="41452" spans="1:3" ht="19.2">
      <c r="A41452" s="2"/>
      <c r="B41452" s="2"/>
      <c r="C41452" s="2"/>
    </row>
    <row r="41453" spans="1:3" ht="19.2">
      <c r="A41453" s="2"/>
      <c r="B41453" s="2"/>
      <c r="C41453" s="2"/>
    </row>
    <row r="41454" spans="1:3" ht="19.2">
      <c r="A41454" s="2"/>
      <c r="B41454" s="2"/>
      <c r="C41454" s="2"/>
    </row>
    <row r="41455" spans="1:3" ht="19.2">
      <c r="A41455" s="2"/>
      <c r="B41455" s="2"/>
      <c r="C41455" s="2"/>
    </row>
    <row r="41456" spans="1:3" ht="19.2">
      <c r="A41456" s="2"/>
      <c r="B41456" s="2"/>
      <c r="C41456" s="2"/>
    </row>
    <row r="41457" spans="1:3" ht="19.2">
      <c r="A41457" s="2"/>
      <c r="B41457" s="2"/>
      <c r="C41457" s="2"/>
    </row>
    <row r="41458" spans="1:3" ht="19.2">
      <c r="A41458" s="2"/>
      <c r="B41458" s="2"/>
      <c r="C41458" s="2"/>
    </row>
    <row r="41459" spans="1:3" ht="19.2">
      <c r="A41459" s="2"/>
      <c r="B41459" s="2"/>
      <c r="C41459" s="2"/>
    </row>
    <row r="41460" spans="1:3" ht="19.2">
      <c r="A41460" s="2"/>
      <c r="B41460" s="2"/>
      <c r="C41460" s="2"/>
    </row>
    <row r="41461" spans="1:3" ht="19.2">
      <c r="A41461" s="2"/>
      <c r="B41461" s="2"/>
      <c r="C41461" s="2"/>
    </row>
    <row r="41462" spans="1:3" ht="19.2">
      <c r="A41462" s="2"/>
      <c r="B41462" s="2"/>
      <c r="C41462" s="2"/>
    </row>
    <row r="41463" spans="1:3" ht="19.2">
      <c r="A41463" s="2"/>
      <c r="B41463" s="2"/>
      <c r="C41463" s="2"/>
    </row>
    <row r="41464" spans="1:3" ht="19.2">
      <c r="A41464" s="2"/>
      <c r="B41464" s="2"/>
      <c r="C41464" s="2"/>
    </row>
    <row r="41465" spans="1:3" ht="19.2">
      <c r="A41465" s="2"/>
      <c r="B41465" s="2"/>
      <c r="C41465" s="2"/>
    </row>
    <row r="41466" spans="1:3" ht="19.2">
      <c r="A41466" s="2"/>
      <c r="B41466" s="2"/>
      <c r="C41466" s="2"/>
    </row>
    <row r="41467" spans="1:3" ht="19.2">
      <c r="A41467" s="2"/>
      <c r="B41467" s="2"/>
      <c r="C41467" s="2"/>
    </row>
    <row r="41468" spans="1:3" ht="19.2">
      <c r="A41468" s="2"/>
      <c r="B41468" s="2"/>
      <c r="C41468" s="2"/>
    </row>
    <row r="41469" spans="1:3" ht="19.2">
      <c r="A41469" s="2"/>
      <c r="B41469" s="2"/>
      <c r="C41469" s="2"/>
    </row>
    <row r="41470" spans="1:3" ht="19.2">
      <c r="A41470" s="2"/>
      <c r="B41470" s="2"/>
      <c r="C41470" s="2"/>
    </row>
    <row r="41471" spans="1:3" ht="19.2">
      <c r="A41471" s="2"/>
      <c r="B41471" s="2"/>
      <c r="C41471" s="2"/>
    </row>
    <row r="41472" spans="1:3" ht="19.2">
      <c r="A41472" s="2"/>
      <c r="B41472" s="2"/>
      <c r="C41472" s="2"/>
    </row>
    <row r="41473" spans="1:3" ht="19.2">
      <c r="A41473" s="2"/>
      <c r="B41473" s="2"/>
      <c r="C41473" s="2"/>
    </row>
    <row r="41474" spans="1:3" ht="19.2">
      <c r="A41474" s="2"/>
      <c r="B41474" s="2"/>
      <c r="C41474" s="2"/>
    </row>
    <row r="41475" spans="1:3" ht="19.2">
      <c r="A41475" s="2"/>
      <c r="B41475" s="2"/>
      <c r="C41475" s="2"/>
    </row>
    <row r="41476" spans="1:3" ht="19.2">
      <c r="A41476" s="2"/>
      <c r="B41476" s="2"/>
      <c r="C41476" s="2"/>
    </row>
    <row r="41477" spans="1:3" ht="19.2">
      <c r="A41477" s="2"/>
      <c r="B41477" s="2"/>
      <c r="C41477" s="2"/>
    </row>
    <row r="41478" spans="1:3" ht="19.2">
      <c r="A41478" s="2"/>
      <c r="B41478" s="2"/>
      <c r="C41478" s="2"/>
    </row>
    <row r="41479" spans="1:3" ht="19.2">
      <c r="A41479" s="2"/>
      <c r="B41479" s="2"/>
      <c r="C41479" s="2"/>
    </row>
    <row r="41480" spans="1:3" ht="19.2">
      <c r="A41480" s="2"/>
      <c r="B41480" s="2"/>
      <c r="C41480" s="2"/>
    </row>
    <row r="41481" spans="1:3" ht="19.2">
      <c r="A41481" s="2"/>
      <c r="B41481" s="2"/>
      <c r="C41481" s="2"/>
    </row>
    <row r="41482" spans="1:3" ht="19.2">
      <c r="A41482" s="2"/>
      <c r="B41482" s="2"/>
      <c r="C41482" s="2"/>
    </row>
    <row r="41483" spans="1:3" ht="19.2">
      <c r="A41483" s="2"/>
      <c r="B41483" s="2"/>
      <c r="C41483" s="2"/>
    </row>
    <row r="41484" spans="1:3" ht="19.2">
      <c r="A41484" s="2"/>
      <c r="B41484" s="2"/>
      <c r="C41484" s="2"/>
    </row>
    <row r="41485" spans="1:3" ht="19.2">
      <c r="A41485" s="2"/>
      <c r="B41485" s="2"/>
      <c r="C41485" s="2"/>
    </row>
    <row r="41486" spans="1:3" ht="19.2">
      <c r="A41486" s="2"/>
      <c r="B41486" s="2"/>
      <c r="C41486" s="2"/>
    </row>
    <row r="41487" spans="1:3" ht="19.2">
      <c r="A41487" s="2"/>
      <c r="B41487" s="2"/>
      <c r="C41487" s="2"/>
    </row>
    <row r="41488" spans="1:3" ht="19.2">
      <c r="A41488" s="2"/>
      <c r="B41488" s="2"/>
      <c r="C41488" s="2"/>
    </row>
    <row r="41489" spans="1:3" ht="19.2">
      <c r="A41489" s="2"/>
      <c r="B41489" s="2"/>
      <c r="C41489" s="2"/>
    </row>
    <row r="41490" spans="1:3" ht="19.2">
      <c r="A41490" s="2"/>
      <c r="B41490" s="2"/>
      <c r="C41490" s="2"/>
    </row>
    <row r="41491" spans="1:3" ht="19.2">
      <c r="A41491" s="2"/>
      <c r="B41491" s="2"/>
      <c r="C41491" s="2"/>
    </row>
    <row r="41492" spans="1:3" ht="19.2">
      <c r="A41492" s="2"/>
      <c r="B41492" s="2"/>
      <c r="C41492" s="2"/>
    </row>
    <row r="41493" spans="1:3" ht="19.2">
      <c r="A41493" s="2"/>
      <c r="B41493" s="2"/>
      <c r="C41493" s="2"/>
    </row>
    <row r="41494" spans="1:3" ht="19.2">
      <c r="A41494" s="2"/>
      <c r="B41494" s="2"/>
      <c r="C41494" s="2"/>
    </row>
    <row r="41495" spans="1:3" ht="19.2">
      <c r="A41495" s="2"/>
      <c r="B41495" s="2"/>
      <c r="C41495" s="2"/>
    </row>
    <row r="41496" spans="1:3" ht="19.2">
      <c r="A41496" s="2"/>
      <c r="B41496" s="2"/>
      <c r="C41496" s="2"/>
    </row>
    <row r="41497" spans="1:3" ht="19.2">
      <c r="A41497" s="2"/>
      <c r="B41497" s="2"/>
      <c r="C41497" s="2"/>
    </row>
    <row r="41498" spans="1:3" ht="19.2">
      <c r="A41498" s="2"/>
      <c r="B41498" s="2"/>
      <c r="C41498" s="2"/>
    </row>
    <row r="41499" spans="1:3" ht="19.2">
      <c r="A41499" s="2"/>
      <c r="B41499" s="2"/>
      <c r="C41499" s="2"/>
    </row>
    <row r="41500" spans="1:3" ht="19.2">
      <c r="A41500" s="2"/>
      <c r="B41500" s="2"/>
      <c r="C41500" s="2"/>
    </row>
    <row r="41501" spans="1:3" ht="19.2">
      <c r="A41501" s="2"/>
      <c r="B41501" s="2"/>
      <c r="C41501" s="2"/>
    </row>
    <row r="41502" spans="1:3" ht="19.2">
      <c r="A41502" s="2"/>
      <c r="B41502" s="2"/>
      <c r="C41502" s="2"/>
    </row>
    <row r="41503" spans="1:3" ht="19.2">
      <c r="A41503" s="2"/>
      <c r="B41503" s="2"/>
      <c r="C41503" s="2"/>
    </row>
    <row r="41504" spans="1:3" ht="19.2">
      <c r="A41504" s="2"/>
      <c r="B41504" s="2"/>
      <c r="C41504" s="2"/>
    </row>
    <row r="41505" spans="1:3" ht="19.2">
      <c r="A41505" s="2"/>
      <c r="B41505" s="2"/>
      <c r="C41505" s="2"/>
    </row>
    <row r="41506" spans="1:3" ht="19.2">
      <c r="A41506" s="2"/>
      <c r="B41506" s="2"/>
      <c r="C41506" s="2"/>
    </row>
    <row r="41507" spans="1:3" ht="19.2">
      <c r="A41507" s="2"/>
      <c r="B41507" s="2"/>
      <c r="C41507" s="2"/>
    </row>
    <row r="41508" spans="1:3" ht="19.2">
      <c r="A41508" s="2"/>
      <c r="B41508" s="2"/>
      <c r="C41508" s="2"/>
    </row>
    <row r="41509" spans="1:3" ht="19.2">
      <c r="A41509" s="2"/>
      <c r="B41509" s="2"/>
      <c r="C41509" s="2"/>
    </row>
    <row r="41510" spans="1:3" ht="19.2">
      <c r="A41510" s="2"/>
      <c r="B41510" s="2"/>
      <c r="C41510" s="2"/>
    </row>
    <row r="41511" spans="1:3" ht="19.2">
      <c r="A41511" s="2"/>
      <c r="B41511" s="2"/>
      <c r="C41511" s="2"/>
    </row>
    <row r="41512" spans="1:3" ht="19.2">
      <c r="A41512" s="2"/>
      <c r="B41512" s="2"/>
      <c r="C41512" s="2"/>
    </row>
    <row r="41513" spans="1:3" ht="19.2">
      <c r="A41513" s="2"/>
      <c r="B41513" s="2"/>
      <c r="C41513" s="2"/>
    </row>
    <row r="41514" spans="1:3" ht="19.2">
      <c r="A41514" s="2"/>
      <c r="B41514" s="2"/>
      <c r="C41514" s="2"/>
    </row>
    <row r="41515" spans="1:3" ht="19.2">
      <c r="A41515" s="2"/>
      <c r="B41515" s="2"/>
      <c r="C41515" s="2"/>
    </row>
    <row r="41516" spans="1:3" ht="19.2">
      <c r="A41516" s="2"/>
      <c r="B41516" s="2"/>
      <c r="C41516" s="2"/>
    </row>
    <row r="41517" spans="1:3" ht="19.2">
      <c r="A41517" s="2"/>
      <c r="B41517" s="2"/>
      <c r="C41517" s="2"/>
    </row>
    <row r="41518" spans="1:3" ht="19.2">
      <c r="A41518" s="2"/>
      <c r="B41518" s="2"/>
      <c r="C41518" s="2"/>
    </row>
    <row r="41519" spans="1:3" ht="19.2">
      <c r="A41519" s="2"/>
      <c r="B41519" s="2"/>
      <c r="C41519" s="2"/>
    </row>
    <row r="41520" spans="1:3" ht="19.2">
      <c r="A41520" s="2"/>
      <c r="B41520" s="2"/>
      <c r="C41520" s="2"/>
    </row>
    <row r="41521" spans="1:3" ht="19.2">
      <c r="A41521" s="2"/>
      <c r="B41521" s="2"/>
      <c r="C41521" s="2"/>
    </row>
    <row r="41522" spans="1:3" ht="19.2">
      <c r="A41522" s="2"/>
      <c r="B41522" s="2"/>
      <c r="C41522" s="2"/>
    </row>
    <row r="41523" spans="1:3" ht="19.2">
      <c r="A41523" s="2"/>
      <c r="B41523" s="2"/>
      <c r="C41523" s="2"/>
    </row>
    <row r="41524" spans="1:3" ht="19.2">
      <c r="A41524" s="2"/>
      <c r="B41524" s="2"/>
      <c r="C41524" s="2"/>
    </row>
    <row r="41525" spans="1:3" ht="19.2">
      <c r="A41525" s="2"/>
      <c r="B41525" s="2"/>
      <c r="C41525" s="2"/>
    </row>
    <row r="41526" spans="1:3" ht="19.2">
      <c r="A41526" s="2"/>
      <c r="B41526" s="2"/>
      <c r="C41526" s="2"/>
    </row>
    <row r="41527" spans="1:3" ht="19.2">
      <c r="A41527" s="2"/>
      <c r="B41527" s="2"/>
      <c r="C41527" s="2"/>
    </row>
    <row r="41528" spans="1:3" ht="19.2">
      <c r="A41528" s="2"/>
      <c r="B41528" s="2"/>
      <c r="C41528" s="2"/>
    </row>
    <row r="41529" spans="1:3" ht="19.2">
      <c r="A41529" s="2"/>
      <c r="B41529" s="2"/>
      <c r="C41529" s="2"/>
    </row>
    <row r="41530" spans="1:3" ht="19.2">
      <c r="A41530" s="2"/>
      <c r="B41530" s="2"/>
      <c r="C41530" s="2"/>
    </row>
    <row r="41531" spans="1:3" ht="19.2">
      <c r="A41531" s="2"/>
      <c r="B41531" s="2"/>
      <c r="C41531" s="2"/>
    </row>
    <row r="41532" spans="1:3" ht="19.2">
      <c r="A41532" s="2"/>
      <c r="B41532" s="2"/>
      <c r="C41532" s="2"/>
    </row>
    <row r="41533" spans="1:3" ht="19.2">
      <c r="A41533" s="2"/>
      <c r="B41533" s="2"/>
      <c r="C41533" s="2"/>
    </row>
    <row r="41534" spans="1:3" ht="19.2">
      <c r="A41534" s="2"/>
      <c r="B41534" s="2"/>
      <c r="C41534" s="2"/>
    </row>
    <row r="41535" spans="1:3" ht="19.2">
      <c r="A41535" s="2"/>
      <c r="B41535" s="2"/>
      <c r="C41535" s="2"/>
    </row>
    <row r="41536" spans="1:3" ht="19.2">
      <c r="A41536" s="2"/>
      <c r="B41536" s="2"/>
      <c r="C41536" s="2"/>
    </row>
    <row r="41537" spans="1:3" ht="19.2">
      <c r="A41537" s="2"/>
      <c r="B41537" s="2"/>
      <c r="C41537" s="2"/>
    </row>
    <row r="41538" spans="1:3" ht="19.2">
      <c r="A41538" s="2"/>
      <c r="B41538" s="2"/>
      <c r="C41538" s="2"/>
    </row>
    <row r="41539" spans="1:3" ht="19.2">
      <c r="A41539" s="2"/>
      <c r="B41539" s="2"/>
      <c r="C41539" s="2"/>
    </row>
    <row r="41540" spans="1:3" ht="19.2">
      <c r="A41540" s="2"/>
      <c r="B41540" s="2"/>
      <c r="C41540" s="2"/>
    </row>
    <row r="41541" spans="1:3" ht="19.2">
      <c r="A41541" s="2"/>
      <c r="B41541" s="2"/>
      <c r="C41541" s="2"/>
    </row>
    <row r="41542" spans="1:3" ht="19.2">
      <c r="A41542" s="2"/>
      <c r="B41542" s="2"/>
      <c r="C41542" s="2"/>
    </row>
    <row r="41543" spans="1:3" ht="19.2">
      <c r="A41543" s="2"/>
      <c r="B41543" s="2"/>
      <c r="C41543" s="2"/>
    </row>
    <row r="41544" spans="1:3" ht="19.2">
      <c r="A41544" s="2"/>
      <c r="B41544" s="2"/>
      <c r="C41544" s="2"/>
    </row>
    <row r="41545" spans="1:3" ht="19.2">
      <c r="A41545" s="2"/>
      <c r="B41545" s="2"/>
      <c r="C41545" s="2"/>
    </row>
    <row r="41546" spans="1:3" ht="19.2">
      <c r="A41546" s="2"/>
      <c r="B41546" s="2"/>
      <c r="C41546" s="2"/>
    </row>
    <row r="41547" spans="1:3" ht="19.2">
      <c r="A41547" s="2"/>
      <c r="B41547" s="2"/>
      <c r="C41547" s="2"/>
    </row>
    <row r="41548" spans="1:3" ht="19.2">
      <c r="A41548" s="2"/>
      <c r="B41548" s="2"/>
      <c r="C41548" s="2"/>
    </row>
    <row r="41549" spans="1:3" ht="19.2">
      <c r="A41549" s="2"/>
      <c r="B41549" s="2"/>
      <c r="C41549" s="2"/>
    </row>
    <row r="41550" spans="1:3" ht="19.2">
      <c r="A41550" s="2"/>
      <c r="B41550" s="2"/>
      <c r="C41550" s="2"/>
    </row>
    <row r="41551" spans="1:3" ht="19.2">
      <c r="A41551" s="2"/>
      <c r="B41551" s="2"/>
      <c r="C41551" s="2"/>
    </row>
    <row r="41552" spans="1:3" ht="19.2">
      <c r="A41552" s="2"/>
      <c r="B41552" s="2"/>
      <c r="C41552" s="2"/>
    </row>
    <row r="41553" spans="1:3" ht="19.2">
      <c r="A41553" s="2"/>
      <c r="B41553" s="2"/>
      <c r="C41553" s="2"/>
    </row>
    <row r="41554" spans="1:3" ht="19.2">
      <c r="A41554" s="2"/>
      <c r="B41554" s="2"/>
      <c r="C41554" s="2"/>
    </row>
    <row r="41555" spans="1:3" ht="19.2">
      <c r="A41555" s="2"/>
      <c r="B41555" s="2"/>
      <c r="C41555" s="2"/>
    </row>
    <row r="41556" spans="1:3" ht="19.2">
      <c r="A41556" s="2"/>
      <c r="B41556" s="2"/>
      <c r="C41556" s="2"/>
    </row>
    <row r="41557" spans="1:3" ht="19.2">
      <c r="A41557" s="2"/>
      <c r="B41557" s="2"/>
      <c r="C41557" s="2"/>
    </row>
    <row r="41558" spans="1:3" ht="19.2">
      <c r="A41558" s="2"/>
      <c r="B41558" s="2"/>
      <c r="C41558" s="2"/>
    </row>
    <row r="41559" spans="1:3" ht="19.2">
      <c r="A41559" s="2"/>
      <c r="B41559" s="2"/>
      <c r="C41559" s="2"/>
    </row>
    <row r="41560" spans="1:3" ht="19.2">
      <c r="A41560" s="2"/>
      <c r="B41560" s="2"/>
      <c r="C41560" s="2"/>
    </row>
    <row r="41561" spans="1:3" ht="19.2">
      <c r="A41561" s="2"/>
      <c r="B41561" s="2"/>
      <c r="C41561" s="2"/>
    </row>
    <row r="41562" spans="1:3" ht="19.2">
      <c r="A41562" s="2"/>
      <c r="B41562" s="2"/>
      <c r="C41562" s="2"/>
    </row>
    <row r="41563" spans="1:3" ht="19.2">
      <c r="A41563" s="2"/>
      <c r="B41563" s="2"/>
      <c r="C41563" s="2"/>
    </row>
    <row r="41564" spans="1:3" ht="19.2">
      <c r="A41564" s="2"/>
      <c r="B41564" s="2"/>
      <c r="C41564" s="2"/>
    </row>
    <row r="41565" spans="1:3" ht="19.2">
      <c r="A41565" s="2"/>
      <c r="B41565" s="2"/>
      <c r="C41565" s="2"/>
    </row>
    <row r="41566" spans="1:3" ht="19.2">
      <c r="A41566" s="2"/>
      <c r="B41566" s="2"/>
      <c r="C41566" s="2"/>
    </row>
    <row r="41567" spans="1:3" ht="19.2">
      <c r="A41567" s="2"/>
      <c r="B41567" s="2"/>
      <c r="C41567" s="2"/>
    </row>
    <row r="41568" spans="1:3" ht="19.2">
      <c r="A41568" s="2"/>
      <c r="B41568" s="2"/>
      <c r="C41568" s="2"/>
    </row>
    <row r="41569" spans="1:3" ht="19.2">
      <c r="A41569" s="2"/>
      <c r="B41569" s="2"/>
      <c r="C41569" s="2"/>
    </row>
    <row r="41570" spans="1:3" ht="19.2">
      <c r="A41570" s="2"/>
      <c r="B41570" s="2"/>
      <c r="C41570" s="2"/>
    </row>
    <row r="41571" spans="1:3" ht="19.2">
      <c r="A41571" s="2"/>
      <c r="B41571" s="2"/>
      <c r="C41571" s="2"/>
    </row>
    <row r="41572" spans="1:3" ht="19.2">
      <c r="A41572" s="2"/>
      <c r="B41572" s="2"/>
      <c r="C41572" s="2"/>
    </row>
    <row r="41573" spans="1:3" ht="19.2">
      <c r="A41573" s="2"/>
      <c r="B41573" s="2"/>
      <c r="C41573" s="2"/>
    </row>
    <row r="41574" spans="1:3" ht="19.2">
      <c r="A41574" s="2"/>
      <c r="B41574" s="2"/>
      <c r="C41574" s="2"/>
    </row>
    <row r="41575" spans="1:3" ht="19.2">
      <c r="A41575" s="2"/>
      <c r="B41575" s="2"/>
      <c r="C41575" s="2"/>
    </row>
    <row r="41576" spans="1:3" ht="19.2">
      <c r="A41576" s="2"/>
      <c r="B41576" s="2"/>
      <c r="C41576" s="2"/>
    </row>
    <row r="41577" spans="1:3" ht="19.2">
      <c r="A41577" s="2"/>
      <c r="B41577" s="2"/>
      <c r="C41577" s="2"/>
    </row>
    <row r="41578" spans="1:3" ht="19.2">
      <c r="A41578" s="2"/>
      <c r="B41578" s="2"/>
      <c r="C41578" s="2"/>
    </row>
    <row r="41579" spans="1:3" ht="19.2">
      <c r="A41579" s="2"/>
      <c r="B41579" s="2"/>
      <c r="C41579" s="2"/>
    </row>
    <row r="41580" spans="1:3" ht="19.2">
      <c r="A41580" s="2"/>
      <c r="B41580" s="2"/>
      <c r="C41580" s="2"/>
    </row>
    <row r="41581" spans="1:3" ht="19.2">
      <c r="A41581" s="2"/>
      <c r="B41581" s="2"/>
      <c r="C41581" s="2"/>
    </row>
    <row r="41582" spans="1:3" ht="19.2">
      <c r="A41582" s="2"/>
      <c r="B41582" s="2"/>
      <c r="C41582" s="2"/>
    </row>
    <row r="41583" spans="1:3" ht="19.2">
      <c r="A41583" s="2"/>
      <c r="B41583" s="2"/>
      <c r="C41583" s="2"/>
    </row>
    <row r="41584" spans="1:3" ht="19.2">
      <c r="A41584" s="2"/>
      <c r="B41584" s="2"/>
      <c r="C41584" s="2"/>
    </row>
    <row r="41585" spans="1:3" ht="19.2">
      <c r="A41585" s="2"/>
      <c r="B41585" s="2"/>
      <c r="C41585" s="2"/>
    </row>
    <row r="41586" spans="1:3" ht="19.2">
      <c r="A41586" s="2"/>
      <c r="B41586" s="2"/>
      <c r="C41586" s="2"/>
    </row>
    <row r="41587" spans="1:3" ht="19.2">
      <c r="A41587" s="2"/>
      <c r="B41587" s="2"/>
      <c r="C41587" s="2"/>
    </row>
    <row r="41588" spans="1:3" ht="19.2">
      <c r="A41588" s="2"/>
      <c r="B41588" s="2"/>
      <c r="C41588" s="2"/>
    </row>
    <row r="41589" spans="1:3" ht="19.2">
      <c r="A41589" s="2"/>
      <c r="B41589" s="2"/>
      <c r="C41589" s="2"/>
    </row>
    <row r="41590" spans="1:3" ht="19.2">
      <c r="A41590" s="2"/>
      <c r="B41590" s="2"/>
      <c r="C41590" s="2"/>
    </row>
    <row r="41591" spans="1:3" ht="19.2">
      <c r="A41591" s="2"/>
      <c r="B41591" s="2"/>
      <c r="C41591" s="2"/>
    </row>
    <row r="41592" spans="1:3" ht="19.2">
      <c r="A41592" s="2"/>
      <c r="B41592" s="2"/>
      <c r="C41592" s="2"/>
    </row>
    <row r="41593" spans="1:3" ht="19.2">
      <c r="A41593" s="2"/>
      <c r="B41593" s="2"/>
      <c r="C41593" s="2"/>
    </row>
    <row r="41594" spans="1:3" ht="19.2">
      <c r="A41594" s="2"/>
      <c r="B41594" s="2"/>
      <c r="C41594" s="2"/>
    </row>
    <row r="41595" spans="1:3" ht="19.2">
      <c r="A41595" s="2"/>
      <c r="B41595" s="2"/>
      <c r="C41595" s="2"/>
    </row>
    <row r="41596" spans="1:3" ht="19.2">
      <c r="A41596" s="2"/>
      <c r="B41596" s="2"/>
      <c r="C41596" s="2"/>
    </row>
    <row r="41597" spans="1:3" ht="19.2">
      <c r="A41597" s="2"/>
      <c r="B41597" s="2"/>
      <c r="C41597" s="2"/>
    </row>
    <row r="41598" spans="1:3" ht="19.2">
      <c r="A41598" s="2"/>
      <c r="B41598" s="2"/>
      <c r="C41598" s="2"/>
    </row>
    <row r="41599" spans="1:3" ht="19.2">
      <c r="A41599" s="2"/>
      <c r="B41599" s="2"/>
      <c r="C41599" s="2"/>
    </row>
    <row r="41600" spans="1:3" ht="19.2">
      <c r="A41600" s="2"/>
      <c r="B41600" s="2"/>
      <c r="C41600" s="2"/>
    </row>
    <row r="41601" spans="1:3" ht="19.2">
      <c r="A41601" s="2"/>
      <c r="B41601" s="2"/>
      <c r="C41601" s="2"/>
    </row>
    <row r="41602" spans="1:3" ht="19.2">
      <c r="A41602" s="2"/>
      <c r="B41602" s="2"/>
      <c r="C41602" s="2"/>
    </row>
    <row r="41603" spans="1:3" ht="19.2">
      <c r="A41603" s="2"/>
      <c r="B41603" s="2"/>
      <c r="C41603" s="2"/>
    </row>
    <row r="41604" spans="1:3" ht="19.2">
      <c r="A41604" s="2"/>
      <c r="B41604" s="2"/>
      <c r="C41604" s="2"/>
    </row>
    <row r="41605" spans="1:3" ht="19.2">
      <c r="A41605" s="2"/>
      <c r="B41605" s="2"/>
      <c r="C41605" s="2"/>
    </row>
    <row r="41606" spans="1:3" ht="19.2">
      <c r="A41606" s="2"/>
      <c r="B41606" s="2"/>
      <c r="C41606" s="2"/>
    </row>
    <row r="41607" spans="1:3" ht="19.2">
      <c r="A41607" s="2"/>
      <c r="B41607" s="2"/>
      <c r="C41607" s="2"/>
    </row>
    <row r="41608" spans="1:3" ht="19.2">
      <c r="A41608" s="2"/>
      <c r="B41608" s="2"/>
      <c r="C41608" s="2"/>
    </row>
    <row r="41609" spans="1:3" ht="19.2">
      <c r="A41609" s="2"/>
      <c r="B41609" s="2"/>
      <c r="C41609" s="2"/>
    </row>
    <row r="41610" spans="1:3" ht="19.2">
      <c r="A41610" s="2"/>
      <c r="B41610" s="2"/>
      <c r="C41610" s="2"/>
    </row>
    <row r="41611" spans="1:3" ht="19.2">
      <c r="A41611" s="2"/>
      <c r="B41611" s="2"/>
      <c r="C41611" s="2"/>
    </row>
    <row r="41612" spans="1:3" ht="19.2">
      <c r="A41612" s="2"/>
      <c r="B41612" s="2"/>
      <c r="C41612" s="2"/>
    </row>
    <row r="41613" spans="1:3" ht="19.2">
      <c r="A41613" s="2"/>
      <c r="B41613" s="2"/>
      <c r="C41613" s="2"/>
    </row>
    <row r="41614" spans="1:3" ht="19.2">
      <c r="A41614" s="2"/>
      <c r="B41614" s="2"/>
      <c r="C41614" s="2"/>
    </row>
    <row r="41615" spans="1:3" ht="19.2">
      <c r="A41615" s="2"/>
      <c r="B41615" s="2"/>
      <c r="C41615" s="2"/>
    </row>
    <row r="41616" spans="1:3" ht="19.2">
      <c r="A41616" s="2"/>
      <c r="B41616" s="2"/>
      <c r="C41616" s="2"/>
    </row>
    <row r="41617" spans="1:3" ht="19.2">
      <c r="A41617" s="2"/>
      <c r="B41617" s="2"/>
      <c r="C41617" s="2"/>
    </row>
    <row r="41618" spans="1:3" ht="19.2">
      <c r="A41618" s="2"/>
      <c r="B41618" s="2"/>
      <c r="C41618" s="2"/>
    </row>
    <row r="41619" spans="1:3" ht="19.2">
      <c r="A41619" s="2"/>
      <c r="B41619" s="2"/>
      <c r="C41619" s="2"/>
    </row>
    <row r="41620" spans="1:3" ht="19.2">
      <c r="A41620" s="2"/>
      <c r="B41620" s="2"/>
      <c r="C41620" s="2"/>
    </row>
    <row r="41621" spans="1:3" ht="19.2">
      <c r="A41621" s="2"/>
      <c r="B41621" s="2"/>
      <c r="C41621" s="2"/>
    </row>
    <row r="41622" spans="1:3" ht="19.2">
      <c r="A41622" s="2"/>
      <c r="B41622" s="2"/>
      <c r="C41622" s="2"/>
    </row>
    <row r="41623" spans="1:3" ht="19.2">
      <c r="A41623" s="2"/>
      <c r="B41623" s="2"/>
      <c r="C41623" s="2"/>
    </row>
    <row r="41624" spans="1:3" ht="19.2">
      <c r="A41624" s="2"/>
      <c r="B41624" s="2"/>
      <c r="C41624" s="2"/>
    </row>
    <row r="41625" spans="1:3" ht="19.2">
      <c r="A41625" s="2"/>
      <c r="B41625" s="2"/>
      <c r="C41625" s="2"/>
    </row>
    <row r="41626" spans="1:3" ht="19.2">
      <c r="A41626" s="2"/>
      <c r="B41626" s="2"/>
      <c r="C41626" s="2"/>
    </row>
    <row r="41627" spans="1:3" ht="19.2">
      <c r="A41627" s="2"/>
      <c r="B41627" s="2"/>
      <c r="C41627" s="2"/>
    </row>
    <row r="41628" spans="1:3" ht="19.2">
      <c r="A41628" s="2"/>
      <c r="B41628" s="2"/>
      <c r="C41628" s="2"/>
    </row>
    <row r="41629" spans="1:3" ht="19.2">
      <c r="A41629" s="2"/>
      <c r="B41629" s="2"/>
      <c r="C41629" s="2"/>
    </row>
    <row r="41630" spans="1:3" ht="19.2">
      <c r="A41630" s="2"/>
      <c r="B41630" s="2"/>
      <c r="C41630" s="2"/>
    </row>
    <row r="41631" spans="1:3" ht="19.2">
      <c r="A41631" s="2"/>
      <c r="B41631" s="2"/>
      <c r="C41631" s="2"/>
    </row>
    <row r="41632" spans="1:3" ht="19.2">
      <c r="A41632" s="2"/>
      <c r="B41632" s="2"/>
      <c r="C41632" s="2"/>
    </row>
    <row r="41633" spans="1:3" ht="19.2">
      <c r="A41633" s="2"/>
      <c r="B41633" s="2"/>
      <c r="C41633" s="2"/>
    </row>
    <row r="41634" spans="1:3" ht="19.2">
      <c r="A41634" s="2"/>
      <c r="B41634" s="2"/>
      <c r="C41634" s="2"/>
    </row>
    <row r="41635" spans="1:3" ht="19.2">
      <c r="A41635" s="2"/>
      <c r="B41635" s="2"/>
      <c r="C41635" s="2"/>
    </row>
    <row r="41636" spans="1:3" ht="19.2">
      <c r="A41636" s="2"/>
      <c r="B41636" s="2"/>
      <c r="C41636" s="2"/>
    </row>
    <row r="41637" spans="1:3" ht="19.2">
      <c r="A41637" s="2"/>
      <c r="B41637" s="2"/>
      <c r="C41637" s="2"/>
    </row>
    <row r="41638" spans="1:3" ht="19.2">
      <c r="A41638" s="2"/>
      <c r="B41638" s="2"/>
      <c r="C41638" s="2"/>
    </row>
    <row r="41639" spans="1:3" ht="19.2">
      <c r="A41639" s="2"/>
      <c r="B41639" s="2"/>
      <c r="C41639" s="2"/>
    </row>
    <row r="41640" spans="1:3" ht="19.2">
      <c r="A41640" s="2"/>
      <c r="B41640" s="2"/>
      <c r="C41640" s="2"/>
    </row>
    <row r="41641" spans="1:3" ht="19.2">
      <c r="A41641" s="2"/>
      <c r="B41641" s="2"/>
      <c r="C41641" s="2"/>
    </row>
    <row r="41642" spans="1:3" ht="19.2">
      <c r="A41642" s="2"/>
      <c r="B41642" s="2"/>
      <c r="C41642" s="2"/>
    </row>
    <row r="41643" spans="1:3" ht="19.2">
      <c r="A41643" s="2"/>
      <c r="B41643" s="2"/>
      <c r="C41643" s="2"/>
    </row>
    <row r="41644" spans="1:3" ht="19.2">
      <c r="A41644" s="2"/>
      <c r="B41644" s="2"/>
      <c r="C41644" s="2"/>
    </row>
    <row r="41645" spans="1:3" ht="19.2">
      <c r="A41645" s="2"/>
      <c r="B41645" s="2"/>
      <c r="C41645" s="2"/>
    </row>
    <row r="41646" spans="1:3" ht="19.2">
      <c r="A41646" s="2"/>
      <c r="B41646" s="2"/>
      <c r="C41646" s="2"/>
    </row>
    <row r="41647" spans="1:3" ht="19.2">
      <c r="A41647" s="2"/>
      <c r="B41647" s="2"/>
      <c r="C41647" s="2"/>
    </row>
    <row r="41648" spans="1:3" ht="19.2">
      <c r="A41648" s="2"/>
      <c r="B41648" s="2"/>
      <c r="C41648" s="2"/>
    </row>
    <row r="41649" spans="1:3" ht="19.2">
      <c r="A41649" s="2"/>
      <c r="B41649" s="2"/>
      <c r="C41649" s="2"/>
    </row>
    <row r="41650" spans="1:3" ht="19.2">
      <c r="A41650" s="2"/>
      <c r="B41650" s="2"/>
      <c r="C41650" s="2"/>
    </row>
    <row r="41651" spans="1:3" ht="19.2">
      <c r="A41651" s="2"/>
      <c r="B41651" s="2"/>
      <c r="C41651" s="2"/>
    </row>
    <row r="41652" spans="1:3" ht="19.2">
      <c r="A41652" s="2"/>
      <c r="B41652" s="2"/>
      <c r="C41652" s="2"/>
    </row>
    <row r="41653" spans="1:3" ht="19.2">
      <c r="A41653" s="2"/>
      <c r="B41653" s="2"/>
      <c r="C41653" s="2"/>
    </row>
    <row r="41654" spans="1:3" ht="19.2">
      <c r="A41654" s="2"/>
      <c r="B41654" s="2"/>
      <c r="C41654" s="2"/>
    </row>
    <row r="41655" spans="1:3" ht="19.2">
      <c r="A41655" s="2"/>
      <c r="B41655" s="2"/>
      <c r="C41655" s="2"/>
    </row>
    <row r="41656" spans="1:3" ht="19.2">
      <c r="A41656" s="2"/>
      <c r="B41656" s="2"/>
      <c r="C41656" s="2"/>
    </row>
    <row r="41657" spans="1:3" ht="19.2">
      <c r="A41657" s="2"/>
      <c r="B41657" s="2"/>
      <c r="C41657" s="2"/>
    </row>
    <row r="41658" spans="1:3" ht="19.2">
      <c r="A41658" s="2"/>
      <c r="B41658" s="2"/>
      <c r="C41658" s="2"/>
    </row>
    <row r="41659" spans="1:3" ht="19.2">
      <c r="A41659" s="2"/>
      <c r="B41659" s="2"/>
      <c r="C41659" s="2"/>
    </row>
    <row r="41660" spans="1:3" ht="19.2">
      <c r="A41660" s="2"/>
      <c r="B41660" s="2"/>
      <c r="C41660" s="2"/>
    </row>
    <row r="41661" spans="1:3" ht="19.2">
      <c r="A41661" s="2"/>
      <c r="B41661" s="2"/>
      <c r="C41661" s="2"/>
    </row>
    <row r="41662" spans="1:3" ht="19.2">
      <c r="A41662" s="2"/>
      <c r="B41662" s="2"/>
      <c r="C41662" s="2"/>
    </row>
    <row r="41663" spans="1:3" ht="19.2">
      <c r="A41663" s="2"/>
      <c r="B41663" s="2"/>
      <c r="C41663" s="2"/>
    </row>
    <row r="41664" spans="1:3" ht="19.2">
      <c r="A41664" s="2"/>
      <c r="B41664" s="2"/>
      <c r="C41664" s="2"/>
    </row>
    <row r="41665" spans="1:3" ht="19.2">
      <c r="A41665" s="2"/>
      <c r="B41665" s="2"/>
      <c r="C41665" s="2"/>
    </row>
    <row r="41666" spans="1:3" ht="19.2">
      <c r="A41666" s="2"/>
      <c r="B41666" s="2"/>
      <c r="C41666" s="2"/>
    </row>
    <row r="41667" spans="1:3" ht="19.2">
      <c r="A41667" s="2"/>
      <c r="B41667" s="2"/>
      <c r="C41667" s="2"/>
    </row>
    <row r="41668" spans="1:3" ht="19.2">
      <c r="A41668" s="2"/>
      <c r="B41668" s="2"/>
      <c r="C41668" s="2"/>
    </row>
    <row r="41669" spans="1:3" ht="19.2">
      <c r="A41669" s="2"/>
      <c r="B41669" s="2"/>
      <c r="C41669" s="2"/>
    </row>
    <row r="41670" spans="1:3" ht="19.2">
      <c r="A41670" s="2"/>
      <c r="B41670" s="2"/>
      <c r="C41670" s="2"/>
    </row>
    <row r="41671" spans="1:3" ht="19.2">
      <c r="A41671" s="2"/>
      <c r="B41671" s="2"/>
      <c r="C41671" s="2"/>
    </row>
    <row r="41672" spans="1:3" ht="19.2">
      <c r="A41672" s="2"/>
      <c r="B41672" s="2"/>
      <c r="C41672" s="2"/>
    </row>
    <row r="41673" spans="1:3" ht="19.2">
      <c r="A41673" s="2"/>
      <c r="B41673" s="2"/>
      <c r="C41673" s="2"/>
    </row>
    <row r="41674" spans="1:3" ht="19.2">
      <c r="A41674" s="2"/>
      <c r="B41674" s="2"/>
      <c r="C41674" s="2"/>
    </row>
    <row r="41675" spans="1:3" ht="19.2">
      <c r="A41675" s="2"/>
      <c r="B41675" s="2"/>
      <c r="C41675" s="2"/>
    </row>
    <row r="41676" spans="1:3" ht="19.2">
      <c r="A41676" s="2"/>
      <c r="B41676" s="2"/>
      <c r="C41676" s="2"/>
    </row>
    <row r="41677" spans="1:3" ht="19.2">
      <c r="A41677" s="2"/>
      <c r="B41677" s="2"/>
      <c r="C41677" s="2"/>
    </row>
    <row r="41678" spans="1:3" ht="19.2">
      <c r="A41678" s="2"/>
      <c r="B41678" s="2"/>
      <c r="C41678" s="2"/>
    </row>
    <row r="41679" spans="1:3" ht="19.2">
      <c r="A41679" s="2"/>
      <c r="B41679" s="2"/>
      <c r="C41679" s="2"/>
    </row>
    <row r="41680" spans="1:3" ht="19.2">
      <c r="A41680" s="2"/>
      <c r="B41680" s="2"/>
      <c r="C41680" s="2"/>
    </row>
    <row r="41681" spans="1:3" ht="19.2">
      <c r="A41681" s="2"/>
      <c r="B41681" s="2"/>
      <c r="C41681" s="2"/>
    </row>
    <row r="41682" spans="1:3" ht="19.2">
      <c r="A41682" s="2"/>
      <c r="B41682" s="2"/>
      <c r="C41682" s="2"/>
    </row>
    <row r="41683" spans="1:3" ht="19.2">
      <c r="A41683" s="2"/>
      <c r="B41683" s="2"/>
      <c r="C41683" s="2"/>
    </row>
    <row r="41684" spans="1:3" ht="19.2">
      <c r="A41684" s="2"/>
      <c r="B41684" s="2"/>
      <c r="C41684" s="2"/>
    </row>
    <row r="41685" spans="1:3" ht="19.2">
      <c r="A41685" s="2"/>
      <c r="B41685" s="2"/>
      <c r="C41685" s="2"/>
    </row>
    <row r="41686" spans="1:3" ht="19.2">
      <c r="A41686" s="2"/>
      <c r="B41686" s="2"/>
      <c r="C41686" s="2"/>
    </row>
    <row r="41687" spans="1:3" ht="19.2">
      <c r="A41687" s="2"/>
      <c r="B41687" s="2"/>
      <c r="C41687" s="2"/>
    </row>
    <row r="41688" spans="1:3" ht="19.2">
      <c r="A41688" s="2"/>
      <c r="B41688" s="2"/>
      <c r="C41688" s="2"/>
    </row>
    <row r="41689" spans="1:3" ht="19.2">
      <c r="A41689" s="2"/>
      <c r="B41689" s="2"/>
      <c r="C41689" s="2"/>
    </row>
    <row r="41690" spans="1:3" ht="19.2">
      <c r="A41690" s="2"/>
      <c r="B41690" s="2"/>
      <c r="C41690" s="2"/>
    </row>
    <row r="41691" spans="1:3" ht="19.2">
      <c r="A41691" s="2"/>
      <c r="B41691" s="2"/>
      <c r="C41691" s="2"/>
    </row>
    <row r="41692" spans="1:3" ht="19.2">
      <c r="A41692" s="2"/>
      <c r="B41692" s="2"/>
      <c r="C41692" s="2"/>
    </row>
    <row r="41693" spans="1:3" ht="19.2">
      <c r="A41693" s="2"/>
      <c r="B41693" s="2"/>
      <c r="C41693" s="2"/>
    </row>
    <row r="41694" spans="1:3" ht="19.2">
      <c r="A41694" s="2"/>
      <c r="B41694" s="2"/>
      <c r="C41694" s="2"/>
    </row>
    <row r="41695" spans="1:3" ht="19.2">
      <c r="A41695" s="2"/>
      <c r="B41695" s="2"/>
      <c r="C41695" s="2"/>
    </row>
    <row r="41696" spans="1:3" ht="19.2">
      <c r="A41696" s="2"/>
      <c r="B41696" s="2"/>
      <c r="C41696" s="2"/>
    </row>
    <row r="41697" spans="1:3" ht="19.2">
      <c r="A41697" s="2"/>
      <c r="B41697" s="2"/>
      <c r="C41697" s="2"/>
    </row>
    <row r="41698" spans="1:3" ht="19.2">
      <c r="A41698" s="2"/>
      <c r="B41698" s="2"/>
      <c r="C41698" s="2"/>
    </row>
    <row r="41699" spans="1:3" ht="19.2">
      <c r="A41699" s="2"/>
      <c r="B41699" s="2"/>
      <c r="C41699" s="2"/>
    </row>
    <row r="41700" spans="1:3" ht="19.2">
      <c r="A41700" s="2"/>
      <c r="B41700" s="2"/>
      <c r="C41700" s="2"/>
    </row>
    <row r="41701" spans="1:3" ht="19.2">
      <c r="A41701" s="2"/>
      <c r="B41701" s="2"/>
      <c r="C41701" s="2"/>
    </row>
    <row r="41702" spans="1:3" ht="19.2">
      <c r="A41702" s="2"/>
      <c r="B41702" s="2"/>
      <c r="C41702" s="2"/>
    </row>
    <row r="41703" spans="1:3" ht="19.2">
      <c r="A41703" s="2"/>
      <c r="B41703" s="2"/>
      <c r="C41703" s="2"/>
    </row>
    <row r="41704" spans="1:3" ht="19.2">
      <c r="A41704" s="2"/>
      <c r="B41704" s="2"/>
      <c r="C41704" s="2"/>
    </row>
    <row r="41705" spans="1:3" ht="19.2">
      <c r="A41705" s="2"/>
      <c r="B41705" s="2"/>
      <c r="C41705" s="2"/>
    </row>
    <row r="41706" spans="1:3" ht="19.2">
      <c r="A41706" s="2"/>
      <c r="B41706" s="2"/>
      <c r="C41706" s="2"/>
    </row>
    <row r="41707" spans="1:3" ht="19.2">
      <c r="A41707" s="2"/>
      <c r="B41707" s="2"/>
      <c r="C41707" s="2"/>
    </row>
    <row r="41708" spans="1:3" ht="19.2">
      <c r="A41708" s="2"/>
      <c r="B41708" s="2"/>
      <c r="C41708" s="2"/>
    </row>
    <row r="41709" spans="1:3" ht="19.2">
      <c r="A41709" s="2"/>
      <c r="B41709" s="2"/>
      <c r="C41709" s="2"/>
    </row>
    <row r="41710" spans="1:3" ht="19.2">
      <c r="A41710" s="2"/>
      <c r="B41710" s="2"/>
      <c r="C41710" s="2"/>
    </row>
    <row r="41711" spans="1:3" ht="19.2">
      <c r="A41711" s="2"/>
      <c r="B41711" s="2"/>
      <c r="C41711" s="2"/>
    </row>
    <row r="41712" spans="1:3" ht="19.2">
      <c r="A41712" s="2"/>
      <c r="B41712" s="2"/>
      <c r="C41712" s="2"/>
    </row>
    <row r="41713" spans="1:3" ht="19.2">
      <c r="A41713" s="2"/>
      <c r="B41713" s="2"/>
      <c r="C41713" s="2"/>
    </row>
    <row r="41714" spans="1:3" ht="19.2">
      <c r="A41714" s="2"/>
      <c r="B41714" s="2"/>
      <c r="C41714" s="2"/>
    </row>
    <row r="41715" spans="1:3" ht="19.2">
      <c r="A41715" s="2"/>
      <c r="B41715" s="2"/>
      <c r="C41715" s="2"/>
    </row>
    <row r="41716" spans="1:3" ht="19.2">
      <c r="A41716" s="2"/>
      <c r="B41716" s="2"/>
      <c r="C41716" s="2"/>
    </row>
    <row r="41717" spans="1:3" ht="19.2">
      <c r="A41717" s="2"/>
      <c r="B41717" s="2"/>
      <c r="C41717" s="2"/>
    </row>
    <row r="41718" spans="1:3" ht="19.2">
      <c r="A41718" s="2"/>
      <c r="B41718" s="2"/>
      <c r="C41718" s="2"/>
    </row>
    <row r="41719" spans="1:3" ht="19.2">
      <c r="A41719" s="2"/>
      <c r="B41719" s="2"/>
      <c r="C41719" s="2"/>
    </row>
    <row r="41720" spans="1:3" ht="19.2">
      <c r="A41720" s="2"/>
      <c r="B41720" s="2"/>
      <c r="C41720" s="2"/>
    </row>
    <row r="41721" spans="1:3" ht="19.2">
      <c r="A41721" s="2"/>
      <c r="B41721" s="2"/>
      <c r="C41721" s="2"/>
    </row>
    <row r="41722" spans="1:3" ht="19.2">
      <c r="A41722" s="2"/>
      <c r="B41722" s="2"/>
      <c r="C41722" s="2"/>
    </row>
    <row r="41723" spans="1:3" ht="19.2">
      <c r="A41723" s="2"/>
      <c r="B41723" s="2"/>
      <c r="C41723" s="2"/>
    </row>
    <row r="41724" spans="1:3" ht="19.2">
      <c r="A41724" s="2"/>
      <c r="B41724" s="2"/>
      <c r="C41724" s="2"/>
    </row>
    <row r="41725" spans="1:3" ht="19.2">
      <c r="A41725" s="2"/>
      <c r="B41725" s="2"/>
      <c r="C41725" s="2"/>
    </row>
    <row r="41726" spans="1:3" ht="19.2">
      <c r="A41726" s="2"/>
      <c r="B41726" s="2"/>
      <c r="C41726" s="2"/>
    </row>
    <row r="41727" spans="1:3" ht="19.2">
      <c r="A41727" s="2"/>
      <c r="B41727" s="2"/>
      <c r="C41727" s="2"/>
    </row>
    <row r="41728" spans="1:3" ht="19.2">
      <c r="A41728" s="2"/>
      <c r="B41728" s="2"/>
      <c r="C41728" s="2"/>
    </row>
    <row r="41729" spans="1:3" ht="19.2">
      <c r="A41729" s="2"/>
      <c r="B41729" s="2"/>
      <c r="C41729" s="2"/>
    </row>
    <row r="41730" spans="1:3" ht="19.2">
      <c r="A41730" s="2"/>
      <c r="B41730" s="2"/>
      <c r="C41730" s="2"/>
    </row>
    <row r="41731" spans="1:3" ht="19.2">
      <c r="A41731" s="2"/>
      <c r="B41731" s="2"/>
      <c r="C41731" s="2"/>
    </row>
    <row r="41732" spans="1:3" ht="19.2">
      <c r="A41732" s="2"/>
      <c r="B41732" s="2"/>
      <c r="C41732" s="2"/>
    </row>
    <row r="41733" spans="1:3" ht="19.2">
      <c r="A41733" s="2"/>
      <c r="B41733" s="2"/>
      <c r="C41733" s="2"/>
    </row>
    <row r="41734" spans="1:3" ht="19.2">
      <c r="A41734" s="2"/>
      <c r="B41734" s="2"/>
      <c r="C41734" s="2"/>
    </row>
    <row r="41735" spans="1:3" ht="19.2">
      <c r="A41735" s="2"/>
      <c r="B41735" s="2"/>
      <c r="C41735" s="2"/>
    </row>
    <row r="41736" spans="1:3" ht="19.2">
      <c r="A41736" s="2"/>
      <c r="B41736" s="2"/>
      <c r="C41736" s="2"/>
    </row>
    <row r="41737" spans="1:3" ht="19.2">
      <c r="A41737" s="2"/>
      <c r="B41737" s="2"/>
      <c r="C41737" s="2"/>
    </row>
    <row r="41738" spans="1:3" ht="19.2">
      <c r="A41738" s="2"/>
      <c r="B41738" s="2"/>
      <c r="C41738" s="2"/>
    </row>
    <row r="41739" spans="1:3" ht="19.2">
      <c r="A41739" s="2"/>
      <c r="B41739" s="2"/>
      <c r="C41739" s="2"/>
    </row>
    <row r="41740" spans="1:3" ht="19.2">
      <c r="A41740" s="2"/>
      <c r="B41740" s="2"/>
      <c r="C41740" s="2"/>
    </row>
    <row r="41741" spans="1:3" ht="19.2">
      <c r="A41741" s="2"/>
      <c r="B41741" s="2"/>
      <c r="C41741" s="2"/>
    </row>
    <row r="41742" spans="1:3" ht="19.2">
      <c r="A41742" s="2"/>
      <c r="B41742" s="2"/>
      <c r="C41742" s="2"/>
    </row>
    <row r="41743" spans="1:3" ht="19.2">
      <c r="A41743" s="2"/>
      <c r="B41743" s="2"/>
      <c r="C41743" s="2"/>
    </row>
    <row r="41744" spans="1:3" ht="19.2">
      <c r="A41744" s="2"/>
      <c r="B41744" s="2"/>
      <c r="C41744" s="2"/>
    </row>
    <row r="41745" spans="1:3" ht="19.2">
      <c r="A41745" s="2"/>
      <c r="B41745" s="2"/>
      <c r="C41745" s="2"/>
    </row>
    <row r="41746" spans="1:3" ht="19.2">
      <c r="A41746" s="2"/>
      <c r="B41746" s="2"/>
      <c r="C41746" s="2"/>
    </row>
    <row r="41747" spans="1:3" ht="19.2">
      <c r="A41747" s="2"/>
      <c r="B41747" s="2"/>
      <c r="C41747" s="2"/>
    </row>
    <row r="41748" spans="1:3" ht="19.2">
      <c r="A41748" s="2"/>
      <c r="B41748" s="2"/>
      <c r="C41748" s="2"/>
    </row>
    <row r="41749" spans="1:3" ht="19.2">
      <c r="A41749" s="2"/>
      <c r="B41749" s="2"/>
      <c r="C41749" s="2"/>
    </row>
    <row r="41750" spans="1:3" ht="19.2">
      <c r="A41750" s="2"/>
      <c r="B41750" s="2"/>
      <c r="C41750" s="2"/>
    </row>
    <row r="41751" spans="1:3" ht="19.2">
      <c r="A41751" s="2"/>
      <c r="B41751" s="2"/>
      <c r="C41751" s="2"/>
    </row>
    <row r="41752" spans="1:3" ht="19.2">
      <c r="A41752" s="2"/>
      <c r="B41752" s="2"/>
      <c r="C41752" s="2"/>
    </row>
    <row r="41753" spans="1:3" ht="19.2">
      <c r="A41753" s="2"/>
      <c r="B41753" s="2"/>
      <c r="C41753" s="2"/>
    </row>
    <row r="41754" spans="1:3" ht="19.2">
      <c r="A41754" s="2"/>
      <c r="B41754" s="2"/>
      <c r="C41754" s="2"/>
    </row>
    <row r="41755" spans="1:3" ht="19.2">
      <c r="A41755" s="2"/>
      <c r="B41755" s="2"/>
      <c r="C41755" s="2"/>
    </row>
    <row r="41756" spans="1:3" ht="19.2">
      <c r="A41756" s="2"/>
      <c r="B41756" s="2"/>
      <c r="C41756" s="2"/>
    </row>
    <row r="41757" spans="1:3" ht="19.2">
      <c r="A41757" s="2"/>
      <c r="B41757" s="2"/>
      <c r="C41757" s="2"/>
    </row>
    <row r="41758" spans="1:3" ht="19.2">
      <c r="A41758" s="2"/>
      <c r="B41758" s="2"/>
      <c r="C41758" s="2"/>
    </row>
    <row r="41759" spans="1:3" ht="19.2">
      <c r="A41759" s="2"/>
      <c r="B41759" s="2"/>
      <c r="C41759" s="2"/>
    </row>
    <row r="41760" spans="1:3" ht="19.2">
      <c r="A41760" s="2"/>
      <c r="B41760" s="2"/>
      <c r="C41760" s="2"/>
    </row>
    <row r="41761" spans="1:3" ht="19.2">
      <c r="A41761" s="2"/>
      <c r="B41761" s="2"/>
      <c r="C41761" s="2"/>
    </row>
    <row r="41762" spans="1:3" ht="19.2">
      <c r="A41762" s="2"/>
      <c r="B41762" s="2"/>
      <c r="C41762" s="2"/>
    </row>
    <row r="41763" spans="1:3" ht="19.2">
      <c r="A41763" s="2"/>
      <c r="B41763" s="2"/>
      <c r="C41763" s="2"/>
    </row>
    <row r="41764" spans="1:3" ht="19.2">
      <c r="A41764" s="2"/>
      <c r="B41764" s="2"/>
      <c r="C41764" s="2"/>
    </row>
    <row r="41765" spans="1:3" ht="19.2">
      <c r="A41765" s="2"/>
      <c r="B41765" s="2"/>
      <c r="C41765" s="2"/>
    </row>
    <row r="41766" spans="1:3" ht="19.2">
      <c r="A41766" s="2"/>
      <c r="B41766" s="2"/>
      <c r="C41766" s="2"/>
    </row>
    <row r="41767" spans="1:3" ht="19.2">
      <c r="A41767" s="2"/>
      <c r="B41767" s="2"/>
      <c r="C41767" s="2"/>
    </row>
    <row r="41768" spans="1:3" ht="19.2">
      <c r="A41768" s="2"/>
      <c r="B41768" s="2"/>
      <c r="C41768" s="2"/>
    </row>
    <row r="41769" spans="1:3" ht="19.2">
      <c r="A41769" s="2"/>
      <c r="B41769" s="2"/>
      <c r="C41769" s="2"/>
    </row>
    <row r="41770" spans="1:3" ht="19.2">
      <c r="A41770" s="2"/>
      <c r="B41770" s="2"/>
      <c r="C41770" s="2"/>
    </row>
    <row r="41771" spans="1:3" ht="19.2">
      <c r="A41771" s="2"/>
      <c r="B41771" s="2"/>
      <c r="C41771" s="2"/>
    </row>
    <row r="41772" spans="1:3" ht="19.2">
      <c r="A41772" s="2"/>
      <c r="B41772" s="2"/>
      <c r="C41772" s="2"/>
    </row>
    <row r="41773" spans="1:3" ht="19.2">
      <c r="A41773" s="2"/>
      <c r="B41773" s="2"/>
      <c r="C41773" s="2"/>
    </row>
    <row r="41774" spans="1:3" ht="19.2">
      <c r="A41774" s="2"/>
      <c r="B41774" s="2"/>
      <c r="C41774" s="2"/>
    </row>
    <row r="41775" spans="1:3" ht="19.2">
      <c r="A41775" s="2"/>
      <c r="B41775" s="2"/>
      <c r="C41775" s="2"/>
    </row>
    <row r="41776" spans="1:3" ht="19.2">
      <c r="A41776" s="2"/>
      <c r="B41776" s="2"/>
      <c r="C41776" s="2"/>
    </row>
    <row r="41777" spans="1:3" ht="19.2">
      <c r="A41777" s="2"/>
      <c r="B41777" s="2"/>
      <c r="C41777" s="2"/>
    </row>
    <row r="41778" spans="1:3" ht="19.2">
      <c r="A41778" s="2"/>
      <c r="B41778" s="2"/>
      <c r="C41778" s="2"/>
    </row>
    <row r="41779" spans="1:3" ht="19.2">
      <c r="A41779" s="2"/>
      <c r="B41779" s="2"/>
      <c r="C41779" s="2"/>
    </row>
    <row r="41780" spans="1:3" ht="19.2">
      <c r="A41780" s="2"/>
      <c r="B41780" s="2"/>
      <c r="C41780" s="2"/>
    </row>
    <row r="41781" spans="1:3" ht="19.2">
      <c r="A41781" s="2"/>
      <c r="B41781" s="2"/>
      <c r="C41781" s="2"/>
    </row>
    <row r="41782" spans="1:3" ht="19.2">
      <c r="A41782" s="2"/>
      <c r="B41782" s="2"/>
      <c r="C41782" s="2"/>
    </row>
    <row r="41783" spans="1:3" ht="19.2">
      <c r="A41783" s="2"/>
      <c r="B41783" s="2"/>
      <c r="C41783" s="2"/>
    </row>
    <row r="41784" spans="1:3" ht="19.2">
      <c r="A41784" s="2"/>
      <c r="B41784" s="2"/>
      <c r="C41784" s="2"/>
    </row>
    <row r="41785" spans="1:3" ht="19.2">
      <c r="A41785" s="2"/>
      <c r="B41785" s="2"/>
      <c r="C41785" s="2"/>
    </row>
    <row r="41786" spans="1:3" ht="19.2">
      <c r="A41786" s="2"/>
      <c r="B41786" s="2"/>
      <c r="C41786" s="2"/>
    </row>
    <row r="41787" spans="1:3" ht="19.2">
      <c r="A41787" s="2"/>
      <c r="B41787" s="2"/>
      <c r="C41787" s="2"/>
    </row>
    <row r="41788" spans="1:3" ht="19.2">
      <c r="A41788" s="2"/>
      <c r="B41788" s="2"/>
      <c r="C41788" s="2"/>
    </row>
    <row r="41789" spans="1:3" ht="19.2">
      <c r="A41789" s="2"/>
      <c r="B41789" s="2"/>
      <c r="C41789" s="2"/>
    </row>
    <row r="41790" spans="1:3" ht="19.2">
      <c r="A41790" s="2"/>
      <c r="B41790" s="2"/>
      <c r="C41790" s="2"/>
    </row>
    <row r="41791" spans="1:3" ht="19.2">
      <c r="A41791" s="2"/>
      <c r="B41791" s="2"/>
      <c r="C41791" s="2"/>
    </row>
    <row r="41792" spans="1:3" ht="19.2">
      <c r="A41792" s="2"/>
      <c r="B41792" s="2"/>
      <c r="C41792" s="2"/>
    </row>
    <row r="41793" spans="1:3" ht="19.2">
      <c r="A41793" s="2"/>
      <c r="B41793" s="2"/>
      <c r="C41793" s="2"/>
    </row>
    <row r="41794" spans="1:3" ht="19.2">
      <c r="A41794" s="2"/>
      <c r="B41794" s="2"/>
      <c r="C41794" s="2"/>
    </row>
    <row r="41795" spans="1:3" ht="19.2">
      <c r="A41795" s="2"/>
      <c r="B41795" s="2"/>
      <c r="C41795" s="2"/>
    </row>
    <row r="41796" spans="1:3" ht="19.2">
      <c r="A41796" s="2"/>
      <c r="B41796" s="2"/>
      <c r="C41796" s="2"/>
    </row>
    <row r="41797" spans="1:3" ht="19.2">
      <c r="A41797" s="2"/>
      <c r="B41797" s="2"/>
      <c r="C41797" s="2"/>
    </row>
    <row r="41798" spans="1:3" ht="19.2">
      <c r="A41798" s="2"/>
      <c r="B41798" s="2"/>
      <c r="C41798" s="2"/>
    </row>
    <row r="41799" spans="1:3" ht="19.2">
      <c r="A41799" s="2"/>
      <c r="B41799" s="2"/>
      <c r="C41799" s="2"/>
    </row>
    <row r="41800" spans="1:3" ht="19.2">
      <c r="A41800" s="2"/>
      <c r="B41800" s="2"/>
      <c r="C41800" s="2"/>
    </row>
    <row r="41801" spans="1:3" ht="19.2">
      <c r="A41801" s="2"/>
      <c r="B41801" s="2"/>
      <c r="C41801" s="2"/>
    </row>
    <row r="41802" spans="1:3" ht="19.2">
      <c r="A41802" s="2"/>
      <c r="B41802" s="2"/>
      <c r="C41802" s="2"/>
    </row>
    <row r="41803" spans="1:3" ht="19.2">
      <c r="A41803" s="2"/>
      <c r="B41803" s="2"/>
      <c r="C41803" s="2"/>
    </row>
    <row r="41804" spans="1:3" ht="19.2">
      <c r="A41804" s="2"/>
      <c r="B41804" s="2"/>
      <c r="C41804" s="2"/>
    </row>
    <row r="41805" spans="1:3" ht="19.2">
      <c r="A41805" s="2"/>
      <c r="B41805" s="2"/>
      <c r="C41805" s="2"/>
    </row>
    <row r="41806" spans="1:3" ht="19.2">
      <c r="A41806" s="2"/>
      <c r="B41806" s="2"/>
      <c r="C41806" s="2"/>
    </row>
    <row r="41807" spans="1:3" ht="19.2">
      <c r="A41807" s="2"/>
      <c r="B41807" s="2"/>
      <c r="C41807" s="2"/>
    </row>
    <row r="41808" spans="1:3" ht="19.2">
      <c r="A41808" s="2"/>
      <c r="B41808" s="2"/>
      <c r="C41808" s="2"/>
    </row>
    <row r="41809" spans="1:3" ht="19.2">
      <c r="A41809" s="2"/>
      <c r="B41809" s="2"/>
      <c r="C41809" s="2"/>
    </row>
    <row r="41810" spans="1:3" ht="19.2">
      <c r="A41810" s="2"/>
      <c r="B41810" s="2"/>
      <c r="C41810" s="2"/>
    </row>
    <row r="41811" spans="1:3" ht="19.2">
      <c r="A41811" s="2"/>
      <c r="B41811" s="2"/>
      <c r="C41811" s="2"/>
    </row>
    <row r="41812" spans="1:3" ht="19.2">
      <c r="A41812" s="2"/>
      <c r="B41812" s="2"/>
      <c r="C41812" s="2"/>
    </row>
    <row r="41813" spans="1:3" ht="19.2">
      <c r="A41813" s="2"/>
      <c r="B41813" s="2"/>
      <c r="C41813" s="2"/>
    </row>
    <row r="41814" spans="1:3" ht="19.2">
      <c r="A41814" s="2"/>
      <c r="B41814" s="2"/>
      <c r="C41814" s="2"/>
    </row>
    <row r="41815" spans="1:3" ht="19.2">
      <c r="A41815" s="2"/>
      <c r="B41815" s="2"/>
      <c r="C41815" s="2"/>
    </row>
    <row r="41816" spans="1:3" ht="19.2">
      <c r="A41816" s="2"/>
      <c r="B41816" s="2"/>
      <c r="C41816" s="2"/>
    </row>
    <row r="41817" spans="1:3" ht="19.2">
      <c r="A41817" s="2"/>
      <c r="B41817" s="2"/>
      <c r="C41817" s="2"/>
    </row>
    <row r="41818" spans="1:3" ht="19.2">
      <c r="A41818" s="2"/>
      <c r="B41818" s="2"/>
      <c r="C41818" s="2"/>
    </row>
    <row r="41819" spans="1:3" ht="19.2">
      <c r="A41819" s="2"/>
      <c r="B41819" s="2"/>
      <c r="C41819" s="2"/>
    </row>
    <row r="41820" spans="1:3" ht="19.2">
      <c r="A41820" s="2"/>
      <c r="B41820" s="2"/>
      <c r="C41820" s="2"/>
    </row>
    <row r="41821" spans="1:3" ht="19.2">
      <c r="A41821" s="2"/>
      <c r="B41821" s="2"/>
      <c r="C41821" s="2"/>
    </row>
    <row r="41822" spans="1:3" ht="19.2">
      <c r="A41822" s="2"/>
      <c r="B41822" s="2"/>
      <c r="C41822" s="2"/>
    </row>
    <row r="41823" spans="1:3" ht="19.2">
      <c r="A41823" s="2"/>
      <c r="B41823" s="2"/>
      <c r="C41823" s="2"/>
    </row>
    <row r="41824" spans="1:3" ht="19.2">
      <c r="A41824" s="2"/>
      <c r="B41824" s="2"/>
      <c r="C41824" s="2"/>
    </row>
    <row r="41825" spans="1:3" ht="19.2">
      <c r="A41825" s="2"/>
      <c r="B41825" s="2"/>
      <c r="C41825" s="2"/>
    </row>
    <row r="41826" spans="1:3" ht="19.2">
      <c r="A41826" s="2"/>
      <c r="B41826" s="2"/>
      <c r="C41826" s="2"/>
    </row>
    <row r="41827" spans="1:3" ht="19.2">
      <c r="A41827" s="2"/>
      <c r="B41827" s="2"/>
      <c r="C41827" s="2"/>
    </row>
    <row r="41828" spans="1:3" ht="19.2">
      <c r="A41828" s="2"/>
      <c r="B41828" s="2"/>
      <c r="C41828" s="2"/>
    </row>
    <row r="41829" spans="1:3" ht="19.2">
      <c r="A41829" s="2"/>
      <c r="B41829" s="2"/>
      <c r="C41829" s="2"/>
    </row>
    <row r="41830" spans="1:3" ht="19.2">
      <c r="A41830" s="2"/>
      <c r="B41830" s="2"/>
      <c r="C41830" s="2"/>
    </row>
    <row r="41831" spans="1:3" ht="19.2">
      <c r="A41831" s="2"/>
      <c r="B41831" s="2"/>
      <c r="C41831" s="2"/>
    </row>
    <row r="41832" spans="1:3" ht="19.2">
      <c r="A41832" s="2"/>
      <c r="B41832" s="2"/>
      <c r="C41832" s="2"/>
    </row>
    <row r="41833" spans="1:3" ht="19.2">
      <c r="A41833" s="2"/>
      <c r="B41833" s="2"/>
      <c r="C41833" s="2"/>
    </row>
    <row r="41834" spans="1:3" ht="19.2">
      <c r="A41834" s="2"/>
      <c r="B41834" s="2"/>
      <c r="C41834" s="2"/>
    </row>
    <row r="41835" spans="1:3" ht="19.2">
      <c r="A41835" s="2"/>
      <c r="B41835" s="2"/>
      <c r="C41835" s="2"/>
    </row>
    <row r="41836" spans="1:3" ht="19.2">
      <c r="A41836" s="2"/>
      <c r="B41836" s="2"/>
      <c r="C41836" s="2"/>
    </row>
    <row r="41837" spans="1:3" ht="19.2">
      <c r="A41837" s="2"/>
      <c r="B41837" s="2"/>
      <c r="C41837" s="2"/>
    </row>
    <row r="41838" spans="1:3" ht="19.2">
      <c r="A41838" s="2"/>
      <c r="B41838" s="2"/>
      <c r="C41838" s="2"/>
    </row>
    <row r="41839" spans="1:3" ht="19.2">
      <c r="A41839" s="2"/>
      <c r="B41839" s="2"/>
      <c r="C41839" s="2"/>
    </row>
    <row r="41840" spans="1:3" ht="19.2">
      <c r="A41840" s="2"/>
      <c r="B41840" s="2"/>
      <c r="C41840" s="2"/>
    </row>
    <row r="41841" spans="1:3" ht="19.2">
      <c r="A41841" s="2"/>
      <c r="B41841" s="2"/>
      <c r="C41841" s="2"/>
    </row>
    <row r="41842" spans="1:3" ht="19.2">
      <c r="A41842" s="2"/>
      <c r="B41842" s="2"/>
      <c r="C41842" s="2"/>
    </row>
    <row r="41843" spans="1:3" ht="19.2">
      <c r="A41843" s="2"/>
      <c r="B41843" s="2"/>
      <c r="C41843" s="2"/>
    </row>
    <row r="41844" spans="1:3" ht="19.2">
      <c r="A41844" s="2"/>
      <c r="B41844" s="2"/>
      <c r="C41844" s="2"/>
    </row>
    <row r="41845" spans="1:3" ht="19.2">
      <c r="A41845" s="2"/>
      <c r="B41845" s="2"/>
      <c r="C41845" s="2"/>
    </row>
    <row r="41846" spans="1:3" ht="19.2">
      <c r="A41846" s="2"/>
      <c r="B41846" s="2"/>
      <c r="C41846" s="2"/>
    </row>
    <row r="41847" spans="1:3" ht="19.2">
      <c r="A41847" s="2"/>
      <c r="B41847" s="2"/>
      <c r="C41847" s="2"/>
    </row>
    <row r="41848" spans="1:3" ht="19.2">
      <c r="A41848" s="2"/>
      <c r="B41848" s="2"/>
      <c r="C41848" s="2"/>
    </row>
    <row r="41849" spans="1:3" ht="19.2">
      <c r="A41849" s="2"/>
      <c r="B41849" s="2"/>
      <c r="C41849" s="2"/>
    </row>
    <row r="41850" spans="1:3" ht="19.2">
      <c r="A41850" s="2"/>
      <c r="B41850" s="2"/>
      <c r="C41850" s="2"/>
    </row>
    <row r="41851" spans="1:3" ht="19.2">
      <c r="A41851" s="2"/>
      <c r="B41851" s="2"/>
      <c r="C41851" s="2"/>
    </row>
    <row r="41852" spans="1:3" ht="19.2">
      <c r="A41852" s="2"/>
      <c r="B41852" s="2"/>
      <c r="C41852" s="2"/>
    </row>
    <row r="41853" spans="1:3" ht="19.2">
      <c r="A41853" s="2"/>
      <c r="B41853" s="2"/>
      <c r="C41853" s="2"/>
    </row>
    <row r="41854" spans="1:3" ht="19.2">
      <c r="A41854" s="2"/>
      <c r="B41854" s="2"/>
      <c r="C41854" s="2"/>
    </row>
    <row r="41855" spans="1:3" ht="19.2">
      <c r="A41855" s="2"/>
      <c r="B41855" s="2"/>
      <c r="C41855" s="2"/>
    </row>
    <row r="41856" spans="1:3" ht="19.2">
      <c r="A41856" s="2"/>
      <c r="B41856" s="2"/>
      <c r="C41856" s="2"/>
    </row>
    <row r="41857" spans="1:3" ht="19.2">
      <c r="A41857" s="2"/>
      <c r="B41857" s="2"/>
      <c r="C41857" s="2"/>
    </row>
    <row r="41858" spans="1:3" ht="19.2">
      <c r="A41858" s="2"/>
      <c r="B41858" s="2"/>
      <c r="C41858" s="2"/>
    </row>
    <row r="41859" spans="1:3" ht="19.2">
      <c r="A41859" s="2"/>
      <c r="B41859" s="2"/>
      <c r="C41859" s="2"/>
    </row>
    <row r="41860" spans="1:3" ht="19.2">
      <c r="A41860" s="2"/>
      <c r="B41860" s="2"/>
      <c r="C41860" s="2"/>
    </row>
    <row r="41861" spans="1:3" ht="19.2">
      <c r="A41861" s="2"/>
      <c r="B41861" s="2"/>
      <c r="C41861" s="2"/>
    </row>
    <row r="41862" spans="1:3" ht="19.2">
      <c r="A41862" s="2"/>
      <c r="B41862" s="2"/>
      <c r="C41862" s="2"/>
    </row>
    <row r="41863" spans="1:3" ht="19.2">
      <c r="A41863" s="2"/>
      <c r="B41863" s="2"/>
      <c r="C41863" s="2"/>
    </row>
    <row r="41864" spans="1:3" ht="19.2">
      <c r="A41864" s="2"/>
      <c r="B41864" s="2"/>
      <c r="C41864" s="2"/>
    </row>
    <row r="41865" spans="1:3" ht="19.2">
      <c r="A41865" s="2"/>
      <c r="B41865" s="2"/>
      <c r="C41865" s="2"/>
    </row>
    <row r="41866" spans="1:3" ht="19.2">
      <c r="A41866" s="2"/>
      <c r="B41866" s="2"/>
      <c r="C41866" s="2"/>
    </row>
    <row r="41867" spans="1:3" ht="19.2">
      <c r="A41867" s="2"/>
      <c r="B41867" s="2"/>
      <c r="C41867" s="2"/>
    </row>
    <row r="41868" spans="1:3" ht="19.2">
      <c r="A41868" s="2"/>
      <c r="B41868" s="2"/>
      <c r="C41868" s="2"/>
    </row>
    <row r="41869" spans="1:3" ht="19.2">
      <c r="A41869" s="2"/>
      <c r="B41869" s="2"/>
      <c r="C41869" s="2"/>
    </row>
    <row r="41870" spans="1:3" ht="19.2">
      <c r="A41870" s="2"/>
      <c r="B41870" s="2"/>
      <c r="C41870" s="2"/>
    </row>
    <row r="41871" spans="1:3" ht="19.2">
      <c r="A41871" s="2"/>
      <c r="B41871" s="2"/>
      <c r="C41871" s="2"/>
    </row>
    <row r="41872" spans="1:3" ht="19.2">
      <c r="A41872" s="2"/>
      <c r="B41872" s="2"/>
      <c r="C41872" s="2"/>
    </row>
    <row r="41873" spans="1:3" ht="19.2">
      <c r="A41873" s="2"/>
      <c r="B41873" s="2"/>
      <c r="C41873" s="2"/>
    </row>
    <row r="41874" spans="1:3" ht="19.2">
      <c r="A41874" s="2"/>
      <c r="B41874" s="2"/>
      <c r="C41874" s="2"/>
    </row>
    <row r="41875" spans="1:3" ht="19.2">
      <c r="A41875" s="2"/>
      <c r="B41875" s="2"/>
      <c r="C41875" s="2"/>
    </row>
    <row r="41876" spans="1:3" ht="19.2">
      <c r="A41876" s="2"/>
      <c r="B41876" s="2"/>
      <c r="C41876" s="2"/>
    </row>
    <row r="41877" spans="1:3" ht="19.2">
      <c r="A41877" s="2"/>
      <c r="B41877" s="2"/>
      <c r="C41877" s="2"/>
    </row>
    <row r="41878" spans="1:3" ht="19.2">
      <c r="A41878" s="2"/>
      <c r="B41878" s="2"/>
      <c r="C41878" s="2"/>
    </row>
    <row r="41879" spans="1:3" ht="19.2">
      <c r="A41879" s="2"/>
      <c r="B41879" s="2"/>
      <c r="C41879" s="2"/>
    </row>
    <row r="41880" spans="1:3" ht="19.2">
      <c r="A41880" s="2"/>
      <c r="B41880" s="2"/>
      <c r="C41880" s="2"/>
    </row>
    <row r="41881" spans="1:3" ht="19.2">
      <c r="A41881" s="2"/>
      <c r="B41881" s="2"/>
      <c r="C41881" s="2"/>
    </row>
    <row r="41882" spans="1:3" ht="19.2">
      <c r="A41882" s="2"/>
      <c r="B41882" s="2"/>
      <c r="C41882" s="2"/>
    </row>
    <row r="41883" spans="1:3" ht="19.2">
      <c r="A41883" s="2"/>
      <c r="B41883" s="2"/>
      <c r="C41883" s="2"/>
    </row>
    <row r="41884" spans="1:3" ht="19.2">
      <c r="A41884" s="2"/>
      <c r="B41884" s="2"/>
      <c r="C41884" s="2"/>
    </row>
    <row r="41885" spans="1:3" ht="19.2">
      <c r="A41885" s="2"/>
      <c r="B41885" s="2"/>
      <c r="C41885" s="2"/>
    </row>
    <row r="41886" spans="1:3" ht="19.2">
      <c r="A41886" s="2"/>
      <c r="B41886" s="2"/>
      <c r="C41886" s="2"/>
    </row>
    <row r="41887" spans="1:3" ht="19.2">
      <c r="A41887" s="2"/>
      <c r="B41887" s="2"/>
      <c r="C41887" s="2"/>
    </row>
    <row r="41888" spans="1:3" ht="19.2">
      <c r="A41888" s="2"/>
      <c r="B41888" s="2"/>
      <c r="C41888" s="2"/>
    </row>
    <row r="41889" spans="1:3" ht="19.2">
      <c r="A41889" s="2"/>
      <c r="B41889" s="2"/>
      <c r="C41889" s="2"/>
    </row>
    <row r="41890" spans="1:3" ht="19.2">
      <c r="A41890" s="2"/>
      <c r="B41890" s="2"/>
      <c r="C41890" s="2"/>
    </row>
    <row r="41891" spans="1:3" ht="19.2">
      <c r="A41891" s="2"/>
      <c r="B41891" s="2"/>
      <c r="C41891" s="2"/>
    </row>
    <row r="41892" spans="1:3" ht="19.2">
      <c r="A41892" s="2"/>
      <c r="B41892" s="2"/>
      <c r="C41892" s="2"/>
    </row>
    <row r="41893" spans="1:3" ht="19.2">
      <c r="A41893" s="2"/>
      <c r="B41893" s="2"/>
      <c r="C41893" s="2"/>
    </row>
    <row r="41894" spans="1:3" ht="19.2">
      <c r="A41894" s="2"/>
      <c r="B41894" s="2"/>
      <c r="C41894" s="2"/>
    </row>
    <row r="41895" spans="1:3" ht="19.2">
      <c r="A41895" s="2"/>
      <c r="B41895" s="2"/>
      <c r="C41895" s="2"/>
    </row>
    <row r="41896" spans="1:3" ht="19.2">
      <c r="A41896" s="2"/>
      <c r="B41896" s="2"/>
      <c r="C41896" s="2"/>
    </row>
    <row r="41897" spans="1:3" ht="19.2">
      <c r="A41897" s="2"/>
      <c r="B41897" s="2"/>
      <c r="C41897" s="2"/>
    </row>
    <row r="41898" spans="1:3" ht="19.2">
      <c r="A41898" s="2"/>
      <c r="B41898" s="2"/>
      <c r="C41898" s="2"/>
    </row>
    <row r="41899" spans="1:3" ht="19.2">
      <c r="A41899" s="2"/>
      <c r="B41899" s="2"/>
      <c r="C41899" s="2"/>
    </row>
    <row r="41900" spans="1:3" ht="19.2">
      <c r="A41900" s="2"/>
      <c r="B41900" s="2"/>
      <c r="C41900" s="2"/>
    </row>
    <row r="41901" spans="1:3" ht="19.2">
      <c r="A41901" s="2"/>
      <c r="B41901" s="2"/>
      <c r="C41901" s="2"/>
    </row>
    <row r="41902" spans="1:3" ht="19.2">
      <c r="A41902" s="2"/>
      <c r="B41902" s="2"/>
      <c r="C41902" s="2"/>
    </row>
    <row r="41903" spans="1:3" ht="19.2">
      <c r="A41903" s="2"/>
      <c r="B41903" s="2"/>
      <c r="C41903" s="2"/>
    </row>
    <row r="41904" spans="1:3" ht="19.2">
      <c r="A41904" s="2"/>
      <c r="B41904" s="2"/>
      <c r="C41904" s="2"/>
    </row>
    <row r="41905" spans="1:3" ht="19.2">
      <c r="A41905" s="2"/>
      <c r="B41905" s="2"/>
      <c r="C41905" s="2"/>
    </row>
    <row r="41906" spans="1:3" ht="19.2">
      <c r="A41906" s="2"/>
      <c r="B41906" s="2"/>
      <c r="C41906" s="2"/>
    </row>
    <row r="41907" spans="1:3" ht="19.2">
      <c r="A41907" s="2"/>
      <c r="B41907" s="2"/>
      <c r="C41907" s="2"/>
    </row>
    <row r="41908" spans="1:3" ht="19.2">
      <c r="A41908" s="2"/>
      <c r="B41908" s="2"/>
      <c r="C41908" s="2"/>
    </row>
    <row r="41909" spans="1:3" ht="19.2">
      <c r="A41909" s="2"/>
      <c r="B41909" s="2"/>
      <c r="C41909" s="2"/>
    </row>
    <row r="41910" spans="1:3" ht="19.2">
      <c r="A41910" s="2"/>
      <c r="B41910" s="2"/>
      <c r="C41910" s="2"/>
    </row>
    <row r="41911" spans="1:3" ht="19.2">
      <c r="A41911" s="2"/>
      <c r="B41911" s="2"/>
      <c r="C41911" s="2"/>
    </row>
    <row r="41912" spans="1:3" ht="19.2">
      <c r="A41912" s="2"/>
      <c r="B41912" s="2"/>
      <c r="C41912" s="2"/>
    </row>
    <row r="41913" spans="1:3" ht="19.2">
      <c r="A41913" s="2"/>
      <c r="B41913" s="2"/>
      <c r="C41913" s="2"/>
    </row>
    <row r="41914" spans="1:3" ht="19.2">
      <c r="A41914" s="2"/>
      <c r="B41914" s="2"/>
      <c r="C41914" s="2"/>
    </row>
    <row r="41915" spans="1:3" ht="19.2">
      <c r="A41915" s="2"/>
      <c r="B41915" s="2"/>
      <c r="C41915" s="2"/>
    </row>
    <row r="41916" spans="1:3" ht="19.2">
      <c r="A41916" s="2"/>
      <c r="B41916" s="2"/>
      <c r="C41916" s="2"/>
    </row>
    <row r="41917" spans="1:3" ht="19.2">
      <c r="A41917" s="2"/>
      <c r="B41917" s="2"/>
      <c r="C41917" s="2"/>
    </row>
    <row r="41918" spans="1:3" ht="19.2">
      <c r="A41918" s="2"/>
      <c r="B41918" s="2"/>
      <c r="C41918" s="2"/>
    </row>
    <row r="41919" spans="1:3" ht="19.2">
      <c r="A41919" s="2"/>
      <c r="B41919" s="2"/>
      <c r="C41919" s="2"/>
    </row>
    <row r="41920" spans="1:3" ht="19.2">
      <c r="A41920" s="2"/>
      <c r="B41920" s="2"/>
      <c r="C41920" s="2"/>
    </row>
    <row r="41921" spans="1:3" ht="19.2">
      <c r="A41921" s="2"/>
      <c r="B41921" s="2"/>
      <c r="C41921" s="2"/>
    </row>
    <row r="41922" spans="1:3" ht="19.2">
      <c r="A41922" s="2"/>
      <c r="B41922" s="2"/>
      <c r="C41922" s="2"/>
    </row>
    <row r="41923" spans="1:3" ht="19.2">
      <c r="A41923" s="2"/>
      <c r="B41923" s="2"/>
      <c r="C41923" s="2"/>
    </row>
    <row r="41924" spans="1:3" ht="19.2">
      <c r="A41924" s="2"/>
      <c r="B41924" s="2"/>
      <c r="C41924" s="2"/>
    </row>
    <row r="41925" spans="1:3" ht="19.2">
      <c r="A41925" s="2"/>
      <c r="B41925" s="2"/>
      <c r="C41925" s="2"/>
    </row>
    <row r="41926" spans="1:3" ht="19.2">
      <c r="A41926" s="2"/>
      <c r="B41926" s="2"/>
      <c r="C41926" s="2"/>
    </row>
    <row r="41927" spans="1:3" ht="19.2">
      <c r="A41927" s="2"/>
      <c r="B41927" s="2"/>
      <c r="C41927" s="2"/>
    </row>
    <row r="41928" spans="1:3" ht="19.2">
      <c r="A41928" s="2"/>
      <c r="B41928" s="2"/>
      <c r="C41928" s="2"/>
    </row>
    <row r="41929" spans="1:3" ht="19.2">
      <c r="A41929" s="2"/>
      <c r="B41929" s="2"/>
      <c r="C41929" s="2"/>
    </row>
    <row r="41930" spans="1:3" ht="19.2">
      <c r="A41930" s="2"/>
      <c r="B41930" s="2"/>
      <c r="C41930" s="2"/>
    </row>
    <row r="41931" spans="1:3" ht="19.2">
      <c r="A41931" s="2"/>
      <c r="B41931" s="2"/>
      <c r="C41931" s="2"/>
    </row>
    <row r="41932" spans="1:3" ht="19.2">
      <c r="A41932" s="2"/>
      <c r="B41932" s="2"/>
      <c r="C41932" s="2"/>
    </row>
    <row r="41933" spans="1:3" ht="19.2">
      <c r="A41933" s="2"/>
      <c r="B41933" s="2"/>
      <c r="C41933" s="2"/>
    </row>
    <row r="41934" spans="1:3" ht="19.2">
      <c r="A41934" s="2"/>
      <c r="B41934" s="2"/>
      <c r="C41934" s="2"/>
    </row>
    <row r="41935" spans="1:3" ht="19.2">
      <c r="A41935" s="2"/>
      <c r="B41935" s="2"/>
      <c r="C41935" s="2"/>
    </row>
    <row r="41936" spans="1:3" ht="19.2">
      <c r="A41936" s="2"/>
      <c r="B41936" s="2"/>
      <c r="C41936" s="2"/>
    </row>
    <row r="41937" spans="1:3" ht="19.2">
      <c r="A41937" s="2"/>
      <c r="B41937" s="2"/>
      <c r="C41937" s="2"/>
    </row>
    <row r="41938" spans="1:3" ht="19.2">
      <c r="A41938" s="2"/>
      <c r="B41938" s="2"/>
      <c r="C41938" s="2"/>
    </row>
    <row r="41939" spans="1:3" ht="19.2">
      <c r="A41939" s="2"/>
      <c r="B41939" s="2"/>
      <c r="C41939" s="2"/>
    </row>
    <row r="41940" spans="1:3" ht="19.2">
      <c r="A41940" s="2"/>
      <c r="B41940" s="2"/>
      <c r="C41940" s="2"/>
    </row>
    <row r="41941" spans="1:3" ht="19.2">
      <c r="A41941" s="2"/>
      <c r="B41941" s="2"/>
      <c r="C41941" s="2"/>
    </row>
    <row r="41942" spans="1:3" ht="19.2">
      <c r="A41942" s="2"/>
      <c r="B41942" s="2"/>
      <c r="C41942" s="2"/>
    </row>
    <row r="41943" spans="1:3" ht="19.2">
      <c r="A41943" s="2"/>
      <c r="B41943" s="2"/>
      <c r="C41943" s="2"/>
    </row>
    <row r="41944" spans="1:3" ht="19.2">
      <c r="A41944" s="2"/>
      <c r="B41944" s="2"/>
      <c r="C41944" s="2"/>
    </row>
    <row r="41945" spans="1:3" ht="19.2">
      <c r="A41945" s="2"/>
      <c r="B41945" s="2"/>
      <c r="C41945" s="2"/>
    </row>
    <row r="41946" spans="1:3" ht="19.2">
      <c r="A41946" s="2"/>
      <c r="B41946" s="2"/>
      <c r="C41946" s="2"/>
    </row>
    <row r="41947" spans="1:3" ht="19.2">
      <c r="A41947" s="2"/>
      <c r="B41947" s="2"/>
      <c r="C41947" s="2"/>
    </row>
    <row r="41948" spans="1:3" ht="19.2">
      <c r="A41948" s="2"/>
      <c r="B41948" s="2"/>
      <c r="C41948" s="2"/>
    </row>
    <row r="41949" spans="1:3" ht="19.2">
      <c r="A41949" s="2"/>
      <c r="B41949" s="2"/>
      <c r="C41949" s="2"/>
    </row>
    <row r="41950" spans="1:3" ht="19.2">
      <c r="A41950" s="2"/>
      <c r="B41950" s="2"/>
      <c r="C41950" s="2"/>
    </row>
    <row r="41951" spans="1:3" ht="19.2">
      <c r="A41951" s="2"/>
      <c r="B41951" s="2"/>
      <c r="C41951" s="2"/>
    </row>
    <row r="41952" spans="1:3" ht="19.2">
      <c r="A41952" s="2"/>
      <c r="B41952" s="2"/>
      <c r="C41952" s="2"/>
    </row>
    <row r="41953" spans="1:3" ht="19.2">
      <c r="A41953" s="2"/>
      <c r="B41953" s="2"/>
      <c r="C41953" s="2"/>
    </row>
    <row r="41954" spans="1:3" ht="19.2">
      <c r="A41954" s="2"/>
      <c r="B41954" s="2"/>
      <c r="C41954" s="2"/>
    </row>
    <row r="41955" spans="1:3" ht="19.2">
      <c r="A41955" s="2"/>
      <c r="B41955" s="2"/>
      <c r="C41955" s="2"/>
    </row>
    <row r="41956" spans="1:3" ht="19.2">
      <c r="A41956" s="2"/>
      <c r="B41956" s="2"/>
      <c r="C41956" s="2"/>
    </row>
    <row r="41957" spans="1:3" ht="19.2">
      <c r="A41957" s="2"/>
      <c r="B41957" s="2"/>
      <c r="C41957" s="2"/>
    </row>
    <row r="41958" spans="1:3" ht="19.2">
      <c r="A41958" s="2"/>
      <c r="B41958" s="2"/>
      <c r="C41958" s="2"/>
    </row>
    <row r="41959" spans="1:3" ht="19.2">
      <c r="A41959" s="2"/>
      <c r="B41959" s="2"/>
      <c r="C41959" s="2"/>
    </row>
    <row r="41960" spans="1:3" ht="19.2">
      <c r="A41960" s="2"/>
      <c r="B41960" s="2"/>
      <c r="C41960" s="2"/>
    </row>
    <row r="41961" spans="1:3" ht="19.2">
      <c r="A41961" s="2"/>
      <c r="B41961" s="2"/>
      <c r="C41961" s="2"/>
    </row>
    <row r="41962" spans="1:3" ht="19.2">
      <c r="A41962" s="2"/>
      <c r="B41962" s="2"/>
      <c r="C41962" s="2"/>
    </row>
    <row r="41963" spans="1:3" ht="19.2">
      <c r="A41963" s="2"/>
      <c r="B41963" s="2"/>
      <c r="C41963" s="2"/>
    </row>
    <row r="41964" spans="1:3" ht="19.2">
      <c r="A41964" s="2"/>
      <c r="B41964" s="2"/>
      <c r="C41964" s="2"/>
    </row>
    <row r="41965" spans="1:3" ht="19.2">
      <c r="A41965" s="2"/>
      <c r="B41965" s="2"/>
      <c r="C41965" s="2"/>
    </row>
    <row r="41966" spans="1:3" ht="19.2">
      <c r="A41966" s="2"/>
      <c r="B41966" s="2"/>
      <c r="C41966" s="2"/>
    </row>
    <row r="41967" spans="1:3" ht="19.2">
      <c r="A41967" s="2"/>
      <c r="B41967" s="2"/>
      <c r="C41967" s="2"/>
    </row>
    <row r="41968" spans="1:3" ht="19.2">
      <c r="A41968" s="2"/>
      <c r="B41968" s="2"/>
      <c r="C41968" s="2"/>
    </row>
    <row r="41969" spans="1:3" ht="19.2">
      <c r="A41969" s="2"/>
      <c r="B41969" s="2"/>
      <c r="C41969" s="2"/>
    </row>
    <row r="41970" spans="1:3" ht="19.2">
      <c r="A41970" s="2"/>
      <c r="B41970" s="2"/>
      <c r="C41970" s="2"/>
    </row>
    <row r="41971" spans="1:3" ht="19.2">
      <c r="A41971" s="2"/>
      <c r="B41971" s="2"/>
      <c r="C41971" s="2"/>
    </row>
    <row r="41972" spans="1:3" ht="19.2">
      <c r="A41972" s="2"/>
      <c r="B41972" s="2"/>
      <c r="C41972" s="2"/>
    </row>
    <row r="41973" spans="1:3" ht="19.2">
      <c r="A41973" s="2"/>
      <c r="B41973" s="2"/>
      <c r="C41973" s="2"/>
    </row>
    <row r="41974" spans="1:3" ht="19.2">
      <c r="A41974" s="2"/>
      <c r="B41974" s="2"/>
      <c r="C41974" s="2"/>
    </row>
    <row r="41975" spans="1:3" ht="19.2">
      <c r="A41975" s="2"/>
      <c r="B41975" s="2"/>
      <c r="C41975" s="2"/>
    </row>
    <row r="41976" spans="1:3" ht="19.2">
      <c r="A41976" s="2"/>
      <c r="B41976" s="2"/>
      <c r="C41976" s="2"/>
    </row>
    <row r="41977" spans="1:3" ht="19.2">
      <c r="A41977" s="2"/>
      <c r="B41977" s="2"/>
      <c r="C41977" s="2"/>
    </row>
    <row r="41978" spans="1:3" ht="19.2">
      <c r="A41978" s="2"/>
      <c r="B41978" s="2"/>
      <c r="C41978" s="2"/>
    </row>
    <row r="41979" spans="1:3" ht="19.2">
      <c r="A41979" s="2"/>
      <c r="B41979" s="2"/>
      <c r="C41979" s="2"/>
    </row>
    <row r="41980" spans="1:3" ht="19.2">
      <c r="A41980" s="2"/>
      <c r="B41980" s="2"/>
      <c r="C41980" s="2"/>
    </row>
    <row r="41981" spans="1:3" ht="19.2">
      <c r="A41981" s="2"/>
      <c r="B41981" s="2"/>
      <c r="C41981" s="2"/>
    </row>
    <row r="41982" spans="1:3" ht="19.2">
      <c r="A41982" s="2"/>
      <c r="B41982" s="2"/>
      <c r="C41982" s="2"/>
    </row>
    <row r="41983" spans="1:3" ht="19.2">
      <c r="A41983" s="2"/>
      <c r="B41983" s="2"/>
      <c r="C41983" s="2"/>
    </row>
    <row r="41984" spans="1:3" ht="19.2">
      <c r="A41984" s="2"/>
      <c r="B41984" s="2"/>
      <c r="C41984" s="2"/>
    </row>
    <row r="41985" spans="1:3" ht="19.2">
      <c r="A41985" s="2"/>
      <c r="B41985" s="2"/>
      <c r="C41985" s="2"/>
    </row>
    <row r="41986" spans="1:3" ht="19.2">
      <c r="A41986" s="2"/>
      <c r="B41986" s="2"/>
      <c r="C41986" s="2"/>
    </row>
    <row r="41987" spans="1:3" ht="19.2">
      <c r="A41987" s="2"/>
      <c r="B41987" s="2"/>
      <c r="C41987" s="2"/>
    </row>
    <row r="41988" spans="1:3" ht="19.2">
      <c r="A41988" s="2"/>
      <c r="B41988" s="2"/>
      <c r="C41988" s="2"/>
    </row>
    <row r="41989" spans="1:3" ht="19.2">
      <c r="A41989" s="2"/>
      <c r="B41989" s="2"/>
      <c r="C41989" s="2"/>
    </row>
    <row r="41990" spans="1:3" ht="19.2">
      <c r="A41990" s="2"/>
      <c r="B41990" s="2"/>
      <c r="C41990" s="2"/>
    </row>
    <row r="41991" spans="1:3" ht="19.2">
      <c r="A41991" s="2"/>
      <c r="B41991" s="2"/>
      <c r="C41991" s="2"/>
    </row>
    <row r="41992" spans="1:3" ht="19.2">
      <c r="A41992" s="2"/>
      <c r="B41992" s="2"/>
      <c r="C41992" s="2"/>
    </row>
    <row r="41993" spans="1:3" ht="19.2">
      <c r="A41993" s="2"/>
      <c r="B41993" s="2"/>
      <c r="C41993" s="2"/>
    </row>
    <row r="41994" spans="1:3" ht="19.2">
      <c r="A41994" s="2"/>
      <c r="B41994" s="2"/>
      <c r="C41994" s="2"/>
    </row>
    <row r="41995" spans="1:3" ht="19.2">
      <c r="A41995" s="2"/>
      <c r="B41995" s="2"/>
      <c r="C41995" s="2"/>
    </row>
    <row r="41996" spans="1:3" ht="19.2">
      <c r="A41996" s="2"/>
      <c r="B41996" s="2"/>
      <c r="C41996" s="2"/>
    </row>
    <row r="41997" spans="1:3" ht="19.2">
      <c r="A41997" s="2"/>
      <c r="B41997" s="2"/>
      <c r="C41997" s="2"/>
    </row>
    <row r="41998" spans="1:3" ht="19.2">
      <c r="A41998" s="2"/>
      <c r="B41998" s="2"/>
      <c r="C41998" s="2"/>
    </row>
    <row r="41999" spans="1:3" ht="19.2">
      <c r="A41999" s="2"/>
      <c r="B41999" s="2"/>
      <c r="C41999" s="2"/>
    </row>
    <row r="42000" spans="1:3" ht="19.2">
      <c r="A42000" s="2"/>
      <c r="B42000" s="2"/>
      <c r="C42000" s="2"/>
    </row>
    <row r="42001" spans="1:3" ht="19.2">
      <c r="A42001" s="2"/>
      <c r="B42001" s="2"/>
      <c r="C42001" s="2"/>
    </row>
    <row r="42002" spans="1:3" ht="19.2">
      <c r="A42002" s="2"/>
      <c r="B42002" s="2"/>
      <c r="C42002" s="2"/>
    </row>
    <row r="42003" spans="1:3" ht="19.2">
      <c r="A42003" s="2"/>
      <c r="B42003" s="2"/>
      <c r="C42003" s="2"/>
    </row>
    <row r="42004" spans="1:3" ht="19.2">
      <c r="A42004" s="2"/>
      <c r="B42004" s="2"/>
      <c r="C42004" s="2"/>
    </row>
    <row r="42005" spans="1:3" ht="19.2">
      <c r="A42005" s="2"/>
      <c r="B42005" s="2"/>
      <c r="C42005" s="2"/>
    </row>
    <row r="42006" spans="1:3" ht="19.2">
      <c r="A42006" s="2"/>
      <c r="B42006" s="2"/>
      <c r="C42006" s="2"/>
    </row>
    <row r="42007" spans="1:3" ht="19.2">
      <c r="A42007" s="2"/>
      <c r="B42007" s="2"/>
      <c r="C42007" s="2"/>
    </row>
    <row r="42008" spans="1:3" ht="19.2">
      <c r="A42008" s="2"/>
      <c r="B42008" s="2"/>
      <c r="C42008" s="2"/>
    </row>
    <row r="42009" spans="1:3" ht="19.2">
      <c r="A42009" s="2"/>
      <c r="B42009" s="2"/>
      <c r="C42009" s="2"/>
    </row>
    <row r="42010" spans="1:3" ht="19.2">
      <c r="A42010" s="2"/>
      <c r="B42010" s="2"/>
      <c r="C42010" s="2"/>
    </row>
    <row r="42011" spans="1:3" ht="19.2">
      <c r="A42011" s="2"/>
      <c r="B42011" s="2"/>
      <c r="C42011" s="2"/>
    </row>
    <row r="42012" spans="1:3" ht="19.2">
      <c r="A42012" s="2"/>
      <c r="B42012" s="2"/>
      <c r="C42012" s="2"/>
    </row>
    <row r="42013" spans="1:3" ht="19.2">
      <c r="A42013" s="2"/>
      <c r="B42013" s="2"/>
      <c r="C42013" s="2"/>
    </row>
    <row r="42014" spans="1:3" ht="19.2">
      <c r="A42014" s="2"/>
      <c r="B42014" s="2"/>
      <c r="C42014" s="2"/>
    </row>
    <row r="42015" spans="1:3" ht="19.2">
      <c r="A42015" s="2"/>
      <c r="B42015" s="2"/>
      <c r="C42015" s="2"/>
    </row>
    <row r="42016" spans="1:3" ht="19.2">
      <c r="A42016" s="2"/>
      <c r="B42016" s="2"/>
      <c r="C42016" s="2"/>
    </row>
    <row r="42017" spans="1:3" ht="19.2">
      <c r="A42017" s="2"/>
      <c r="B42017" s="2"/>
      <c r="C42017" s="2"/>
    </row>
    <row r="42018" spans="1:3" ht="19.2">
      <c r="A42018" s="2"/>
      <c r="B42018" s="2"/>
      <c r="C42018" s="2"/>
    </row>
    <row r="42019" spans="1:3" ht="19.2">
      <c r="A42019" s="2"/>
      <c r="B42019" s="2"/>
      <c r="C42019" s="2"/>
    </row>
    <row r="42020" spans="1:3" ht="19.2">
      <c r="A42020" s="2"/>
      <c r="B42020" s="2"/>
      <c r="C42020" s="2"/>
    </row>
    <row r="42021" spans="1:3" ht="19.2">
      <c r="A42021" s="2"/>
      <c r="B42021" s="2"/>
      <c r="C42021" s="2"/>
    </row>
    <row r="42022" spans="1:3" ht="19.2">
      <c r="A42022" s="2"/>
      <c r="B42022" s="2"/>
      <c r="C42022" s="2"/>
    </row>
    <row r="42023" spans="1:3" ht="19.2">
      <c r="A42023" s="2"/>
      <c r="B42023" s="2"/>
      <c r="C42023" s="2"/>
    </row>
    <row r="42024" spans="1:3" ht="19.2">
      <c r="A42024" s="2"/>
      <c r="B42024" s="2"/>
      <c r="C42024" s="2"/>
    </row>
    <row r="42025" spans="1:3" ht="19.2">
      <c r="A42025" s="2"/>
      <c r="B42025" s="2"/>
      <c r="C42025" s="2"/>
    </row>
    <row r="42026" spans="1:3" ht="19.2">
      <c r="A42026" s="2"/>
      <c r="B42026" s="2"/>
      <c r="C42026" s="2"/>
    </row>
    <row r="42027" spans="1:3" ht="19.2">
      <c r="A42027" s="2"/>
      <c r="B42027" s="2"/>
      <c r="C42027" s="2"/>
    </row>
    <row r="42028" spans="1:3" ht="19.2">
      <c r="A42028" s="2"/>
      <c r="B42028" s="2"/>
      <c r="C42028" s="2"/>
    </row>
    <row r="42029" spans="1:3" ht="19.2">
      <c r="A42029" s="2"/>
      <c r="B42029" s="2"/>
      <c r="C42029" s="2"/>
    </row>
    <row r="42030" spans="1:3" ht="19.2">
      <c r="A42030" s="2"/>
      <c r="B42030" s="2"/>
      <c r="C42030" s="2"/>
    </row>
    <row r="42031" spans="1:3" ht="19.2">
      <c r="A42031" s="2"/>
      <c r="B42031" s="2"/>
      <c r="C42031" s="2"/>
    </row>
    <row r="42032" spans="1:3" ht="19.2">
      <c r="A42032" s="2"/>
      <c r="B42032" s="2"/>
      <c r="C42032" s="2"/>
    </row>
    <row r="42033" spans="1:3" ht="19.2">
      <c r="A42033" s="2"/>
      <c r="B42033" s="2"/>
      <c r="C42033" s="2"/>
    </row>
    <row r="42034" spans="1:3" ht="19.2">
      <c r="A42034" s="2"/>
      <c r="B42034" s="2"/>
      <c r="C42034" s="2"/>
    </row>
    <row r="42035" spans="1:3" ht="19.2">
      <c r="A42035" s="2"/>
      <c r="B42035" s="2"/>
      <c r="C42035" s="2"/>
    </row>
    <row r="42036" spans="1:3" ht="19.2">
      <c r="A42036" s="2"/>
      <c r="B42036" s="2"/>
      <c r="C42036" s="2"/>
    </row>
    <row r="42037" spans="1:3" ht="19.2">
      <c r="A42037" s="2"/>
      <c r="B42037" s="2"/>
      <c r="C42037" s="2"/>
    </row>
    <row r="42038" spans="1:3" ht="19.2">
      <c r="A42038" s="2"/>
      <c r="B42038" s="2"/>
      <c r="C42038" s="2"/>
    </row>
    <row r="42039" spans="1:3" ht="19.2">
      <c r="A42039" s="2"/>
      <c r="B42039" s="2"/>
      <c r="C42039" s="2"/>
    </row>
    <row r="42040" spans="1:3" ht="19.2">
      <c r="A42040" s="2"/>
      <c r="B42040" s="2"/>
      <c r="C42040" s="2"/>
    </row>
    <row r="42041" spans="1:3" ht="19.2">
      <c r="A42041" s="2"/>
      <c r="B42041" s="2"/>
      <c r="C42041" s="2"/>
    </row>
    <row r="42042" spans="1:3" ht="19.2">
      <c r="A42042" s="2"/>
      <c r="B42042" s="2"/>
      <c r="C42042" s="2"/>
    </row>
    <row r="42043" spans="1:3" ht="19.2">
      <c r="A42043" s="2"/>
      <c r="B42043" s="2"/>
      <c r="C42043" s="2"/>
    </row>
    <row r="42044" spans="1:3" ht="19.2">
      <c r="A42044" s="2"/>
      <c r="B42044" s="2"/>
      <c r="C42044" s="2"/>
    </row>
    <row r="42045" spans="1:3" ht="19.2">
      <c r="A42045" s="2"/>
      <c r="B42045" s="2"/>
      <c r="C42045" s="2"/>
    </row>
    <row r="42046" spans="1:3" ht="19.2">
      <c r="A42046" s="2"/>
      <c r="B42046" s="2"/>
      <c r="C42046" s="2"/>
    </row>
    <row r="42047" spans="1:3" ht="19.2">
      <c r="A42047" s="2"/>
      <c r="B42047" s="2"/>
      <c r="C42047" s="2"/>
    </row>
    <row r="42048" spans="1:3" ht="19.2">
      <c r="A42048" s="2"/>
      <c r="B42048" s="2"/>
      <c r="C42048" s="2"/>
    </row>
    <row r="42049" spans="1:3" ht="19.2">
      <c r="A42049" s="2"/>
      <c r="B42049" s="2"/>
      <c r="C42049" s="2"/>
    </row>
    <row r="42050" spans="1:3" ht="19.2">
      <c r="A42050" s="2"/>
      <c r="B42050" s="2"/>
      <c r="C42050" s="2"/>
    </row>
    <row r="42051" spans="1:3" ht="19.2">
      <c r="A42051" s="2"/>
      <c r="B42051" s="2"/>
      <c r="C42051" s="2"/>
    </row>
    <row r="42052" spans="1:3" ht="19.2">
      <c r="A42052" s="2"/>
      <c r="B42052" s="2"/>
      <c r="C42052" s="2"/>
    </row>
    <row r="42053" spans="1:3" ht="19.2">
      <c r="A42053" s="2"/>
      <c r="B42053" s="2"/>
      <c r="C42053" s="2"/>
    </row>
    <row r="42054" spans="1:3" ht="19.2">
      <c r="A42054" s="2"/>
      <c r="B42054" s="2"/>
      <c r="C42054" s="2"/>
    </row>
    <row r="42055" spans="1:3" ht="19.2">
      <c r="A42055" s="2"/>
      <c r="B42055" s="2"/>
      <c r="C42055" s="2"/>
    </row>
    <row r="42056" spans="1:3" ht="19.2">
      <c r="A42056" s="2"/>
      <c r="B42056" s="2"/>
      <c r="C42056" s="2"/>
    </row>
    <row r="42057" spans="1:3" ht="19.2">
      <c r="A42057" s="2"/>
      <c r="B42057" s="2"/>
      <c r="C42057" s="2"/>
    </row>
    <row r="42058" spans="1:3" ht="19.2">
      <c r="A42058" s="2"/>
      <c r="B42058" s="2"/>
      <c r="C42058" s="2"/>
    </row>
    <row r="42059" spans="1:3" ht="19.2">
      <c r="A42059" s="2"/>
      <c r="B42059" s="2"/>
      <c r="C42059" s="2"/>
    </row>
    <row r="42060" spans="1:3" ht="19.2">
      <c r="A42060" s="2"/>
      <c r="B42060" s="2"/>
      <c r="C42060" s="2"/>
    </row>
    <row r="42061" spans="1:3" ht="19.2">
      <c r="A42061" s="2"/>
      <c r="B42061" s="2"/>
      <c r="C42061" s="2"/>
    </row>
    <row r="42062" spans="1:3" ht="19.2">
      <c r="A42062" s="2"/>
      <c r="B42062" s="2"/>
      <c r="C42062" s="2"/>
    </row>
    <row r="42063" spans="1:3" ht="19.2">
      <c r="A42063" s="2"/>
      <c r="B42063" s="2"/>
      <c r="C42063" s="2"/>
    </row>
    <row r="42064" spans="1:3" ht="19.2">
      <c r="A42064" s="2"/>
      <c r="B42064" s="2"/>
      <c r="C42064" s="2"/>
    </row>
    <row r="42065" spans="1:3" ht="19.2">
      <c r="A42065" s="2"/>
      <c r="B42065" s="2"/>
      <c r="C42065" s="2"/>
    </row>
    <row r="42066" spans="1:3" ht="19.2">
      <c r="A42066" s="2"/>
      <c r="B42066" s="2"/>
      <c r="C42066" s="2"/>
    </row>
    <row r="42067" spans="1:3" ht="19.2">
      <c r="A42067" s="2"/>
      <c r="B42067" s="2"/>
      <c r="C42067" s="2"/>
    </row>
    <row r="42068" spans="1:3" ht="19.2">
      <c r="A42068" s="2"/>
      <c r="B42068" s="2"/>
      <c r="C42068" s="2"/>
    </row>
    <row r="42069" spans="1:3" ht="19.2">
      <c r="A42069" s="2"/>
      <c r="B42069" s="2"/>
      <c r="C42069" s="2"/>
    </row>
    <row r="42070" spans="1:3" ht="19.2">
      <c r="A42070" s="2"/>
      <c r="B42070" s="2"/>
      <c r="C42070" s="2"/>
    </row>
    <row r="42071" spans="1:3" ht="19.2">
      <c r="A42071" s="2"/>
      <c r="B42071" s="2"/>
      <c r="C42071" s="2"/>
    </row>
    <row r="42072" spans="1:3" ht="19.2">
      <c r="A42072" s="2"/>
      <c r="B42072" s="2"/>
      <c r="C42072" s="2"/>
    </row>
    <row r="42073" spans="1:3" ht="19.2">
      <c r="A42073" s="2"/>
      <c r="B42073" s="2"/>
      <c r="C42073" s="2"/>
    </row>
    <row r="42074" spans="1:3" ht="19.2">
      <c r="A42074" s="2"/>
      <c r="B42074" s="2"/>
      <c r="C42074" s="2"/>
    </row>
    <row r="42075" spans="1:3" ht="19.2">
      <c r="A42075" s="2"/>
      <c r="B42075" s="2"/>
      <c r="C42075" s="2"/>
    </row>
    <row r="42076" spans="1:3" ht="19.2">
      <c r="A42076" s="2"/>
      <c r="B42076" s="2"/>
      <c r="C42076" s="2"/>
    </row>
    <row r="42077" spans="1:3" ht="19.2">
      <c r="A42077" s="2"/>
      <c r="B42077" s="2"/>
      <c r="C42077" s="2"/>
    </row>
    <row r="42078" spans="1:3" ht="19.2">
      <c r="A42078" s="2"/>
      <c r="B42078" s="2"/>
      <c r="C42078" s="2"/>
    </row>
    <row r="42079" spans="1:3" ht="19.2">
      <c r="A42079" s="2"/>
      <c r="B42079" s="2"/>
      <c r="C42079" s="2"/>
    </row>
    <row r="42080" spans="1:3" ht="19.2">
      <c r="A42080" s="2"/>
      <c r="B42080" s="2"/>
      <c r="C42080" s="2"/>
    </row>
    <row r="42081" spans="1:3" ht="19.2">
      <c r="A42081" s="2"/>
      <c r="B42081" s="2"/>
      <c r="C42081" s="2"/>
    </row>
    <row r="42082" spans="1:3" ht="19.2">
      <c r="A42082" s="2"/>
      <c r="B42082" s="2"/>
      <c r="C42082" s="2"/>
    </row>
    <row r="42083" spans="1:3" ht="19.2">
      <c r="A42083" s="2"/>
      <c r="B42083" s="2"/>
      <c r="C42083" s="2"/>
    </row>
    <row r="42084" spans="1:3" ht="19.2">
      <c r="A42084" s="2"/>
      <c r="B42084" s="2"/>
      <c r="C42084" s="2"/>
    </row>
    <row r="42085" spans="1:3" ht="19.2">
      <c r="A42085" s="2"/>
      <c r="B42085" s="2"/>
      <c r="C42085" s="2"/>
    </row>
    <row r="42086" spans="1:3" ht="19.2">
      <c r="A42086" s="2"/>
      <c r="B42086" s="2"/>
      <c r="C42086" s="2"/>
    </row>
    <row r="42087" spans="1:3" ht="19.2">
      <c r="A42087" s="2"/>
      <c r="B42087" s="2"/>
      <c r="C42087" s="2"/>
    </row>
    <row r="42088" spans="1:3" ht="19.2">
      <c r="A42088" s="2"/>
      <c r="B42088" s="2"/>
      <c r="C42088" s="2"/>
    </row>
    <row r="42089" spans="1:3" ht="19.2">
      <c r="A42089" s="2"/>
      <c r="B42089" s="2"/>
      <c r="C42089" s="2"/>
    </row>
    <row r="42090" spans="1:3" ht="19.2">
      <c r="A42090" s="2"/>
      <c r="B42090" s="2"/>
      <c r="C42090" s="2"/>
    </row>
    <row r="42091" spans="1:3" ht="19.2">
      <c r="A42091" s="2"/>
      <c r="B42091" s="2"/>
      <c r="C42091" s="2"/>
    </row>
    <row r="42092" spans="1:3" ht="19.2">
      <c r="A42092" s="2"/>
      <c r="B42092" s="2"/>
      <c r="C42092" s="2"/>
    </row>
    <row r="42093" spans="1:3" ht="19.2">
      <c r="A42093" s="2"/>
      <c r="B42093" s="2"/>
      <c r="C42093" s="2"/>
    </row>
    <row r="42094" spans="1:3" ht="19.2">
      <c r="A42094" s="2"/>
      <c r="B42094" s="2"/>
      <c r="C42094" s="2"/>
    </row>
    <row r="42095" spans="1:3" ht="19.2">
      <c r="A42095" s="2"/>
      <c r="B42095" s="2"/>
      <c r="C42095" s="2"/>
    </row>
    <row r="42096" spans="1:3" ht="19.2">
      <c r="A42096" s="2"/>
      <c r="B42096" s="2"/>
      <c r="C42096" s="2"/>
    </row>
    <row r="42097" spans="1:3" ht="19.2">
      <c r="A42097" s="2"/>
      <c r="B42097" s="2"/>
      <c r="C42097" s="2"/>
    </row>
    <row r="42098" spans="1:3" ht="19.2">
      <c r="A42098" s="2"/>
      <c r="B42098" s="2"/>
      <c r="C42098" s="2"/>
    </row>
    <row r="42099" spans="1:3" ht="19.2">
      <c r="A42099" s="2"/>
      <c r="B42099" s="2"/>
      <c r="C42099" s="2"/>
    </row>
    <row r="42100" spans="1:3" ht="19.2">
      <c r="A42100" s="2"/>
      <c r="B42100" s="2"/>
      <c r="C42100" s="2"/>
    </row>
    <row r="42101" spans="1:3" ht="19.2">
      <c r="A42101" s="2"/>
      <c r="B42101" s="2"/>
      <c r="C42101" s="2"/>
    </row>
    <row r="42102" spans="1:3" ht="19.2">
      <c r="A42102" s="2"/>
      <c r="B42102" s="2"/>
      <c r="C42102" s="2"/>
    </row>
    <row r="42103" spans="1:3" ht="19.2">
      <c r="A42103" s="2"/>
      <c r="B42103" s="2"/>
      <c r="C42103" s="2"/>
    </row>
    <row r="42104" spans="1:3" ht="19.2">
      <c r="A42104" s="2"/>
      <c r="B42104" s="2"/>
      <c r="C42104" s="2"/>
    </row>
    <row r="42105" spans="1:3" ht="19.2">
      <c r="A42105" s="2"/>
      <c r="B42105" s="2"/>
      <c r="C42105" s="2"/>
    </row>
    <row r="42106" spans="1:3" ht="19.2">
      <c r="A42106" s="2"/>
      <c r="B42106" s="2"/>
      <c r="C42106" s="2"/>
    </row>
    <row r="42107" spans="1:3" ht="19.2">
      <c r="A42107" s="2"/>
      <c r="B42107" s="2"/>
      <c r="C42107" s="2"/>
    </row>
    <row r="42108" spans="1:3" ht="19.2">
      <c r="A42108" s="2"/>
      <c r="B42108" s="2"/>
      <c r="C42108" s="2"/>
    </row>
    <row r="42109" spans="1:3" ht="19.2">
      <c r="A42109" s="2"/>
      <c r="B42109" s="2"/>
      <c r="C42109" s="2"/>
    </row>
    <row r="42110" spans="1:3" ht="19.2">
      <c r="A42110" s="2"/>
      <c r="B42110" s="2"/>
      <c r="C42110" s="2"/>
    </row>
    <row r="42111" spans="1:3" ht="19.2">
      <c r="A42111" s="2"/>
      <c r="B42111" s="2"/>
      <c r="C42111" s="2"/>
    </row>
    <row r="42112" spans="1:3" ht="19.2">
      <c r="A42112" s="2"/>
      <c r="B42112" s="2"/>
      <c r="C42112" s="2"/>
    </row>
    <row r="42113" spans="1:3" ht="19.2">
      <c r="A42113" s="2"/>
      <c r="B42113" s="2"/>
      <c r="C42113" s="2"/>
    </row>
    <row r="42114" spans="1:3" ht="19.2">
      <c r="A42114" s="2"/>
      <c r="B42114" s="2"/>
      <c r="C42114" s="2"/>
    </row>
    <row r="42115" spans="1:3" ht="19.2">
      <c r="A42115" s="2"/>
      <c r="B42115" s="2"/>
      <c r="C42115" s="2"/>
    </row>
    <row r="42116" spans="1:3" ht="19.2">
      <c r="A42116" s="2"/>
      <c r="B42116" s="2"/>
      <c r="C42116" s="2"/>
    </row>
    <row r="42117" spans="1:3" ht="19.2">
      <c r="A42117" s="2"/>
      <c r="B42117" s="2"/>
      <c r="C42117" s="2"/>
    </row>
    <row r="42118" spans="1:3" ht="19.2">
      <c r="A42118" s="2"/>
      <c r="B42118" s="2"/>
      <c r="C42118" s="2"/>
    </row>
    <row r="42119" spans="1:3" ht="19.2">
      <c r="A42119" s="2"/>
      <c r="B42119" s="2"/>
      <c r="C42119" s="2"/>
    </row>
    <row r="42120" spans="1:3" ht="19.2">
      <c r="A42120" s="2"/>
      <c r="B42120" s="2"/>
      <c r="C42120" s="2"/>
    </row>
    <row r="42121" spans="1:3" ht="19.2">
      <c r="A42121" s="2"/>
      <c r="B42121" s="2"/>
      <c r="C42121" s="2"/>
    </row>
    <row r="42122" spans="1:3" ht="19.2">
      <c r="A42122" s="2"/>
      <c r="B42122" s="2"/>
      <c r="C42122" s="2"/>
    </row>
    <row r="42123" spans="1:3" ht="19.2">
      <c r="A42123" s="2"/>
      <c r="B42123" s="2"/>
      <c r="C42123" s="2"/>
    </row>
    <row r="42124" spans="1:3" ht="19.2">
      <c r="A42124" s="2"/>
      <c r="B42124" s="2"/>
      <c r="C42124" s="2"/>
    </row>
    <row r="42125" spans="1:3" ht="19.2">
      <c r="A42125" s="2"/>
      <c r="B42125" s="2"/>
      <c r="C42125" s="2"/>
    </row>
    <row r="42126" spans="1:3" ht="19.2">
      <c r="A42126" s="2"/>
      <c r="B42126" s="2"/>
      <c r="C42126" s="2"/>
    </row>
    <row r="42127" spans="1:3" ht="19.2">
      <c r="A42127" s="2"/>
      <c r="B42127" s="2"/>
      <c r="C42127" s="2"/>
    </row>
    <row r="42128" spans="1:3" ht="19.2">
      <c r="A42128" s="2"/>
      <c r="B42128" s="2"/>
      <c r="C42128" s="2"/>
    </row>
    <row r="42129" spans="1:3" ht="19.2">
      <c r="A42129" s="2"/>
      <c r="B42129" s="2"/>
      <c r="C42129" s="2"/>
    </row>
    <row r="42130" spans="1:3" ht="19.2">
      <c r="A42130" s="2"/>
      <c r="B42130" s="2"/>
      <c r="C42130" s="2"/>
    </row>
    <row r="42131" spans="1:3" ht="19.2">
      <c r="A42131" s="2"/>
      <c r="B42131" s="2"/>
      <c r="C42131" s="2"/>
    </row>
    <row r="42132" spans="1:3" ht="19.2">
      <c r="A42132" s="2"/>
      <c r="B42132" s="2"/>
      <c r="C42132" s="2"/>
    </row>
    <row r="42133" spans="1:3" ht="19.2">
      <c r="A42133" s="2"/>
      <c r="B42133" s="2"/>
      <c r="C42133" s="2"/>
    </row>
    <row r="42134" spans="1:3" ht="19.2">
      <c r="A42134" s="2"/>
      <c r="B42134" s="2"/>
      <c r="C42134" s="2"/>
    </row>
    <row r="42135" spans="1:3" ht="19.2">
      <c r="A42135" s="2"/>
      <c r="B42135" s="2"/>
      <c r="C42135" s="2"/>
    </row>
    <row r="42136" spans="1:3" ht="19.2">
      <c r="A42136" s="2"/>
      <c r="B42136" s="2"/>
      <c r="C42136" s="2"/>
    </row>
    <row r="42137" spans="1:3" ht="19.2">
      <c r="A42137" s="2"/>
      <c r="B42137" s="2"/>
      <c r="C42137" s="2"/>
    </row>
    <row r="42138" spans="1:3" ht="19.2">
      <c r="A42138" s="2"/>
      <c r="B42138" s="2"/>
      <c r="C42138" s="2"/>
    </row>
    <row r="42139" spans="1:3" ht="19.2">
      <c r="A42139" s="2"/>
      <c r="B42139" s="2"/>
      <c r="C42139" s="2"/>
    </row>
    <row r="42140" spans="1:3" ht="19.2">
      <c r="A42140" s="2"/>
      <c r="B42140" s="2"/>
      <c r="C42140" s="2"/>
    </row>
    <row r="42141" spans="1:3" ht="19.2">
      <c r="A42141" s="2"/>
      <c r="B42141" s="2"/>
      <c r="C42141" s="2"/>
    </row>
    <row r="42142" spans="1:3" ht="19.2">
      <c r="A42142" s="2"/>
      <c r="B42142" s="2"/>
      <c r="C42142" s="2"/>
    </row>
    <row r="42143" spans="1:3" ht="19.2">
      <c r="A42143" s="2"/>
      <c r="B42143" s="2"/>
      <c r="C42143" s="2"/>
    </row>
    <row r="42144" spans="1:3" ht="19.2">
      <c r="A42144" s="2"/>
      <c r="B42144" s="2"/>
      <c r="C42144" s="2"/>
    </row>
    <row r="42145" spans="1:3" ht="19.2">
      <c r="A42145" s="2"/>
      <c r="B42145" s="2"/>
      <c r="C42145" s="2"/>
    </row>
    <row r="42146" spans="1:3" ht="19.2">
      <c r="A42146" s="2"/>
      <c r="B42146" s="2"/>
      <c r="C42146" s="2"/>
    </row>
    <row r="42147" spans="1:3" ht="19.2">
      <c r="A42147" s="2"/>
      <c r="B42147" s="2"/>
      <c r="C42147" s="2"/>
    </row>
    <row r="42148" spans="1:3" ht="19.2">
      <c r="A42148" s="2"/>
      <c r="B42148" s="2"/>
      <c r="C42148" s="2"/>
    </row>
    <row r="42149" spans="1:3" ht="19.2">
      <c r="A42149" s="2"/>
      <c r="B42149" s="2"/>
      <c r="C42149" s="2"/>
    </row>
    <row r="42150" spans="1:3" ht="19.2">
      <c r="A42150" s="2"/>
      <c r="B42150" s="2"/>
      <c r="C42150" s="2"/>
    </row>
    <row r="42151" spans="1:3" ht="19.2">
      <c r="A42151" s="2"/>
      <c r="B42151" s="2"/>
      <c r="C42151" s="2"/>
    </row>
    <row r="42152" spans="1:3" ht="19.2">
      <c r="A42152" s="2"/>
      <c r="B42152" s="2"/>
      <c r="C42152" s="2"/>
    </row>
    <row r="42153" spans="1:3" ht="19.2">
      <c r="A42153" s="2"/>
      <c r="B42153" s="2"/>
      <c r="C42153" s="2"/>
    </row>
    <row r="42154" spans="1:3" ht="19.2">
      <c r="A42154" s="2"/>
      <c r="B42154" s="2"/>
      <c r="C42154" s="2"/>
    </row>
    <row r="42155" spans="1:3" ht="19.2">
      <c r="A42155" s="2"/>
      <c r="B42155" s="2"/>
      <c r="C42155" s="2"/>
    </row>
    <row r="42156" spans="1:3" ht="19.2">
      <c r="A42156" s="2"/>
      <c r="B42156" s="2"/>
      <c r="C42156" s="2"/>
    </row>
    <row r="42157" spans="1:3" ht="19.2">
      <c r="A42157" s="2"/>
      <c r="B42157" s="2"/>
      <c r="C42157" s="2"/>
    </row>
    <row r="42158" spans="1:3" ht="19.2">
      <c r="A42158" s="2"/>
      <c r="B42158" s="2"/>
      <c r="C42158" s="2"/>
    </row>
    <row r="42159" spans="1:3" ht="19.2">
      <c r="A42159" s="2"/>
      <c r="B42159" s="2"/>
      <c r="C42159" s="2"/>
    </row>
    <row r="42160" spans="1:3" ht="19.2">
      <c r="A42160" s="2"/>
      <c r="B42160" s="2"/>
      <c r="C42160" s="2"/>
    </row>
    <row r="42161" spans="1:3" ht="19.2">
      <c r="A42161" s="2"/>
      <c r="B42161" s="2"/>
      <c r="C42161" s="2"/>
    </row>
    <row r="42162" spans="1:3" ht="19.2">
      <c r="A42162" s="2"/>
      <c r="B42162" s="2"/>
      <c r="C42162" s="2"/>
    </row>
    <row r="42163" spans="1:3" ht="19.2">
      <c r="A42163" s="2"/>
      <c r="B42163" s="2"/>
      <c r="C42163" s="2"/>
    </row>
    <row r="42164" spans="1:3" ht="19.2">
      <c r="A42164" s="2"/>
      <c r="B42164" s="2"/>
      <c r="C42164" s="2"/>
    </row>
    <row r="42165" spans="1:3" ht="19.2">
      <c r="A42165" s="2"/>
      <c r="B42165" s="2"/>
      <c r="C42165" s="2"/>
    </row>
    <row r="42166" spans="1:3" ht="19.2">
      <c r="A42166" s="2"/>
      <c r="B42166" s="2"/>
      <c r="C42166" s="2"/>
    </row>
    <row r="42167" spans="1:3" ht="19.2">
      <c r="A42167" s="2"/>
      <c r="B42167" s="2"/>
      <c r="C42167" s="2"/>
    </row>
    <row r="42168" spans="1:3" ht="19.2">
      <c r="A42168" s="2"/>
      <c r="B42168" s="2"/>
      <c r="C42168" s="2"/>
    </row>
    <row r="42169" spans="1:3" ht="19.2">
      <c r="A42169" s="2"/>
      <c r="B42169" s="2"/>
      <c r="C42169" s="2"/>
    </row>
    <row r="42170" spans="1:3" ht="19.2">
      <c r="A42170" s="2"/>
      <c r="B42170" s="2"/>
      <c r="C42170" s="2"/>
    </row>
    <row r="42171" spans="1:3" ht="19.2">
      <c r="A42171" s="2"/>
      <c r="B42171" s="2"/>
      <c r="C42171" s="2"/>
    </row>
    <row r="42172" spans="1:3" ht="19.2">
      <c r="A42172" s="2"/>
      <c r="B42172" s="2"/>
      <c r="C42172" s="2"/>
    </row>
    <row r="42173" spans="1:3" ht="19.2">
      <c r="A42173" s="2"/>
      <c r="B42173" s="2"/>
      <c r="C42173" s="2"/>
    </row>
    <row r="42174" spans="1:3" ht="19.2">
      <c r="A42174" s="2"/>
      <c r="B42174" s="2"/>
      <c r="C42174" s="2"/>
    </row>
    <row r="42175" spans="1:3" ht="19.2">
      <c r="A42175" s="2"/>
      <c r="B42175" s="2"/>
      <c r="C42175" s="2"/>
    </row>
    <row r="42176" spans="1:3" ht="19.2">
      <c r="A42176" s="2"/>
      <c r="B42176" s="2"/>
      <c r="C42176" s="2"/>
    </row>
    <row r="42177" spans="1:3" ht="19.2">
      <c r="A42177" s="2"/>
      <c r="B42177" s="2"/>
      <c r="C42177" s="2"/>
    </row>
    <row r="42178" spans="1:3" ht="19.2">
      <c r="A42178" s="2"/>
      <c r="B42178" s="2"/>
      <c r="C42178" s="2"/>
    </row>
    <row r="42179" spans="1:3" ht="19.2">
      <c r="A42179" s="2"/>
      <c r="B42179" s="2"/>
      <c r="C42179" s="2"/>
    </row>
    <row r="42180" spans="1:3" ht="19.2">
      <c r="A42180" s="2"/>
      <c r="B42180" s="2"/>
      <c r="C42180" s="2"/>
    </row>
    <row r="42181" spans="1:3" ht="19.2">
      <c r="A42181" s="2"/>
      <c r="B42181" s="2"/>
      <c r="C42181" s="2"/>
    </row>
    <row r="42182" spans="1:3" ht="19.2">
      <c r="A42182" s="2"/>
      <c r="B42182" s="2"/>
      <c r="C42182" s="2"/>
    </row>
    <row r="42183" spans="1:3" ht="19.2">
      <c r="A42183" s="2"/>
      <c r="B42183" s="2"/>
      <c r="C42183" s="2"/>
    </row>
    <row r="42184" spans="1:3" ht="19.2">
      <c r="A42184" s="2"/>
      <c r="B42184" s="2"/>
      <c r="C42184" s="2"/>
    </row>
    <row r="42185" spans="1:3" ht="19.2">
      <c r="A42185" s="2"/>
      <c r="B42185" s="2"/>
      <c r="C42185" s="2"/>
    </row>
    <row r="42186" spans="1:3" ht="19.2">
      <c r="A42186" s="2"/>
      <c r="B42186" s="2"/>
      <c r="C42186" s="2"/>
    </row>
    <row r="42187" spans="1:3" ht="19.2">
      <c r="A42187" s="2"/>
      <c r="B42187" s="2"/>
      <c r="C42187" s="2"/>
    </row>
    <row r="42188" spans="1:3" ht="19.2">
      <c r="A42188" s="2"/>
      <c r="B42188" s="2"/>
      <c r="C42188" s="2"/>
    </row>
    <row r="42189" spans="1:3" ht="19.2">
      <c r="A42189" s="2"/>
      <c r="B42189" s="2"/>
      <c r="C42189" s="2"/>
    </row>
    <row r="42190" spans="1:3" ht="19.2">
      <c r="A42190" s="2"/>
      <c r="B42190" s="2"/>
      <c r="C42190" s="2"/>
    </row>
    <row r="42191" spans="1:3" ht="19.2">
      <c r="A42191" s="2"/>
      <c r="B42191" s="2"/>
      <c r="C42191" s="2"/>
    </row>
    <row r="42192" spans="1:3" ht="19.2">
      <c r="A42192" s="2"/>
      <c r="B42192" s="2"/>
      <c r="C42192" s="2"/>
    </row>
    <row r="42193" spans="1:3" ht="19.2">
      <c r="A42193" s="2"/>
      <c r="B42193" s="2"/>
      <c r="C42193" s="2"/>
    </row>
    <row r="42194" spans="1:3" ht="19.2">
      <c r="A42194" s="2"/>
      <c r="B42194" s="2"/>
      <c r="C42194" s="2"/>
    </row>
    <row r="42195" spans="1:3" ht="19.2">
      <c r="A42195" s="2"/>
      <c r="B42195" s="2"/>
      <c r="C42195" s="2"/>
    </row>
    <row r="42196" spans="1:3" ht="19.2">
      <c r="A42196" s="2"/>
      <c r="B42196" s="2"/>
      <c r="C42196" s="2"/>
    </row>
    <row r="42197" spans="1:3" ht="19.2">
      <c r="A42197" s="2"/>
      <c r="B42197" s="2"/>
      <c r="C42197" s="2"/>
    </row>
    <row r="42198" spans="1:3" ht="19.2">
      <c r="A42198" s="2"/>
      <c r="B42198" s="2"/>
      <c r="C42198" s="2"/>
    </row>
    <row r="42199" spans="1:3" ht="19.2">
      <c r="A42199" s="2"/>
      <c r="B42199" s="2"/>
      <c r="C42199" s="2"/>
    </row>
    <row r="42200" spans="1:3" ht="19.2">
      <c r="A42200" s="2"/>
      <c r="B42200" s="2"/>
      <c r="C42200" s="2"/>
    </row>
    <row r="42201" spans="1:3" ht="19.2">
      <c r="A42201" s="2"/>
      <c r="B42201" s="2"/>
      <c r="C42201" s="2"/>
    </row>
    <row r="42202" spans="1:3" ht="19.2">
      <c r="A42202" s="2"/>
      <c r="B42202" s="2"/>
      <c r="C42202" s="2"/>
    </row>
    <row r="42203" spans="1:3" ht="19.2">
      <c r="A42203" s="2"/>
      <c r="B42203" s="2"/>
      <c r="C42203" s="2"/>
    </row>
    <row r="42204" spans="1:3" ht="19.2">
      <c r="A42204" s="2"/>
      <c r="B42204" s="2"/>
      <c r="C42204" s="2"/>
    </row>
    <row r="42205" spans="1:3" ht="19.2">
      <c r="A42205" s="2"/>
      <c r="B42205" s="2"/>
      <c r="C42205" s="2"/>
    </row>
    <row r="42206" spans="1:3" ht="19.2">
      <c r="A42206" s="2"/>
      <c r="B42206" s="2"/>
      <c r="C42206" s="2"/>
    </row>
    <row r="42207" spans="1:3" ht="19.2">
      <c r="A42207" s="2"/>
      <c r="B42207" s="2"/>
      <c r="C42207" s="2"/>
    </row>
    <row r="42208" spans="1:3" ht="19.2">
      <c r="A42208" s="2"/>
      <c r="B42208" s="2"/>
      <c r="C42208" s="2"/>
    </row>
    <row r="42209" spans="1:3" ht="19.2">
      <c r="A42209" s="2"/>
      <c r="B42209" s="2"/>
      <c r="C42209" s="2"/>
    </row>
    <row r="42210" spans="1:3" ht="19.2">
      <c r="A42210" s="2"/>
      <c r="B42210" s="2"/>
      <c r="C42210" s="2"/>
    </row>
    <row r="42211" spans="1:3" ht="19.2">
      <c r="A42211" s="2"/>
      <c r="B42211" s="2"/>
      <c r="C42211" s="2"/>
    </row>
    <row r="42212" spans="1:3" ht="19.2">
      <c r="A42212" s="2"/>
      <c r="B42212" s="2"/>
      <c r="C42212" s="2"/>
    </row>
    <row r="42213" spans="1:3" ht="19.2">
      <c r="A42213" s="2"/>
      <c r="B42213" s="2"/>
      <c r="C42213" s="2"/>
    </row>
    <row r="42214" spans="1:3" ht="19.2">
      <c r="A42214" s="2"/>
      <c r="B42214" s="2"/>
      <c r="C42214" s="2"/>
    </row>
    <row r="42215" spans="1:3" ht="19.2">
      <c r="A42215" s="2"/>
      <c r="B42215" s="2"/>
      <c r="C42215" s="2"/>
    </row>
    <row r="42216" spans="1:3" ht="19.2">
      <c r="A42216" s="2"/>
      <c r="B42216" s="2"/>
      <c r="C42216" s="2"/>
    </row>
    <row r="42217" spans="1:3" ht="19.2">
      <c r="A42217" s="2"/>
      <c r="B42217" s="2"/>
      <c r="C42217" s="2"/>
    </row>
    <row r="42218" spans="1:3" ht="19.2">
      <c r="A42218" s="2"/>
      <c r="B42218" s="2"/>
      <c r="C42218" s="2"/>
    </row>
    <row r="42219" spans="1:3" ht="19.2">
      <c r="A42219" s="2"/>
      <c r="B42219" s="2"/>
      <c r="C42219" s="2"/>
    </row>
    <row r="42220" spans="1:3" ht="19.2">
      <c r="A42220" s="2"/>
      <c r="B42220" s="2"/>
      <c r="C42220" s="2"/>
    </row>
    <row r="42221" spans="1:3" ht="19.2">
      <c r="A42221" s="2"/>
      <c r="B42221" s="2"/>
      <c r="C42221" s="2"/>
    </row>
    <row r="42222" spans="1:3" ht="19.2">
      <c r="A42222" s="2"/>
      <c r="B42222" s="2"/>
      <c r="C42222" s="2"/>
    </row>
    <row r="42223" spans="1:3" ht="19.2">
      <c r="A42223" s="2"/>
      <c r="B42223" s="2"/>
      <c r="C42223" s="2"/>
    </row>
    <row r="42224" spans="1:3" ht="19.2">
      <c r="A42224" s="2"/>
      <c r="B42224" s="2"/>
      <c r="C42224" s="2"/>
    </row>
    <row r="42225" spans="1:3" ht="19.2">
      <c r="A42225" s="2"/>
      <c r="B42225" s="2"/>
      <c r="C42225" s="2"/>
    </row>
    <row r="42226" spans="1:3" ht="19.2">
      <c r="A42226" s="2"/>
      <c r="B42226" s="2"/>
      <c r="C42226" s="2"/>
    </row>
    <row r="42227" spans="1:3" ht="19.2">
      <c r="A42227" s="2"/>
      <c r="B42227" s="2"/>
      <c r="C42227" s="2"/>
    </row>
    <row r="42228" spans="1:3" ht="19.2">
      <c r="A42228" s="2"/>
      <c r="B42228" s="2"/>
      <c r="C42228" s="2"/>
    </row>
    <row r="42229" spans="1:3" ht="19.2">
      <c r="A42229" s="2"/>
      <c r="B42229" s="2"/>
      <c r="C42229" s="2"/>
    </row>
    <row r="42230" spans="1:3" ht="19.2">
      <c r="A42230" s="2"/>
      <c r="B42230" s="2"/>
      <c r="C42230" s="2"/>
    </row>
    <row r="42231" spans="1:3" ht="19.2">
      <c r="A42231" s="2"/>
      <c r="B42231" s="2"/>
      <c r="C42231" s="2"/>
    </row>
    <row r="42232" spans="1:3" ht="19.2">
      <c r="A42232" s="2"/>
      <c r="B42232" s="2"/>
      <c r="C42232" s="2"/>
    </row>
    <row r="42233" spans="1:3" ht="19.2">
      <c r="A42233" s="2"/>
      <c r="B42233" s="2"/>
      <c r="C42233" s="2"/>
    </row>
    <row r="42234" spans="1:3" ht="19.2">
      <c r="A42234" s="2"/>
      <c r="B42234" s="2"/>
      <c r="C42234" s="2"/>
    </row>
    <row r="42235" spans="1:3" ht="19.2">
      <c r="A42235" s="2"/>
      <c r="B42235" s="2"/>
      <c r="C42235" s="2"/>
    </row>
    <row r="42236" spans="1:3" ht="19.2">
      <c r="A42236" s="2"/>
      <c r="B42236" s="2"/>
      <c r="C42236" s="2"/>
    </row>
    <row r="42237" spans="1:3" ht="19.2">
      <c r="A42237" s="2"/>
      <c r="B42237" s="2"/>
      <c r="C42237" s="2"/>
    </row>
    <row r="42238" spans="1:3" ht="19.2">
      <c r="A42238" s="2"/>
      <c r="B42238" s="2"/>
      <c r="C42238" s="2"/>
    </row>
    <row r="42239" spans="1:3" ht="19.2">
      <c r="A42239" s="2"/>
      <c r="B42239" s="2"/>
      <c r="C42239" s="2"/>
    </row>
    <row r="42240" spans="1:3" ht="19.2">
      <c r="A42240" s="2"/>
      <c r="B42240" s="2"/>
      <c r="C42240" s="2"/>
    </row>
    <row r="42241" spans="1:3" ht="19.2">
      <c r="A42241" s="2"/>
      <c r="B42241" s="2"/>
      <c r="C42241" s="2"/>
    </row>
    <row r="42242" spans="1:3" ht="19.2">
      <c r="A42242" s="2"/>
      <c r="B42242" s="2"/>
      <c r="C42242" s="2"/>
    </row>
    <row r="42243" spans="1:3" ht="19.2">
      <c r="A42243" s="2"/>
      <c r="B42243" s="2"/>
      <c r="C42243" s="2"/>
    </row>
    <row r="42244" spans="1:3" ht="19.2">
      <c r="A42244" s="2"/>
      <c r="B42244" s="2"/>
      <c r="C42244" s="2"/>
    </row>
    <row r="42245" spans="1:3" ht="19.2">
      <c r="A42245" s="2"/>
      <c r="B42245" s="2"/>
      <c r="C42245" s="2"/>
    </row>
    <row r="42246" spans="1:3" ht="19.2">
      <c r="A42246" s="2"/>
      <c r="B42246" s="2"/>
      <c r="C42246" s="2"/>
    </row>
    <row r="42247" spans="1:3" ht="19.2">
      <c r="A42247" s="2"/>
      <c r="B42247" s="2"/>
      <c r="C42247" s="2"/>
    </row>
    <row r="42248" spans="1:3" ht="19.2">
      <c r="A42248" s="2"/>
      <c r="B42248" s="2"/>
      <c r="C42248" s="2"/>
    </row>
    <row r="42249" spans="1:3" ht="19.2">
      <c r="A42249" s="2"/>
      <c r="B42249" s="2"/>
      <c r="C42249" s="2"/>
    </row>
    <row r="42250" spans="1:3" ht="19.2">
      <c r="A42250" s="2"/>
      <c r="B42250" s="2"/>
      <c r="C42250" s="2"/>
    </row>
    <row r="42251" spans="1:3" ht="19.2">
      <c r="A42251" s="2"/>
      <c r="B42251" s="2"/>
      <c r="C42251" s="2"/>
    </row>
    <row r="42252" spans="1:3" ht="19.2">
      <c r="A42252" s="2"/>
      <c r="B42252" s="2"/>
      <c r="C42252" s="2"/>
    </row>
    <row r="42253" spans="1:3" ht="19.2">
      <c r="A42253" s="2"/>
      <c r="B42253" s="2"/>
      <c r="C42253" s="2"/>
    </row>
    <row r="42254" spans="1:3" ht="19.2">
      <c r="A42254" s="2"/>
      <c r="B42254" s="2"/>
      <c r="C42254" s="2"/>
    </row>
    <row r="42255" spans="1:3" ht="19.2">
      <c r="A42255" s="2"/>
      <c r="B42255" s="2"/>
      <c r="C42255" s="2"/>
    </row>
    <row r="42256" spans="1:3" ht="19.2">
      <c r="A42256" s="2"/>
      <c r="B42256" s="2"/>
      <c r="C42256" s="2"/>
    </row>
    <row r="42257" spans="1:3" ht="19.2">
      <c r="A42257" s="2"/>
      <c r="B42257" s="2"/>
      <c r="C42257" s="2"/>
    </row>
    <row r="42258" spans="1:3" ht="19.2">
      <c r="A42258" s="2"/>
      <c r="B42258" s="2"/>
      <c r="C42258" s="2"/>
    </row>
    <row r="42259" spans="1:3" ht="19.2">
      <c r="A42259" s="2"/>
      <c r="B42259" s="2"/>
      <c r="C42259" s="2"/>
    </row>
    <row r="42260" spans="1:3" ht="19.2">
      <c r="A42260" s="2"/>
      <c r="B42260" s="2"/>
      <c r="C42260" s="2"/>
    </row>
    <row r="42261" spans="1:3" ht="19.2">
      <c r="A42261" s="2"/>
      <c r="B42261" s="2"/>
      <c r="C42261" s="2"/>
    </row>
    <row r="42262" spans="1:3" ht="19.2">
      <c r="A42262" s="2"/>
      <c r="B42262" s="2"/>
      <c r="C42262" s="2"/>
    </row>
    <row r="42263" spans="1:3" ht="19.2">
      <c r="A42263" s="2"/>
      <c r="B42263" s="2"/>
      <c r="C42263" s="2"/>
    </row>
    <row r="42264" spans="1:3" ht="19.2">
      <c r="A42264" s="2"/>
      <c r="B42264" s="2"/>
      <c r="C42264" s="2"/>
    </row>
    <row r="42265" spans="1:3" ht="19.2">
      <c r="A42265" s="2"/>
      <c r="B42265" s="2"/>
      <c r="C42265" s="2"/>
    </row>
    <row r="42266" spans="1:3" ht="19.2">
      <c r="A42266" s="2"/>
      <c r="B42266" s="2"/>
      <c r="C42266" s="2"/>
    </row>
    <row r="42267" spans="1:3" ht="19.2">
      <c r="A42267" s="2"/>
      <c r="B42267" s="2"/>
      <c r="C42267" s="2"/>
    </row>
    <row r="42268" spans="1:3" ht="19.2">
      <c r="A42268" s="2"/>
      <c r="B42268" s="2"/>
      <c r="C42268" s="2"/>
    </row>
    <row r="42269" spans="1:3" ht="19.2">
      <c r="A42269" s="2"/>
      <c r="B42269" s="2"/>
      <c r="C42269" s="2"/>
    </row>
    <row r="42270" spans="1:3" ht="19.2">
      <c r="A42270" s="2"/>
      <c r="B42270" s="2"/>
      <c r="C42270" s="2"/>
    </row>
    <row r="42271" spans="1:3" ht="19.2">
      <c r="A42271" s="2"/>
      <c r="B42271" s="2"/>
      <c r="C42271" s="2"/>
    </row>
    <row r="42272" spans="1:3" ht="19.2">
      <c r="A42272" s="2"/>
      <c r="B42272" s="2"/>
      <c r="C42272" s="2"/>
    </row>
    <row r="42273" spans="1:3" ht="19.2">
      <c r="A42273" s="2"/>
      <c r="B42273" s="2"/>
      <c r="C42273" s="2"/>
    </row>
    <row r="42274" spans="1:3" ht="19.2">
      <c r="A42274" s="2"/>
      <c r="B42274" s="2"/>
      <c r="C42274" s="2"/>
    </row>
    <row r="42275" spans="1:3" ht="19.2">
      <c r="A42275" s="2"/>
      <c r="B42275" s="2"/>
      <c r="C42275" s="2"/>
    </row>
    <row r="42276" spans="1:3" ht="19.2">
      <c r="A42276" s="2"/>
      <c r="B42276" s="2"/>
      <c r="C42276" s="2"/>
    </row>
    <row r="42277" spans="1:3" ht="19.2">
      <c r="A42277" s="2"/>
      <c r="B42277" s="2"/>
      <c r="C42277" s="2"/>
    </row>
    <row r="42278" spans="1:3" ht="19.2">
      <c r="A42278" s="2"/>
      <c r="B42278" s="2"/>
      <c r="C42278" s="2"/>
    </row>
    <row r="42279" spans="1:3" ht="19.2">
      <c r="A42279" s="2"/>
      <c r="B42279" s="2"/>
      <c r="C42279" s="2"/>
    </row>
    <row r="42280" spans="1:3" ht="19.2">
      <c r="A42280" s="2"/>
      <c r="B42280" s="2"/>
      <c r="C42280" s="2"/>
    </row>
    <row r="42281" spans="1:3" ht="19.2">
      <c r="A42281" s="2"/>
      <c r="B42281" s="2"/>
      <c r="C42281" s="2"/>
    </row>
    <row r="42282" spans="1:3" ht="19.2">
      <c r="A42282" s="2"/>
      <c r="B42282" s="2"/>
      <c r="C42282" s="2"/>
    </row>
    <row r="42283" spans="1:3" ht="19.2">
      <c r="A42283" s="2"/>
      <c r="B42283" s="2"/>
      <c r="C42283" s="2"/>
    </row>
    <row r="42284" spans="1:3" ht="19.2">
      <c r="A42284" s="2"/>
      <c r="B42284" s="2"/>
      <c r="C42284" s="2"/>
    </row>
    <row r="42285" spans="1:3" ht="19.2">
      <c r="A42285" s="2"/>
      <c r="B42285" s="2"/>
      <c r="C42285" s="2"/>
    </row>
    <row r="42286" spans="1:3" ht="19.2">
      <c r="A42286" s="2"/>
      <c r="B42286" s="2"/>
      <c r="C42286" s="2"/>
    </row>
    <row r="42287" spans="1:3" ht="19.2">
      <c r="A42287" s="2"/>
      <c r="B42287" s="2"/>
      <c r="C42287" s="2"/>
    </row>
    <row r="42288" spans="1:3" ht="19.2">
      <c r="A42288" s="2"/>
      <c r="B42288" s="2"/>
      <c r="C42288" s="2"/>
    </row>
    <row r="42289" spans="1:3" ht="19.2">
      <c r="A42289" s="2"/>
      <c r="B42289" s="2"/>
      <c r="C42289" s="2"/>
    </row>
    <row r="42290" spans="1:3" ht="19.2">
      <c r="A42290" s="2"/>
      <c r="B42290" s="2"/>
      <c r="C42290" s="2"/>
    </row>
    <row r="42291" spans="1:3" ht="19.2">
      <c r="A42291" s="2"/>
      <c r="B42291" s="2"/>
      <c r="C42291" s="2"/>
    </row>
    <row r="42292" spans="1:3" ht="19.2">
      <c r="A42292" s="2"/>
      <c r="B42292" s="2"/>
      <c r="C42292" s="2"/>
    </row>
    <row r="42293" spans="1:3" ht="19.2">
      <c r="A42293" s="2"/>
      <c r="B42293" s="2"/>
      <c r="C42293" s="2"/>
    </row>
    <row r="42294" spans="1:3" ht="19.2">
      <c r="A42294" s="2"/>
      <c r="B42294" s="2"/>
      <c r="C42294" s="2"/>
    </row>
    <row r="42295" spans="1:3" ht="19.2">
      <c r="A42295" s="2"/>
      <c r="B42295" s="2"/>
      <c r="C42295" s="2"/>
    </row>
    <row r="42296" spans="1:3" ht="19.2">
      <c r="A42296" s="2"/>
      <c r="B42296" s="2"/>
      <c r="C42296" s="2"/>
    </row>
    <row r="42297" spans="1:3" ht="19.2">
      <c r="A42297" s="2"/>
      <c r="B42297" s="2"/>
      <c r="C42297" s="2"/>
    </row>
    <row r="42298" spans="1:3" ht="19.2">
      <c r="A42298" s="2"/>
      <c r="B42298" s="2"/>
      <c r="C42298" s="2"/>
    </row>
    <row r="42299" spans="1:3" ht="19.2">
      <c r="A42299" s="2"/>
      <c r="B42299" s="2"/>
      <c r="C42299" s="2"/>
    </row>
    <row r="42300" spans="1:3" ht="19.2">
      <c r="A42300" s="2"/>
      <c r="B42300" s="2"/>
      <c r="C42300" s="2"/>
    </row>
    <row r="42301" spans="1:3" ht="19.2">
      <c r="A42301" s="2"/>
      <c r="B42301" s="2"/>
      <c r="C42301" s="2"/>
    </row>
    <row r="42302" spans="1:3" ht="19.2">
      <c r="A42302" s="2"/>
      <c r="B42302" s="2"/>
      <c r="C42302" s="2"/>
    </row>
    <row r="42303" spans="1:3" ht="19.2">
      <c r="A42303" s="2"/>
      <c r="B42303" s="2"/>
      <c r="C42303" s="2"/>
    </row>
    <row r="42304" spans="1:3" ht="19.2">
      <c r="A42304" s="2"/>
      <c r="B42304" s="2"/>
      <c r="C42304" s="2"/>
    </row>
    <row r="42305" spans="1:3" ht="19.2">
      <c r="A42305" s="2"/>
      <c r="B42305" s="2"/>
      <c r="C42305" s="2"/>
    </row>
    <row r="42306" spans="1:3" ht="19.2">
      <c r="A42306" s="2"/>
      <c r="B42306" s="2"/>
      <c r="C42306" s="2"/>
    </row>
    <row r="42307" spans="1:3" ht="19.2">
      <c r="A42307" s="2"/>
      <c r="B42307" s="2"/>
      <c r="C42307" s="2"/>
    </row>
    <row r="42308" spans="1:3" ht="19.2">
      <c r="A42308" s="2"/>
      <c r="B42308" s="2"/>
      <c r="C42308" s="2"/>
    </row>
    <row r="42309" spans="1:3" ht="19.2">
      <c r="A42309" s="2"/>
      <c r="B42309" s="2"/>
      <c r="C42309" s="2"/>
    </row>
    <row r="42310" spans="1:3" ht="19.2">
      <c r="A42310" s="2"/>
      <c r="B42310" s="2"/>
      <c r="C42310" s="2"/>
    </row>
    <row r="42311" spans="1:3" ht="19.2">
      <c r="A42311" s="2"/>
      <c r="B42311" s="2"/>
      <c r="C42311" s="2"/>
    </row>
    <row r="42312" spans="1:3" ht="19.2">
      <c r="A42312" s="2"/>
      <c r="B42312" s="2"/>
      <c r="C42312" s="2"/>
    </row>
    <row r="42313" spans="1:3" ht="19.2">
      <c r="A42313" s="2"/>
      <c r="B42313" s="2"/>
      <c r="C42313" s="2"/>
    </row>
    <row r="42314" spans="1:3" ht="19.2">
      <c r="A42314" s="2"/>
      <c r="B42314" s="2"/>
      <c r="C42314" s="2"/>
    </row>
    <row r="42315" spans="1:3" ht="19.2">
      <c r="A42315" s="2"/>
      <c r="B42315" s="2"/>
      <c r="C42315" s="2"/>
    </row>
    <row r="42316" spans="1:3" ht="19.2">
      <c r="A42316" s="2"/>
      <c r="B42316" s="2"/>
      <c r="C42316" s="2"/>
    </row>
    <row r="42317" spans="1:3" ht="19.2">
      <c r="A42317" s="2"/>
      <c r="B42317" s="2"/>
      <c r="C42317" s="2"/>
    </row>
    <row r="42318" spans="1:3" ht="19.2">
      <c r="A42318" s="2"/>
      <c r="B42318" s="2"/>
      <c r="C42318" s="2"/>
    </row>
    <row r="42319" spans="1:3" ht="19.2">
      <c r="A42319" s="2"/>
      <c r="B42319" s="2"/>
      <c r="C42319" s="2"/>
    </row>
    <row r="42320" spans="1:3" ht="19.2">
      <c r="A42320" s="2"/>
      <c r="B42320" s="2"/>
      <c r="C42320" s="2"/>
    </row>
    <row r="42321" spans="1:3" ht="19.2">
      <c r="A42321" s="2"/>
      <c r="B42321" s="2"/>
      <c r="C42321" s="2"/>
    </row>
    <row r="42322" spans="1:3" ht="19.2">
      <c r="A42322" s="2"/>
      <c r="B42322" s="2"/>
      <c r="C42322" s="2"/>
    </row>
    <row r="42323" spans="1:3" ht="19.2">
      <c r="A42323" s="2"/>
      <c r="B42323" s="2"/>
      <c r="C42323" s="2"/>
    </row>
    <row r="42324" spans="1:3" ht="19.2">
      <c r="A42324" s="2"/>
      <c r="B42324" s="2"/>
      <c r="C42324" s="2"/>
    </row>
    <row r="42325" spans="1:3" ht="19.2">
      <c r="A42325" s="2"/>
      <c r="B42325" s="2"/>
      <c r="C42325" s="2"/>
    </row>
    <row r="42326" spans="1:3" ht="19.2">
      <c r="A42326" s="2"/>
      <c r="B42326" s="2"/>
      <c r="C42326" s="2"/>
    </row>
    <row r="42327" spans="1:3" ht="19.2">
      <c r="A42327" s="2"/>
      <c r="B42327" s="2"/>
      <c r="C42327" s="2"/>
    </row>
    <row r="42328" spans="1:3" ht="19.2">
      <c r="A42328" s="2"/>
      <c r="B42328" s="2"/>
      <c r="C42328" s="2"/>
    </row>
    <row r="42329" spans="1:3" ht="19.2">
      <c r="A42329" s="2"/>
      <c r="B42329" s="2"/>
      <c r="C42329" s="2"/>
    </row>
    <row r="42330" spans="1:3" ht="19.2">
      <c r="A42330" s="2"/>
      <c r="B42330" s="2"/>
      <c r="C42330" s="2"/>
    </row>
    <row r="42331" spans="1:3" ht="19.2">
      <c r="A42331" s="2"/>
      <c r="B42331" s="2"/>
      <c r="C42331" s="2"/>
    </row>
    <row r="42332" spans="1:3" ht="19.2">
      <c r="A42332" s="2"/>
      <c r="B42332" s="2"/>
      <c r="C42332" s="2"/>
    </row>
    <row r="42333" spans="1:3" ht="19.2">
      <c r="A42333" s="2"/>
      <c r="B42333" s="2"/>
      <c r="C42333" s="2"/>
    </row>
    <row r="42334" spans="1:3" ht="19.2">
      <c r="A42334" s="2"/>
      <c r="B42334" s="2"/>
      <c r="C42334" s="2"/>
    </row>
    <row r="42335" spans="1:3" ht="19.2">
      <c r="A42335" s="2"/>
      <c r="B42335" s="2"/>
      <c r="C42335" s="2"/>
    </row>
    <row r="42336" spans="1:3" ht="19.2">
      <c r="A42336" s="2"/>
      <c r="B42336" s="2"/>
      <c r="C42336" s="2"/>
    </row>
    <row r="42337" spans="1:3" ht="19.2">
      <c r="A42337" s="2"/>
      <c r="B42337" s="2"/>
      <c r="C42337" s="2"/>
    </row>
    <row r="42338" spans="1:3" ht="19.2">
      <c r="A42338" s="2"/>
      <c r="B42338" s="2"/>
      <c r="C42338" s="2"/>
    </row>
    <row r="42339" spans="1:3" ht="19.2">
      <c r="A42339" s="2"/>
      <c r="B42339" s="2"/>
      <c r="C42339" s="2"/>
    </row>
    <row r="42340" spans="1:3" ht="19.2">
      <c r="A42340" s="2"/>
      <c r="B42340" s="2"/>
      <c r="C42340" s="2"/>
    </row>
    <row r="42341" spans="1:3" ht="19.2">
      <c r="A42341" s="2"/>
      <c r="B42341" s="2"/>
      <c r="C42341" s="2"/>
    </row>
    <row r="42342" spans="1:3" ht="19.2">
      <c r="A42342" s="2"/>
      <c r="B42342" s="2"/>
      <c r="C42342" s="2"/>
    </row>
    <row r="42343" spans="1:3" ht="19.2">
      <c r="A42343" s="2"/>
      <c r="B42343" s="2"/>
      <c r="C42343" s="2"/>
    </row>
    <row r="42344" spans="1:3" ht="19.2">
      <c r="A42344" s="2"/>
      <c r="B42344" s="2"/>
      <c r="C42344" s="2"/>
    </row>
    <row r="42345" spans="1:3" ht="19.2">
      <c r="A42345" s="2"/>
      <c r="B42345" s="2"/>
      <c r="C42345" s="2"/>
    </row>
    <row r="42346" spans="1:3" ht="19.2">
      <c r="A42346" s="2"/>
      <c r="B42346" s="2"/>
      <c r="C42346" s="2"/>
    </row>
    <row r="42347" spans="1:3" ht="19.2">
      <c r="A42347" s="2"/>
      <c r="B42347" s="2"/>
      <c r="C42347" s="2"/>
    </row>
    <row r="42348" spans="1:3" ht="19.2">
      <c r="A42348" s="2"/>
      <c r="B42348" s="2"/>
      <c r="C42348" s="2"/>
    </row>
    <row r="42349" spans="1:3" ht="19.2">
      <c r="A42349" s="2"/>
      <c r="B42349" s="2"/>
      <c r="C42349" s="2"/>
    </row>
    <row r="42350" spans="1:3" ht="19.2">
      <c r="A42350" s="2"/>
      <c r="B42350" s="2"/>
      <c r="C42350" s="2"/>
    </row>
    <row r="42351" spans="1:3" ht="19.2">
      <c r="A42351" s="2"/>
      <c r="B42351" s="2"/>
      <c r="C42351" s="2"/>
    </row>
    <row r="42352" spans="1:3" ht="19.2">
      <c r="A42352" s="2"/>
      <c r="B42352" s="2"/>
      <c r="C42352" s="2"/>
    </row>
    <row r="42353" spans="1:3" ht="19.2">
      <c r="A42353" s="2"/>
      <c r="B42353" s="2"/>
      <c r="C42353" s="2"/>
    </row>
    <row r="42354" spans="1:3" ht="19.2">
      <c r="A42354" s="2"/>
      <c r="B42354" s="2"/>
      <c r="C42354" s="2"/>
    </row>
    <row r="42355" spans="1:3" ht="19.2">
      <c r="A42355" s="2"/>
      <c r="B42355" s="2"/>
      <c r="C42355" s="2"/>
    </row>
    <row r="42356" spans="1:3" ht="19.2">
      <c r="A42356" s="2"/>
      <c r="B42356" s="2"/>
      <c r="C42356" s="2"/>
    </row>
    <row r="42357" spans="1:3" ht="19.2">
      <c r="A42357" s="2"/>
      <c r="B42357" s="2"/>
      <c r="C42357" s="2"/>
    </row>
    <row r="42358" spans="1:3" ht="19.2">
      <c r="A42358" s="2"/>
      <c r="B42358" s="2"/>
      <c r="C42358" s="2"/>
    </row>
    <row r="42359" spans="1:3" ht="19.2">
      <c r="A42359" s="2"/>
      <c r="B42359" s="2"/>
      <c r="C42359" s="2"/>
    </row>
    <row r="42360" spans="1:3" ht="19.2">
      <c r="A42360" s="2"/>
      <c r="B42360" s="2"/>
      <c r="C42360" s="2"/>
    </row>
    <row r="42361" spans="1:3" ht="19.2">
      <c r="A42361" s="2"/>
      <c r="B42361" s="2"/>
      <c r="C42361" s="2"/>
    </row>
    <row r="42362" spans="1:3" ht="19.2">
      <c r="A42362" s="2"/>
      <c r="B42362" s="2"/>
      <c r="C42362" s="2"/>
    </row>
    <row r="42363" spans="1:3" ht="19.2">
      <c r="A42363" s="2"/>
      <c r="B42363" s="2"/>
      <c r="C42363" s="2"/>
    </row>
    <row r="42364" spans="1:3" ht="19.2">
      <c r="A42364" s="2"/>
      <c r="B42364" s="2"/>
      <c r="C42364" s="2"/>
    </row>
    <row r="42365" spans="1:3" ht="19.2">
      <c r="A42365" s="2"/>
      <c r="B42365" s="2"/>
      <c r="C42365" s="2"/>
    </row>
    <row r="42366" spans="1:3" ht="19.2">
      <c r="A42366" s="2"/>
      <c r="B42366" s="2"/>
      <c r="C42366" s="2"/>
    </row>
    <row r="42367" spans="1:3" ht="19.2">
      <c r="A42367" s="2"/>
      <c r="B42367" s="2"/>
      <c r="C42367" s="2"/>
    </row>
    <row r="42368" spans="1:3" ht="19.2">
      <c r="A42368" s="2"/>
      <c r="B42368" s="2"/>
      <c r="C42368" s="2"/>
    </row>
    <row r="42369" spans="1:3" ht="19.2">
      <c r="A42369" s="2"/>
      <c r="B42369" s="2"/>
      <c r="C42369" s="2"/>
    </row>
    <row r="42370" spans="1:3" ht="19.2">
      <c r="A42370" s="2"/>
      <c r="B42370" s="2"/>
      <c r="C42370" s="2"/>
    </row>
    <row r="42371" spans="1:3" ht="19.2">
      <c r="A42371" s="2"/>
      <c r="B42371" s="2"/>
      <c r="C42371" s="2"/>
    </row>
    <row r="42372" spans="1:3" ht="19.2">
      <c r="A42372" s="2"/>
      <c r="B42372" s="2"/>
      <c r="C42372" s="2"/>
    </row>
    <row r="42373" spans="1:3" ht="19.2">
      <c r="A42373" s="2"/>
      <c r="B42373" s="2"/>
      <c r="C42373" s="2"/>
    </row>
    <row r="42374" spans="1:3" ht="19.2">
      <c r="A42374" s="2"/>
      <c r="B42374" s="2"/>
      <c r="C42374" s="2"/>
    </row>
    <row r="42375" spans="1:3" ht="19.2">
      <c r="A42375" s="2"/>
      <c r="B42375" s="2"/>
      <c r="C42375" s="2"/>
    </row>
    <row r="42376" spans="1:3" ht="19.2">
      <c r="A42376" s="2"/>
      <c r="B42376" s="2"/>
      <c r="C42376" s="2"/>
    </row>
    <row r="42377" spans="1:3" ht="19.2">
      <c r="A42377" s="2"/>
      <c r="B42377" s="2"/>
      <c r="C42377" s="2"/>
    </row>
    <row r="42378" spans="1:3" ht="19.2">
      <c r="A42378" s="2"/>
      <c r="B42378" s="2"/>
      <c r="C42378" s="2"/>
    </row>
    <row r="42379" spans="1:3" ht="19.2">
      <c r="A42379" s="2"/>
      <c r="B42379" s="2"/>
      <c r="C42379" s="2"/>
    </row>
    <row r="42380" spans="1:3" ht="19.2">
      <c r="A42380" s="2"/>
      <c r="B42380" s="2"/>
      <c r="C42380" s="2"/>
    </row>
    <row r="42381" spans="1:3" ht="19.2">
      <c r="A42381" s="2"/>
      <c r="B42381" s="2"/>
      <c r="C42381" s="2"/>
    </row>
    <row r="42382" spans="1:3" ht="19.2">
      <c r="A42382" s="2"/>
      <c r="B42382" s="2"/>
      <c r="C42382" s="2"/>
    </row>
    <row r="42383" spans="1:3" ht="19.2">
      <c r="A42383" s="2"/>
      <c r="B42383" s="2"/>
      <c r="C42383" s="2"/>
    </row>
    <row r="42384" spans="1:3" ht="19.2">
      <c r="A42384" s="2"/>
      <c r="B42384" s="2"/>
      <c r="C42384" s="2"/>
    </row>
    <row r="42385" spans="1:3" ht="19.2">
      <c r="A42385" s="2"/>
      <c r="B42385" s="2"/>
      <c r="C42385" s="2"/>
    </row>
    <row r="42386" spans="1:3" ht="19.2">
      <c r="A42386" s="2"/>
      <c r="B42386" s="2"/>
      <c r="C42386" s="2"/>
    </row>
    <row r="42387" spans="1:3" ht="19.2">
      <c r="A42387" s="2"/>
      <c r="B42387" s="2"/>
      <c r="C42387" s="2"/>
    </row>
    <row r="42388" spans="1:3" ht="19.2">
      <c r="A42388" s="2"/>
      <c r="B42388" s="2"/>
      <c r="C42388" s="2"/>
    </row>
    <row r="42389" spans="1:3" ht="19.2">
      <c r="A42389" s="2"/>
      <c r="B42389" s="2"/>
      <c r="C42389" s="2"/>
    </row>
    <row r="42390" spans="1:3" ht="19.2">
      <c r="A42390" s="2"/>
      <c r="B42390" s="2"/>
      <c r="C42390" s="2"/>
    </row>
    <row r="42391" spans="1:3" ht="19.2">
      <c r="A42391" s="2"/>
      <c r="B42391" s="2"/>
      <c r="C42391" s="2"/>
    </row>
    <row r="42392" spans="1:3" ht="19.2">
      <c r="A42392" s="2"/>
      <c r="B42392" s="2"/>
      <c r="C42392" s="2"/>
    </row>
    <row r="42393" spans="1:3" ht="19.2">
      <c r="A42393" s="2"/>
      <c r="B42393" s="2"/>
      <c r="C42393" s="2"/>
    </row>
    <row r="42394" spans="1:3" ht="19.2">
      <c r="A42394" s="2"/>
      <c r="B42394" s="2"/>
      <c r="C42394" s="2"/>
    </row>
    <row r="42395" spans="1:3" ht="19.2">
      <c r="A42395" s="2"/>
      <c r="B42395" s="2"/>
      <c r="C42395" s="2"/>
    </row>
    <row r="42396" spans="1:3" ht="19.2">
      <c r="A42396" s="2"/>
      <c r="B42396" s="2"/>
      <c r="C42396" s="2"/>
    </row>
    <row r="42397" spans="1:3" ht="19.2">
      <c r="A42397" s="2"/>
      <c r="B42397" s="2"/>
      <c r="C42397" s="2"/>
    </row>
    <row r="42398" spans="1:3" ht="19.2">
      <c r="A42398" s="2"/>
      <c r="B42398" s="2"/>
      <c r="C42398" s="2"/>
    </row>
    <row r="42399" spans="1:3" ht="19.2">
      <c r="A42399" s="2"/>
      <c r="B42399" s="2"/>
      <c r="C42399" s="2"/>
    </row>
    <row r="42400" spans="1:3" ht="19.2">
      <c r="A42400" s="2"/>
      <c r="B42400" s="2"/>
      <c r="C42400" s="2"/>
    </row>
    <row r="42401" spans="1:3" ht="19.2">
      <c r="A42401" s="2"/>
      <c r="B42401" s="2"/>
      <c r="C42401" s="2"/>
    </row>
    <row r="42402" spans="1:3" ht="19.2">
      <c r="A42402" s="2"/>
      <c r="B42402" s="2"/>
      <c r="C42402" s="2"/>
    </row>
    <row r="42403" spans="1:3" ht="19.2">
      <c r="A42403" s="2"/>
      <c r="B42403" s="2"/>
      <c r="C42403" s="2"/>
    </row>
    <row r="42404" spans="1:3" ht="19.2">
      <c r="A42404" s="2"/>
      <c r="B42404" s="2"/>
      <c r="C42404" s="2"/>
    </row>
    <row r="42405" spans="1:3" ht="19.2">
      <c r="A42405" s="2"/>
      <c r="B42405" s="2"/>
      <c r="C42405" s="2"/>
    </row>
    <row r="42406" spans="1:3" ht="19.2">
      <c r="A42406" s="2"/>
      <c r="B42406" s="2"/>
      <c r="C42406" s="2"/>
    </row>
    <row r="42407" spans="1:3" ht="19.2">
      <c r="A42407" s="2"/>
      <c r="B42407" s="2"/>
      <c r="C42407" s="2"/>
    </row>
    <row r="42408" spans="1:3" ht="19.2">
      <c r="A42408" s="2"/>
      <c r="B42408" s="2"/>
      <c r="C42408" s="2"/>
    </row>
    <row r="42409" spans="1:3" ht="19.2">
      <c r="A42409" s="2"/>
      <c r="B42409" s="2"/>
      <c r="C42409" s="2"/>
    </row>
    <row r="42410" spans="1:3" ht="19.2">
      <c r="A42410" s="2"/>
      <c r="B42410" s="2"/>
      <c r="C42410" s="2"/>
    </row>
    <row r="42411" spans="1:3" ht="19.2">
      <c r="A42411" s="2"/>
      <c r="B42411" s="2"/>
      <c r="C42411" s="2"/>
    </row>
    <row r="42412" spans="1:3" ht="19.2">
      <c r="A42412" s="2"/>
      <c r="B42412" s="2"/>
      <c r="C42412" s="2"/>
    </row>
    <row r="42413" spans="1:3" ht="19.2">
      <c r="A42413" s="2"/>
      <c r="B42413" s="2"/>
      <c r="C42413" s="2"/>
    </row>
    <row r="42414" spans="1:3" ht="19.2">
      <c r="A42414" s="2"/>
      <c r="B42414" s="2"/>
      <c r="C42414" s="2"/>
    </row>
    <row r="42415" spans="1:3" ht="19.2">
      <c r="A42415" s="2"/>
      <c r="B42415" s="2"/>
      <c r="C42415" s="2"/>
    </row>
    <row r="42416" spans="1:3" ht="19.2">
      <c r="A42416" s="2"/>
      <c r="B42416" s="2"/>
      <c r="C42416" s="2"/>
    </row>
    <row r="42417" spans="1:3" ht="19.2">
      <c r="A42417" s="2"/>
      <c r="B42417" s="2"/>
      <c r="C42417" s="2"/>
    </row>
    <row r="42418" spans="1:3" ht="19.2">
      <c r="A42418" s="2"/>
      <c r="B42418" s="2"/>
      <c r="C42418" s="2"/>
    </row>
    <row r="42419" spans="1:3" ht="19.2">
      <c r="A42419" s="2"/>
      <c r="B42419" s="2"/>
      <c r="C42419" s="2"/>
    </row>
    <row r="42420" spans="1:3" ht="19.2">
      <c r="A42420" s="2"/>
      <c r="B42420" s="2"/>
      <c r="C42420" s="2"/>
    </row>
    <row r="42421" spans="1:3" ht="19.2">
      <c r="A42421" s="2"/>
      <c r="B42421" s="2"/>
      <c r="C42421" s="2"/>
    </row>
    <row r="42422" spans="1:3" ht="19.2">
      <c r="A42422" s="2"/>
      <c r="B42422" s="2"/>
      <c r="C42422" s="2"/>
    </row>
    <row r="42423" spans="1:3" ht="19.2">
      <c r="A42423" s="2"/>
      <c r="B42423" s="2"/>
      <c r="C42423" s="2"/>
    </row>
    <row r="42424" spans="1:3" ht="19.2">
      <c r="A42424" s="2"/>
      <c r="B42424" s="2"/>
      <c r="C42424" s="2"/>
    </row>
    <row r="42425" spans="1:3" ht="19.2">
      <c r="A42425" s="2"/>
      <c r="B42425" s="2"/>
      <c r="C42425" s="2"/>
    </row>
    <row r="42426" spans="1:3" ht="19.2">
      <c r="A42426" s="2"/>
      <c r="B42426" s="2"/>
      <c r="C42426" s="2"/>
    </row>
    <row r="42427" spans="1:3" ht="19.2">
      <c r="A42427" s="2"/>
      <c r="B42427" s="2"/>
      <c r="C42427" s="2"/>
    </row>
    <row r="42428" spans="1:3" ht="19.2">
      <c r="A42428" s="2"/>
      <c r="B42428" s="2"/>
      <c r="C42428" s="2"/>
    </row>
    <row r="42429" spans="1:3" ht="19.2">
      <c r="A42429" s="2"/>
      <c r="B42429" s="2"/>
      <c r="C42429" s="2"/>
    </row>
    <row r="42430" spans="1:3" ht="19.2">
      <c r="A42430" s="2"/>
      <c r="B42430" s="2"/>
      <c r="C42430" s="2"/>
    </row>
    <row r="42431" spans="1:3" ht="19.2">
      <c r="A42431" s="2"/>
      <c r="B42431" s="2"/>
      <c r="C42431" s="2"/>
    </row>
    <row r="42432" spans="1:3" ht="19.2">
      <c r="A42432" s="2"/>
      <c r="B42432" s="2"/>
      <c r="C42432" s="2"/>
    </row>
    <row r="42433" spans="1:3" ht="19.2">
      <c r="A42433" s="2"/>
      <c r="B42433" s="2"/>
      <c r="C42433" s="2"/>
    </row>
    <row r="42434" spans="1:3" ht="19.2">
      <c r="A42434" s="2"/>
      <c r="B42434" s="2"/>
      <c r="C42434" s="2"/>
    </row>
    <row r="42435" spans="1:3" ht="19.2">
      <c r="A42435" s="2"/>
      <c r="B42435" s="2"/>
      <c r="C42435" s="2"/>
    </row>
    <row r="42436" spans="1:3" ht="19.2">
      <c r="A42436" s="2"/>
      <c r="B42436" s="2"/>
      <c r="C42436" s="2"/>
    </row>
    <row r="42437" spans="1:3" ht="19.2">
      <c r="A42437" s="2"/>
      <c r="B42437" s="2"/>
      <c r="C42437" s="2"/>
    </row>
    <row r="42438" spans="1:3" ht="19.2">
      <c r="A42438" s="2"/>
      <c r="B42438" s="2"/>
      <c r="C42438" s="2"/>
    </row>
    <row r="42439" spans="1:3" ht="19.2">
      <c r="A42439" s="2"/>
      <c r="B42439" s="2"/>
      <c r="C42439" s="2"/>
    </row>
    <row r="42440" spans="1:3" ht="19.2">
      <c r="A42440" s="2"/>
      <c r="B42440" s="2"/>
      <c r="C42440" s="2"/>
    </row>
    <row r="42441" spans="1:3" ht="19.2">
      <c r="A42441" s="2"/>
      <c r="B42441" s="2"/>
      <c r="C42441" s="2"/>
    </row>
    <row r="42442" spans="1:3" ht="19.2">
      <c r="A42442" s="2"/>
      <c r="B42442" s="2"/>
      <c r="C42442" s="2"/>
    </row>
    <row r="42443" spans="1:3" ht="19.2">
      <c r="A42443" s="2"/>
      <c r="B42443" s="2"/>
      <c r="C42443" s="2"/>
    </row>
    <row r="42444" spans="1:3" ht="19.2">
      <c r="A42444" s="2"/>
      <c r="B42444" s="2"/>
      <c r="C42444" s="2"/>
    </row>
    <row r="42445" spans="1:3" ht="19.2">
      <c r="A42445" s="2"/>
      <c r="B42445" s="2"/>
      <c r="C42445" s="2"/>
    </row>
    <row r="42446" spans="1:3" ht="19.2">
      <c r="A42446" s="2"/>
      <c r="B42446" s="2"/>
      <c r="C42446" s="2"/>
    </row>
    <row r="42447" spans="1:3" ht="19.2">
      <c r="A42447" s="2"/>
      <c r="B42447" s="2"/>
      <c r="C42447" s="2"/>
    </row>
    <row r="42448" spans="1:3" ht="19.2">
      <c r="A42448" s="2"/>
      <c r="B42448" s="2"/>
      <c r="C42448" s="2"/>
    </row>
    <row r="42449" spans="1:3" ht="19.2">
      <c r="A42449" s="2"/>
      <c r="B42449" s="2"/>
      <c r="C42449" s="2"/>
    </row>
    <row r="42450" spans="1:3" ht="19.2">
      <c r="A42450" s="2"/>
      <c r="B42450" s="2"/>
      <c r="C42450" s="2"/>
    </row>
    <row r="42451" spans="1:3" ht="19.2">
      <c r="A42451" s="2"/>
      <c r="B42451" s="2"/>
      <c r="C42451" s="2"/>
    </row>
    <row r="42452" spans="1:3" ht="19.2">
      <c r="A42452" s="2"/>
      <c r="B42452" s="2"/>
      <c r="C42452" s="2"/>
    </row>
    <row r="42453" spans="1:3" ht="19.2">
      <c r="A42453" s="2"/>
      <c r="B42453" s="2"/>
      <c r="C42453" s="2"/>
    </row>
    <row r="42454" spans="1:3" ht="19.2">
      <c r="A42454" s="2"/>
      <c r="B42454" s="2"/>
      <c r="C42454" s="2"/>
    </row>
    <row r="42455" spans="1:3" ht="19.2">
      <c r="A42455" s="2"/>
      <c r="B42455" s="2"/>
      <c r="C42455" s="2"/>
    </row>
    <row r="42456" spans="1:3" ht="19.2">
      <c r="A42456" s="2"/>
      <c r="B42456" s="2"/>
      <c r="C42456" s="2"/>
    </row>
    <row r="42457" spans="1:3" ht="19.2">
      <c r="A42457" s="2"/>
      <c r="B42457" s="2"/>
      <c r="C42457" s="2"/>
    </row>
    <row r="42458" spans="1:3" ht="19.2">
      <c r="A42458" s="2"/>
      <c r="B42458" s="2"/>
      <c r="C42458" s="2"/>
    </row>
    <row r="42459" spans="1:3" ht="19.2">
      <c r="A42459" s="2"/>
      <c r="B42459" s="2"/>
      <c r="C42459" s="2"/>
    </row>
    <row r="42460" spans="1:3" ht="19.2">
      <c r="A42460" s="2"/>
      <c r="B42460" s="2"/>
      <c r="C42460" s="2"/>
    </row>
    <row r="42461" spans="1:3" ht="19.2">
      <c r="A42461" s="2"/>
      <c r="B42461" s="2"/>
      <c r="C42461" s="2"/>
    </row>
    <row r="42462" spans="1:3" ht="19.2">
      <c r="A42462" s="2"/>
      <c r="B42462" s="2"/>
      <c r="C42462" s="2"/>
    </row>
    <row r="42463" spans="1:3" ht="19.2">
      <c r="A42463" s="2"/>
      <c r="B42463" s="2"/>
      <c r="C42463" s="2"/>
    </row>
    <row r="42464" spans="1:3" ht="19.2">
      <c r="A42464" s="2"/>
      <c r="B42464" s="2"/>
      <c r="C42464" s="2"/>
    </row>
    <row r="42465" spans="1:3" ht="19.2">
      <c r="A42465" s="2"/>
      <c r="B42465" s="2"/>
      <c r="C42465" s="2"/>
    </row>
    <row r="42466" spans="1:3" ht="19.2">
      <c r="A42466" s="2"/>
      <c r="B42466" s="2"/>
      <c r="C42466" s="2"/>
    </row>
    <row r="42467" spans="1:3" ht="19.2">
      <c r="A42467" s="2"/>
      <c r="B42467" s="2"/>
      <c r="C42467" s="2"/>
    </row>
    <row r="42468" spans="1:3" ht="19.2">
      <c r="A42468" s="2"/>
      <c r="B42468" s="2"/>
      <c r="C42468" s="2"/>
    </row>
    <row r="42469" spans="1:3" ht="19.2">
      <c r="A42469" s="2"/>
      <c r="B42469" s="2"/>
      <c r="C42469" s="2"/>
    </row>
    <row r="42470" spans="1:3" ht="19.2">
      <c r="A42470" s="2"/>
      <c r="B42470" s="2"/>
      <c r="C42470" s="2"/>
    </row>
    <row r="42471" spans="1:3" ht="19.2">
      <c r="A42471" s="2"/>
      <c r="B42471" s="2"/>
      <c r="C42471" s="2"/>
    </row>
    <row r="42472" spans="1:3" ht="19.2">
      <c r="A42472" s="2"/>
      <c r="B42472" s="2"/>
      <c r="C42472" s="2"/>
    </row>
    <row r="42473" spans="1:3" ht="19.2">
      <c r="A42473" s="2"/>
      <c r="B42473" s="2"/>
      <c r="C42473" s="2"/>
    </row>
    <row r="42474" spans="1:3" ht="19.2">
      <c r="A42474" s="2"/>
      <c r="B42474" s="2"/>
      <c r="C42474" s="2"/>
    </row>
    <row r="42475" spans="1:3" ht="19.2">
      <c r="A42475" s="2"/>
      <c r="B42475" s="2"/>
      <c r="C42475" s="2"/>
    </row>
    <row r="42476" spans="1:3" ht="19.2">
      <c r="A42476" s="2"/>
      <c r="B42476" s="2"/>
      <c r="C42476" s="2"/>
    </row>
    <row r="42477" spans="1:3" ht="19.2">
      <c r="A42477" s="2"/>
      <c r="B42477" s="2"/>
      <c r="C42477" s="2"/>
    </row>
    <row r="42478" spans="1:3" ht="19.2">
      <c r="A42478" s="2"/>
      <c r="B42478" s="2"/>
      <c r="C42478" s="2"/>
    </row>
    <row r="42479" spans="1:3" ht="19.2">
      <c r="A42479" s="2"/>
      <c r="B42479" s="2"/>
      <c r="C42479" s="2"/>
    </row>
    <row r="42480" spans="1:3" ht="19.2">
      <c r="A42480" s="2"/>
      <c r="B42480" s="2"/>
      <c r="C42480" s="2"/>
    </row>
    <row r="42481" spans="1:3" ht="19.2">
      <c r="A42481" s="2"/>
      <c r="B42481" s="2"/>
      <c r="C42481" s="2"/>
    </row>
    <row r="42482" spans="1:3" ht="19.2">
      <c r="A42482" s="2"/>
      <c r="B42482" s="2"/>
      <c r="C42482" s="2"/>
    </row>
    <row r="42483" spans="1:3" ht="19.2">
      <c r="A42483" s="2"/>
      <c r="B42483" s="2"/>
      <c r="C42483" s="2"/>
    </row>
    <row r="42484" spans="1:3" ht="19.2">
      <c r="A42484" s="2"/>
      <c r="B42484" s="2"/>
      <c r="C42484" s="2"/>
    </row>
    <row r="42485" spans="1:3" ht="19.2">
      <c r="A42485" s="2"/>
      <c r="B42485" s="2"/>
      <c r="C42485" s="2"/>
    </row>
    <row r="42486" spans="1:3" ht="19.2">
      <c r="A42486" s="2"/>
      <c r="B42486" s="2"/>
      <c r="C42486" s="2"/>
    </row>
    <row r="42487" spans="1:3" ht="19.2">
      <c r="A42487" s="2"/>
      <c r="B42487" s="2"/>
      <c r="C42487" s="2"/>
    </row>
    <row r="42488" spans="1:3" ht="19.2">
      <c r="A42488" s="2"/>
      <c r="B42488" s="2"/>
      <c r="C42488" s="2"/>
    </row>
    <row r="42489" spans="1:3" ht="19.2">
      <c r="A42489" s="2"/>
      <c r="B42489" s="2"/>
      <c r="C42489" s="2"/>
    </row>
    <row r="42490" spans="1:3" ht="19.2">
      <c r="A42490" s="2"/>
      <c r="B42490" s="2"/>
      <c r="C42490" s="2"/>
    </row>
    <row r="42491" spans="1:3" ht="19.2">
      <c r="A42491" s="2"/>
      <c r="B42491" s="2"/>
      <c r="C42491" s="2"/>
    </row>
    <row r="42492" spans="1:3" ht="19.2">
      <c r="A42492" s="2"/>
      <c r="B42492" s="2"/>
      <c r="C42492" s="2"/>
    </row>
    <row r="42493" spans="1:3" ht="19.2">
      <c r="A42493" s="2"/>
      <c r="B42493" s="2"/>
      <c r="C42493" s="2"/>
    </row>
    <row r="42494" spans="1:3" ht="19.2">
      <c r="A42494" s="2"/>
      <c r="B42494" s="2"/>
      <c r="C42494" s="2"/>
    </row>
    <row r="42495" spans="1:3" ht="19.2">
      <c r="A42495" s="2"/>
      <c r="B42495" s="2"/>
      <c r="C42495" s="2"/>
    </row>
    <row r="42496" spans="1:3" ht="19.2">
      <c r="A42496" s="2"/>
      <c r="B42496" s="2"/>
      <c r="C42496" s="2"/>
    </row>
    <row r="42497" spans="1:3" ht="19.2">
      <c r="A42497" s="2"/>
      <c r="B42497" s="2"/>
      <c r="C42497" s="2"/>
    </row>
    <row r="42498" spans="1:3" ht="19.2">
      <c r="A42498" s="2"/>
      <c r="B42498" s="2"/>
      <c r="C42498" s="2"/>
    </row>
    <row r="42499" spans="1:3" ht="19.2">
      <c r="A42499" s="2"/>
      <c r="B42499" s="2"/>
      <c r="C42499" s="2"/>
    </row>
    <row r="42500" spans="1:3" ht="19.2">
      <c r="A42500" s="2"/>
      <c r="B42500" s="2"/>
      <c r="C42500" s="2"/>
    </row>
    <row r="42501" spans="1:3" ht="19.2">
      <c r="A42501" s="2"/>
      <c r="B42501" s="2"/>
      <c r="C42501" s="2"/>
    </row>
    <row r="42502" spans="1:3" ht="19.2">
      <c r="A42502" s="2"/>
      <c r="B42502" s="2"/>
      <c r="C42502" s="2"/>
    </row>
    <row r="42503" spans="1:3" ht="19.2">
      <c r="A42503" s="2"/>
      <c r="B42503" s="2"/>
      <c r="C42503" s="2"/>
    </row>
    <row r="42504" spans="1:3" ht="19.2">
      <c r="A42504" s="2"/>
      <c r="B42504" s="2"/>
      <c r="C42504" s="2"/>
    </row>
    <row r="42505" spans="1:3" ht="19.2">
      <c r="A42505" s="2"/>
      <c r="B42505" s="2"/>
      <c r="C42505" s="2"/>
    </row>
    <row r="42506" spans="1:3" ht="19.2">
      <c r="A42506" s="2"/>
      <c r="B42506" s="2"/>
      <c r="C42506" s="2"/>
    </row>
    <row r="42507" spans="1:3" ht="19.2">
      <c r="A42507" s="2"/>
      <c r="B42507" s="2"/>
      <c r="C42507" s="2"/>
    </row>
    <row r="42508" spans="1:3" ht="19.2">
      <c r="A42508" s="2"/>
      <c r="B42508" s="2"/>
      <c r="C42508" s="2"/>
    </row>
    <row r="42509" spans="1:3" ht="19.2">
      <c r="A42509" s="2"/>
      <c r="B42509" s="2"/>
      <c r="C42509" s="2"/>
    </row>
    <row r="42510" spans="1:3" ht="19.2">
      <c r="A42510" s="2"/>
      <c r="B42510" s="2"/>
      <c r="C42510" s="2"/>
    </row>
    <row r="42511" spans="1:3" ht="19.2">
      <c r="A42511" s="2"/>
      <c r="B42511" s="2"/>
      <c r="C42511" s="2"/>
    </row>
    <row r="42512" spans="1:3" ht="19.2">
      <c r="A42512" s="2"/>
      <c r="B42512" s="2"/>
      <c r="C42512" s="2"/>
    </row>
    <row r="42513" spans="1:3" ht="19.2">
      <c r="A42513" s="2"/>
      <c r="B42513" s="2"/>
      <c r="C42513" s="2"/>
    </row>
    <row r="42514" spans="1:3" ht="19.2">
      <c r="A42514" s="2"/>
      <c r="B42514" s="2"/>
      <c r="C42514" s="2"/>
    </row>
    <row r="42515" spans="1:3" ht="19.2">
      <c r="A42515" s="2"/>
      <c r="B42515" s="2"/>
      <c r="C42515" s="2"/>
    </row>
    <row r="42516" spans="1:3" ht="19.2">
      <c r="A42516" s="2"/>
      <c r="B42516" s="2"/>
      <c r="C42516" s="2"/>
    </row>
    <row r="42517" spans="1:3" ht="19.2">
      <c r="A42517" s="2"/>
      <c r="B42517" s="2"/>
      <c r="C42517" s="2"/>
    </row>
    <row r="42518" spans="1:3" ht="19.2">
      <c r="A42518" s="2"/>
      <c r="B42518" s="2"/>
      <c r="C42518" s="2"/>
    </row>
    <row r="42519" spans="1:3" ht="19.2">
      <c r="A42519" s="2"/>
      <c r="B42519" s="2"/>
      <c r="C42519" s="2"/>
    </row>
    <row r="42520" spans="1:3" ht="19.2">
      <c r="A42520" s="2"/>
      <c r="B42520" s="2"/>
      <c r="C42520" s="2"/>
    </row>
    <row r="42521" spans="1:3" ht="19.2">
      <c r="A42521" s="2"/>
      <c r="B42521" s="2"/>
      <c r="C42521" s="2"/>
    </row>
    <row r="42522" spans="1:3" ht="19.2">
      <c r="A42522" s="2"/>
      <c r="B42522" s="2"/>
      <c r="C42522" s="2"/>
    </row>
    <row r="42523" spans="1:3" ht="19.2">
      <c r="A42523" s="2"/>
      <c r="B42523" s="2"/>
      <c r="C42523" s="2"/>
    </row>
    <row r="42524" spans="1:3" ht="19.2">
      <c r="A42524" s="2"/>
      <c r="B42524" s="2"/>
      <c r="C42524" s="2"/>
    </row>
    <row r="42525" spans="1:3" ht="19.2">
      <c r="A42525" s="2"/>
      <c r="B42525" s="2"/>
      <c r="C42525" s="2"/>
    </row>
    <row r="42526" spans="1:3" ht="19.2">
      <c r="A42526" s="2"/>
      <c r="B42526" s="2"/>
      <c r="C42526" s="2"/>
    </row>
    <row r="42527" spans="1:3" ht="19.2">
      <c r="A42527" s="2"/>
      <c r="B42527" s="2"/>
      <c r="C42527" s="2"/>
    </row>
    <row r="42528" spans="1:3" ht="19.2">
      <c r="A42528" s="2"/>
      <c r="B42528" s="2"/>
      <c r="C42528" s="2"/>
    </row>
    <row r="42529" spans="1:3" ht="19.2">
      <c r="A42529" s="2"/>
      <c r="B42529" s="2"/>
      <c r="C42529" s="2"/>
    </row>
    <row r="42530" spans="1:3" ht="19.2">
      <c r="A42530" s="2"/>
      <c r="B42530" s="2"/>
      <c r="C42530" s="2"/>
    </row>
    <row r="42531" spans="1:3" ht="19.2">
      <c r="A42531" s="2"/>
      <c r="B42531" s="2"/>
      <c r="C42531" s="2"/>
    </row>
    <row r="42532" spans="1:3" ht="19.2">
      <c r="A42532" s="2"/>
      <c r="B42532" s="2"/>
      <c r="C42532" s="2"/>
    </row>
    <row r="42533" spans="1:3" ht="19.2">
      <c r="A42533" s="2"/>
      <c r="B42533" s="2"/>
      <c r="C42533" s="2"/>
    </row>
    <row r="42534" spans="1:3" ht="19.2">
      <c r="A42534" s="2"/>
      <c r="B42534" s="2"/>
      <c r="C42534" s="2"/>
    </row>
    <row r="42535" spans="1:3" ht="19.2">
      <c r="A42535" s="2"/>
      <c r="B42535" s="2"/>
      <c r="C42535" s="2"/>
    </row>
    <row r="42536" spans="1:3" ht="19.2">
      <c r="A42536" s="2"/>
      <c r="B42536" s="2"/>
      <c r="C42536" s="2"/>
    </row>
    <row r="42537" spans="1:3" ht="19.2">
      <c r="A42537" s="2"/>
      <c r="B42537" s="2"/>
      <c r="C42537" s="2"/>
    </row>
    <row r="42538" spans="1:3" ht="19.2">
      <c r="A42538" s="2"/>
      <c r="B42538" s="2"/>
      <c r="C42538" s="2"/>
    </row>
    <row r="42539" spans="1:3" ht="19.2">
      <c r="A42539" s="2"/>
      <c r="B42539" s="2"/>
      <c r="C42539" s="2"/>
    </row>
    <row r="42540" spans="1:3" ht="19.2">
      <c r="A42540" s="2"/>
      <c r="B42540" s="2"/>
      <c r="C42540" s="2"/>
    </row>
    <row r="42541" spans="1:3" ht="19.2">
      <c r="A42541" s="2"/>
      <c r="B42541" s="2"/>
      <c r="C42541" s="2"/>
    </row>
    <row r="42542" spans="1:3" ht="19.2">
      <c r="A42542" s="2"/>
      <c r="B42542" s="2"/>
      <c r="C42542" s="2"/>
    </row>
    <row r="42543" spans="1:3" ht="19.2">
      <c r="A42543" s="2"/>
      <c r="B42543" s="2"/>
      <c r="C42543" s="2"/>
    </row>
    <row r="42544" spans="1:3" ht="19.2">
      <c r="A42544" s="2"/>
      <c r="B42544" s="2"/>
      <c r="C42544" s="2"/>
    </row>
    <row r="42545" spans="1:3" ht="19.2">
      <c r="A42545" s="2"/>
      <c r="B42545" s="2"/>
      <c r="C42545" s="2"/>
    </row>
    <row r="42546" spans="1:3" ht="19.2">
      <c r="A42546" s="2"/>
      <c r="B42546" s="2"/>
      <c r="C42546" s="2"/>
    </row>
    <row r="42547" spans="1:3" ht="19.2">
      <c r="A42547" s="2"/>
      <c r="B42547" s="2"/>
      <c r="C42547" s="2"/>
    </row>
    <row r="42548" spans="1:3" ht="19.2">
      <c r="A42548" s="2"/>
      <c r="B42548" s="2"/>
      <c r="C42548" s="2"/>
    </row>
    <row r="42549" spans="1:3" ht="19.2">
      <c r="A42549" s="2"/>
      <c r="B42549" s="2"/>
      <c r="C42549" s="2"/>
    </row>
    <row r="42550" spans="1:3" ht="19.2">
      <c r="A42550" s="2"/>
      <c r="B42550" s="2"/>
      <c r="C42550" s="2"/>
    </row>
    <row r="42551" spans="1:3" ht="19.2">
      <c r="A42551" s="2"/>
      <c r="B42551" s="2"/>
      <c r="C42551" s="2"/>
    </row>
    <row r="42552" spans="1:3" ht="19.2">
      <c r="A42552" s="2"/>
      <c r="B42552" s="2"/>
      <c r="C42552" s="2"/>
    </row>
    <row r="42553" spans="1:3" ht="19.2">
      <c r="A42553" s="2"/>
      <c r="B42553" s="2"/>
      <c r="C42553" s="2"/>
    </row>
    <row r="42554" spans="1:3" ht="19.2">
      <c r="A42554" s="2"/>
      <c r="B42554" s="2"/>
      <c r="C42554" s="2"/>
    </row>
    <row r="42555" spans="1:3" ht="19.2">
      <c r="A42555" s="2"/>
      <c r="B42555" s="2"/>
      <c r="C42555" s="2"/>
    </row>
    <row r="42556" spans="1:3" ht="19.2">
      <c r="A42556" s="2"/>
      <c r="B42556" s="2"/>
      <c r="C42556" s="2"/>
    </row>
    <row r="42557" spans="1:3" ht="19.2">
      <c r="A42557" s="2"/>
      <c r="B42557" s="2"/>
      <c r="C42557" s="2"/>
    </row>
    <row r="42558" spans="1:3" ht="19.2">
      <c r="A42558" s="2"/>
      <c r="B42558" s="2"/>
      <c r="C42558" s="2"/>
    </row>
    <row r="42559" spans="1:3" ht="19.2">
      <c r="A42559" s="2"/>
      <c r="B42559" s="2"/>
      <c r="C42559" s="2"/>
    </row>
    <row r="42560" spans="1:3" ht="19.2">
      <c r="A42560" s="2"/>
      <c r="B42560" s="2"/>
      <c r="C42560" s="2"/>
    </row>
    <row r="42561" spans="1:3" ht="19.2">
      <c r="A42561" s="2"/>
      <c r="B42561" s="2"/>
      <c r="C42561" s="2"/>
    </row>
    <row r="42562" spans="1:3" ht="19.2">
      <c r="A42562" s="2"/>
      <c r="B42562" s="2"/>
      <c r="C42562" s="2"/>
    </row>
    <row r="42563" spans="1:3" ht="19.2">
      <c r="A42563" s="2"/>
      <c r="B42563" s="2"/>
      <c r="C42563" s="2"/>
    </row>
    <row r="42564" spans="1:3" ht="19.2">
      <c r="A42564" s="2"/>
      <c r="B42564" s="2"/>
      <c r="C42564" s="2"/>
    </row>
    <row r="42565" spans="1:3" ht="19.2">
      <c r="A42565" s="2"/>
      <c r="B42565" s="2"/>
      <c r="C42565" s="2"/>
    </row>
    <row r="42566" spans="1:3" ht="19.2">
      <c r="A42566" s="2"/>
      <c r="B42566" s="2"/>
      <c r="C42566" s="2"/>
    </row>
    <row r="42567" spans="1:3" ht="19.2">
      <c r="A42567" s="2"/>
      <c r="B42567" s="2"/>
      <c r="C42567" s="2"/>
    </row>
    <row r="42568" spans="1:3" ht="19.2">
      <c r="A42568" s="2"/>
      <c r="B42568" s="2"/>
      <c r="C42568" s="2"/>
    </row>
    <row r="42569" spans="1:3" ht="19.2">
      <c r="A42569" s="2"/>
      <c r="B42569" s="2"/>
      <c r="C42569" s="2"/>
    </row>
    <row r="42570" spans="1:3" ht="19.2">
      <c r="A42570" s="2"/>
      <c r="B42570" s="2"/>
      <c r="C42570" s="2"/>
    </row>
    <row r="42571" spans="1:3" ht="19.2">
      <c r="A42571" s="2"/>
      <c r="B42571" s="2"/>
      <c r="C42571" s="2"/>
    </row>
    <row r="42572" spans="1:3" ht="19.2">
      <c r="A42572" s="2"/>
      <c r="B42572" s="2"/>
      <c r="C42572" s="2"/>
    </row>
    <row r="42573" spans="1:3" ht="19.2">
      <c r="A42573" s="2"/>
      <c r="B42573" s="2"/>
      <c r="C42573" s="2"/>
    </row>
    <row r="42574" spans="1:3" ht="19.2">
      <c r="A42574" s="2"/>
      <c r="B42574" s="2"/>
      <c r="C42574" s="2"/>
    </row>
    <row r="42575" spans="1:3" ht="19.2">
      <c r="A42575" s="2"/>
      <c r="B42575" s="2"/>
      <c r="C42575" s="2"/>
    </row>
    <row r="42576" spans="1:3" ht="19.2">
      <c r="A42576" s="2"/>
      <c r="B42576" s="2"/>
      <c r="C42576" s="2"/>
    </row>
    <row r="42577" spans="1:3" ht="19.2">
      <c r="A42577" s="2"/>
      <c r="B42577" s="2"/>
      <c r="C42577" s="2"/>
    </row>
    <row r="42578" spans="1:3" ht="19.2">
      <c r="A42578" s="2"/>
      <c r="B42578" s="2"/>
      <c r="C42578" s="2"/>
    </row>
    <row r="42579" spans="1:3" ht="19.2">
      <c r="A42579" s="2"/>
      <c r="B42579" s="2"/>
      <c r="C42579" s="2"/>
    </row>
    <row r="42580" spans="1:3" ht="19.2">
      <c r="A42580" s="2"/>
      <c r="B42580" s="2"/>
      <c r="C42580" s="2"/>
    </row>
    <row r="42581" spans="1:3" ht="19.2">
      <c r="A42581" s="2"/>
      <c r="B42581" s="2"/>
      <c r="C42581" s="2"/>
    </row>
    <row r="42582" spans="1:3" ht="19.2">
      <c r="A42582" s="2"/>
      <c r="B42582" s="2"/>
      <c r="C42582" s="2"/>
    </row>
    <row r="42583" spans="1:3" ht="19.2">
      <c r="A42583" s="2"/>
      <c r="B42583" s="2"/>
      <c r="C42583" s="2"/>
    </row>
    <row r="42584" spans="1:3" ht="19.2">
      <c r="A42584" s="2"/>
      <c r="B42584" s="2"/>
      <c r="C42584" s="2"/>
    </row>
    <row r="42585" spans="1:3" ht="19.2">
      <c r="A42585" s="2"/>
      <c r="B42585" s="2"/>
      <c r="C42585" s="2"/>
    </row>
    <row r="42586" spans="1:3" ht="19.2">
      <c r="A42586" s="2"/>
      <c r="B42586" s="2"/>
      <c r="C42586" s="2"/>
    </row>
    <row r="42587" spans="1:3" ht="19.2">
      <c r="A42587" s="2"/>
      <c r="B42587" s="2"/>
      <c r="C42587" s="2"/>
    </row>
    <row r="42588" spans="1:3" ht="19.2">
      <c r="A42588" s="2"/>
      <c r="B42588" s="2"/>
      <c r="C42588" s="2"/>
    </row>
    <row r="42589" spans="1:3" ht="19.2">
      <c r="A42589" s="2"/>
      <c r="B42589" s="2"/>
      <c r="C42589" s="2"/>
    </row>
    <row r="42590" spans="1:3" ht="19.2">
      <c r="A42590" s="2"/>
      <c r="B42590" s="2"/>
      <c r="C42590" s="2"/>
    </row>
    <row r="42591" spans="1:3" ht="19.2">
      <c r="A42591" s="2"/>
      <c r="B42591" s="2"/>
      <c r="C42591" s="2"/>
    </row>
    <row r="42592" spans="1:3" ht="19.2">
      <c r="A42592" s="2"/>
      <c r="B42592" s="2"/>
      <c r="C42592" s="2"/>
    </row>
    <row r="42593" spans="1:3" ht="19.2">
      <c r="A42593" s="2"/>
      <c r="B42593" s="2"/>
      <c r="C42593" s="2"/>
    </row>
    <row r="42594" spans="1:3" ht="19.2">
      <c r="A42594" s="2"/>
      <c r="B42594" s="2"/>
      <c r="C42594" s="2"/>
    </row>
    <row r="42595" spans="1:3" ht="19.2">
      <c r="A42595" s="2"/>
      <c r="B42595" s="2"/>
      <c r="C42595" s="2"/>
    </row>
    <row r="42596" spans="1:3" ht="19.2">
      <c r="A42596" s="2"/>
      <c r="B42596" s="2"/>
      <c r="C42596" s="2"/>
    </row>
    <row r="42597" spans="1:3" ht="19.2">
      <c r="A42597" s="2"/>
      <c r="B42597" s="2"/>
      <c r="C42597" s="2"/>
    </row>
    <row r="42598" spans="1:3" ht="19.2">
      <c r="A42598" s="2"/>
      <c r="B42598" s="2"/>
      <c r="C42598" s="2"/>
    </row>
    <row r="42599" spans="1:3" ht="19.2">
      <c r="A42599" s="2"/>
      <c r="B42599" s="2"/>
      <c r="C42599" s="2"/>
    </row>
    <row r="42600" spans="1:3" ht="19.2">
      <c r="A42600" s="2"/>
      <c r="B42600" s="2"/>
      <c r="C42600" s="2"/>
    </row>
    <row r="42601" spans="1:3" ht="19.2">
      <c r="A42601" s="2"/>
      <c r="B42601" s="2"/>
      <c r="C42601" s="2"/>
    </row>
    <row r="42602" spans="1:3" ht="19.2">
      <c r="A42602" s="2"/>
      <c r="B42602" s="2"/>
      <c r="C42602" s="2"/>
    </row>
    <row r="42603" spans="1:3" ht="19.2">
      <c r="A42603" s="2"/>
      <c r="B42603" s="2"/>
      <c r="C42603" s="2"/>
    </row>
    <row r="42604" spans="1:3" ht="19.2">
      <c r="A42604" s="2"/>
      <c r="B42604" s="2"/>
      <c r="C42604" s="2"/>
    </row>
    <row r="42605" spans="1:3" ht="19.2">
      <c r="A42605" s="2"/>
      <c r="B42605" s="2"/>
      <c r="C42605" s="2"/>
    </row>
    <row r="42606" spans="1:3" ht="19.2">
      <c r="A42606" s="2"/>
      <c r="B42606" s="2"/>
      <c r="C42606" s="2"/>
    </row>
    <row r="42607" spans="1:3" ht="19.2">
      <c r="A42607" s="2"/>
      <c r="B42607" s="2"/>
      <c r="C42607" s="2"/>
    </row>
    <row r="42608" spans="1:3" ht="19.2">
      <c r="A42608" s="2"/>
      <c r="B42608" s="2"/>
      <c r="C42608" s="2"/>
    </row>
    <row r="42609" spans="1:3" ht="19.2">
      <c r="A42609" s="2"/>
      <c r="B42609" s="2"/>
      <c r="C42609" s="2"/>
    </row>
    <row r="42610" spans="1:3" ht="19.2">
      <c r="A42610" s="2"/>
      <c r="B42610" s="2"/>
      <c r="C42610" s="2"/>
    </row>
    <row r="42611" spans="1:3" ht="19.2">
      <c r="A42611" s="2"/>
      <c r="B42611" s="2"/>
      <c r="C42611" s="2"/>
    </row>
    <row r="42612" spans="1:3" ht="19.2">
      <c r="A42612" s="2"/>
      <c r="B42612" s="2"/>
      <c r="C42612" s="2"/>
    </row>
    <row r="42613" spans="1:3" ht="19.2">
      <c r="A42613" s="2"/>
      <c r="B42613" s="2"/>
      <c r="C42613" s="2"/>
    </row>
    <row r="42614" spans="1:3" ht="19.2">
      <c r="A42614" s="2"/>
      <c r="B42614" s="2"/>
      <c r="C42614" s="2"/>
    </row>
    <row r="42615" spans="1:3" ht="19.2">
      <c r="A42615" s="2"/>
      <c r="B42615" s="2"/>
      <c r="C42615" s="2"/>
    </row>
    <row r="42616" spans="1:3" ht="19.2">
      <c r="A42616" s="2"/>
      <c r="B42616" s="2"/>
      <c r="C42616" s="2"/>
    </row>
    <row r="42617" spans="1:3" ht="19.2">
      <c r="A42617" s="2"/>
      <c r="B42617" s="2"/>
      <c r="C42617" s="2"/>
    </row>
    <row r="42618" spans="1:3" ht="19.2">
      <c r="A42618" s="2"/>
      <c r="B42618" s="2"/>
      <c r="C42618" s="2"/>
    </row>
    <row r="42619" spans="1:3" ht="19.2">
      <c r="A42619" s="2"/>
      <c r="B42619" s="2"/>
      <c r="C42619" s="2"/>
    </row>
    <row r="42620" spans="1:3" ht="19.2">
      <c r="A42620" s="2"/>
      <c r="B42620" s="2"/>
      <c r="C42620" s="2"/>
    </row>
    <row r="42621" spans="1:3" ht="19.2">
      <c r="A42621" s="2"/>
      <c r="B42621" s="2"/>
      <c r="C42621" s="2"/>
    </row>
    <row r="42622" spans="1:3" ht="19.2">
      <c r="A42622" s="2"/>
      <c r="B42622" s="2"/>
      <c r="C42622" s="2"/>
    </row>
    <row r="42623" spans="1:3" ht="19.2">
      <c r="A42623" s="2"/>
      <c r="B42623" s="2"/>
      <c r="C42623" s="2"/>
    </row>
    <row r="42624" spans="1:3" ht="19.2">
      <c r="A42624" s="2"/>
      <c r="B42624" s="2"/>
      <c r="C42624" s="2"/>
    </row>
    <row r="42625" spans="1:3" ht="19.2">
      <c r="A42625" s="2"/>
      <c r="B42625" s="2"/>
      <c r="C42625" s="2"/>
    </row>
    <row r="42626" spans="1:3" ht="19.2">
      <c r="A42626" s="2"/>
      <c r="B42626" s="2"/>
      <c r="C42626" s="2"/>
    </row>
    <row r="42627" spans="1:3" ht="19.2">
      <c r="A42627" s="2"/>
      <c r="B42627" s="2"/>
      <c r="C42627" s="2"/>
    </row>
    <row r="42628" spans="1:3" ht="19.2">
      <c r="A42628" s="2"/>
      <c r="B42628" s="2"/>
      <c r="C42628" s="2"/>
    </row>
    <row r="42629" spans="1:3" ht="19.2">
      <c r="A42629" s="2"/>
      <c r="B42629" s="2"/>
      <c r="C42629" s="2"/>
    </row>
    <row r="42630" spans="1:3" ht="19.2">
      <c r="A42630" s="2"/>
      <c r="B42630" s="2"/>
      <c r="C42630" s="2"/>
    </row>
    <row r="42631" spans="1:3" ht="19.2">
      <c r="A42631" s="2"/>
      <c r="B42631" s="2"/>
      <c r="C42631" s="2"/>
    </row>
    <row r="42632" spans="1:3" ht="19.2">
      <c r="A42632" s="2"/>
      <c r="B42632" s="2"/>
      <c r="C42632" s="2"/>
    </row>
    <row r="42633" spans="1:3" ht="19.2">
      <c r="A42633" s="2"/>
      <c r="B42633" s="2"/>
      <c r="C42633" s="2"/>
    </row>
    <row r="42634" spans="1:3" ht="19.2">
      <c r="A42634" s="2"/>
      <c r="B42634" s="2"/>
      <c r="C42634" s="2"/>
    </row>
    <row r="42635" spans="1:3" ht="19.2">
      <c r="A42635" s="2"/>
      <c r="B42635" s="2"/>
      <c r="C42635" s="2"/>
    </row>
    <row r="42636" spans="1:3" ht="19.2">
      <c r="A42636" s="2"/>
      <c r="B42636" s="2"/>
      <c r="C42636" s="2"/>
    </row>
    <row r="42637" spans="1:3" ht="19.2">
      <c r="A42637" s="2"/>
      <c r="B42637" s="2"/>
      <c r="C42637" s="2"/>
    </row>
    <row r="42638" spans="1:3" ht="19.2">
      <c r="A42638" s="2"/>
      <c r="B42638" s="2"/>
      <c r="C42638" s="2"/>
    </row>
    <row r="42639" spans="1:3" ht="19.2">
      <c r="A42639" s="2"/>
      <c r="B42639" s="2"/>
      <c r="C42639" s="2"/>
    </row>
    <row r="42640" spans="1:3" ht="19.2">
      <c r="A42640" s="2"/>
      <c r="B42640" s="2"/>
      <c r="C42640" s="2"/>
    </row>
    <row r="42641" spans="1:3" ht="19.2">
      <c r="A42641" s="2"/>
      <c r="B42641" s="2"/>
      <c r="C42641" s="2"/>
    </row>
    <row r="42642" spans="1:3" ht="19.2">
      <c r="A42642" s="2"/>
      <c r="B42642" s="2"/>
      <c r="C42642" s="2"/>
    </row>
    <row r="42643" spans="1:3" ht="19.2">
      <c r="A42643" s="2"/>
      <c r="B42643" s="2"/>
      <c r="C42643" s="2"/>
    </row>
    <row r="42644" spans="1:3" ht="19.2">
      <c r="A42644" s="2"/>
      <c r="B42644" s="2"/>
      <c r="C42644" s="2"/>
    </row>
    <row r="42645" spans="1:3" ht="19.2">
      <c r="A42645" s="2"/>
      <c r="B42645" s="2"/>
      <c r="C42645" s="2"/>
    </row>
    <row r="42646" spans="1:3" ht="19.2">
      <c r="A42646" s="2"/>
      <c r="B42646" s="2"/>
      <c r="C42646" s="2"/>
    </row>
    <row r="42647" spans="1:3" ht="19.2">
      <c r="A42647" s="2"/>
      <c r="B42647" s="2"/>
      <c r="C42647" s="2"/>
    </row>
    <row r="42648" spans="1:3" ht="19.2">
      <c r="A42648" s="2"/>
      <c r="B42648" s="2"/>
      <c r="C42648" s="2"/>
    </row>
    <row r="42649" spans="1:3" ht="19.2">
      <c r="A42649" s="2"/>
      <c r="B42649" s="2"/>
      <c r="C42649" s="2"/>
    </row>
    <row r="42650" spans="1:3" ht="19.2">
      <c r="A42650" s="2"/>
      <c r="B42650" s="2"/>
      <c r="C42650" s="2"/>
    </row>
    <row r="42651" spans="1:3" ht="19.2">
      <c r="A42651" s="2"/>
      <c r="B42651" s="2"/>
      <c r="C42651" s="2"/>
    </row>
    <row r="42652" spans="1:3" ht="19.2">
      <c r="A42652" s="2"/>
      <c r="B42652" s="2"/>
      <c r="C42652" s="2"/>
    </row>
    <row r="42653" spans="1:3" ht="19.2">
      <c r="A42653" s="2"/>
      <c r="B42653" s="2"/>
      <c r="C42653" s="2"/>
    </row>
    <row r="42654" spans="1:3" ht="19.2">
      <c r="A42654" s="2"/>
      <c r="B42654" s="2"/>
      <c r="C42654" s="2"/>
    </row>
    <row r="42655" spans="1:3" ht="19.2">
      <c r="A42655" s="2"/>
      <c r="B42655" s="2"/>
      <c r="C42655" s="2"/>
    </row>
    <row r="42656" spans="1:3" ht="19.2">
      <c r="A42656" s="2"/>
      <c r="B42656" s="2"/>
      <c r="C42656" s="2"/>
    </row>
    <row r="42657" spans="1:3" ht="19.2">
      <c r="A42657" s="2"/>
      <c r="B42657" s="2"/>
      <c r="C42657" s="2"/>
    </row>
    <row r="42658" spans="1:3" ht="19.2">
      <c r="A42658" s="2"/>
      <c r="B42658" s="2"/>
      <c r="C42658" s="2"/>
    </row>
    <row r="42659" spans="1:3" ht="19.2">
      <c r="A42659" s="2"/>
      <c r="B42659" s="2"/>
      <c r="C42659" s="2"/>
    </row>
    <row r="42660" spans="1:3" ht="19.2">
      <c r="A42660" s="2"/>
      <c r="B42660" s="2"/>
      <c r="C42660" s="2"/>
    </row>
    <row r="42661" spans="1:3" ht="19.2">
      <c r="A42661" s="2"/>
      <c r="B42661" s="2"/>
      <c r="C42661" s="2"/>
    </row>
    <row r="42662" spans="1:3" ht="19.2">
      <c r="A42662" s="2"/>
      <c r="B42662" s="2"/>
      <c r="C42662" s="2"/>
    </row>
    <row r="42663" spans="1:3" ht="19.2">
      <c r="A42663" s="2"/>
      <c r="B42663" s="2"/>
      <c r="C42663" s="2"/>
    </row>
    <row r="42664" spans="1:3" ht="19.2">
      <c r="A42664" s="2"/>
      <c r="B42664" s="2"/>
      <c r="C42664" s="2"/>
    </row>
    <row r="42665" spans="1:3" ht="19.2">
      <c r="A42665" s="2"/>
      <c r="B42665" s="2"/>
      <c r="C42665" s="2"/>
    </row>
    <row r="42666" spans="1:3" ht="19.2">
      <c r="A42666" s="2"/>
      <c r="B42666" s="2"/>
      <c r="C42666" s="2"/>
    </row>
    <row r="42667" spans="1:3" ht="19.2">
      <c r="A42667" s="2"/>
      <c r="B42667" s="2"/>
      <c r="C42667" s="2"/>
    </row>
    <row r="42668" spans="1:3" ht="19.2">
      <c r="A42668" s="2"/>
      <c r="B42668" s="2"/>
      <c r="C42668" s="2"/>
    </row>
    <row r="42669" spans="1:3" ht="19.2">
      <c r="A42669" s="2"/>
      <c r="B42669" s="2"/>
      <c r="C42669" s="2"/>
    </row>
    <row r="42670" spans="1:3" ht="19.2">
      <c r="A42670" s="2"/>
      <c r="B42670" s="2"/>
      <c r="C42670" s="2"/>
    </row>
    <row r="42671" spans="1:3" ht="19.2">
      <c r="A42671" s="2"/>
      <c r="B42671" s="2"/>
      <c r="C42671" s="2"/>
    </row>
    <row r="42672" spans="1:3" ht="19.2">
      <c r="A42672" s="2"/>
      <c r="B42672" s="2"/>
      <c r="C42672" s="2"/>
    </row>
    <row r="42673" spans="1:3" ht="19.2">
      <c r="A42673" s="2"/>
      <c r="B42673" s="2"/>
      <c r="C42673" s="2"/>
    </row>
    <row r="42674" spans="1:3" ht="19.2">
      <c r="A42674" s="2"/>
      <c r="B42674" s="2"/>
      <c r="C42674" s="2"/>
    </row>
    <row r="42675" spans="1:3" ht="19.2">
      <c r="A42675" s="2"/>
      <c r="B42675" s="2"/>
      <c r="C42675" s="2"/>
    </row>
    <row r="42676" spans="1:3" ht="19.2">
      <c r="A42676" s="2"/>
      <c r="B42676" s="2"/>
      <c r="C42676" s="2"/>
    </row>
    <row r="42677" spans="1:3" ht="19.2">
      <c r="A42677" s="2"/>
      <c r="B42677" s="2"/>
      <c r="C42677" s="2"/>
    </row>
    <row r="42678" spans="1:3" ht="19.2">
      <c r="A42678" s="2"/>
      <c r="B42678" s="2"/>
      <c r="C42678" s="2"/>
    </row>
    <row r="42679" spans="1:3" ht="19.2">
      <c r="A42679" s="2"/>
      <c r="B42679" s="2"/>
      <c r="C42679" s="2"/>
    </row>
    <row r="42680" spans="1:3" ht="19.2">
      <c r="A42680" s="2"/>
      <c r="B42680" s="2"/>
      <c r="C42680" s="2"/>
    </row>
    <row r="42681" spans="1:3" ht="19.2">
      <c r="A42681" s="2"/>
      <c r="B42681" s="2"/>
      <c r="C42681" s="2"/>
    </row>
    <row r="42682" spans="1:3" ht="19.2">
      <c r="A42682" s="2"/>
      <c r="B42682" s="2"/>
      <c r="C42682" s="2"/>
    </row>
    <row r="42683" spans="1:3" ht="19.2">
      <c r="A42683" s="2"/>
      <c r="B42683" s="2"/>
      <c r="C42683" s="2"/>
    </row>
    <row r="42684" spans="1:3" ht="19.2">
      <c r="A42684" s="2"/>
      <c r="B42684" s="2"/>
      <c r="C42684" s="2"/>
    </row>
    <row r="42685" spans="1:3" ht="19.2">
      <c r="A42685" s="2"/>
      <c r="B42685" s="2"/>
      <c r="C42685" s="2"/>
    </row>
    <row r="42686" spans="1:3" ht="19.2">
      <c r="A42686" s="2"/>
      <c r="B42686" s="2"/>
      <c r="C42686" s="2"/>
    </row>
    <row r="42687" spans="1:3" ht="19.2">
      <c r="A42687" s="2"/>
      <c r="B42687" s="2"/>
      <c r="C42687" s="2"/>
    </row>
    <row r="42688" spans="1:3" ht="19.2">
      <c r="A42688" s="2"/>
      <c r="B42688" s="2"/>
      <c r="C42688" s="2"/>
    </row>
    <row r="42689" spans="1:3" ht="19.2">
      <c r="A42689" s="2"/>
      <c r="B42689" s="2"/>
      <c r="C42689" s="2"/>
    </row>
    <row r="42690" spans="1:3" ht="19.2">
      <c r="A42690" s="2"/>
      <c r="B42690" s="2"/>
      <c r="C42690" s="2"/>
    </row>
    <row r="42691" spans="1:3" ht="19.2">
      <c r="A42691" s="2"/>
      <c r="B42691" s="2"/>
      <c r="C42691" s="2"/>
    </row>
    <row r="42692" spans="1:3" ht="19.2">
      <c r="A42692" s="2"/>
      <c r="B42692" s="2"/>
      <c r="C42692" s="2"/>
    </row>
    <row r="42693" spans="1:3" ht="19.2">
      <c r="A42693" s="2"/>
      <c r="B42693" s="2"/>
      <c r="C42693" s="2"/>
    </row>
    <row r="42694" spans="1:3" ht="19.2">
      <c r="A42694" s="2"/>
      <c r="B42694" s="2"/>
      <c r="C42694" s="2"/>
    </row>
    <row r="42695" spans="1:3" ht="19.2">
      <c r="A42695" s="2"/>
      <c r="B42695" s="2"/>
      <c r="C42695" s="2"/>
    </row>
    <row r="42696" spans="1:3" ht="19.2">
      <c r="A42696" s="2"/>
      <c r="B42696" s="2"/>
      <c r="C42696" s="2"/>
    </row>
    <row r="42697" spans="1:3" ht="19.2">
      <c r="A42697" s="2"/>
      <c r="B42697" s="2"/>
      <c r="C42697" s="2"/>
    </row>
    <row r="42698" spans="1:3" ht="19.2">
      <c r="A42698" s="2"/>
      <c r="B42698" s="2"/>
      <c r="C42698" s="2"/>
    </row>
    <row r="42699" spans="1:3" ht="19.2">
      <c r="A42699" s="2"/>
      <c r="B42699" s="2"/>
      <c r="C42699" s="2"/>
    </row>
    <row r="42700" spans="1:3" ht="19.2">
      <c r="A42700" s="2"/>
      <c r="B42700" s="2"/>
      <c r="C42700" s="2"/>
    </row>
    <row r="42701" spans="1:3" ht="19.2">
      <c r="A42701" s="2"/>
      <c r="B42701" s="2"/>
      <c r="C42701" s="2"/>
    </row>
    <row r="42702" spans="1:3" ht="19.2">
      <c r="A42702" s="2"/>
      <c r="B42702" s="2"/>
      <c r="C42702" s="2"/>
    </row>
    <row r="42703" spans="1:3" ht="19.2">
      <c r="A42703" s="2"/>
      <c r="B42703" s="2"/>
      <c r="C42703" s="2"/>
    </row>
    <row r="42704" spans="1:3" ht="19.2">
      <c r="A42704" s="2"/>
      <c r="B42704" s="2"/>
      <c r="C42704" s="2"/>
    </row>
    <row r="42705" spans="1:3" ht="19.2">
      <c r="A42705" s="2"/>
      <c r="B42705" s="2"/>
      <c r="C42705" s="2"/>
    </row>
    <row r="42706" spans="1:3" ht="19.2">
      <c r="A42706" s="2"/>
      <c r="B42706" s="2"/>
      <c r="C42706" s="2"/>
    </row>
    <row r="42707" spans="1:3" ht="19.2">
      <c r="A42707" s="2"/>
      <c r="B42707" s="2"/>
      <c r="C42707" s="2"/>
    </row>
    <row r="42708" spans="1:3" ht="19.2">
      <c r="A42708" s="2"/>
      <c r="B42708" s="2"/>
      <c r="C42708" s="2"/>
    </row>
    <row r="42709" spans="1:3" ht="19.2">
      <c r="A42709" s="2"/>
      <c r="B42709" s="2"/>
      <c r="C42709" s="2"/>
    </row>
    <row r="42710" spans="1:3" ht="19.2">
      <c r="A42710" s="2"/>
      <c r="B42710" s="2"/>
      <c r="C42710" s="2"/>
    </row>
    <row r="42711" spans="1:3" ht="19.2">
      <c r="A42711" s="2"/>
      <c r="B42711" s="2"/>
      <c r="C42711" s="2"/>
    </row>
    <row r="42712" spans="1:3" ht="19.2">
      <c r="A42712" s="2"/>
      <c r="B42712" s="2"/>
      <c r="C42712" s="2"/>
    </row>
    <row r="42713" spans="1:3" ht="19.2">
      <c r="A42713" s="2"/>
      <c r="B42713" s="2"/>
      <c r="C42713" s="2"/>
    </row>
    <row r="42714" spans="1:3" ht="19.2">
      <c r="A42714" s="2"/>
      <c r="B42714" s="2"/>
      <c r="C42714" s="2"/>
    </row>
    <row r="42715" spans="1:3" ht="19.2">
      <c r="A42715" s="2"/>
      <c r="B42715" s="2"/>
      <c r="C42715" s="2"/>
    </row>
    <row r="42716" spans="1:3" ht="19.2">
      <c r="A42716" s="2"/>
      <c r="B42716" s="2"/>
      <c r="C42716" s="2"/>
    </row>
    <row r="42717" spans="1:3" ht="19.2">
      <c r="A42717" s="2"/>
      <c r="B42717" s="2"/>
      <c r="C42717" s="2"/>
    </row>
    <row r="42718" spans="1:3" ht="19.2">
      <c r="A42718" s="2"/>
      <c r="B42718" s="2"/>
      <c r="C42718" s="2"/>
    </row>
    <row r="42719" spans="1:3" ht="19.2">
      <c r="A42719" s="2"/>
      <c r="B42719" s="2"/>
      <c r="C42719" s="2"/>
    </row>
    <row r="42720" spans="1:3" ht="19.2">
      <c r="A42720" s="2"/>
      <c r="B42720" s="2"/>
      <c r="C42720" s="2"/>
    </row>
    <row r="42721" spans="1:3" ht="19.2">
      <c r="A42721" s="2"/>
      <c r="B42721" s="2"/>
      <c r="C42721" s="2"/>
    </row>
    <row r="42722" spans="1:3" ht="19.2">
      <c r="A42722" s="2"/>
      <c r="B42722" s="2"/>
      <c r="C42722" s="2"/>
    </row>
    <row r="42723" spans="1:3" ht="19.2">
      <c r="A42723" s="2"/>
      <c r="B42723" s="2"/>
      <c r="C42723" s="2"/>
    </row>
    <row r="42724" spans="1:3" ht="19.2">
      <c r="A42724" s="2"/>
      <c r="B42724" s="2"/>
      <c r="C42724" s="2"/>
    </row>
    <row r="42725" spans="1:3" ht="19.2">
      <c r="A42725" s="2"/>
      <c r="B42725" s="2"/>
      <c r="C42725" s="2"/>
    </row>
    <row r="42726" spans="1:3" ht="19.2">
      <c r="A42726" s="2"/>
      <c r="B42726" s="2"/>
      <c r="C42726" s="2"/>
    </row>
    <row r="42727" spans="1:3" ht="19.2">
      <c r="A42727" s="2"/>
      <c r="B42727" s="2"/>
      <c r="C42727" s="2"/>
    </row>
    <row r="42728" spans="1:3" ht="19.2">
      <c r="A42728" s="2"/>
      <c r="B42728" s="2"/>
      <c r="C42728" s="2"/>
    </row>
    <row r="42729" spans="1:3" ht="19.2">
      <c r="A42729" s="2"/>
      <c r="B42729" s="2"/>
      <c r="C42729" s="2"/>
    </row>
    <row r="42730" spans="1:3" ht="19.2">
      <c r="A42730" s="2"/>
      <c r="B42730" s="2"/>
      <c r="C42730" s="2"/>
    </row>
    <row r="42731" spans="1:3" ht="19.2">
      <c r="A42731" s="2"/>
      <c r="B42731" s="2"/>
      <c r="C42731" s="2"/>
    </row>
    <row r="42732" spans="1:3" ht="19.2">
      <c r="A42732" s="2"/>
      <c r="B42732" s="2"/>
      <c r="C42732" s="2"/>
    </row>
    <row r="42733" spans="1:3" ht="19.2">
      <c r="A42733" s="2"/>
      <c r="B42733" s="2"/>
      <c r="C42733" s="2"/>
    </row>
    <row r="42734" spans="1:3" ht="19.2">
      <c r="A42734" s="2"/>
      <c r="B42734" s="2"/>
      <c r="C42734" s="2"/>
    </row>
    <row r="42735" spans="1:3" ht="19.2">
      <c r="A42735" s="2"/>
      <c r="B42735" s="2"/>
      <c r="C42735" s="2"/>
    </row>
    <row r="42736" spans="1:3" ht="19.2">
      <c r="A42736" s="2"/>
      <c r="B42736" s="2"/>
      <c r="C42736" s="2"/>
    </row>
    <row r="42737" spans="1:3" ht="19.2">
      <c r="A42737" s="2"/>
      <c r="B42737" s="2"/>
      <c r="C42737" s="2"/>
    </row>
    <row r="42738" spans="1:3" ht="19.2">
      <c r="A42738" s="2"/>
      <c r="B42738" s="2"/>
      <c r="C42738" s="2"/>
    </row>
    <row r="42739" spans="1:3" ht="19.2">
      <c r="A42739" s="2"/>
      <c r="B42739" s="2"/>
      <c r="C42739" s="2"/>
    </row>
    <row r="42740" spans="1:3" ht="19.2">
      <c r="A42740" s="2"/>
      <c r="B42740" s="2"/>
      <c r="C42740" s="2"/>
    </row>
    <row r="42741" spans="1:3" ht="19.2">
      <c r="A42741" s="2"/>
      <c r="B42741" s="2"/>
      <c r="C42741" s="2"/>
    </row>
    <row r="42742" spans="1:3" ht="19.2">
      <c r="A42742" s="2"/>
      <c r="B42742" s="2"/>
      <c r="C42742" s="2"/>
    </row>
    <row r="42743" spans="1:3" ht="19.2">
      <c r="A42743" s="2"/>
      <c r="B42743" s="2"/>
      <c r="C42743" s="2"/>
    </row>
    <row r="42744" spans="1:3" ht="19.2">
      <c r="A42744" s="2"/>
      <c r="B42744" s="2"/>
      <c r="C42744" s="2"/>
    </row>
    <row r="42745" spans="1:3" ht="19.2">
      <c r="A42745" s="2"/>
      <c r="B42745" s="2"/>
      <c r="C42745" s="2"/>
    </row>
    <row r="42746" spans="1:3" ht="19.2">
      <c r="A42746" s="2"/>
      <c r="B42746" s="2"/>
      <c r="C42746" s="2"/>
    </row>
    <row r="42747" spans="1:3" ht="19.2">
      <c r="A42747" s="2"/>
      <c r="B42747" s="2"/>
      <c r="C42747" s="2"/>
    </row>
    <row r="42748" spans="1:3" ht="19.2">
      <c r="A42748" s="2"/>
      <c r="B42748" s="2"/>
      <c r="C42748" s="2"/>
    </row>
    <row r="42749" spans="1:3" ht="19.2">
      <c r="A42749" s="2"/>
      <c r="B42749" s="2"/>
      <c r="C42749" s="2"/>
    </row>
    <row r="42750" spans="1:3" ht="19.2">
      <c r="A42750" s="2"/>
      <c r="B42750" s="2"/>
      <c r="C42750" s="2"/>
    </row>
    <row r="42751" spans="1:3" ht="19.2">
      <c r="A42751" s="2"/>
      <c r="B42751" s="2"/>
      <c r="C42751" s="2"/>
    </row>
    <row r="42752" spans="1:3" ht="19.2">
      <c r="A42752" s="2"/>
      <c r="B42752" s="2"/>
      <c r="C42752" s="2"/>
    </row>
    <row r="42753" spans="1:3" ht="19.2">
      <c r="A42753" s="2"/>
      <c r="B42753" s="2"/>
      <c r="C42753" s="2"/>
    </row>
    <row r="42754" spans="1:3" ht="19.2">
      <c r="A42754" s="2"/>
      <c r="B42754" s="2"/>
      <c r="C42754" s="2"/>
    </row>
    <row r="42755" spans="1:3" ht="19.2">
      <c r="A42755" s="2"/>
      <c r="B42755" s="2"/>
      <c r="C42755" s="2"/>
    </row>
    <row r="42756" spans="1:3" ht="19.2">
      <c r="A42756" s="2"/>
      <c r="B42756" s="2"/>
      <c r="C42756" s="2"/>
    </row>
    <row r="42757" spans="1:3" ht="19.2">
      <c r="A42757" s="2"/>
      <c r="B42757" s="2"/>
      <c r="C42757" s="2"/>
    </row>
    <row r="42758" spans="1:3" ht="19.2">
      <c r="A42758" s="2"/>
      <c r="B42758" s="2"/>
      <c r="C42758" s="2"/>
    </row>
    <row r="42759" spans="1:3" ht="19.2">
      <c r="A42759" s="2"/>
      <c r="B42759" s="2"/>
      <c r="C42759" s="2"/>
    </row>
    <row r="42760" spans="1:3" ht="19.2">
      <c r="A42760" s="2"/>
      <c r="B42760" s="2"/>
      <c r="C42760" s="2"/>
    </row>
    <row r="42761" spans="1:3" ht="19.2">
      <c r="A42761" s="2"/>
      <c r="B42761" s="2"/>
      <c r="C42761" s="2"/>
    </row>
    <row r="42762" spans="1:3" ht="19.2">
      <c r="A42762" s="2"/>
      <c r="B42762" s="2"/>
      <c r="C42762" s="2"/>
    </row>
    <row r="42763" spans="1:3" ht="19.2">
      <c r="A42763" s="2"/>
      <c r="B42763" s="2"/>
      <c r="C42763" s="2"/>
    </row>
    <row r="42764" spans="1:3" ht="19.2">
      <c r="A42764" s="2"/>
      <c r="B42764" s="2"/>
      <c r="C42764" s="2"/>
    </row>
    <row r="42765" spans="1:3" ht="19.2">
      <c r="A42765" s="2"/>
      <c r="B42765" s="2"/>
      <c r="C42765" s="2"/>
    </row>
    <row r="42766" spans="1:3" ht="19.2">
      <c r="A42766" s="2"/>
      <c r="B42766" s="2"/>
      <c r="C42766" s="2"/>
    </row>
    <row r="42767" spans="1:3" ht="19.2">
      <c r="A42767" s="2"/>
      <c r="B42767" s="2"/>
      <c r="C42767" s="2"/>
    </row>
    <row r="42768" spans="1:3" ht="19.2">
      <c r="A42768" s="2"/>
      <c r="B42768" s="2"/>
      <c r="C42768" s="2"/>
    </row>
    <row r="42769" spans="1:3" ht="19.2">
      <c r="A42769" s="2"/>
      <c r="B42769" s="2"/>
      <c r="C42769" s="2"/>
    </row>
    <row r="42770" spans="1:3" ht="19.2">
      <c r="A42770" s="2"/>
      <c r="B42770" s="2"/>
      <c r="C42770" s="2"/>
    </row>
    <row r="42771" spans="1:3" ht="19.2">
      <c r="A42771" s="2"/>
      <c r="B42771" s="2"/>
      <c r="C42771" s="2"/>
    </row>
    <row r="42772" spans="1:3" ht="19.2">
      <c r="A42772" s="2"/>
      <c r="B42772" s="2"/>
      <c r="C42772" s="2"/>
    </row>
    <row r="42773" spans="1:3" ht="19.2">
      <c r="A42773" s="2"/>
      <c r="B42773" s="2"/>
      <c r="C42773" s="2"/>
    </row>
    <row r="42774" spans="1:3" ht="19.2">
      <c r="A42774" s="2"/>
      <c r="B42774" s="2"/>
      <c r="C42774" s="2"/>
    </row>
    <row r="42775" spans="1:3" ht="19.2">
      <c r="A42775" s="2"/>
      <c r="B42775" s="2"/>
      <c r="C42775" s="2"/>
    </row>
    <row r="42776" spans="1:3" ht="19.2">
      <c r="A42776" s="2"/>
      <c r="B42776" s="2"/>
      <c r="C42776" s="2"/>
    </row>
    <row r="42777" spans="1:3" ht="19.2">
      <c r="A42777" s="2"/>
      <c r="B42777" s="2"/>
      <c r="C42777" s="2"/>
    </row>
    <row r="42778" spans="1:3" ht="19.2">
      <c r="A42778" s="2"/>
      <c r="B42778" s="2"/>
      <c r="C42778" s="2"/>
    </row>
    <row r="42779" spans="1:3" ht="19.2">
      <c r="A42779" s="2"/>
      <c r="B42779" s="2"/>
      <c r="C42779" s="2"/>
    </row>
    <row r="42780" spans="1:3" ht="19.2">
      <c r="A42780" s="2"/>
      <c r="B42780" s="2"/>
      <c r="C42780" s="2"/>
    </row>
    <row r="42781" spans="1:3" ht="19.2">
      <c r="A42781" s="2"/>
      <c r="B42781" s="2"/>
      <c r="C42781" s="2"/>
    </row>
    <row r="42782" spans="1:3" ht="19.2">
      <c r="A42782" s="2"/>
      <c r="B42782" s="2"/>
      <c r="C42782" s="2"/>
    </row>
    <row r="42783" spans="1:3" ht="19.2">
      <c r="A42783" s="2"/>
      <c r="B42783" s="2"/>
      <c r="C42783" s="2"/>
    </row>
    <row r="42784" spans="1:3" ht="19.2">
      <c r="A42784" s="2"/>
      <c r="B42784" s="2"/>
      <c r="C42784" s="2"/>
    </row>
    <row r="42785" spans="1:3" ht="19.2">
      <c r="A42785" s="2"/>
      <c r="B42785" s="2"/>
      <c r="C42785" s="2"/>
    </row>
    <row r="42786" spans="1:3" ht="19.2">
      <c r="A42786" s="2"/>
      <c r="B42786" s="2"/>
      <c r="C42786" s="2"/>
    </row>
    <row r="42787" spans="1:3" ht="19.2">
      <c r="A42787" s="2"/>
      <c r="B42787" s="2"/>
      <c r="C42787" s="2"/>
    </row>
    <row r="42788" spans="1:3" ht="19.2">
      <c r="A42788" s="2"/>
      <c r="B42788" s="2"/>
      <c r="C42788" s="2"/>
    </row>
    <row r="42789" spans="1:3" ht="19.2">
      <c r="A42789" s="2"/>
      <c r="B42789" s="2"/>
      <c r="C42789" s="2"/>
    </row>
    <row r="42790" spans="1:3" ht="19.2">
      <c r="A42790" s="2"/>
      <c r="B42790" s="2"/>
      <c r="C42790" s="2"/>
    </row>
    <row r="42791" spans="1:3" ht="19.2">
      <c r="A42791" s="2"/>
      <c r="B42791" s="2"/>
      <c r="C42791" s="2"/>
    </row>
    <row r="42792" spans="1:3" ht="19.2">
      <c r="A42792" s="2"/>
      <c r="B42792" s="2"/>
      <c r="C42792" s="2"/>
    </row>
    <row r="42793" spans="1:3" ht="19.2">
      <c r="A42793" s="2"/>
      <c r="B42793" s="2"/>
      <c r="C42793" s="2"/>
    </row>
    <row r="42794" spans="1:3" ht="19.2">
      <c r="A42794" s="2"/>
      <c r="B42794" s="2"/>
      <c r="C42794" s="2"/>
    </row>
    <row r="42795" spans="1:3" ht="19.2">
      <c r="A42795" s="2"/>
      <c r="B42795" s="2"/>
      <c r="C42795" s="2"/>
    </row>
    <row r="42796" spans="1:3" ht="19.2">
      <c r="A42796" s="2"/>
      <c r="B42796" s="2"/>
      <c r="C42796" s="2"/>
    </row>
    <row r="42797" spans="1:3" ht="19.2">
      <c r="A42797" s="2"/>
      <c r="B42797" s="2"/>
      <c r="C42797" s="2"/>
    </row>
    <row r="42798" spans="1:3" ht="19.2">
      <c r="A42798" s="2"/>
      <c r="B42798" s="2"/>
      <c r="C42798" s="2"/>
    </row>
    <row r="42799" spans="1:3" ht="19.2">
      <c r="A42799" s="2"/>
      <c r="B42799" s="2"/>
      <c r="C42799" s="2"/>
    </row>
    <row r="42800" spans="1:3" ht="19.2">
      <c r="A42800" s="2"/>
      <c r="B42800" s="2"/>
      <c r="C42800" s="2"/>
    </row>
    <row r="42801" spans="1:3" ht="19.2">
      <c r="A42801" s="2"/>
      <c r="B42801" s="2"/>
      <c r="C42801" s="2"/>
    </row>
    <row r="42802" spans="1:3" ht="19.2">
      <c r="A42802" s="2"/>
      <c r="B42802" s="2"/>
      <c r="C42802" s="2"/>
    </row>
    <row r="42803" spans="1:3" ht="19.2">
      <c r="A42803" s="2"/>
      <c r="B42803" s="2"/>
      <c r="C42803" s="2"/>
    </row>
    <row r="42804" spans="1:3" ht="19.2">
      <c r="A42804" s="2"/>
      <c r="B42804" s="2"/>
      <c r="C42804" s="2"/>
    </row>
    <row r="42805" spans="1:3" ht="19.2">
      <c r="A42805" s="2"/>
      <c r="B42805" s="2"/>
      <c r="C42805" s="2"/>
    </row>
    <row r="42806" spans="1:3" ht="19.2">
      <c r="A42806" s="2"/>
      <c r="B42806" s="2"/>
      <c r="C42806" s="2"/>
    </row>
    <row r="42807" spans="1:3" ht="19.2">
      <c r="A42807" s="2"/>
      <c r="B42807" s="2"/>
      <c r="C42807" s="2"/>
    </row>
    <row r="42808" spans="1:3" ht="19.2">
      <c r="A42808" s="2"/>
      <c r="B42808" s="2"/>
      <c r="C42808" s="2"/>
    </row>
    <row r="42809" spans="1:3" ht="19.2">
      <c r="A42809" s="2"/>
      <c r="B42809" s="2"/>
      <c r="C42809" s="2"/>
    </row>
    <row r="42810" spans="1:3" ht="19.2">
      <c r="A42810" s="2"/>
      <c r="B42810" s="2"/>
      <c r="C42810" s="2"/>
    </row>
    <row r="42811" spans="1:3" ht="19.2">
      <c r="A42811" s="2"/>
      <c r="B42811" s="2"/>
      <c r="C42811" s="2"/>
    </row>
    <row r="42812" spans="1:3" ht="19.2">
      <c r="A42812" s="2"/>
      <c r="B42812" s="2"/>
      <c r="C42812" s="2"/>
    </row>
    <row r="42813" spans="1:3" ht="19.2">
      <c r="A42813" s="2"/>
      <c r="B42813" s="2"/>
      <c r="C42813" s="2"/>
    </row>
    <row r="42814" spans="1:3" ht="19.2">
      <c r="A42814" s="2"/>
      <c r="B42814" s="2"/>
      <c r="C42814" s="2"/>
    </row>
    <row r="42815" spans="1:3" ht="19.2">
      <c r="A42815" s="2"/>
      <c r="B42815" s="2"/>
      <c r="C42815" s="2"/>
    </row>
    <row r="42816" spans="1:3" ht="19.2">
      <c r="A42816" s="2"/>
      <c r="B42816" s="2"/>
      <c r="C42816" s="2"/>
    </row>
    <row r="42817" spans="1:3" ht="19.2">
      <c r="A42817" s="2"/>
      <c r="B42817" s="2"/>
      <c r="C42817" s="2"/>
    </row>
    <row r="42818" spans="1:3" ht="19.2">
      <c r="A42818" s="2"/>
      <c r="B42818" s="2"/>
      <c r="C42818" s="2"/>
    </row>
    <row r="42819" spans="1:3" ht="19.2">
      <c r="A42819" s="2"/>
      <c r="B42819" s="2"/>
      <c r="C42819" s="2"/>
    </row>
    <row r="42820" spans="1:3" ht="19.2">
      <c r="A42820" s="2"/>
      <c r="B42820" s="2"/>
      <c r="C42820" s="2"/>
    </row>
    <row r="42821" spans="1:3" ht="19.2">
      <c r="A42821" s="2"/>
      <c r="B42821" s="2"/>
      <c r="C42821" s="2"/>
    </row>
    <row r="42822" spans="1:3" ht="19.2">
      <c r="A42822" s="2"/>
      <c r="B42822" s="2"/>
      <c r="C42822" s="2"/>
    </row>
    <row r="42823" spans="1:3" ht="19.2">
      <c r="A42823" s="2"/>
      <c r="B42823" s="2"/>
      <c r="C42823" s="2"/>
    </row>
    <row r="42824" spans="1:3" ht="19.2">
      <c r="A42824" s="2"/>
      <c r="B42824" s="2"/>
      <c r="C42824" s="2"/>
    </row>
    <row r="42825" spans="1:3" ht="19.2">
      <c r="A42825" s="2"/>
      <c r="B42825" s="2"/>
      <c r="C42825" s="2"/>
    </row>
    <row r="42826" spans="1:3" ht="19.2">
      <c r="A42826" s="2"/>
      <c r="B42826" s="2"/>
      <c r="C42826" s="2"/>
    </row>
    <row r="42827" spans="1:3" ht="19.2">
      <c r="A42827" s="2"/>
      <c r="B42827" s="2"/>
      <c r="C42827" s="2"/>
    </row>
    <row r="42828" spans="1:3" ht="19.2">
      <c r="A42828" s="2"/>
      <c r="B42828" s="2"/>
      <c r="C42828" s="2"/>
    </row>
    <row r="42829" spans="1:3" ht="19.2">
      <c r="A42829" s="2"/>
      <c r="B42829" s="2"/>
      <c r="C42829" s="2"/>
    </row>
    <row r="42830" spans="1:3" ht="19.2">
      <c r="A42830" s="2"/>
      <c r="B42830" s="2"/>
      <c r="C42830" s="2"/>
    </row>
    <row r="42831" spans="1:3" ht="19.2">
      <c r="A42831" s="2"/>
      <c r="B42831" s="2"/>
      <c r="C42831" s="2"/>
    </row>
    <row r="42832" spans="1:3" ht="19.2">
      <c r="A42832" s="2"/>
      <c r="B42832" s="2"/>
      <c r="C42832" s="2"/>
    </row>
    <row r="42833" spans="1:3" ht="19.2">
      <c r="A42833" s="2"/>
      <c r="B42833" s="2"/>
      <c r="C42833" s="2"/>
    </row>
    <row r="42834" spans="1:3" ht="19.2">
      <c r="A42834" s="2"/>
      <c r="B42834" s="2"/>
      <c r="C42834" s="2"/>
    </row>
    <row r="42835" spans="1:3" ht="19.2">
      <c r="A42835" s="2"/>
      <c r="B42835" s="2"/>
      <c r="C42835" s="2"/>
    </row>
    <row r="42836" spans="1:3" ht="19.2">
      <c r="A42836" s="2"/>
      <c r="B42836" s="2"/>
      <c r="C42836" s="2"/>
    </row>
    <row r="42837" spans="1:3" ht="19.2">
      <c r="A42837" s="2"/>
      <c r="B42837" s="2"/>
      <c r="C42837" s="2"/>
    </row>
    <row r="42838" spans="1:3" ht="19.2">
      <c r="A42838" s="2"/>
      <c r="B42838" s="2"/>
      <c r="C42838" s="2"/>
    </row>
    <row r="42839" spans="1:3" ht="19.2">
      <c r="A42839" s="2"/>
      <c r="B42839" s="2"/>
      <c r="C42839" s="2"/>
    </row>
    <row r="42840" spans="1:3" ht="19.2">
      <c r="A42840" s="2"/>
      <c r="B42840" s="2"/>
      <c r="C42840" s="2"/>
    </row>
    <row r="42841" spans="1:3" ht="19.2">
      <c r="A42841" s="2"/>
      <c r="B42841" s="2"/>
      <c r="C42841" s="2"/>
    </row>
    <row r="42842" spans="1:3" ht="19.2">
      <c r="A42842" s="2"/>
      <c r="B42842" s="2"/>
      <c r="C42842" s="2"/>
    </row>
    <row r="42843" spans="1:3" ht="19.2">
      <c r="A42843" s="2"/>
      <c r="B42843" s="2"/>
      <c r="C42843" s="2"/>
    </row>
    <row r="42844" spans="1:3" ht="19.2">
      <c r="A42844" s="2"/>
      <c r="B42844" s="2"/>
      <c r="C42844" s="2"/>
    </row>
    <row r="42845" spans="1:3" ht="19.2">
      <c r="A42845" s="2"/>
      <c r="B42845" s="2"/>
      <c r="C42845" s="2"/>
    </row>
    <row r="42846" spans="1:3" ht="19.2">
      <c r="A42846" s="2"/>
      <c r="B42846" s="2"/>
      <c r="C42846" s="2"/>
    </row>
    <row r="42847" spans="1:3" ht="19.2">
      <c r="A42847" s="2"/>
      <c r="B42847" s="2"/>
      <c r="C42847" s="2"/>
    </row>
    <row r="42848" spans="1:3" ht="19.2">
      <c r="A42848" s="2"/>
      <c r="B42848" s="2"/>
      <c r="C42848" s="2"/>
    </row>
    <row r="42849" spans="1:3" ht="19.2">
      <c r="A42849" s="2"/>
      <c r="B42849" s="2"/>
      <c r="C42849" s="2"/>
    </row>
    <row r="42850" spans="1:3" ht="19.2">
      <c r="A42850" s="2"/>
      <c r="B42850" s="2"/>
      <c r="C42850" s="2"/>
    </row>
    <row r="42851" spans="1:3" ht="19.2">
      <c r="A42851" s="2"/>
      <c r="B42851" s="2"/>
      <c r="C42851" s="2"/>
    </row>
    <row r="42852" spans="1:3" ht="19.2">
      <c r="A42852" s="2"/>
      <c r="B42852" s="2"/>
      <c r="C42852" s="2"/>
    </row>
    <row r="42853" spans="1:3" ht="19.2">
      <c r="A42853" s="2"/>
      <c r="B42853" s="2"/>
      <c r="C42853" s="2"/>
    </row>
    <row r="42854" spans="1:3" ht="19.2">
      <c r="A42854" s="2"/>
      <c r="B42854" s="2"/>
      <c r="C42854" s="2"/>
    </row>
    <row r="42855" spans="1:3" ht="19.2">
      <c r="A42855" s="2"/>
      <c r="B42855" s="2"/>
      <c r="C42855" s="2"/>
    </row>
    <row r="42856" spans="1:3" ht="19.2">
      <c r="A42856" s="2"/>
      <c r="B42856" s="2"/>
      <c r="C42856" s="2"/>
    </row>
    <row r="42857" spans="1:3" ht="19.2">
      <c r="A42857" s="2"/>
      <c r="B42857" s="2"/>
      <c r="C42857" s="2"/>
    </row>
    <row r="42858" spans="1:3" ht="19.2">
      <c r="A42858" s="2"/>
      <c r="B42858" s="2"/>
      <c r="C42858" s="2"/>
    </row>
    <row r="42859" spans="1:3" ht="19.2">
      <c r="A42859" s="2"/>
      <c r="B42859" s="2"/>
      <c r="C42859" s="2"/>
    </row>
    <row r="42860" spans="1:3" ht="19.2">
      <c r="A42860" s="2"/>
      <c r="B42860" s="2"/>
      <c r="C42860" s="2"/>
    </row>
    <row r="42861" spans="1:3" ht="19.2">
      <c r="A42861" s="2"/>
      <c r="B42861" s="2"/>
      <c r="C42861" s="2"/>
    </row>
    <row r="42862" spans="1:3" ht="19.2">
      <c r="A42862" s="2"/>
      <c r="B42862" s="2"/>
      <c r="C42862" s="2"/>
    </row>
    <row r="42863" spans="1:3" ht="19.2">
      <c r="A42863" s="2"/>
      <c r="B42863" s="2"/>
      <c r="C42863" s="2"/>
    </row>
    <row r="42864" spans="1:3" ht="19.2">
      <c r="A42864" s="2"/>
      <c r="B42864" s="2"/>
      <c r="C42864" s="2"/>
    </row>
    <row r="42865" spans="1:3" ht="19.2">
      <c r="A42865" s="2"/>
      <c r="B42865" s="2"/>
      <c r="C42865" s="2"/>
    </row>
    <row r="42866" spans="1:3" ht="19.2">
      <c r="A42866" s="2"/>
      <c r="B42866" s="2"/>
      <c r="C42866" s="2"/>
    </row>
    <row r="42867" spans="1:3" ht="19.2">
      <c r="A42867" s="2"/>
      <c r="B42867" s="2"/>
      <c r="C42867" s="2"/>
    </row>
    <row r="42868" spans="1:3" ht="19.2">
      <c r="A42868" s="2"/>
      <c r="B42868" s="2"/>
      <c r="C42868" s="2"/>
    </row>
    <row r="42869" spans="1:3" ht="19.2">
      <c r="A42869" s="2"/>
      <c r="B42869" s="2"/>
      <c r="C42869" s="2"/>
    </row>
    <row r="42870" spans="1:3" ht="19.2">
      <c r="A42870" s="2"/>
      <c r="B42870" s="2"/>
      <c r="C42870" s="2"/>
    </row>
    <row r="42871" spans="1:3" ht="19.2">
      <c r="A42871" s="2"/>
      <c r="B42871" s="2"/>
      <c r="C42871" s="2"/>
    </row>
    <row r="42872" spans="1:3" ht="19.2">
      <c r="A42872" s="2"/>
      <c r="B42872" s="2"/>
      <c r="C42872" s="2"/>
    </row>
    <row r="42873" spans="1:3" ht="19.2">
      <c r="A42873" s="2"/>
      <c r="B42873" s="2"/>
      <c r="C42873" s="2"/>
    </row>
    <row r="42874" spans="1:3" ht="19.2">
      <c r="A42874" s="2"/>
      <c r="B42874" s="2"/>
      <c r="C42874" s="2"/>
    </row>
    <row r="42875" spans="1:3" ht="19.2">
      <c r="A42875" s="2"/>
      <c r="B42875" s="2"/>
      <c r="C42875" s="2"/>
    </row>
    <row r="42876" spans="1:3" ht="19.2">
      <c r="A42876" s="2"/>
      <c r="B42876" s="2"/>
      <c r="C42876" s="2"/>
    </row>
    <row r="42877" spans="1:3" ht="19.2">
      <c r="A42877" s="2"/>
      <c r="B42877" s="2"/>
      <c r="C42877" s="2"/>
    </row>
    <row r="42878" spans="1:3" ht="19.2">
      <c r="A42878" s="2"/>
      <c r="B42878" s="2"/>
      <c r="C42878" s="2"/>
    </row>
    <row r="42879" spans="1:3" ht="19.2">
      <c r="A42879" s="2"/>
      <c r="B42879" s="2"/>
      <c r="C42879" s="2"/>
    </row>
    <row r="42880" spans="1:3" ht="19.2">
      <c r="A42880" s="2"/>
      <c r="B42880" s="2"/>
      <c r="C42880" s="2"/>
    </row>
    <row r="42881" spans="1:3" ht="19.2">
      <c r="A42881" s="2"/>
      <c r="B42881" s="2"/>
      <c r="C42881" s="2"/>
    </row>
    <row r="42882" spans="1:3" ht="19.2">
      <c r="A42882" s="2"/>
      <c r="B42882" s="2"/>
      <c r="C42882" s="2"/>
    </row>
    <row r="42883" spans="1:3" ht="19.2">
      <c r="A42883" s="2"/>
      <c r="B42883" s="2"/>
      <c r="C42883" s="2"/>
    </row>
    <row r="42884" spans="1:3" ht="19.2">
      <c r="A42884" s="2"/>
      <c r="B42884" s="2"/>
      <c r="C42884" s="2"/>
    </row>
    <row r="42885" spans="1:3" ht="19.2">
      <c r="A42885" s="2"/>
      <c r="B42885" s="2"/>
      <c r="C42885" s="2"/>
    </row>
    <row r="42886" spans="1:3" ht="19.2">
      <c r="A42886" s="2"/>
      <c r="B42886" s="2"/>
      <c r="C42886" s="2"/>
    </row>
    <row r="42887" spans="1:3" ht="19.2">
      <c r="A42887" s="2"/>
      <c r="B42887" s="2"/>
      <c r="C42887" s="2"/>
    </row>
    <row r="42888" spans="1:3" ht="19.2">
      <c r="A42888" s="2"/>
      <c r="B42888" s="2"/>
      <c r="C42888" s="2"/>
    </row>
    <row r="42889" spans="1:3" ht="19.2">
      <c r="A42889" s="2"/>
      <c r="B42889" s="2"/>
      <c r="C42889" s="2"/>
    </row>
    <row r="42890" spans="1:3" ht="19.2">
      <c r="A42890" s="2"/>
      <c r="B42890" s="2"/>
      <c r="C42890" s="2"/>
    </row>
    <row r="42891" spans="1:3" ht="19.2">
      <c r="A42891" s="2"/>
      <c r="B42891" s="2"/>
      <c r="C42891" s="2"/>
    </row>
    <row r="42892" spans="1:3" ht="19.2">
      <c r="A42892" s="2"/>
      <c r="B42892" s="2"/>
      <c r="C42892" s="2"/>
    </row>
    <row r="42893" spans="1:3" ht="19.2">
      <c r="A42893" s="2"/>
      <c r="B42893" s="2"/>
      <c r="C42893" s="2"/>
    </row>
    <row r="42894" spans="1:3" ht="19.2">
      <c r="A42894" s="2"/>
      <c r="B42894" s="2"/>
      <c r="C42894" s="2"/>
    </row>
    <row r="42895" spans="1:3" ht="19.2">
      <c r="A42895" s="2"/>
      <c r="B42895" s="2"/>
      <c r="C42895" s="2"/>
    </row>
    <row r="42896" spans="1:3" ht="19.2">
      <c r="A42896" s="2"/>
      <c r="B42896" s="2"/>
      <c r="C42896" s="2"/>
    </row>
    <row r="42897" spans="1:3" ht="19.2">
      <c r="A42897" s="2"/>
      <c r="B42897" s="2"/>
      <c r="C42897" s="2"/>
    </row>
    <row r="42898" spans="1:3" ht="19.2">
      <c r="A42898" s="2"/>
      <c r="B42898" s="2"/>
      <c r="C42898" s="2"/>
    </row>
    <row r="42899" spans="1:3" ht="19.2">
      <c r="A42899" s="2"/>
      <c r="B42899" s="2"/>
      <c r="C42899" s="2"/>
    </row>
    <row r="42900" spans="1:3" ht="19.2">
      <c r="A42900" s="2"/>
      <c r="B42900" s="2"/>
      <c r="C42900" s="2"/>
    </row>
    <row r="42901" spans="1:3" ht="19.2">
      <c r="A42901" s="2"/>
      <c r="B42901" s="2"/>
      <c r="C42901" s="2"/>
    </row>
    <row r="42902" spans="1:3" ht="19.2">
      <c r="A42902" s="2"/>
      <c r="B42902" s="2"/>
      <c r="C42902" s="2"/>
    </row>
    <row r="42903" spans="1:3" ht="19.2">
      <c r="A42903" s="2"/>
      <c r="B42903" s="2"/>
      <c r="C42903" s="2"/>
    </row>
    <row r="42904" spans="1:3" ht="19.2">
      <c r="A42904" s="2"/>
      <c r="B42904" s="2"/>
      <c r="C42904" s="2"/>
    </row>
    <row r="42905" spans="1:3" ht="19.2">
      <c r="A42905" s="2"/>
      <c r="B42905" s="2"/>
      <c r="C42905" s="2"/>
    </row>
    <row r="42906" spans="1:3" ht="19.2">
      <c r="A42906" s="2"/>
      <c r="B42906" s="2"/>
      <c r="C42906" s="2"/>
    </row>
    <row r="42907" spans="1:3" ht="19.2">
      <c r="A42907" s="2"/>
      <c r="B42907" s="2"/>
      <c r="C42907" s="2"/>
    </row>
    <row r="42908" spans="1:3" ht="19.2">
      <c r="A42908" s="2"/>
      <c r="B42908" s="2"/>
      <c r="C42908" s="2"/>
    </row>
    <row r="42909" spans="1:3" ht="19.2">
      <c r="A42909" s="2"/>
      <c r="B42909" s="2"/>
      <c r="C42909" s="2"/>
    </row>
    <row r="42910" spans="1:3" ht="19.2">
      <c r="A42910" s="2"/>
      <c r="B42910" s="2"/>
      <c r="C42910" s="2"/>
    </row>
    <row r="42911" spans="1:3" ht="19.2">
      <c r="A42911" s="2"/>
      <c r="B42911" s="2"/>
      <c r="C42911" s="2"/>
    </row>
    <row r="42912" spans="1:3" ht="19.2">
      <c r="A42912" s="2"/>
      <c r="B42912" s="2"/>
      <c r="C42912" s="2"/>
    </row>
    <row r="42913" spans="1:3" ht="19.2">
      <c r="A42913" s="2"/>
      <c r="B42913" s="2"/>
      <c r="C42913" s="2"/>
    </row>
    <row r="42914" spans="1:3" ht="19.2">
      <c r="A42914" s="2"/>
      <c r="B42914" s="2"/>
      <c r="C42914" s="2"/>
    </row>
    <row r="42915" spans="1:3" ht="19.2">
      <c r="A42915" s="2"/>
      <c r="B42915" s="2"/>
      <c r="C42915" s="2"/>
    </row>
    <row r="42916" spans="1:3" ht="19.2">
      <c r="A42916" s="2"/>
      <c r="B42916" s="2"/>
      <c r="C42916" s="2"/>
    </row>
    <row r="42917" spans="1:3" ht="19.2">
      <c r="A42917" s="2"/>
      <c r="B42917" s="2"/>
      <c r="C42917" s="2"/>
    </row>
    <row r="42918" spans="1:3" ht="19.2">
      <c r="A42918" s="2"/>
      <c r="B42918" s="2"/>
      <c r="C42918" s="2"/>
    </row>
    <row r="42919" spans="1:3" ht="19.2">
      <c r="A42919" s="2"/>
      <c r="B42919" s="2"/>
      <c r="C42919" s="2"/>
    </row>
    <row r="42920" spans="1:3" ht="19.2">
      <c r="A42920" s="2"/>
      <c r="B42920" s="2"/>
      <c r="C42920" s="2"/>
    </row>
    <row r="42921" spans="1:3" ht="19.2">
      <c r="A42921" s="2"/>
      <c r="B42921" s="2"/>
      <c r="C42921" s="2"/>
    </row>
    <row r="42922" spans="1:3" ht="19.2">
      <c r="A42922" s="2"/>
      <c r="B42922" s="2"/>
      <c r="C42922" s="2"/>
    </row>
    <row r="42923" spans="1:3" ht="19.2">
      <c r="A42923" s="2"/>
      <c r="B42923" s="2"/>
      <c r="C42923" s="2"/>
    </row>
    <row r="42924" spans="1:3" ht="19.2">
      <c r="A42924" s="2"/>
      <c r="B42924" s="2"/>
      <c r="C42924" s="2"/>
    </row>
    <row r="42925" spans="1:3" ht="19.2">
      <c r="A42925" s="2"/>
      <c r="B42925" s="2"/>
      <c r="C42925" s="2"/>
    </row>
    <row r="42926" spans="1:3" ht="19.2">
      <c r="A42926" s="2"/>
      <c r="B42926" s="2"/>
      <c r="C42926" s="2"/>
    </row>
    <row r="42927" spans="1:3" ht="19.2">
      <c r="A42927" s="2"/>
      <c r="B42927" s="2"/>
      <c r="C42927" s="2"/>
    </row>
    <row r="42928" spans="1:3" ht="19.2">
      <c r="A42928" s="2"/>
      <c r="B42928" s="2"/>
      <c r="C42928" s="2"/>
    </row>
    <row r="42929" spans="1:3" ht="19.2">
      <c r="A42929" s="2"/>
      <c r="B42929" s="2"/>
      <c r="C42929" s="2"/>
    </row>
    <row r="42930" spans="1:3" ht="19.2">
      <c r="A42930" s="2"/>
      <c r="B42930" s="2"/>
      <c r="C42930" s="2"/>
    </row>
    <row r="42931" spans="1:3" ht="19.2">
      <c r="A42931" s="2"/>
      <c r="B42931" s="2"/>
      <c r="C42931" s="2"/>
    </row>
    <row r="42932" spans="1:3" ht="19.2">
      <c r="A42932" s="2"/>
      <c r="B42932" s="2"/>
      <c r="C42932" s="2"/>
    </row>
    <row r="42933" spans="1:3" ht="19.2">
      <c r="A42933" s="2"/>
      <c r="B42933" s="2"/>
      <c r="C42933" s="2"/>
    </row>
    <row r="42934" spans="1:3" ht="19.2">
      <c r="A42934" s="2"/>
      <c r="B42934" s="2"/>
      <c r="C42934" s="2"/>
    </row>
    <row r="42935" spans="1:3" ht="19.2">
      <c r="A42935" s="2"/>
      <c r="B42935" s="2"/>
      <c r="C42935" s="2"/>
    </row>
    <row r="42936" spans="1:3" ht="19.2">
      <c r="A42936" s="2"/>
      <c r="B42936" s="2"/>
      <c r="C42936" s="2"/>
    </row>
    <row r="42937" spans="1:3" ht="19.2">
      <c r="A42937" s="2"/>
      <c r="B42937" s="2"/>
      <c r="C42937" s="2"/>
    </row>
    <row r="42938" spans="1:3" ht="19.2">
      <c r="A42938" s="2"/>
      <c r="B42938" s="2"/>
      <c r="C42938" s="2"/>
    </row>
    <row r="42939" spans="1:3" ht="19.2">
      <c r="A42939" s="2"/>
      <c r="B42939" s="2"/>
      <c r="C42939" s="2"/>
    </row>
    <row r="42940" spans="1:3" ht="19.2">
      <c r="A42940" s="2"/>
      <c r="B42940" s="2"/>
      <c r="C42940" s="2"/>
    </row>
    <row r="42941" spans="1:3" ht="19.2">
      <c r="A42941" s="2"/>
      <c r="B42941" s="2"/>
      <c r="C42941" s="2"/>
    </row>
    <row r="42942" spans="1:3" ht="19.2">
      <c r="A42942" s="2"/>
      <c r="B42942" s="2"/>
      <c r="C42942" s="2"/>
    </row>
    <row r="42943" spans="1:3" ht="19.2">
      <c r="A42943" s="2"/>
      <c r="B42943" s="2"/>
      <c r="C42943" s="2"/>
    </row>
    <row r="42944" spans="1:3" ht="19.2">
      <c r="A42944" s="2"/>
      <c r="B42944" s="2"/>
      <c r="C42944" s="2"/>
    </row>
    <row r="42945" spans="1:3" ht="19.2">
      <c r="A42945" s="2"/>
      <c r="B42945" s="2"/>
      <c r="C42945" s="2"/>
    </row>
    <row r="42946" spans="1:3" ht="19.2">
      <c r="A42946" s="2"/>
      <c r="B42946" s="2"/>
      <c r="C42946" s="2"/>
    </row>
    <row r="42947" spans="1:3" ht="19.2">
      <c r="A42947" s="2"/>
      <c r="B42947" s="2"/>
      <c r="C42947" s="2"/>
    </row>
    <row r="42948" spans="1:3" ht="19.2">
      <c r="A42948" s="2"/>
      <c r="B42948" s="2"/>
      <c r="C42948" s="2"/>
    </row>
    <row r="42949" spans="1:3" ht="19.2">
      <c r="A42949" s="2"/>
      <c r="B42949" s="2"/>
      <c r="C42949" s="2"/>
    </row>
    <row r="42950" spans="1:3" ht="19.2">
      <c r="A42950" s="2"/>
      <c r="B42950" s="2"/>
      <c r="C42950" s="2"/>
    </row>
    <row r="42951" spans="1:3" ht="19.2">
      <c r="A42951" s="2"/>
      <c r="B42951" s="2"/>
      <c r="C42951" s="2"/>
    </row>
    <row r="42952" spans="1:3" ht="19.2">
      <c r="A42952" s="2"/>
      <c r="B42952" s="2"/>
      <c r="C42952" s="2"/>
    </row>
    <row r="42953" spans="1:3" ht="19.2">
      <c r="A42953" s="2"/>
      <c r="B42953" s="2"/>
      <c r="C42953" s="2"/>
    </row>
    <row r="42954" spans="1:3" ht="19.2">
      <c r="A42954" s="2"/>
      <c r="B42954" s="2"/>
      <c r="C42954" s="2"/>
    </row>
    <row r="42955" spans="1:3" ht="19.2">
      <c r="A42955" s="2"/>
      <c r="B42955" s="2"/>
      <c r="C42955" s="2"/>
    </row>
    <row r="42956" spans="1:3" ht="19.2">
      <c r="A42956" s="2"/>
      <c r="B42956" s="2"/>
      <c r="C42956" s="2"/>
    </row>
    <row r="42957" spans="1:3" ht="19.2">
      <c r="A42957" s="2"/>
      <c r="B42957" s="2"/>
      <c r="C42957" s="2"/>
    </row>
    <row r="42958" spans="1:3" ht="19.2">
      <c r="A42958" s="2"/>
      <c r="B42958" s="2"/>
      <c r="C42958" s="2"/>
    </row>
    <row r="42959" spans="1:3" ht="19.2">
      <c r="A42959" s="2"/>
      <c r="B42959" s="2"/>
      <c r="C42959" s="2"/>
    </row>
    <row r="42960" spans="1:3" ht="19.2">
      <c r="A42960" s="2"/>
      <c r="B42960" s="2"/>
      <c r="C42960" s="2"/>
    </row>
    <row r="42961" spans="1:3" ht="19.2">
      <c r="A42961" s="2"/>
      <c r="B42961" s="2"/>
      <c r="C42961" s="2"/>
    </row>
    <row r="42962" spans="1:3" ht="19.2">
      <c r="A42962" s="2"/>
      <c r="B42962" s="2"/>
      <c r="C42962" s="2"/>
    </row>
    <row r="42963" spans="1:3" ht="19.2">
      <c r="A42963" s="2"/>
      <c r="B42963" s="2"/>
      <c r="C42963" s="2"/>
    </row>
    <row r="42964" spans="1:3" ht="19.2">
      <c r="A42964" s="2"/>
      <c r="B42964" s="2"/>
      <c r="C42964" s="2"/>
    </row>
    <row r="42965" spans="1:3" ht="19.2">
      <c r="A42965" s="2"/>
      <c r="B42965" s="2"/>
      <c r="C42965" s="2"/>
    </row>
    <row r="42966" spans="1:3" ht="19.2">
      <c r="A42966" s="2"/>
      <c r="B42966" s="2"/>
      <c r="C42966" s="2"/>
    </row>
    <row r="42967" spans="1:3" ht="19.2">
      <c r="A42967" s="2"/>
      <c r="B42967" s="2"/>
      <c r="C42967" s="2"/>
    </row>
    <row r="42968" spans="1:3" ht="19.2">
      <c r="A42968" s="2"/>
      <c r="B42968" s="2"/>
      <c r="C42968" s="2"/>
    </row>
    <row r="42969" spans="1:3" ht="19.2">
      <c r="A42969" s="2"/>
      <c r="B42969" s="2"/>
      <c r="C42969" s="2"/>
    </row>
    <row r="42970" spans="1:3" ht="19.2">
      <c r="A42970" s="2"/>
      <c r="B42970" s="2"/>
      <c r="C42970" s="2"/>
    </row>
    <row r="42971" spans="1:3" ht="19.2">
      <c r="A42971" s="2"/>
      <c r="B42971" s="2"/>
      <c r="C42971" s="2"/>
    </row>
    <row r="42972" spans="1:3" ht="19.2">
      <c r="A42972" s="2"/>
      <c r="B42972" s="2"/>
      <c r="C42972" s="2"/>
    </row>
    <row r="42973" spans="1:3" ht="19.2">
      <c r="A42973" s="2"/>
      <c r="B42973" s="2"/>
      <c r="C42973" s="2"/>
    </row>
    <row r="42974" spans="1:3" ht="19.2">
      <c r="A42974" s="2"/>
      <c r="B42974" s="2"/>
      <c r="C42974" s="2"/>
    </row>
    <row r="42975" spans="1:3" ht="19.2">
      <c r="A42975" s="2"/>
      <c r="B42975" s="2"/>
      <c r="C42975" s="2"/>
    </row>
    <row r="42976" spans="1:3" ht="19.2">
      <c r="A42976" s="2"/>
      <c r="B42976" s="2"/>
      <c r="C42976" s="2"/>
    </row>
    <row r="42977" spans="1:3" ht="19.2">
      <c r="A42977" s="2"/>
      <c r="B42977" s="2"/>
      <c r="C42977" s="2"/>
    </row>
    <row r="42978" spans="1:3" ht="19.2">
      <c r="A42978" s="2"/>
      <c r="B42978" s="2"/>
      <c r="C42978" s="2"/>
    </row>
    <row r="42979" spans="1:3" ht="19.2">
      <c r="A42979" s="2"/>
      <c r="B42979" s="2"/>
      <c r="C42979" s="2"/>
    </row>
    <row r="42980" spans="1:3" ht="19.2">
      <c r="A42980" s="2"/>
      <c r="B42980" s="2"/>
      <c r="C42980" s="2"/>
    </row>
    <row r="42981" spans="1:3" ht="19.2">
      <c r="A42981" s="2"/>
      <c r="B42981" s="2"/>
      <c r="C42981" s="2"/>
    </row>
    <row r="42982" spans="1:3" ht="19.2">
      <c r="A42982" s="2"/>
      <c r="B42982" s="2"/>
      <c r="C42982" s="2"/>
    </row>
    <row r="42983" spans="1:3" ht="19.2">
      <c r="A42983" s="2"/>
      <c r="B42983" s="2"/>
      <c r="C42983" s="2"/>
    </row>
    <row r="42984" spans="1:3" ht="19.2">
      <c r="A42984" s="2"/>
      <c r="B42984" s="2"/>
      <c r="C42984" s="2"/>
    </row>
    <row r="42985" spans="1:3" ht="19.2">
      <c r="A42985" s="2"/>
      <c r="B42985" s="2"/>
      <c r="C42985" s="2"/>
    </row>
    <row r="42986" spans="1:3" ht="19.2">
      <c r="A42986" s="2"/>
      <c r="B42986" s="2"/>
      <c r="C42986" s="2"/>
    </row>
    <row r="42987" spans="1:3" ht="19.2">
      <c r="A42987" s="2"/>
      <c r="B42987" s="2"/>
      <c r="C42987" s="2"/>
    </row>
    <row r="42988" spans="1:3" ht="19.2">
      <c r="A42988" s="2"/>
      <c r="B42988" s="2"/>
      <c r="C42988" s="2"/>
    </row>
    <row r="42989" spans="1:3" ht="19.2">
      <c r="A42989" s="2"/>
      <c r="B42989" s="2"/>
      <c r="C42989" s="2"/>
    </row>
    <row r="42990" spans="1:3" ht="19.2">
      <c r="A42990" s="2"/>
      <c r="B42990" s="2"/>
      <c r="C42990" s="2"/>
    </row>
    <row r="42991" spans="1:3" ht="19.2">
      <c r="A42991" s="2"/>
      <c r="B42991" s="2"/>
      <c r="C42991" s="2"/>
    </row>
    <row r="42992" spans="1:3" ht="19.2">
      <c r="A42992" s="2"/>
      <c r="B42992" s="2"/>
      <c r="C42992" s="2"/>
    </row>
    <row r="42993" spans="1:3" ht="19.2">
      <c r="A42993" s="2"/>
      <c r="B42993" s="2"/>
      <c r="C42993" s="2"/>
    </row>
    <row r="42994" spans="1:3" ht="19.2">
      <c r="A42994" s="2"/>
      <c r="B42994" s="2"/>
      <c r="C42994" s="2"/>
    </row>
    <row r="42995" spans="1:3" ht="19.2">
      <c r="A42995" s="2"/>
      <c r="B42995" s="2"/>
      <c r="C42995" s="2"/>
    </row>
    <row r="42996" spans="1:3" ht="19.2">
      <c r="A42996" s="2"/>
      <c r="B42996" s="2"/>
      <c r="C42996" s="2"/>
    </row>
    <row r="42997" spans="1:3" ht="19.2">
      <c r="A42997" s="2"/>
      <c r="B42997" s="2"/>
      <c r="C42997" s="2"/>
    </row>
    <row r="42998" spans="1:3" ht="19.2">
      <c r="A42998" s="2"/>
      <c r="B42998" s="2"/>
      <c r="C42998" s="2"/>
    </row>
    <row r="42999" spans="1:3" ht="19.2">
      <c r="A42999" s="2"/>
      <c r="B42999" s="2"/>
      <c r="C42999" s="2"/>
    </row>
    <row r="43000" spans="1:3" ht="19.2">
      <c r="A43000" s="2"/>
      <c r="B43000" s="2"/>
      <c r="C43000" s="2"/>
    </row>
    <row r="43001" spans="1:3" ht="19.2">
      <c r="A43001" s="2"/>
      <c r="B43001" s="2"/>
      <c r="C43001" s="2"/>
    </row>
    <row r="43002" spans="1:3" ht="19.2">
      <c r="A43002" s="2"/>
      <c r="B43002" s="2"/>
      <c r="C43002" s="2"/>
    </row>
    <row r="43003" spans="1:3" ht="19.2">
      <c r="A43003" s="2"/>
      <c r="B43003" s="2"/>
      <c r="C43003" s="2"/>
    </row>
    <row r="43004" spans="1:3" ht="19.2">
      <c r="A43004" s="2"/>
      <c r="B43004" s="2"/>
      <c r="C43004" s="2"/>
    </row>
    <row r="43005" spans="1:3" ht="19.2">
      <c r="A43005" s="2"/>
      <c r="B43005" s="2"/>
      <c r="C43005" s="2"/>
    </row>
    <row r="43006" spans="1:3" ht="19.2">
      <c r="A43006" s="2"/>
      <c r="B43006" s="2"/>
      <c r="C43006" s="2"/>
    </row>
    <row r="43007" spans="1:3" ht="19.2">
      <c r="A43007" s="2"/>
      <c r="B43007" s="2"/>
      <c r="C43007" s="2"/>
    </row>
    <row r="43008" spans="1:3" ht="19.2">
      <c r="A43008" s="2"/>
      <c r="B43008" s="2"/>
      <c r="C43008" s="2"/>
    </row>
    <row r="43009" spans="1:3" ht="19.2">
      <c r="A43009" s="2"/>
      <c r="B43009" s="2"/>
      <c r="C43009" s="2"/>
    </row>
    <row r="43010" spans="1:3" ht="19.2">
      <c r="A43010" s="2"/>
      <c r="B43010" s="2"/>
      <c r="C43010" s="2"/>
    </row>
    <row r="43011" spans="1:3" ht="19.2">
      <c r="A43011" s="2"/>
      <c r="B43011" s="2"/>
      <c r="C43011" s="2"/>
    </row>
    <row r="43012" spans="1:3" ht="19.2">
      <c r="A43012" s="2"/>
      <c r="B43012" s="2"/>
      <c r="C43012" s="2"/>
    </row>
    <row r="43013" spans="1:3" ht="19.2">
      <c r="A43013" s="2"/>
      <c r="B43013" s="2"/>
      <c r="C43013" s="2"/>
    </row>
    <row r="43014" spans="1:3" ht="19.2">
      <c r="A43014" s="2"/>
      <c r="B43014" s="2"/>
      <c r="C43014" s="2"/>
    </row>
    <row r="43015" spans="1:3" ht="19.2">
      <c r="A43015" s="2"/>
      <c r="B43015" s="2"/>
      <c r="C43015" s="2"/>
    </row>
    <row r="43016" spans="1:3" ht="19.2">
      <c r="A43016" s="2"/>
      <c r="B43016" s="2"/>
      <c r="C43016" s="2"/>
    </row>
    <row r="43017" spans="1:3" ht="19.2">
      <c r="A43017" s="2"/>
      <c r="B43017" s="2"/>
      <c r="C43017" s="2"/>
    </row>
    <row r="43018" spans="1:3" ht="19.2">
      <c r="A43018" s="2"/>
      <c r="B43018" s="2"/>
      <c r="C43018" s="2"/>
    </row>
    <row r="43019" spans="1:3" ht="19.2">
      <c r="A43019" s="2"/>
      <c r="B43019" s="2"/>
      <c r="C43019" s="2"/>
    </row>
    <row r="43020" spans="1:3" ht="19.2">
      <c r="A43020" s="2"/>
      <c r="B43020" s="2"/>
      <c r="C43020" s="2"/>
    </row>
    <row r="43021" spans="1:3" ht="19.2">
      <c r="A43021" s="2"/>
      <c r="B43021" s="2"/>
      <c r="C43021" s="2"/>
    </row>
    <row r="43022" spans="1:3" ht="19.2">
      <c r="A43022" s="2"/>
      <c r="B43022" s="2"/>
      <c r="C43022" s="2"/>
    </row>
    <row r="43023" spans="1:3" ht="19.2">
      <c r="A43023" s="2"/>
      <c r="B43023" s="2"/>
      <c r="C43023" s="2"/>
    </row>
    <row r="43024" spans="1:3" ht="19.2">
      <c r="A43024" s="2"/>
      <c r="B43024" s="2"/>
      <c r="C43024" s="2"/>
    </row>
    <row r="43025" spans="1:3" ht="19.2">
      <c r="A43025" s="2"/>
      <c r="B43025" s="2"/>
      <c r="C43025" s="2"/>
    </row>
    <row r="43026" spans="1:3" ht="19.2">
      <c r="A43026" s="2"/>
      <c r="B43026" s="2"/>
      <c r="C43026" s="2"/>
    </row>
    <row r="43027" spans="1:3" ht="19.2">
      <c r="A43027" s="2"/>
      <c r="B43027" s="2"/>
      <c r="C43027" s="2"/>
    </row>
    <row r="43028" spans="1:3" ht="19.2">
      <c r="A43028" s="2"/>
      <c r="B43028" s="2"/>
      <c r="C43028" s="2"/>
    </row>
    <row r="43029" spans="1:3" ht="19.2">
      <c r="A43029" s="2"/>
      <c r="B43029" s="2"/>
      <c r="C43029" s="2"/>
    </row>
    <row r="43030" spans="1:3" ht="19.2">
      <c r="A43030" s="2"/>
      <c r="B43030" s="2"/>
      <c r="C43030" s="2"/>
    </row>
    <row r="43031" spans="1:3" ht="19.2">
      <c r="A43031" s="2"/>
      <c r="B43031" s="2"/>
      <c r="C43031" s="2"/>
    </row>
    <row r="43032" spans="1:3" ht="19.2">
      <c r="A43032" s="2"/>
      <c r="B43032" s="2"/>
      <c r="C43032" s="2"/>
    </row>
    <row r="43033" spans="1:3" ht="19.2">
      <c r="A43033" s="2"/>
      <c r="B43033" s="2"/>
      <c r="C43033" s="2"/>
    </row>
    <row r="43034" spans="1:3" ht="19.2">
      <c r="A43034" s="2"/>
      <c r="B43034" s="2"/>
      <c r="C43034" s="2"/>
    </row>
    <row r="43035" spans="1:3" ht="19.2">
      <c r="A43035" s="2"/>
      <c r="B43035" s="2"/>
      <c r="C43035" s="2"/>
    </row>
    <row r="43036" spans="1:3" ht="19.2">
      <c r="A43036" s="2"/>
      <c r="B43036" s="2"/>
      <c r="C43036" s="2"/>
    </row>
    <row r="43037" spans="1:3" ht="19.2">
      <c r="A43037" s="2"/>
      <c r="B43037" s="2"/>
      <c r="C43037" s="2"/>
    </row>
    <row r="43038" spans="1:3" ht="19.2">
      <c r="A43038" s="2"/>
      <c r="B43038" s="2"/>
      <c r="C43038" s="2"/>
    </row>
    <row r="43039" spans="1:3" ht="19.2">
      <c r="A43039" s="2"/>
      <c r="B43039" s="2"/>
      <c r="C43039" s="2"/>
    </row>
    <row r="43040" spans="1:3" ht="19.2">
      <c r="A43040" s="2"/>
      <c r="B43040" s="2"/>
      <c r="C43040" s="2"/>
    </row>
    <row r="43041" spans="1:3" ht="19.2">
      <c r="A43041" s="2"/>
      <c r="B43041" s="2"/>
      <c r="C43041" s="2"/>
    </row>
    <row r="43042" spans="1:3" ht="19.2">
      <c r="A43042" s="2"/>
      <c r="B43042" s="2"/>
      <c r="C43042" s="2"/>
    </row>
    <row r="43043" spans="1:3" ht="19.2">
      <c r="A43043" s="2"/>
      <c r="B43043" s="2"/>
      <c r="C43043" s="2"/>
    </row>
    <row r="43044" spans="1:3" ht="19.2">
      <c r="A43044" s="2"/>
      <c r="B43044" s="2"/>
      <c r="C43044" s="2"/>
    </row>
    <row r="43045" spans="1:3" ht="19.2">
      <c r="A43045" s="2"/>
      <c r="B43045" s="2"/>
      <c r="C43045" s="2"/>
    </row>
    <row r="43046" spans="1:3" ht="19.2">
      <c r="A43046" s="2"/>
      <c r="B43046" s="2"/>
      <c r="C43046" s="2"/>
    </row>
    <row r="43047" spans="1:3" ht="19.2">
      <c r="A43047" s="2"/>
      <c r="B43047" s="2"/>
      <c r="C43047" s="2"/>
    </row>
    <row r="43048" spans="1:3" ht="19.2">
      <c r="A43048" s="2"/>
      <c r="B43048" s="2"/>
      <c r="C43048" s="2"/>
    </row>
    <row r="43049" spans="1:3" ht="19.2">
      <c r="A43049" s="2"/>
      <c r="B43049" s="2"/>
      <c r="C43049" s="2"/>
    </row>
    <row r="43050" spans="1:3" ht="19.2">
      <c r="A43050" s="2"/>
      <c r="B43050" s="2"/>
      <c r="C43050" s="2"/>
    </row>
    <row r="43051" spans="1:3" ht="19.2">
      <c r="A43051" s="2"/>
      <c r="B43051" s="2"/>
      <c r="C43051" s="2"/>
    </row>
    <row r="43052" spans="1:3" ht="19.2">
      <c r="A43052" s="2"/>
      <c r="B43052" s="2"/>
      <c r="C43052" s="2"/>
    </row>
    <row r="43053" spans="1:3" ht="19.2">
      <c r="A43053" s="2"/>
      <c r="B43053" s="2"/>
      <c r="C43053" s="2"/>
    </row>
    <row r="43054" spans="1:3" ht="19.2">
      <c r="A43054" s="2"/>
      <c r="B43054" s="2"/>
      <c r="C43054" s="2"/>
    </row>
    <row r="43055" spans="1:3" ht="19.2">
      <c r="A43055" s="2"/>
      <c r="B43055" s="2"/>
      <c r="C43055" s="2"/>
    </row>
    <row r="43056" spans="1:3" ht="19.2">
      <c r="A43056" s="2"/>
      <c r="B43056" s="2"/>
      <c r="C43056" s="2"/>
    </row>
    <row r="43057" spans="1:3" ht="19.2">
      <c r="A43057" s="2"/>
      <c r="B43057" s="2"/>
      <c r="C43057" s="2"/>
    </row>
    <row r="43058" spans="1:3" ht="19.2">
      <c r="A43058" s="2"/>
      <c r="B43058" s="2"/>
      <c r="C43058" s="2"/>
    </row>
    <row r="43059" spans="1:3" ht="19.2">
      <c r="A43059" s="2"/>
      <c r="B43059" s="2"/>
      <c r="C43059" s="2"/>
    </row>
    <row r="43060" spans="1:3" ht="19.2">
      <c r="A43060" s="2"/>
      <c r="B43060" s="2"/>
      <c r="C43060" s="2"/>
    </row>
    <row r="43061" spans="1:3" ht="19.2">
      <c r="A43061" s="2"/>
      <c r="B43061" s="2"/>
      <c r="C43061" s="2"/>
    </row>
    <row r="43062" spans="1:3" ht="19.2">
      <c r="A43062" s="2"/>
      <c r="B43062" s="2"/>
      <c r="C43062" s="2"/>
    </row>
    <row r="43063" spans="1:3" ht="19.2">
      <c r="A43063" s="2"/>
      <c r="B43063" s="2"/>
      <c r="C43063" s="2"/>
    </row>
    <row r="43064" spans="1:3" ht="19.2">
      <c r="A43064" s="2"/>
      <c r="B43064" s="2"/>
      <c r="C43064" s="2"/>
    </row>
    <row r="43065" spans="1:3" ht="19.2">
      <c r="A43065" s="2"/>
      <c r="B43065" s="2"/>
      <c r="C43065" s="2"/>
    </row>
    <row r="43066" spans="1:3" ht="19.2">
      <c r="A43066" s="2"/>
      <c r="B43066" s="2"/>
      <c r="C43066" s="2"/>
    </row>
    <row r="43067" spans="1:3" ht="19.2">
      <c r="A43067" s="2"/>
      <c r="B43067" s="2"/>
      <c r="C43067" s="2"/>
    </row>
    <row r="43068" spans="1:3" ht="19.2">
      <c r="A43068" s="2"/>
      <c r="B43068" s="2"/>
      <c r="C43068" s="2"/>
    </row>
    <row r="43069" spans="1:3" ht="19.2">
      <c r="A43069" s="2"/>
      <c r="B43069" s="2"/>
      <c r="C43069" s="2"/>
    </row>
    <row r="43070" spans="1:3" ht="19.2">
      <c r="A43070" s="2"/>
      <c r="B43070" s="2"/>
      <c r="C43070" s="2"/>
    </row>
    <row r="43071" spans="1:3" ht="19.2">
      <c r="A43071" s="2"/>
      <c r="B43071" s="2"/>
      <c r="C43071" s="2"/>
    </row>
    <row r="43072" spans="1:3" ht="19.2">
      <c r="A43072" s="2"/>
      <c r="B43072" s="2"/>
      <c r="C43072" s="2"/>
    </row>
    <row r="43073" spans="1:3" ht="19.2">
      <c r="A43073" s="2"/>
      <c r="B43073" s="2"/>
      <c r="C43073" s="2"/>
    </row>
    <row r="43074" spans="1:3" ht="19.2">
      <c r="A43074" s="2"/>
      <c r="B43074" s="2"/>
      <c r="C43074" s="2"/>
    </row>
    <row r="43075" spans="1:3" ht="19.2">
      <c r="A43075" s="2"/>
      <c r="B43075" s="2"/>
      <c r="C43075" s="2"/>
    </row>
    <row r="43076" spans="1:3" ht="19.2">
      <c r="A43076" s="2"/>
      <c r="B43076" s="2"/>
      <c r="C43076" s="2"/>
    </row>
    <row r="43077" spans="1:3" ht="19.2">
      <c r="A43077" s="2"/>
      <c r="B43077" s="2"/>
      <c r="C43077" s="2"/>
    </row>
    <row r="43078" spans="1:3" ht="19.2">
      <c r="A43078" s="2"/>
      <c r="B43078" s="2"/>
      <c r="C43078" s="2"/>
    </row>
    <row r="43079" spans="1:3" ht="19.2">
      <c r="A43079" s="2"/>
      <c r="B43079" s="2"/>
      <c r="C43079" s="2"/>
    </row>
    <row r="43080" spans="1:3" ht="19.2">
      <c r="A43080" s="2"/>
      <c r="B43080" s="2"/>
      <c r="C43080" s="2"/>
    </row>
    <row r="43081" spans="1:3" ht="19.2">
      <c r="A43081" s="2"/>
      <c r="B43081" s="2"/>
      <c r="C43081" s="2"/>
    </row>
    <row r="43082" spans="1:3" ht="19.2">
      <c r="A43082" s="2"/>
      <c r="B43082" s="2"/>
      <c r="C43082" s="2"/>
    </row>
    <row r="43083" spans="1:3" ht="19.2">
      <c r="A43083" s="2"/>
      <c r="B43083" s="2"/>
      <c r="C43083" s="2"/>
    </row>
    <row r="43084" spans="1:3" ht="19.2">
      <c r="A43084" s="2"/>
      <c r="B43084" s="2"/>
      <c r="C43084" s="2"/>
    </row>
    <row r="43085" spans="1:3" ht="19.2">
      <c r="A43085" s="2"/>
      <c r="B43085" s="2"/>
      <c r="C43085" s="2"/>
    </row>
    <row r="43086" spans="1:3" ht="19.2">
      <c r="A43086" s="2"/>
      <c r="B43086" s="2"/>
      <c r="C43086" s="2"/>
    </row>
    <row r="43087" spans="1:3" ht="19.2">
      <c r="A43087" s="2"/>
      <c r="B43087" s="2"/>
      <c r="C43087" s="2"/>
    </row>
    <row r="43088" spans="1:3" ht="19.2">
      <c r="A43088" s="2"/>
      <c r="B43088" s="2"/>
      <c r="C43088" s="2"/>
    </row>
    <row r="43089" spans="1:3" ht="19.2">
      <c r="A43089" s="2"/>
      <c r="B43089" s="2"/>
      <c r="C43089" s="2"/>
    </row>
    <row r="43090" spans="1:3" ht="19.2">
      <c r="A43090" s="2"/>
      <c r="B43090" s="2"/>
      <c r="C43090" s="2"/>
    </row>
    <row r="43091" spans="1:3" ht="19.2">
      <c r="A43091" s="2"/>
      <c r="B43091" s="2"/>
      <c r="C43091" s="2"/>
    </row>
    <row r="43092" spans="1:3" ht="19.2">
      <c r="A43092" s="2"/>
      <c r="B43092" s="2"/>
      <c r="C43092" s="2"/>
    </row>
    <row r="43093" spans="1:3" ht="19.2">
      <c r="A43093" s="2"/>
      <c r="B43093" s="2"/>
      <c r="C43093" s="2"/>
    </row>
    <row r="43094" spans="1:3" ht="19.2">
      <c r="A43094" s="2"/>
      <c r="B43094" s="2"/>
      <c r="C43094" s="2"/>
    </row>
    <row r="43095" spans="1:3" ht="19.2">
      <c r="A43095" s="2"/>
      <c r="B43095" s="2"/>
      <c r="C43095" s="2"/>
    </row>
    <row r="43096" spans="1:3" ht="19.2">
      <c r="A43096" s="2"/>
      <c r="B43096" s="2"/>
      <c r="C43096" s="2"/>
    </row>
    <row r="43097" spans="1:3" ht="19.2">
      <c r="A43097" s="2"/>
      <c r="B43097" s="2"/>
      <c r="C43097" s="2"/>
    </row>
    <row r="43098" spans="1:3" ht="19.2">
      <c r="A43098" s="2"/>
      <c r="B43098" s="2"/>
      <c r="C43098" s="2"/>
    </row>
    <row r="43099" spans="1:3" ht="19.2">
      <c r="A43099" s="2"/>
      <c r="B43099" s="2"/>
      <c r="C43099" s="2"/>
    </row>
    <row r="43100" spans="1:3" ht="19.2">
      <c r="A43100" s="2"/>
      <c r="B43100" s="2"/>
      <c r="C43100" s="2"/>
    </row>
    <row r="43101" spans="1:3" ht="19.2">
      <c r="A43101" s="2"/>
      <c r="B43101" s="2"/>
      <c r="C43101" s="2"/>
    </row>
    <row r="43102" spans="1:3" ht="19.2">
      <c r="A43102" s="2"/>
      <c r="B43102" s="2"/>
      <c r="C43102" s="2"/>
    </row>
    <row r="43103" spans="1:3" ht="19.2">
      <c r="A43103" s="2"/>
      <c r="B43103" s="2"/>
      <c r="C43103" s="2"/>
    </row>
    <row r="43104" spans="1:3" ht="19.2">
      <c r="A43104" s="2"/>
      <c r="B43104" s="2"/>
      <c r="C43104" s="2"/>
    </row>
    <row r="43105" spans="1:3" ht="19.2">
      <c r="A43105" s="2"/>
      <c r="B43105" s="2"/>
      <c r="C43105" s="2"/>
    </row>
    <row r="43106" spans="1:3" ht="19.2">
      <c r="A43106" s="2"/>
      <c r="B43106" s="2"/>
      <c r="C43106" s="2"/>
    </row>
    <row r="43107" spans="1:3" ht="19.2">
      <c r="A43107" s="2"/>
      <c r="B43107" s="2"/>
      <c r="C43107" s="2"/>
    </row>
    <row r="43108" spans="1:3" ht="19.2">
      <c r="A43108" s="2"/>
      <c r="B43108" s="2"/>
      <c r="C43108" s="2"/>
    </row>
    <row r="43109" spans="1:3" ht="19.2">
      <c r="A43109" s="2"/>
      <c r="B43109" s="2"/>
      <c r="C43109" s="2"/>
    </row>
    <row r="43110" spans="1:3" ht="19.2">
      <c r="A43110" s="2"/>
      <c r="B43110" s="2"/>
      <c r="C43110" s="2"/>
    </row>
    <row r="43111" spans="1:3" ht="19.2">
      <c r="A43111" s="2"/>
      <c r="B43111" s="2"/>
      <c r="C43111" s="2"/>
    </row>
    <row r="43112" spans="1:3" ht="19.2">
      <c r="A43112" s="2"/>
      <c r="B43112" s="2"/>
      <c r="C43112" s="2"/>
    </row>
    <row r="43113" spans="1:3" ht="19.2">
      <c r="A43113" s="2"/>
      <c r="B43113" s="2"/>
      <c r="C43113" s="2"/>
    </row>
    <row r="43114" spans="1:3" ht="19.2">
      <c r="A43114" s="2"/>
      <c r="B43114" s="2"/>
      <c r="C43114" s="2"/>
    </row>
    <row r="43115" spans="1:3" ht="19.2">
      <c r="A43115" s="2"/>
      <c r="B43115" s="2"/>
      <c r="C43115" s="2"/>
    </row>
    <row r="43116" spans="1:3" ht="19.2">
      <c r="A43116" s="2"/>
      <c r="B43116" s="2"/>
      <c r="C43116" s="2"/>
    </row>
    <row r="43117" spans="1:3" ht="19.2">
      <c r="A43117" s="2"/>
      <c r="B43117" s="2"/>
      <c r="C43117" s="2"/>
    </row>
    <row r="43118" spans="1:3" ht="19.2">
      <c r="A43118" s="2"/>
      <c r="B43118" s="2"/>
      <c r="C43118" s="2"/>
    </row>
    <row r="43119" spans="1:3" ht="19.2">
      <c r="A43119" s="2"/>
      <c r="B43119" s="2"/>
      <c r="C43119" s="2"/>
    </row>
    <row r="43120" spans="1:3" ht="19.2">
      <c r="A43120" s="2"/>
      <c r="B43120" s="2"/>
      <c r="C43120" s="2"/>
    </row>
    <row r="43121" spans="1:3" ht="19.2">
      <c r="A43121" s="2"/>
      <c r="B43121" s="2"/>
      <c r="C43121" s="2"/>
    </row>
    <row r="43122" spans="1:3" ht="19.2">
      <c r="A43122" s="2"/>
      <c r="B43122" s="2"/>
      <c r="C43122" s="2"/>
    </row>
    <row r="43123" spans="1:3" ht="19.2">
      <c r="A43123" s="2"/>
      <c r="B43123" s="2"/>
      <c r="C43123" s="2"/>
    </row>
    <row r="43124" spans="1:3" ht="19.2">
      <c r="A43124" s="2"/>
      <c r="B43124" s="2"/>
      <c r="C43124" s="2"/>
    </row>
    <row r="43125" spans="1:3" ht="19.2">
      <c r="A43125" s="2"/>
      <c r="B43125" s="2"/>
      <c r="C43125" s="2"/>
    </row>
    <row r="43126" spans="1:3" ht="19.2">
      <c r="A43126" s="2"/>
      <c r="B43126" s="2"/>
      <c r="C43126" s="2"/>
    </row>
    <row r="43127" spans="1:3" ht="19.2">
      <c r="A43127" s="2"/>
      <c r="B43127" s="2"/>
      <c r="C43127" s="2"/>
    </row>
    <row r="43128" spans="1:3" ht="19.2">
      <c r="A43128" s="2"/>
      <c r="B43128" s="2"/>
      <c r="C43128" s="2"/>
    </row>
    <row r="43129" spans="1:3" ht="19.2">
      <c r="A43129" s="2"/>
      <c r="B43129" s="2"/>
      <c r="C43129" s="2"/>
    </row>
    <row r="43130" spans="1:3" ht="19.2">
      <c r="A43130" s="2"/>
      <c r="B43130" s="2"/>
      <c r="C43130" s="2"/>
    </row>
    <row r="43131" spans="1:3" ht="19.2">
      <c r="A43131" s="2"/>
      <c r="B43131" s="2"/>
      <c r="C43131" s="2"/>
    </row>
    <row r="43132" spans="1:3" ht="19.2">
      <c r="A43132" s="2"/>
      <c r="B43132" s="2"/>
      <c r="C43132" s="2"/>
    </row>
    <row r="43133" spans="1:3" ht="19.2">
      <c r="A43133" s="2"/>
      <c r="B43133" s="2"/>
      <c r="C43133" s="2"/>
    </row>
    <row r="43134" spans="1:3" ht="19.2">
      <c r="A43134" s="2"/>
      <c r="B43134" s="2"/>
      <c r="C43134" s="2"/>
    </row>
    <row r="43135" spans="1:3" ht="19.2">
      <c r="A43135" s="2"/>
      <c r="B43135" s="2"/>
      <c r="C43135" s="2"/>
    </row>
    <row r="43136" spans="1:3" ht="19.2">
      <c r="A43136" s="2"/>
      <c r="B43136" s="2"/>
      <c r="C43136" s="2"/>
    </row>
    <row r="43137" spans="1:3" ht="19.2">
      <c r="A43137" s="2"/>
      <c r="B43137" s="2"/>
      <c r="C43137" s="2"/>
    </row>
    <row r="43138" spans="1:3" ht="19.2">
      <c r="A43138" s="2"/>
      <c r="B43138" s="2"/>
      <c r="C43138" s="2"/>
    </row>
    <row r="43139" spans="1:3" ht="19.2">
      <c r="A43139" s="2"/>
      <c r="B43139" s="2"/>
      <c r="C43139" s="2"/>
    </row>
    <row r="43140" spans="1:3" ht="19.2">
      <c r="A43140" s="2"/>
      <c r="B43140" s="2"/>
      <c r="C43140" s="2"/>
    </row>
    <row r="43141" spans="1:3" ht="19.2">
      <c r="A43141" s="2"/>
      <c r="B43141" s="2"/>
      <c r="C43141" s="2"/>
    </row>
    <row r="43142" spans="1:3" ht="19.2">
      <c r="A43142" s="2"/>
      <c r="B43142" s="2"/>
      <c r="C43142" s="2"/>
    </row>
    <row r="43143" spans="1:3" ht="19.2">
      <c r="A43143" s="2"/>
      <c r="B43143" s="2"/>
      <c r="C43143" s="2"/>
    </row>
    <row r="43144" spans="1:3" ht="19.2">
      <c r="A43144" s="2"/>
      <c r="B43144" s="2"/>
      <c r="C43144" s="2"/>
    </row>
    <row r="43145" spans="1:3" ht="19.2">
      <c r="A43145" s="2"/>
      <c r="B43145" s="2"/>
      <c r="C43145" s="2"/>
    </row>
    <row r="43146" spans="1:3" ht="19.2">
      <c r="A43146" s="2"/>
      <c r="B43146" s="2"/>
      <c r="C43146" s="2"/>
    </row>
    <row r="43147" spans="1:3" ht="19.2">
      <c r="A43147" s="2"/>
      <c r="B43147" s="2"/>
      <c r="C43147" s="2"/>
    </row>
    <row r="43148" spans="1:3" ht="19.2">
      <c r="A43148" s="2"/>
      <c r="B43148" s="2"/>
      <c r="C43148" s="2"/>
    </row>
    <row r="43149" spans="1:3" ht="19.2">
      <c r="A43149" s="2"/>
      <c r="B43149" s="2"/>
      <c r="C43149" s="2"/>
    </row>
    <row r="43150" spans="1:3" ht="19.2">
      <c r="A43150" s="2"/>
      <c r="B43150" s="2"/>
      <c r="C43150" s="2"/>
    </row>
    <row r="43151" spans="1:3" ht="19.2">
      <c r="A43151" s="2"/>
      <c r="B43151" s="2"/>
      <c r="C43151" s="2"/>
    </row>
    <row r="43152" spans="1:3" ht="19.2">
      <c r="A43152" s="2"/>
      <c r="B43152" s="2"/>
      <c r="C43152" s="2"/>
    </row>
    <row r="43153" spans="1:3" ht="19.2">
      <c r="A43153" s="2"/>
      <c r="B43153" s="2"/>
      <c r="C43153" s="2"/>
    </row>
    <row r="43154" spans="1:3" ht="19.2">
      <c r="A43154" s="2"/>
      <c r="B43154" s="2"/>
      <c r="C43154" s="2"/>
    </row>
    <row r="43155" spans="1:3" ht="19.2">
      <c r="A43155" s="2"/>
      <c r="B43155" s="2"/>
      <c r="C43155" s="2"/>
    </row>
    <row r="43156" spans="1:3" ht="19.2">
      <c r="A43156" s="2"/>
      <c r="B43156" s="2"/>
      <c r="C43156" s="2"/>
    </row>
    <row r="43157" spans="1:3" ht="19.2">
      <c r="A43157" s="2"/>
      <c r="B43157" s="2"/>
      <c r="C43157" s="2"/>
    </row>
    <row r="43158" spans="1:3" ht="19.2">
      <c r="A43158" s="2"/>
      <c r="B43158" s="2"/>
      <c r="C43158" s="2"/>
    </row>
    <row r="43159" spans="1:3" ht="19.2">
      <c r="A43159" s="2"/>
      <c r="B43159" s="2"/>
      <c r="C43159" s="2"/>
    </row>
    <row r="43160" spans="1:3" ht="19.2">
      <c r="A43160" s="2"/>
      <c r="B43160" s="2"/>
      <c r="C43160" s="2"/>
    </row>
    <row r="43161" spans="1:3" ht="19.2">
      <c r="A43161" s="2"/>
      <c r="B43161" s="2"/>
      <c r="C43161" s="2"/>
    </row>
    <row r="43162" spans="1:3" ht="19.2">
      <c r="A43162" s="2"/>
      <c r="B43162" s="2"/>
      <c r="C43162" s="2"/>
    </row>
    <row r="43163" spans="1:3" ht="19.2">
      <c r="A43163" s="2"/>
      <c r="B43163" s="2"/>
      <c r="C43163" s="2"/>
    </row>
    <row r="43164" spans="1:3" ht="19.2">
      <c r="A43164" s="2"/>
      <c r="B43164" s="2"/>
      <c r="C43164" s="2"/>
    </row>
    <row r="43165" spans="1:3" ht="19.2">
      <c r="A43165" s="2"/>
      <c r="B43165" s="2"/>
      <c r="C43165" s="2"/>
    </row>
    <row r="43166" spans="1:3" ht="19.2">
      <c r="A43166" s="2"/>
      <c r="B43166" s="2"/>
      <c r="C43166" s="2"/>
    </row>
    <row r="43167" spans="1:3" ht="19.2">
      <c r="A43167" s="2"/>
      <c r="B43167" s="2"/>
      <c r="C43167" s="2"/>
    </row>
    <row r="43168" spans="1:3" ht="19.2">
      <c r="A43168" s="2"/>
      <c r="B43168" s="2"/>
      <c r="C43168" s="2"/>
    </row>
    <row r="43169" spans="1:3" ht="19.2">
      <c r="A43169" s="2"/>
      <c r="B43169" s="2"/>
      <c r="C43169" s="2"/>
    </row>
    <row r="43170" spans="1:3" ht="19.2">
      <c r="A43170" s="2"/>
      <c r="B43170" s="2"/>
      <c r="C43170" s="2"/>
    </row>
    <row r="43171" spans="1:3" ht="19.2">
      <c r="A43171" s="2"/>
      <c r="B43171" s="2"/>
      <c r="C43171" s="2"/>
    </row>
    <row r="43172" spans="1:3" ht="19.2">
      <c r="A43172" s="2"/>
      <c r="B43172" s="2"/>
      <c r="C43172" s="2"/>
    </row>
    <row r="43173" spans="1:3" ht="19.2">
      <c r="A43173" s="2"/>
      <c r="B43173" s="2"/>
      <c r="C43173" s="2"/>
    </row>
    <row r="43174" spans="1:3" ht="19.2">
      <c r="A43174" s="2"/>
      <c r="B43174" s="2"/>
      <c r="C43174" s="2"/>
    </row>
    <row r="43175" spans="1:3" ht="19.2">
      <c r="A43175" s="2"/>
      <c r="B43175" s="2"/>
      <c r="C43175" s="2"/>
    </row>
    <row r="43176" spans="1:3" ht="19.2">
      <c r="A43176" s="2"/>
      <c r="B43176" s="2"/>
      <c r="C43176" s="2"/>
    </row>
    <row r="43177" spans="1:3" ht="19.2">
      <c r="A43177" s="2"/>
      <c r="B43177" s="2"/>
      <c r="C43177" s="2"/>
    </row>
    <row r="43178" spans="1:3" ht="19.2">
      <c r="A43178" s="2"/>
      <c r="B43178" s="2"/>
      <c r="C43178" s="2"/>
    </row>
    <row r="43179" spans="1:3" ht="19.2">
      <c r="A43179" s="2"/>
      <c r="B43179" s="2"/>
      <c r="C43179" s="2"/>
    </row>
    <row r="43180" spans="1:3" ht="19.2">
      <c r="A43180" s="2"/>
      <c r="B43180" s="2"/>
      <c r="C43180" s="2"/>
    </row>
    <row r="43181" spans="1:3" ht="19.2">
      <c r="A43181" s="2"/>
      <c r="B43181" s="2"/>
      <c r="C43181" s="2"/>
    </row>
    <row r="43182" spans="1:3" ht="19.2">
      <c r="A43182" s="2"/>
      <c r="B43182" s="2"/>
      <c r="C43182" s="2"/>
    </row>
    <row r="43183" spans="1:3" ht="19.2">
      <c r="A43183" s="2"/>
      <c r="B43183" s="2"/>
      <c r="C43183" s="2"/>
    </row>
    <row r="43184" spans="1:3" ht="19.2">
      <c r="A43184" s="2"/>
      <c r="B43184" s="2"/>
      <c r="C43184" s="2"/>
    </row>
    <row r="43185" spans="1:3" ht="19.2">
      <c r="A43185" s="2"/>
      <c r="B43185" s="2"/>
      <c r="C43185" s="2"/>
    </row>
    <row r="43186" spans="1:3" ht="19.2">
      <c r="A43186" s="2"/>
      <c r="B43186" s="2"/>
      <c r="C43186" s="2"/>
    </row>
    <row r="43187" spans="1:3" ht="19.2">
      <c r="A43187" s="2"/>
      <c r="B43187" s="2"/>
      <c r="C43187" s="2"/>
    </row>
    <row r="43188" spans="1:3" ht="19.2">
      <c r="A43188" s="2"/>
      <c r="B43188" s="2"/>
      <c r="C43188" s="2"/>
    </row>
    <row r="43189" spans="1:3" ht="19.2">
      <c r="A43189" s="2"/>
      <c r="B43189" s="2"/>
      <c r="C43189" s="2"/>
    </row>
    <row r="43190" spans="1:3" ht="19.2">
      <c r="A43190" s="2"/>
      <c r="B43190" s="2"/>
      <c r="C43190" s="2"/>
    </row>
    <row r="43191" spans="1:3" ht="19.2">
      <c r="A43191" s="2"/>
      <c r="B43191" s="2"/>
      <c r="C43191" s="2"/>
    </row>
    <row r="43192" spans="1:3" ht="19.2">
      <c r="A43192" s="2"/>
      <c r="B43192" s="2"/>
      <c r="C43192" s="2"/>
    </row>
    <row r="43193" spans="1:3" ht="19.2">
      <c r="A43193" s="2"/>
      <c r="B43193" s="2"/>
      <c r="C43193" s="2"/>
    </row>
    <row r="43194" spans="1:3" ht="19.2">
      <c r="A43194" s="2"/>
      <c r="B43194" s="2"/>
      <c r="C43194" s="2"/>
    </row>
    <row r="43195" spans="1:3" ht="19.2">
      <c r="A43195" s="2"/>
      <c r="B43195" s="2"/>
      <c r="C43195" s="2"/>
    </row>
    <row r="43196" spans="1:3" ht="19.2">
      <c r="A43196" s="2"/>
      <c r="B43196" s="2"/>
      <c r="C43196" s="2"/>
    </row>
    <row r="43197" spans="1:3" ht="19.2">
      <c r="A43197" s="2"/>
      <c r="B43197" s="2"/>
      <c r="C43197" s="2"/>
    </row>
    <row r="43198" spans="1:3" ht="19.2">
      <c r="A43198" s="2"/>
      <c r="B43198" s="2"/>
      <c r="C43198" s="2"/>
    </row>
    <row r="43199" spans="1:3" ht="19.2">
      <c r="A43199" s="2"/>
      <c r="B43199" s="2"/>
      <c r="C43199" s="2"/>
    </row>
    <row r="43200" spans="1:3" ht="19.2">
      <c r="A43200" s="2"/>
      <c r="B43200" s="2"/>
      <c r="C43200" s="2"/>
    </row>
    <row r="43201" spans="1:3" ht="19.2">
      <c r="A43201" s="2"/>
      <c r="B43201" s="2"/>
      <c r="C43201" s="2"/>
    </row>
    <row r="43202" spans="1:3" ht="19.2">
      <c r="A43202" s="2"/>
      <c r="B43202" s="2"/>
      <c r="C43202" s="2"/>
    </row>
    <row r="43203" spans="1:3" ht="19.2">
      <c r="A43203" s="2"/>
      <c r="B43203" s="2"/>
      <c r="C43203" s="2"/>
    </row>
    <row r="43204" spans="1:3" ht="19.2">
      <c r="A43204" s="2"/>
      <c r="B43204" s="2"/>
      <c r="C43204" s="2"/>
    </row>
    <row r="43205" spans="1:3" ht="19.2">
      <c r="A43205" s="2"/>
      <c r="B43205" s="2"/>
      <c r="C43205" s="2"/>
    </row>
    <row r="43206" spans="1:3" ht="19.2">
      <c r="A43206" s="2"/>
      <c r="B43206" s="2"/>
      <c r="C43206" s="2"/>
    </row>
    <row r="43207" spans="1:3" ht="19.2">
      <c r="A43207" s="2"/>
      <c r="B43207" s="2"/>
      <c r="C43207" s="2"/>
    </row>
    <row r="43208" spans="1:3" ht="19.2">
      <c r="A43208" s="2"/>
      <c r="B43208" s="2"/>
      <c r="C43208" s="2"/>
    </row>
    <row r="43209" spans="1:3" ht="19.2">
      <c r="A43209" s="2"/>
      <c r="B43209" s="2"/>
      <c r="C43209" s="2"/>
    </row>
    <row r="43210" spans="1:3" ht="19.2">
      <c r="A43210" s="2"/>
      <c r="B43210" s="2"/>
      <c r="C43210" s="2"/>
    </row>
    <row r="43211" spans="1:3" ht="19.2">
      <c r="A43211" s="2"/>
      <c r="B43211" s="2"/>
      <c r="C43211" s="2"/>
    </row>
    <row r="43212" spans="1:3" ht="19.2">
      <c r="A43212" s="2"/>
      <c r="B43212" s="2"/>
      <c r="C43212" s="2"/>
    </row>
    <row r="43213" spans="1:3" ht="19.2">
      <c r="A43213" s="2"/>
      <c r="B43213" s="2"/>
      <c r="C43213" s="2"/>
    </row>
    <row r="43214" spans="1:3" ht="19.2">
      <c r="A43214" s="2"/>
      <c r="B43214" s="2"/>
      <c r="C43214" s="2"/>
    </row>
    <row r="43215" spans="1:3" ht="19.2">
      <c r="A43215" s="2"/>
      <c r="B43215" s="2"/>
      <c r="C43215" s="2"/>
    </row>
    <row r="43216" spans="1:3" ht="19.2">
      <c r="A43216" s="2"/>
      <c r="B43216" s="2"/>
      <c r="C43216" s="2"/>
    </row>
    <row r="43217" spans="1:3" ht="19.2">
      <c r="A43217" s="2"/>
      <c r="B43217" s="2"/>
      <c r="C43217" s="2"/>
    </row>
    <row r="43218" spans="1:3" ht="19.2">
      <c r="A43218" s="2"/>
      <c r="B43218" s="2"/>
      <c r="C43218" s="2"/>
    </row>
    <row r="43219" spans="1:3" ht="19.2">
      <c r="A43219" s="2"/>
      <c r="B43219" s="2"/>
      <c r="C43219" s="2"/>
    </row>
    <row r="43220" spans="1:3" ht="19.2">
      <c r="A43220" s="2"/>
      <c r="B43220" s="2"/>
      <c r="C43220" s="2"/>
    </row>
    <row r="43221" spans="1:3" ht="19.2">
      <c r="A43221" s="2"/>
      <c r="B43221" s="2"/>
      <c r="C43221" s="2"/>
    </row>
    <row r="43222" spans="1:3" ht="19.2">
      <c r="A43222" s="2"/>
      <c r="B43222" s="2"/>
      <c r="C43222" s="2"/>
    </row>
    <row r="43223" spans="1:3" ht="19.2">
      <c r="A43223" s="2"/>
      <c r="B43223" s="2"/>
      <c r="C43223" s="2"/>
    </row>
    <row r="43224" spans="1:3" ht="19.2">
      <c r="A43224" s="2"/>
      <c r="B43224" s="2"/>
      <c r="C43224" s="2"/>
    </row>
    <row r="43225" spans="1:3" ht="19.2">
      <c r="A43225" s="2"/>
      <c r="B43225" s="2"/>
      <c r="C43225" s="2"/>
    </row>
    <row r="43226" spans="1:3" ht="19.2">
      <c r="A43226" s="2"/>
      <c r="B43226" s="2"/>
      <c r="C43226" s="2"/>
    </row>
    <row r="43227" spans="1:3" ht="19.2">
      <c r="A43227" s="2"/>
      <c r="B43227" s="2"/>
      <c r="C43227" s="2"/>
    </row>
    <row r="43228" spans="1:3" ht="19.2">
      <c r="A43228" s="2"/>
      <c r="B43228" s="2"/>
      <c r="C43228" s="2"/>
    </row>
    <row r="43229" spans="1:3" ht="19.2">
      <c r="A43229" s="2"/>
      <c r="B43229" s="2"/>
      <c r="C43229" s="2"/>
    </row>
    <row r="43230" spans="1:3" ht="19.2">
      <c r="A43230" s="2"/>
      <c r="B43230" s="2"/>
      <c r="C43230" s="2"/>
    </row>
    <row r="43231" spans="1:3" ht="19.2">
      <c r="A43231" s="2"/>
      <c r="B43231" s="2"/>
      <c r="C43231" s="2"/>
    </row>
    <row r="43232" spans="1:3" ht="19.2">
      <c r="A43232" s="2"/>
      <c r="B43232" s="2"/>
      <c r="C43232" s="2"/>
    </row>
    <row r="43233" spans="1:3" ht="19.2">
      <c r="A43233" s="2"/>
      <c r="B43233" s="2"/>
      <c r="C43233" s="2"/>
    </row>
    <row r="43234" spans="1:3" ht="19.2">
      <c r="A43234" s="2"/>
      <c r="B43234" s="2"/>
      <c r="C43234" s="2"/>
    </row>
    <row r="43235" spans="1:3" ht="19.2">
      <c r="A43235" s="2"/>
      <c r="B43235" s="2"/>
      <c r="C43235" s="2"/>
    </row>
    <row r="43236" spans="1:3" ht="19.2">
      <c r="A43236" s="2"/>
      <c r="B43236" s="2"/>
      <c r="C43236" s="2"/>
    </row>
    <row r="43237" spans="1:3" ht="19.2">
      <c r="A43237" s="2"/>
      <c r="B43237" s="2"/>
      <c r="C43237" s="2"/>
    </row>
    <row r="43238" spans="1:3" ht="19.2">
      <c r="A43238" s="2"/>
      <c r="B43238" s="2"/>
      <c r="C43238" s="2"/>
    </row>
    <row r="43239" spans="1:3" ht="19.2">
      <c r="A43239" s="2"/>
      <c r="B43239" s="2"/>
      <c r="C43239" s="2"/>
    </row>
    <row r="43240" spans="1:3" ht="19.2">
      <c r="A43240" s="2"/>
      <c r="B43240" s="2"/>
      <c r="C43240" s="2"/>
    </row>
    <row r="43241" spans="1:3" ht="19.2">
      <c r="A43241" s="2"/>
      <c r="B43241" s="2"/>
      <c r="C43241" s="2"/>
    </row>
    <row r="43242" spans="1:3" ht="19.2">
      <c r="A43242" s="2"/>
      <c r="B43242" s="2"/>
      <c r="C43242" s="2"/>
    </row>
    <row r="43243" spans="1:3" ht="19.2">
      <c r="A43243" s="2"/>
      <c r="B43243" s="2"/>
      <c r="C43243" s="2"/>
    </row>
    <row r="43244" spans="1:3" ht="19.2">
      <c r="A43244" s="2"/>
      <c r="B43244" s="2"/>
      <c r="C43244" s="2"/>
    </row>
    <row r="43245" spans="1:3" ht="19.2">
      <c r="A43245" s="2"/>
      <c r="B43245" s="2"/>
      <c r="C43245" s="2"/>
    </row>
    <row r="43246" spans="1:3" ht="19.2">
      <c r="A43246" s="2"/>
      <c r="B43246" s="2"/>
      <c r="C43246" s="2"/>
    </row>
    <row r="43247" spans="1:3" ht="19.2">
      <c r="A43247" s="2"/>
      <c r="B43247" s="2"/>
      <c r="C43247" s="2"/>
    </row>
    <row r="43248" spans="1:3" ht="19.2">
      <c r="A43248" s="2"/>
      <c r="B43248" s="2"/>
      <c r="C43248" s="2"/>
    </row>
    <row r="43249" spans="1:3" ht="19.2">
      <c r="A43249" s="2"/>
      <c r="B43249" s="2"/>
      <c r="C43249" s="2"/>
    </row>
    <row r="43250" spans="1:3" ht="19.2">
      <c r="A43250" s="2"/>
      <c r="B43250" s="2"/>
      <c r="C43250" s="2"/>
    </row>
    <row r="43251" spans="1:3" ht="19.2">
      <c r="A43251" s="2"/>
      <c r="B43251" s="2"/>
      <c r="C43251" s="2"/>
    </row>
    <row r="43252" spans="1:3" ht="19.2">
      <c r="A43252" s="2"/>
      <c r="B43252" s="2"/>
      <c r="C43252" s="2"/>
    </row>
    <row r="43253" spans="1:3" ht="19.2">
      <c r="A43253" s="2"/>
      <c r="B43253" s="2"/>
      <c r="C43253" s="2"/>
    </row>
    <row r="43254" spans="1:3" ht="19.2">
      <c r="A43254" s="2"/>
      <c r="B43254" s="2"/>
      <c r="C43254" s="2"/>
    </row>
    <row r="43255" spans="1:3" ht="19.2">
      <c r="A43255" s="2"/>
      <c r="B43255" s="2"/>
      <c r="C43255" s="2"/>
    </row>
    <row r="43256" spans="1:3" ht="19.2">
      <c r="A43256" s="2"/>
      <c r="B43256" s="2"/>
      <c r="C43256" s="2"/>
    </row>
    <row r="43257" spans="1:3" ht="19.2">
      <c r="A43257" s="2"/>
      <c r="B43257" s="2"/>
      <c r="C43257" s="2"/>
    </row>
    <row r="43258" spans="1:3" ht="19.2">
      <c r="A43258" s="2"/>
      <c r="B43258" s="2"/>
      <c r="C43258" s="2"/>
    </row>
    <row r="43259" spans="1:3" ht="19.2">
      <c r="A43259" s="2"/>
      <c r="B43259" s="2"/>
      <c r="C43259" s="2"/>
    </row>
    <row r="43260" spans="1:3" ht="19.2">
      <c r="A43260" s="2"/>
      <c r="B43260" s="2"/>
      <c r="C43260" s="2"/>
    </row>
    <row r="43261" spans="1:3" ht="19.2">
      <c r="A43261" s="2"/>
      <c r="B43261" s="2"/>
      <c r="C43261" s="2"/>
    </row>
    <row r="43262" spans="1:3" ht="19.2">
      <c r="A43262" s="2"/>
      <c r="B43262" s="2"/>
      <c r="C43262" s="2"/>
    </row>
    <row r="43263" spans="1:3" ht="19.2">
      <c r="A43263" s="2"/>
      <c r="B43263" s="2"/>
      <c r="C43263" s="2"/>
    </row>
    <row r="43264" spans="1:3" ht="19.2">
      <c r="A43264" s="2"/>
      <c r="B43264" s="2"/>
      <c r="C43264" s="2"/>
    </row>
    <row r="43265" spans="1:3" ht="19.2">
      <c r="A43265" s="2"/>
      <c r="B43265" s="2"/>
      <c r="C43265" s="2"/>
    </row>
    <row r="43266" spans="1:3" ht="19.2">
      <c r="A43266" s="2"/>
      <c r="B43266" s="2"/>
      <c r="C43266" s="2"/>
    </row>
    <row r="43267" spans="1:3" ht="19.2">
      <c r="A43267" s="2"/>
      <c r="B43267" s="2"/>
      <c r="C43267" s="2"/>
    </row>
    <row r="43268" spans="1:3" ht="19.2">
      <c r="A43268" s="2"/>
      <c r="B43268" s="2"/>
      <c r="C43268" s="2"/>
    </row>
    <row r="43269" spans="1:3" ht="19.2">
      <c r="A43269" s="2"/>
      <c r="B43269" s="2"/>
      <c r="C43269" s="2"/>
    </row>
    <row r="43270" spans="1:3" ht="19.2">
      <c r="A43270" s="2"/>
      <c r="B43270" s="2"/>
      <c r="C43270" s="2"/>
    </row>
    <row r="43271" spans="1:3" ht="19.2">
      <c r="A43271" s="2"/>
      <c r="B43271" s="2"/>
      <c r="C43271" s="2"/>
    </row>
    <row r="43272" spans="1:3" ht="19.2">
      <c r="A43272" s="2"/>
      <c r="B43272" s="2"/>
      <c r="C43272" s="2"/>
    </row>
    <row r="43273" spans="1:3" ht="19.2">
      <c r="A43273" s="2"/>
      <c r="B43273" s="2"/>
      <c r="C43273" s="2"/>
    </row>
    <row r="43274" spans="1:3" ht="19.2">
      <c r="A43274" s="2"/>
      <c r="B43274" s="2"/>
      <c r="C43274" s="2"/>
    </row>
    <row r="43275" spans="1:3" ht="19.2">
      <c r="A43275" s="2"/>
      <c r="B43275" s="2"/>
      <c r="C43275" s="2"/>
    </row>
    <row r="43276" spans="1:3" ht="19.2">
      <c r="A43276" s="2"/>
      <c r="B43276" s="2"/>
      <c r="C43276" s="2"/>
    </row>
    <row r="43277" spans="1:3" ht="19.2">
      <c r="A43277" s="2"/>
      <c r="B43277" s="2"/>
      <c r="C43277" s="2"/>
    </row>
    <row r="43278" spans="1:3" ht="19.2">
      <c r="A43278" s="2"/>
      <c r="B43278" s="2"/>
      <c r="C43278" s="2"/>
    </row>
    <row r="43279" spans="1:3" ht="19.2">
      <c r="A43279" s="2"/>
      <c r="B43279" s="2"/>
      <c r="C43279" s="2"/>
    </row>
    <row r="43280" spans="1:3" ht="19.2">
      <c r="A43280" s="2"/>
      <c r="B43280" s="2"/>
      <c r="C43280" s="2"/>
    </row>
    <row r="43281" spans="1:3" ht="19.2">
      <c r="A43281" s="2"/>
      <c r="B43281" s="2"/>
      <c r="C43281" s="2"/>
    </row>
    <row r="43282" spans="1:3" ht="19.2">
      <c r="A43282" s="2"/>
      <c r="B43282" s="2"/>
      <c r="C43282" s="2"/>
    </row>
    <row r="43283" spans="1:3" ht="19.2">
      <c r="A43283" s="2"/>
      <c r="B43283" s="2"/>
      <c r="C43283" s="2"/>
    </row>
    <row r="43284" spans="1:3" ht="19.2">
      <c r="A43284" s="2"/>
      <c r="B43284" s="2"/>
      <c r="C43284" s="2"/>
    </row>
    <row r="43285" spans="1:3" ht="19.2">
      <c r="A43285" s="2"/>
      <c r="B43285" s="2"/>
      <c r="C43285" s="2"/>
    </row>
    <row r="43286" spans="1:3" ht="19.2">
      <c r="A43286" s="2"/>
      <c r="B43286" s="2"/>
      <c r="C43286" s="2"/>
    </row>
    <row r="43287" spans="1:3" ht="19.2">
      <c r="A43287" s="2"/>
      <c r="B43287" s="2"/>
      <c r="C43287" s="2"/>
    </row>
    <row r="43288" spans="1:3" ht="19.2">
      <c r="A43288" s="2"/>
      <c r="B43288" s="2"/>
      <c r="C43288" s="2"/>
    </row>
    <row r="43289" spans="1:3" ht="19.2">
      <c r="A43289" s="2"/>
      <c r="B43289" s="2"/>
      <c r="C43289" s="2"/>
    </row>
    <row r="43290" spans="1:3" ht="19.2">
      <c r="A43290" s="2"/>
      <c r="B43290" s="2"/>
      <c r="C43290" s="2"/>
    </row>
    <row r="43291" spans="1:3" ht="19.2">
      <c r="A43291" s="2"/>
      <c r="B43291" s="2"/>
      <c r="C43291" s="2"/>
    </row>
    <row r="43292" spans="1:3" ht="19.2">
      <c r="A43292" s="2"/>
      <c r="B43292" s="2"/>
      <c r="C43292" s="2"/>
    </row>
    <row r="43293" spans="1:3" ht="19.2">
      <c r="A43293" s="2"/>
      <c r="B43293" s="2"/>
      <c r="C43293" s="2"/>
    </row>
    <row r="43294" spans="1:3" ht="19.2">
      <c r="A43294" s="2"/>
      <c r="B43294" s="2"/>
      <c r="C43294" s="2"/>
    </row>
    <row r="43295" spans="1:3" ht="19.2">
      <c r="A43295" s="2"/>
      <c r="B43295" s="2"/>
      <c r="C43295" s="2"/>
    </row>
    <row r="43296" spans="1:3" ht="19.2">
      <c r="A43296" s="2"/>
      <c r="B43296" s="2"/>
      <c r="C43296" s="2"/>
    </row>
    <row r="43297" spans="1:3" ht="19.2">
      <c r="A43297" s="2"/>
      <c r="B43297" s="2"/>
      <c r="C43297" s="2"/>
    </row>
    <row r="43298" spans="1:3" ht="19.2">
      <c r="A43298" s="2"/>
      <c r="B43298" s="2"/>
      <c r="C43298" s="2"/>
    </row>
    <row r="43299" spans="1:3" ht="19.2">
      <c r="A43299" s="2"/>
      <c r="B43299" s="2"/>
      <c r="C43299" s="2"/>
    </row>
    <row r="43300" spans="1:3" ht="19.2">
      <c r="A43300" s="2"/>
      <c r="B43300" s="2"/>
      <c r="C43300" s="2"/>
    </row>
    <row r="43301" spans="1:3" ht="19.2">
      <c r="A43301" s="2"/>
      <c r="B43301" s="2"/>
      <c r="C43301" s="2"/>
    </row>
    <row r="43302" spans="1:3" ht="19.2">
      <c r="A43302" s="2"/>
      <c r="B43302" s="2"/>
      <c r="C43302" s="2"/>
    </row>
    <row r="43303" spans="1:3" ht="19.2">
      <c r="A43303" s="2"/>
      <c r="B43303" s="2"/>
      <c r="C43303" s="2"/>
    </row>
    <row r="43304" spans="1:3" ht="19.2">
      <c r="A43304" s="2"/>
      <c r="B43304" s="2"/>
      <c r="C43304" s="2"/>
    </row>
    <row r="43305" spans="1:3" ht="19.2">
      <c r="A43305" s="2"/>
      <c r="B43305" s="2"/>
      <c r="C43305" s="2"/>
    </row>
    <row r="43306" spans="1:3" ht="19.2">
      <c r="A43306" s="2"/>
      <c r="B43306" s="2"/>
      <c r="C43306" s="2"/>
    </row>
    <row r="43307" spans="1:3" ht="19.2">
      <c r="A43307" s="2"/>
      <c r="B43307" s="2"/>
      <c r="C43307" s="2"/>
    </row>
    <row r="43308" spans="1:3" ht="19.2">
      <c r="A43308" s="2"/>
      <c r="B43308" s="2"/>
      <c r="C43308" s="2"/>
    </row>
    <row r="43309" spans="1:3" ht="19.2">
      <c r="A43309" s="2"/>
      <c r="B43309" s="2"/>
      <c r="C43309" s="2"/>
    </row>
    <row r="43310" spans="1:3" ht="19.2">
      <c r="A43310" s="2"/>
      <c r="B43310" s="2"/>
      <c r="C43310" s="2"/>
    </row>
    <row r="43311" spans="1:3" ht="19.2">
      <c r="A43311" s="2"/>
      <c r="B43311" s="2"/>
      <c r="C43311" s="2"/>
    </row>
    <row r="43312" spans="1:3" ht="19.2">
      <c r="A43312" s="2"/>
      <c r="B43312" s="2"/>
      <c r="C43312" s="2"/>
    </row>
    <row r="43313" spans="1:3" ht="19.2">
      <c r="A43313" s="2"/>
      <c r="B43313" s="2"/>
      <c r="C43313" s="2"/>
    </row>
    <row r="43314" spans="1:3" ht="19.2">
      <c r="A43314" s="2"/>
      <c r="B43314" s="2"/>
      <c r="C43314" s="2"/>
    </row>
    <row r="43315" spans="1:3" ht="19.2">
      <c r="A43315" s="2"/>
      <c r="B43315" s="2"/>
      <c r="C43315" s="2"/>
    </row>
    <row r="43316" spans="1:3" ht="19.2">
      <c r="A43316" s="2"/>
      <c r="B43316" s="2"/>
      <c r="C43316" s="2"/>
    </row>
    <row r="43317" spans="1:3" ht="19.2">
      <c r="A43317" s="2"/>
      <c r="B43317" s="2"/>
      <c r="C43317" s="2"/>
    </row>
    <row r="43318" spans="1:3" ht="19.2">
      <c r="A43318" s="2"/>
      <c r="B43318" s="2"/>
      <c r="C43318" s="2"/>
    </row>
    <row r="43319" spans="1:3" ht="19.2">
      <c r="A43319" s="2"/>
      <c r="B43319" s="2"/>
      <c r="C43319" s="2"/>
    </row>
    <row r="43320" spans="1:3" ht="19.2">
      <c r="A43320" s="2"/>
      <c r="B43320" s="2"/>
      <c r="C43320" s="2"/>
    </row>
    <row r="43321" spans="1:3" ht="19.2">
      <c r="A43321" s="2"/>
      <c r="B43321" s="2"/>
      <c r="C43321" s="2"/>
    </row>
    <row r="43322" spans="1:3" ht="19.2">
      <c r="A43322" s="2"/>
      <c r="B43322" s="2"/>
      <c r="C43322" s="2"/>
    </row>
    <row r="43323" spans="1:3" ht="19.2">
      <c r="A43323" s="2"/>
      <c r="B43323" s="2"/>
      <c r="C43323" s="2"/>
    </row>
    <row r="43324" spans="1:3" ht="19.2">
      <c r="A43324" s="2"/>
      <c r="B43324" s="2"/>
      <c r="C43324" s="2"/>
    </row>
    <row r="43325" spans="1:3" ht="19.2">
      <c r="A43325" s="2"/>
      <c r="B43325" s="2"/>
      <c r="C43325" s="2"/>
    </row>
    <row r="43326" spans="1:3" ht="19.2">
      <c r="A43326" s="2"/>
      <c r="B43326" s="2"/>
      <c r="C43326" s="2"/>
    </row>
    <row r="43327" spans="1:3" ht="19.2">
      <c r="A43327" s="2"/>
      <c r="B43327" s="2"/>
      <c r="C43327" s="2"/>
    </row>
    <row r="43328" spans="1:3" ht="19.2">
      <c r="A43328" s="2"/>
      <c r="B43328" s="2"/>
      <c r="C43328" s="2"/>
    </row>
    <row r="43329" spans="1:3" ht="19.2">
      <c r="A43329" s="2"/>
      <c r="B43329" s="2"/>
      <c r="C43329" s="2"/>
    </row>
    <row r="43330" spans="1:3" ht="19.2">
      <c r="A43330" s="2"/>
      <c r="B43330" s="2"/>
      <c r="C43330" s="2"/>
    </row>
    <row r="43331" spans="1:3" ht="19.2">
      <c r="A43331" s="2"/>
      <c r="B43331" s="2"/>
      <c r="C43331" s="2"/>
    </row>
    <row r="43332" spans="1:3" ht="19.2">
      <c r="A43332" s="2"/>
      <c r="B43332" s="2"/>
      <c r="C43332" s="2"/>
    </row>
    <row r="43333" spans="1:3" ht="19.2">
      <c r="A43333" s="2"/>
      <c r="B43333" s="2"/>
      <c r="C43333" s="2"/>
    </row>
    <row r="43334" spans="1:3" ht="19.2">
      <c r="A43334" s="2"/>
      <c r="B43334" s="2"/>
      <c r="C43334" s="2"/>
    </row>
    <row r="43335" spans="1:3" ht="19.2">
      <c r="A43335" s="2"/>
      <c r="B43335" s="2"/>
      <c r="C43335" s="2"/>
    </row>
    <row r="43336" spans="1:3" ht="19.2">
      <c r="A43336" s="2"/>
      <c r="B43336" s="2"/>
      <c r="C43336" s="2"/>
    </row>
    <row r="43337" spans="1:3" ht="19.2">
      <c r="A43337" s="2"/>
      <c r="B43337" s="2"/>
      <c r="C43337" s="2"/>
    </row>
    <row r="43338" spans="1:3" ht="19.2">
      <c r="A43338" s="2"/>
      <c r="B43338" s="2"/>
      <c r="C43338" s="2"/>
    </row>
    <row r="43339" spans="1:3" ht="19.2">
      <c r="A43339" s="2"/>
      <c r="B43339" s="2"/>
      <c r="C43339" s="2"/>
    </row>
    <row r="43340" spans="1:3" ht="19.2">
      <c r="A43340" s="2"/>
      <c r="B43340" s="2"/>
      <c r="C43340" s="2"/>
    </row>
    <row r="43341" spans="1:3" ht="19.2">
      <c r="A43341" s="2"/>
      <c r="B43341" s="2"/>
      <c r="C43341" s="2"/>
    </row>
    <row r="43342" spans="1:3" ht="19.2">
      <c r="A43342" s="2"/>
      <c r="B43342" s="2"/>
      <c r="C43342" s="2"/>
    </row>
    <row r="43343" spans="1:3" ht="19.2">
      <c r="A43343" s="2"/>
      <c r="B43343" s="2"/>
      <c r="C43343" s="2"/>
    </row>
    <row r="43344" spans="1:3" ht="19.2">
      <c r="A43344" s="2"/>
      <c r="B43344" s="2"/>
      <c r="C43344" s="2"/>
    </row>
    <row r="43345" spans="1:3" ht="19.2">
      <c r="A43345" s="2"/>
      <c r="B43345" s="2"/>
      <c r="C43345" s="2"/>
    </row>
    <row r="43346" spans="1:3" ht="19.2">
      <c r="A43346" s="2"/>
      <c r="B43346" s="2"/>
      <c r="C43346" s="2"/>
    </row>
    <row r="43347" spans="1:3" ht="19.2">
      <c r="A43347" s="2"/>
      <c r="B43347" s="2"/>
      <c r="C43347" s="2"/>
    </row>
    <row r="43348" spans="1:3" ht="19.2">
      <c r="A43348" s="2"/>
      <c r="B43348" s="2"/>
      <c r="C43348" s="2"/>
    </row>
    <row r="43349" spans="1:3" ht="19.2">
      <c r="A43349" s="2"/>
      <c r="B43349" s="2"/>
      <c r="C43349" s="2"/>
    </row>
    <row r="43350" spans="1:3" ht="19.2">
      <c r="A43350" s="2"/>
      <c r="B43350" s="2"/>
      <c r="C43350" s="2"/>
    </row>
    <row r="43351" spans="1:3" ht="19.2">
      <c r="A43351" s="2"/>
      <c r="B43351" s="2"/>
      <c r="C43351" s="2"/>
    </row>
    <row r="43352" spans="1:3" ht="19.2">
      <c r="A43352" s="2"/>
      <c r="B43352" s="2"/>
      <c r="C43352" s="2"/>
    </row>
    <row r="43353" spans="1:3" ht="19.2">
      <c r="A43353" s="2"/>
      <c r="B43353" s="2"/>
      <c r="C43353" s="2"/>
    </row>
    <row r="43354" spans="1:3" ht="19.2">
      <c r="A43354" s="2"/>
      <c r="B43354" s="2"/>
      <c r="C43354" s="2"/>
    </row>
    <row r="43355" spans="1:3" ht="19.2">
      <c r="A43355" s="2"/>
      <c r="B43355" s="2"/>
      <c r="C43355" s="2"/>
    </row>
    <row r="43356" spans="1:3" ht="19.2">
      <c r="A43356" s="2"/>
      <c r="B43356" s="2"/>
      <c r="C43356" s="2"/>
    </row>
    <row r="43357" spans="1:3" ht="19.2">
      <c r="A43357" s="2"/>
      <c r="B43357" s="2"/>
      <c r="C43357" s="2"/>
    </row>
    <row r="43358" spans="1:3" ht="19.2">
      <c r="A43358" s="2"/>
      <c r="B43358" s="2"/>
      <c r="C43358" s="2"/>
    </row>
    <row r="43359" spans="1:3" ht="19.2">
      <c r="A43359" s="2"/>
      <c r="B43359" s="2"/>
      <c r="C43359" s="2"/>
    </row>
    <row r="43360" spans="1:3" ht="19.2">
      <c r="A43360" s="2"/>
      <c r="B43360" s="2"/>
      <c r="C43360" s="2"/>
    </row>
    <row r="43361" spans="1:3" ht="19.2">
      <c r="A43361" s="2"/>
      <c r="B43361" s="2"/>
      <c r="C43361" s="2"/>
    </row>
    <row r="43362" spans="1:3" ht="19.2">
      <c r="A43362" s="2"/>
      <c r="B43362" s="2"/>
      <c r="C43362" s="2"/>
    </row>
    <row r="43363" spans="1:3" ht="19.2">
      <c r="A43363" s="2"/>
      <c r="B43363" s="2"/>
      <c r="C43363" s="2"/>
    </row>
    <row r="43364" spans="1:3" ht="19.2">
      <c r="A43364" s="2"/>
      <c r="B43364" s="2"/>
      <c r="C43364" s="2"/>
    </row>
    <row r="43365" spans="1:3" ht="19.2">
      <c r="A43365" s="2"/>
      <c r="B43365" s="2"/>
      <c r="C43365" s="2"/>
    </row>
    <row r="43366" spans="1:3" ht="19.2">
      <c r="A43366" s="2"/>
      <c r="B43366" s="2"/>
      <c r="C43366" s="2"/>
    </row>
    <row r="43367" spans="1:3" ht="19.2">
      <c r="A43367" s="2"/>
      <c r="B43367" s="2"/>
      <c r="C43367" s="2"/>
    </row>
    <row r="43368" spans="1:3" ht="19.2">
      <c r="A43368" s="2"/>
      <c r="B43368" s="2"/>
      <c r="C43368" s="2"/>
    </row>
    <row r="43369" spans="1:3" ht="19.2">
      <c r="A43369" s="2"/>
      <c r="B43369" s="2"/>
      <c r="C43369" s="2"/>
    </row>
    <row r="43370" spans="1:3" ht="19.2">
      <c r="A43370" s="2"/>
      <c r="B43370" s="2"/>
      <c r="C43370" s="2"/>
    </row>
    <row r="43371" spans="1:3" ht="19.2">
      <c r="A43371" s="2"/>
      <c r="B43371" s="2"/>
      <c r="C43371" s="2"/>
    </row>
    <row r="43372" spans="1:3" ht="19.2">
      <c r="A43372" s="2"/>
      <c r="B43372" s="2"/>
      <c r="C43372" s="2"/>
    </row>
    <row r="43373" spans="1:3" ht="19.2">
      <c r="A43373" s="2"/>
      <c r="B43373" s="2"/>
      <c r="C43373" s="2"/>
    </row>
    <row r="43374" spans="1:3" ht="19.2">
      <c r="A43374" s="2"/>
      <c r="B43374" s="2"/>
      <c r="C43374" s="2"/>
    </row>
    <row r="43375" spans="1:3" ht="19.2">
      <c r="A43375" s="2"/>
      <c r="B43375" s="2"/>
      <c r="C43375" s="2"/>
    </row>
    <row r="43376" spans="1:3" ht="19.2">
      <c r="A43376" s="2"/>
      <c r="B43376" s="2"/>
      <c r="C43376" s="2"/>
    </row>
    <row r="43377" spans="1:3" ht="19.2">
      <c r="A43377" s="2"/>
      <c r="B43377" s="2"/>
      <c r="C43377" s="2"/>
    </row>
    <row r="43378" spans="1:3" ht="19.2">
      <c r="A43378" s="2"/>
      <c r="B43378" s="2"/>
      <c r="C43378" s="2"/>
    </row>
    <row r="43379" spans="1:3" ht="19.2">
      <c r="A43379" s="2"/>
      <c r="B43379" s="2"/>
      <c r="C43379" s="2"/>
    </row>
    <row r="43380" spans="1:3" ht="19.2">
      <c r="A43380" s="2"/>
      <c r="B43380" s="2"/>
      <c r="C43380" s="2"/>
    </row>
    <row r="43381" spans="1:3" ht="19.2">
      <c r="A43381" s="2"/>
      <c r="B43381" s="2"/>
      <c r="C43381" s="2"/>
    </row>
    <row r="43382" spans="1:3" ht="19.2">
      <c r="A43382" s="2"/>
      <c r="B43382" s="2"/>
      <c r="C43382" s="2"/>
    </row>
    <row r="43383" spans="1:3" ht="19.2">
      <c r="A43383" s="2"/>
      <c r="B43383" s="2"/>
      <c r="C43383" s="2"/>
    </row>
    <row r="43384" spans="1:3" ht="19.2">
      <c r="A43384" s="2"/>
      <c r="B43384" s="2"/>
      <c r="C43384" s="2"/>
    </row>
    <row r="43385" spans="1:3" ht="19.2">
      <c r="A43385" s="2"/>
      <c r="B43385" s="2"/>
      <c r="C43385" s="2"/>
    </row>
    <row r="43386" spans="1:3" ht="19.2">
      <c r="A43386" s="2"/>
      <c r="B43386" s="2"/>
      <c r="C43386" s="2"/>
    </row>
    <row r="43387" spans="1:3" ht="19.2">
      <c r="A43387" s="2"/>
      <c r="B43387" s="2"/>
      <c r="C43387" s="2"/>
    </row>
    <row r="43388" spans="1:3" ht="19.2">
      <c r="A43388" s="2"/>
      <c r="B43388" s="2"/>
      <c r="C43388" s="2"/>
    </row>
    <row r="43389" spans="1:3" ht="19.2">
      <c r="A43389" s="2"/>
      <c r="B43389" s="2"/>
      <c r="C43389" s="2"/>
    </row>
    <row r="43390" spans="1:3" ht="19.2">
      <c r="A43390" s="2"/>
      <c r="B43390" s="2"/>
      <c r="C43390" s="2"/>
    </row>
    <row r="43391" spans="1:3" ht="19.2">
      <c r="A43391" s="2"/>
      <c r="B43391" s="2"/>
      <c r="C43391" s="2"/>
    </row>
    <row r="43392" spans="1:3" ht="19.2">
      <c r="A43392" s="2"/>
      <c r="B43392" s="2"/>
      <c r="C43392" s="2"/>
    </row>
    <row r="43393" spans="1:3" ht="19.2">
      <c r="A43393" s="2"/>
      <c r="B43393" s="2"/>
      <c r="C43393" s="2"/>
    </row>
    <row r="43394" spans="1:3" ht="19.2">
      <c r="A43394" s="2"/>
      <c r="B43394" s="2"/>
      <c r="C43394" s="2"/>
    </row>
    <row r="43395" spans="1:3" ht="19.2">
      <c r="A43395" s="2"/>
      <c r="B43395" s="2"/>
      <c r="C43395" s="2"/>
    </row>
    <row r="43396" spans="1:3" ht="19.2">
      <c r="A43396" s="2"/>
      <c r="B43396" s="2"/>
      <c r="C43396" s="2"/>
    </row>
    <row r="43397" spans="1:3" ht="19.2">
      <c r="A43397" s="2"/>
      <c r="B43397" s="2"/>
      <c r="C43397" s="2"/>
    </row>
    <row r="43398" spans="1:3" ht="19.2">
      <c r="A43398" s="2"/>
      <c r="B43398" s="2"/>
      <c r="C43398" s="2"/>
    </row>
    <row r="43399" spans="1:3" ht="19.2">
      <c r="A43399" s="2"/>
      <c r="B43399" s="2"/>
      <c r="C43399" s="2"/>
    </row>
    <row r="43400" spans="1:3" ht="19.2">
      <c r="A43400" s="2"/>
      <c r="B43400" s="2"/>
      <c r="C43400" s="2"/>
    </row>
    <row r="43401" spans="1:3" ht="19.2">
      <c r="A43401" s="2"/>
      <c r="B43401" s="2"/>
      <c r="C43401" s="2"/>
    </row>
    <row r="43402" spans="1:3" ht="19.2">
      <c r="A43402" s="2"/>
      <c r="B43402" s="2"/>
      <c r="C43402" s="2"/>
    </row>
    <row r="43403" spans="1:3" ht="19.2">
      <c r="A43403" s="2"/>
      <c r="B43403" s="2"/>
      <c r="C43403" s="2"/>
    </row>
    <row r="43404" spans="1:3" ht="19.2">
      <c r="A43404" s="2"/>
      <c r="B43404" s="2"/>
      <c r="C43404" s="2"/>
    </row>
    <row r="43405" spans="1:3" ht="19.2">
      <c r="A43405" s="2"/>
      <c r="B43405" s="2"/>
      <c r="C43405" s="2"/>
    </row>
    <row r="43406" spans="1:3" ht="19.2">
      <c r="A43406" s="2"/>
      <c r="B43406" s="2"/>
      <c r="C43406" s="2"/>
    </row>
    <row r="43407" spans="1:3" ht="19.2">
      <c r="A43407" s="2"/>
      <c r="B43407" s="2"/>
      <c r="C43407" s="2"/>
    </row>
    <row r="43408" spans="1:3" ht="19.2">
      <c r="A43408" s="2"/>
      <c r="B43408" s="2"/>
      <c r="C43408" s="2"/>
    </row>
    <row r="43409" spans="1:3" ht="19.2">
      <c r="A43409" s="2"/>
      <c r="B43409" s="2"/>
      <c r="C43409" s="2"/>
    </row>
    <row r="43410" spans="1:3" ht="19.2">
      <c r="A43410" s="2"/>
      <c r="B43410" s="2"/>
      <c r="C43410" s="2"/>
    </row>
    <row r="43411" spans="1:3" ht="19.2">
      <c r="A43411" s="2"/>
      <c r="B43411" s="2"/>
      <c r="C43411" s="2"/>
    </row>
    <row r="43412" spans="1:3" ht="19.2">
      <c r="A43412" s="2"/>
      <c r="B43412" s="2"/>
      <c r="C43412" s="2"/>
    </row>
    <row r="43413" spans="1:3" ht="19.2">
      <c r="A43413" s="2"/>
      <c r="B43413" s="2"/>
      <c r="C43413" s="2"/>
    </row>
    <row r="43414" spans="1:3" ht="19.2">
      <c r="A43414" s="2"/>
      <c r="B43414" s="2"/>
      <c r="C43414" s="2"/>
    </row>
    <row r="43415" spans="1:3" ht="19.2">
      <c r="A43415" s="2"/>
      <c r="B43415" s="2"/>
      <c r="C43415" s="2"/>
    </row>
    <row r="43416" spans="1:3" ht="19.2">
      <c r="A43416" s="2"/>
      <c r="B43416" s="2"/>
      <c r="C43416" s="2"/>
    </row>
    <row r="43417" spans="1:3" ht="19.2">
      <c r="A43417" s="2"/>
      <c r="B43417" s="2"/>
      <c r="C43417" s="2"/>
    </row>
    <row r="43418" spans="1:3" ht="19.2">
      <c r="A43418" s="2"/>
      <c r="B43418" s="2"/>
      <c r="C43418" s="2"/>
    </row>
    <row r="43419" spans="1:3" ht="19.2">
      <c r="A43419" s="2"/>
      <c r="B43419" s="2"/>
      <c r="C43419" s="2"/>
    </row>
    <row r="43420" spans="1:3" ht="19.2">
      <c r="A43420" s="2"/>
      <c r="B43420" s="2"/>
      <c r="C43420" s="2"/>
    </row>
    <row r="43421" spans="1:3" ht="19.2">
      <c r="A43421" s="2"/>
      <c r="B43421" s="2"/>
      <c r="C43421" s="2"/>
    </row>
    <row r="43422" spans="1:3" ht="19.2">
      <c r="A43422" s="2"/>
      <c r="B43422" s="2"/>
      <c r="C43422" s="2"/>
    </row>
    <row r="43423" spans="1:3" ht="19.2">
      <c r="A43423" s="2"/>
      <c r="B43423" s="2"/>
      <c r="C43423" s="2"/>
    </row>
    <row r="43424" spans="1:3" ht="19.2">
      <c r="A43424" s="2"/>
      <c r="B43424" s="2"/>
      <c r="C43424" s="2"/>
    </row>
    <row r="43425" spans="1:3" ht="19.2">
      <c r="A43425" s="2"/>
      <c r="B43425" s="2"/>
      <c r="C43425" s="2"/>
    </row>
    <row r="43426" spans="1:3" ht="19.2">
      <c r="A43426" s="2"/>
      <c r="B43426" s="2"/>
      <c r="C43426" s="2"/>
    </row>
    <row r="43427" spans="1:3" ht="19.2">
      <c r="A43427" s="2"/>
      <c r="B43427" s="2"/>
      <c r="C43427" s="2"/>
    </row>
    <row r="43428" spans="1:3" ht="19.2">
      <c r="A43428" s="2"/>
      <c r="B43428" s="2"/>
      <c r="C43428" s="2"/>
    </row>
    <row r="43429" spans="1:3" ht="19.2">
      <c r="A43429" s="2"/>
      <c r="B43429" s="2"/>
      <c r="C43429" s="2"/>
    </row>
    <row r="43430" spans="1:3" ht="19.2">
      <c r="A43430" s="2"/>
      <c r="B43430" s="2"/>
      <c r="C43430" s="2"/>
    </row>
    <row r="43431" spans="1:3" ht="19.2">
      <c r="A43431" s="2"/>
      <c r="B43431" s="2"/>
      <c r="C43431" s="2"/>
    </row>
    <row r="43432" spans="1:3" ht="19.2">
      <c r="A43432" s="2"/>
      <c r="B43432" s="2"/>
      <c r="C43432" s="2"/>
    </row>
    <row r="43433" spans="1:3" ht="19.2">
      <c r="A43433" s="2"/>
      <c r="B43433" s="2"/>
      <c r="C43433" s="2"/>
    </row>
    <row r="43434" spans="1:3" ht="19.2">
      <c r="A43434" s="2"/>
      <c r="B43434" s="2"/>
      <c r="C43434" s="2"/>
    </row>
    <row r="43435" spans="1:3" ht="19.2">
      <c r="A43435" s="2"/>
      <c r="B43435" s="2"/>
      <c r="C43435" s="2"/>
    </row>
    <row r="43436" spans="1:3" ht="19.2">
      <c r="A43436" s="2"/>
      <c r="B43436" s="2"/>
      <c r="C43436" s="2"/>
    </row>
    <row r="43437" spans="1:3" ht="19.2">
      <c r="A43437" s="2"/>
      <c r="B43437" s="2"/>
      <c r="C43437" s="2"/>
    </row>
    <row r="43438" spans="1:3" ht="19.2">
      <c r="A43438" s="2"/>
      <c r="B43438" s="2"/>
      <c r="C43438" s="2"/>
    </row>
    <row r="43439" spans="1:3" ht="19.2">
      <c r="A43439" s="2"/>
      <c r="B43439" s="2"/>
      <c r="C43439" s="2"/>
    </row>
    <row r="43440" spans="1:3" ht="19.2">
      <c r="A43440" s="2"/>
      <c r="B43440" s="2"/>
      <c r="C43440" s="2"/>
    </row>
    <row r="43441" spans="1:3" ht="19.2">
      <c r="A43441" s="2"/>
      <c r="B43441" s="2"/>
      <c r="C43441" s="2"/>
    </row>
    <row r="43442" spans="1:3" ht="19.2">
      <c r="A43442" s="2"/>
      <c r="B43442" s="2"/>
      <c r="C43442" s="2"/>
    </row>
    <row r="43443" spans="1:3" ht="19.2">
      <c r="A43443" s="2"/>
      <c r="B43443" s="2"/>
      <c r="C43443" s="2"/>
    </row>
    <row r="43444" spans="1:3" ht="19.2">
      <c r="A43444" s="2"/>
      <c r="B43444" s="2"/>
      <c r="C43444" s="2"/>
    </row>
    <row r="43445" spans="1:3" ht="19.2">
      <c r="A43445" s="2"/>
      <c r="B43445" s="2"/>
      <c r="C43445" s="2"/>
    </row>
    <row r="43446" spans="1:3" ht="19.2">
      <c r="A43446" s="2"/>
      <c r="B43446" s="2"/>
      <c r="C43446" s="2"/>
    </row>
    <row r="43447" spans="1:3" ht="19.2">
      <c r="A43447" s="2"/>
      <c r="B43447" s="2"/>
      <c r="C43447" s="2"/>
    </row>
    <row r="43448" spans="1:3" ht="19.2">
      <c r="A43448" s="2"/>
      <c r="B43448" s="2"/>
      <c r="C43448" s="2"/>
    </row>
    <row r="43449" spans="1:3" ht="19.2">
      <c r="A43449" s="2"/>
      <c r="B43449" s="2"/>
      <c r="C43449" s="2"/>
    </row>
    <row r="43450" spans="1:3" ht="19.2">
      <c r="A43450" s="2"/>
      <c r="B43450" s="2"/>
      <c r="C43450" s="2"/>
    </row>
    <row r="43451" spans="1:3" ht="19.2">
      <c r="A43451" s="2"/>
      <c r="B43451" s="2"/>
      <c r="C43451" s="2"/>
    </row>
    <row r="43452" spans="1:3" ht="19.2">
      <c r="A43452" s="2"/>
      <c r="B43452" s="2"/>
      <c r="C43452" s="2"/>
    </row>
    <row r="43453" spans="1:3" ht="19.2">
      <c r="A43453" s="2"/>
      <c r="B43453" s="2"/>
      <c r="C43453" s="2"/>
    </row>
    <row r="43454" spans="1:3" ht="19.2">
      <c r="A43454" s="2"/>
      <c r="B43454" s="2"/>
      <c r="C43454" s="2"/>
    </row>
    <row r="43455" spans="1:3" ht="19.2">
      <c r="A43455" s="2"/>
      <c r="B43455" s="2"/>
      <c r="C43455" s="2"/>
    </row>
    <row r="43456" spans="1:3" ht="19.2">
      <c r="A43456" s="2"/>
      <c r="B43456" s="2"/>
      <c r="C43456" s="2"/>
    </row>
    <row r="43457" spans="1:3" ht="19.2">
      <c r="A43457" s="2"/>
      <c r="B43457" s="2"/>
      <c r="C43457" s="2"/>
    </row>
    <row r="43458" spans="1:3" ht="19.2">
      <c r="A43458" s="2"/>
      <c r="B43458" s="2"/>
      <c r="C43458" s="2"/>
    </row>
    <row r="43459" spans="1:3" ht="19.2">
      <c r="A43459" s="2"/>
      <c r="B43459" s="2"/>
      <c r="C43459" s="2"/>
    </row>
    <row r="43460" spans="1:3" ht="19.2">
      <c r="A43460" s="2"/>
      <c r="B43460" s="2"/>
      <c r="C43460" s="2"/>
    </row>
    <row r="43461" spans="1:3" ht="19.2">
      <c r="A43461" s="2"/>
      <c r="B43461" s="2"/>
      <c r="C43461" s="2"/>
    </row>
    <row r="43462" spans="1:3" ht="19.2">
      <c r="A43462" s="2"/>
      <c r="B43462" s="2"/>
      <c r="C43462" s="2"/>
    </row>
    <row r="43463" spans="1:3" ht="19.2">
      <c r="A43463" s="2"/>
      <c r="B43463" s="2"/>
      <c r="C43463" s="2"/>
    </row>
    <row r="43464" spans="1:3" ht="19.2">
      <c r="A43464" s="2"/>
      <c r="B43464" s="2"/>
      <c r="C43464" s="2"/>
    </row>
    <row r="43465" spans="1:3" ht="19.2">
      <c r="A43465" s="2"/>
      <c r="B43465" s="2"/>
      <c r="C43465" s="2"/>
    </row>
    <row r="43466" spans="1:3" ht="19.2">
      <c r="A43466" s="2"/>
      <c r="B43466" s="2"/>
      <c r="C43466" s="2"/>
    </row>
    <row r="43467" spans="1:3" ht="19.2">
      <c r="A43467" s="2"/>
      <c r="B43467" s="2"/>
      <c r="C43467" s="2"/>
    </row>
    <row r="43468" spans="1:3" ht="19.2">
      <c r="A43468" s="2"/>
      <c r="B43468" s="2"/>
      <c r="C43468" s="2"/>
    </row>
    <row r="43469" spans="1:3" ht="19.2">
      <c r="A43469" s="2"/>
      <c r="B43469" s="2"/>
      <c r="C43469" s="2"/>
    </row>
    <row r="43470" spans="1:3" ht="19.2">
      <c r="A43470" s="2"/>
      <c r="B43470" s="2"/>
      <c r="C43470" s="2"/>
    </row>
    <row r="43471" spans="1:3" ht="19.2">
      <c r="A43471" s="2"/>
      <c r="B43471" s="2"/>
      <c r="C43471" s="2"/>
    </row>
    <row r="43472" spans="1:3" ht="19.2">
      <c r="A43472" s="2"/>
      <c r="B43472" s="2"/>
      <c r="C43472" s="2"/>
    </row>
    <row r="43473" spans="1:3" ht="19.2">
      <c r="A43473" s="2"/>
      <c r="B43473" s="2"/>
      <c r="C43473" s="2"/>
    </row>
    <row r="43474" spans="1:3" ht="19.2">
      <c r="A43474" s="2"/>
      <c r="B43474" s="2"/>
      <c r="C43474" s="2"/>
    </row>
    <row r="43475" spans="1:3" ht="19.2">
      <c r="A43475" s="2"/>
      <c r="B43475" s="2"/>
      <c r="C43475" s="2"/>
    </row>
    <row r="43476" spans="1:3" ht="19.2">
      <c r="A43476" s="2"/>
      <c r="B43476" s="2"/>
      <c r="C43476" s="2"/>
    </row>
    <row r="43477" spans="1:3" ht="19.2">
      <c r="A43477" s="2"/>
      <c r="B43477" s="2"/>
      <c r="C43477" s="2"/>
    </row>
    <row r="43478" spans="1:3" ht="19.2">
      <c r="A43478" s="2"/>
      <c r="B43478" s="2"/>
      <c r="C43478" s="2"/>
    </row>
    <row r="43479" spans="1:3" ht="19.2">
      <c r="A43479" s="2"/>
      <c r="B43479" s="2"/>
      <c r="C43479" s="2"/>
    </row>
    <row r="43480" spans="1:3" ht="19.2">
      <c r="A43480" s="2"/>
      <c r="B43480" s="2"/>
      <c r="C43480" s="2"/>
    </row>
    <row r="43481" spans="1:3" ht="19.2">
      <c r="A43481" s="2"/>
      <c r="B43481" s="2"/>
      <c r="C43481" s="2"/>
    </row>
    <row r="43482" spans="1:3" ht="19.2">
      <c r="A43482" s="2"/>
      <c r="B43482" s="2"/>
      <c r="C43482" s="2"/>
    </row>
    <row r="43483" spans="1:3" ht="19.2">
      <c r="A43483" s="2"/>
      <c r="B43483" s="2"/>
      <c r="C43483" s="2"/>
    </row>
    <row r="43484" spans="1:3" ht="19.2">
      <c r="A43484" s="2"/>
      <c r="B43484" s="2"/>
      <c r="C43484" s="2"/>
    </row>
    <row r="43485" spans="1:3" ht="19.2">
      <c r="A43485" s="2"/>
      <c r="B43485" s="2"/>
      <c r="C43485" s="2"/>
    </row>
    <row r="43486" spans="1:3" ht="19.2">
      <c r="A43486" s="2"/>
      <c r="B43486" s="2"/>
      <c r="C43486" s="2"/>
    </row>
    <row r="43487" spans="1:3" ht="19.2">
      <c r="A43487" s="2"/>
      <c r="B43487" s="2"/>
      <c r="C43487" s="2"/>
    </row>
    <row r="43488" spans="1:3" ht="19.2">
      <c r="A43488" s="2"/>
      <c r="B43488" s="2"/>
      <c r="C43488" s="2"/>
    </row>
    <row r="43489" spans="1:3" ht="19.2">
      <c r="A43489" s="2"/>
      <c r="B43489" s="2"/>
      <c r="C43489" s="2"/>
    </row>
    <row r="43490" spans="1:3" ht="19.2">
      <c r="A43490" s="2"/>
      <c r="B43490" s="2"/>
      <c r="C43490" s="2"/>
    </row>
    <row r="43491" spans="1:3" ht="19.2">
      <c r="A43491" s="2"/>
      <c r="B43491" s="2"/>
      <c r="C43491" s="2"/>
    </row>
    <row r="43492" spans="1:3" ht="19.2">
      <c r="A43492" s="2"/>
      <c r="B43492" s="2"/>
      <c r="C43492" s="2"/>
    </row>
    <row r="43493" spans="1:3" ht="19.2">
      <c r="A43493" s="2"/>
      <c r="B43493" s="2"/>
      <c r="C43493" s="2"/>
    </row>
    <row r="43494" spans="1:3" ht="19.2">
      <c r="A43494" s="2"/>
      <c r="B43494" s="2"/>
      <c r="C43494" s="2"/>
    </row>
    <row r="43495" spans="1:3" ht="19.2">
      <c r="A43495" s="2"/>
      <c r="B43495" s="2"/>
      <c r="C43495" s="2"/>
    </row>
    <row r="43496" spans="1:3" ht="19.2">
      <c r="A43496" s="2"/>
      <c r="B43496" s="2"/>
      <c r="C43496" s="2"/>
    </row>
    <row r="43497" spans="1:3" ht="19.2">
      <c r="A43497" s="2"/>
      <c r="B43497" s="2"/>
      <c r="C43497" s="2"/>
    </row>
    <row r="43498" spans="1:3" ht="19.2">
      <c r="A43498" s="2"/>
      <c r="B43498" s="2"/>
      <c r="C43498" s="2"/>
    </row>
    <row r="43499" spans="1:3" ht="19.2">
      <c r="A43499" s="2"/>
      <c r="B43499" s="2"/>
      <c r="C43499" s="2"/>
    </row>
    <row r="43500" spans="1:3" ht="19.2">
      <c r="A43500" s="2"/>
      <c r="B43500" s="2"/>
      <c r="C43500" s="2"/>
    </row>
    <row r="43501" spans="1:3" ht="19.2">
      <c r="A43501" s="2"/>
      <c r="B43501" s="2"/>
      <c r="C43501" s="2"/>
    </row>
    <row r="43502" spans="1:3" ht="19.2">
      <c r="A43502" s="2"/>
      <c r="B43502" s="2"/>
      <c r="C43502" s="2"/>
    </row>
    <row r="43503" spans="1:3" ht="19.2">
      <c r="A43503" s="2"/>
      <c r="B43503" s="2"/>
      <c r="C43503" s="2"/>
    </row>
    <row r="43504" spans="1:3" ht="19.2">
      <c r="A43504" s="2"/>
      <c r="B43504" s="2"/>
      <c r="C43504" s="2"/>
    </row>
    <row r="43505" spans="1:3" ht="19.2">
      <c r="A43505" s="2"/>
      <c r="B43505" s="2"/>
      <c r="C43505" s="2"/>
    </row>
    <row r="43506" spans="1:3" ht="19.2">
      <c r="A43506" s="2"/>
      <c r="B43506" s="2"/>
      <c r="C43506" s="2"/>
    </row>
    <row r="43507" spans="1:3" ht="19.2">
      <c r="A43507" s="2"/>
      <c r="B43507" s="2"/>
      <c r="C43507" s="2"/>
    </row>
    <row r="43508" spans="1:3" ht="19.2">
      <c r="A43508" s="2"/>
      <c r="B43508" s="2"/>
      <c r="C43508" s="2"/>
    </row>
    <row r="43509" spans="1:3" ht="19.2">
      <c r="A43509" s="2"/>
      <c r="B43509" s="2"/>
      <c r="C43509" s="2"/>
    </row>
    <row r="43510" spans="1:3" ht="19.2">
      <c r="A43510" s="2"/>
      <c r="B43510" s="2"/>
      <c r="C43510" s="2"/>
    </row>
    <row r="43511" spans="1:3" ht="19.2">
      <c r="A43511" s="2"/>
      <c r="B43511" s="2"/>
      <c r="C43511" s="2"/>
    </row>
    <row r="43512" spans="1:3" ht="19.2">
      <c r="A43512" s="2"/>
      <c r="B43512" s="2"/>
      <c r="C43512" s="2"/>
    </row>
    <row r="43513" spans="1:3" ht="19.2">
      <c r="A43513" s="2"/>
      <c r="B43513" s="2"/>
      <c r="C43513" s="2"/>
    </row>
    <row r="43514" spans="1:3" ht="19.2">
      <c r="A43514" s="2"/>
      <c r="B43514" s="2"/>
      <c r="C43514" s="2"/>
    </row>
    <row r="43515" spans="1:3" ht="19.2">
      <c r="A43515" s="2"/>
      <c r="B43515" s="2"/>
      <c r="C43515" s="2"/>
    </row>
    <row r="43516" spans="1:3" ht="19.2">
      <c r="A43516" s="2"/>
      <c r="B43516" s="2"/>
      <c r="C43516" s="2"/>
    </row>
    <row r="43517" spans="1:3" ht="19.2">
      <c r="A43517" s="2"/>
      <c r="B43517" s="2"/>
      <c r="C43517" s="2"/>
    </row>
    <row r="43518" spans="1:3" ht="19.2">
      <c r="A43518" s="2"/>
      <c r="B43518" s="2"/>
      <c r="C43518" s="2"/>
    </row>
    <row r="43519" spans="1:3" ht="19.2">
      <c r="A43519" s="2"/>
      <c r="B43519" s="2"/>
      <c r="C43519" s="2"/>
    </row>
    <row r="43520" spans="1:3" ht="19.2">
      <c r="A43520" s="2"/>
      <c r="B43520" s="2"/>
      <c r="C43520" s="2"/>
    </row>
    <row r="43521" spans="1:3" ht="19.2">
      <c r="A43521" s="2"/>
      <c r="B43521" s="2"/>
      <c r="C43521" s="2"/>
    </row>
    <row r="43522" spans="1:3" ht="19.2">
      <c r="A43522" s="2"/>
      <c r="B43522" s="2"/>
      <c r="C43522" s="2"/>
    </row>
    <row r="43523" spans="1:3" ht="19.2">
      <c r="A43523" s="2"/>
      <c r="B43523" s="2"/>
      <c r="C43523" s="2"/>
    </row>
    <row r="43524" spans="1:3" ht="19.2">
      <c r="A43524" s="2"/>
      <c r="B43524" s="2"/>
      <c r="C43524" s="2"/>
    </row>
    <row r="43525" spans="1:3" ht="19.2">
      <c r="A43525" s="2"/>
      <c r="B43525" s="2"/>
      <c r="C43525" s="2"/>
    </row>
    <row r="43526" spans="1:3" ht="19.2">
      <c r="A43526" s="2"/>
      <c r="B43526" s="2"/>
      <c r="C43526" s="2"/>
    </row>
    <row r="43527" spans="1:3" ht="19.2">
      <c r="A43527" s="2"/>
      <c r="B43527" s="2"/>
      <c r="C43527" s="2"/>
    </row>
    <row r="43528" spans="1:3" ht="19.2">
      <c r="A43528" s="2"/>
      <c r="B43528" s="2"/>
      <c r="C43528" s="2"/>
    </row>
    <row r="43529" spans="1:3" ht="19.2">
      <c r="A43529" s="2"/>
      <c r="B43529" s="2"/>
      <c r="C43529" s="2"/>
    </row>
    <row r="43530" spans="1:3" ht="19.2">
      <c r="A43530" s="2"/>
      <c r="B43530" s="2"/>
      <c r="C43530" s="2"/>
    </row>
    <row r="43531" spans="1:3" ht="19.2">
      <c r="A43531" s="2"/>
      <c r="B43531" s="2"/>
      <c r="C43531" s="2"/>
    </row>
    <row r="43532" spans="1:3" ht="19.2">
      <c r="A43532" s="2"/>
      <c r="B43532" s="2"/>
      <c r="C43532" s="2"/>
    </row>
    <row r="43533" spans="1:3" ht="19.2">
      <c r="A43533" s="2"/>
      <c r="B43533" s="2"/>
      <c r="C43533" s="2"/>
    </row>
    <row r="43534" spans="1:3" ht="19.2">
      <c r="A43534" s="2"/>
      <c r="B43534" s="2"/>
      <c r="C43534" s="2"/>
    </row>
    <row r="43535" spans="1:3" ht="19.2">
      <c r="A43535" s="2"/>
      <c r="B43535" s="2"/>
      <c r="C43535" s="2"/>
    </row>
    <row r="43536" spans="1:3" ht="19.2">
      <c r="A43536" s="2"/>
      <c r="B43536" s="2"/>
      <c r="C43536" s="2"/>
    </row>
    <row r="43537" spans="1:3" ht="19.2">
      <c r="A43537" s="2"/>
      <c r="B43537" s="2"/>
      <c r="C43537" s="2"/>
    </row>
    <row r="43538" spans="1:3" ht="19.2">
      <c r="A43538" s="2"/>
      <c r="B43538" s="2"/>
      <c r="C43538" s="2"/>
    </row>
    <row r="43539" spans="1:3" ht="19.2">
      <c r="A43539" s="2"/>
      <c r="B43539" s="2"/>
      <c r="C43539" s="2"/>
    </row>
    <row r="43540" spans="1:3" ht="19.2">
      <c r="A43540" s="2"/>
      <c r="B43540" s="2"/>
      <c r="C43540" s="2"/>
    </row>
    <row r="43541" spans="1:3" ht="19.2">
      <c r="A43541" s="2"/>
      <c r="B43541" s="2"/>
      <c r="C43541" s="2"/>
    </row>
    <row r="43542" spans="1:3" ht="19.2">
      <c r="A43542" s="2"/>
      <c r="B43542" s="2"/>
      <c r="C43542" s="2"/>
    </row>
    <row r="43543" spans="1:3" ht="19.2">
      <c r="A43543" s="2"/>
      <c r="B43543" s="2"/>
      <c r="C43543" s="2"/>
    </row>
    <row r="43544" spans="1:3" ht="19.2">
      <c r="A43544" s="2"/>
      <c r="B43544" s="2"/>
      <c r="C43544" s="2"/>
    </row>
    <row r="43545" spans="1:3" ht="19.2">
      <c r="A43545" s="2"/>
      <c r="B43545" s="2"/>
      <c r="C43545" s="2"/>
    </row>
    <row r="43546" spans="1:3" ht="19.2">
      <c r="A43546" s="2"/>
      <c r="B43546" s="2"/>
      <c r="C43546" s="2"/>
    </row>
    <row r="43547" spans="1:3" ht="19.2">
      <c r="A43547" s="2"/>
      <c r="B43547" s="2"/>
      <c r="C43547" s="2"/>
    </row>
    <row r="43548" spans="1:3" ht="19.2">
      <c r="A43548" s="2"/>
      <c r="B43548" s="2"/>
      <c r="C43548" s="2"/>
    </row>
    <row r="43549" spans="1:3" ht="19.2">
      <c r="A43549" s="2"/>
      <c r="B43549" s="2"/>
      <c r="C43549" s="2"/>
    </row>
    <row r="43550" spans="1:3" ht="19.2">
      <c r="A43550" s="2"/>
      <c r="B43550" s="2"/>
      <c r="C43550" s="2"/>
    </row>
    <row r="43551" spans="1:3" ht="19.2">
      <c r="A43551" s="2"/>
      <c r="B43551" s="2"/>
      <c r="C43551" s="2"/>
    </row>
    <row r="43552" spans="1:3" ht="19.2">
      <c r="A43552" s="2"/>
      <c r="B43552" s="2"/>
      <c r="C43552" s="2"/>
    </row>
    <row r="43553" spans="1:3" ht="19.2">
      <c r="A43553" s="2"/>
      <c r="B43553" s="2"/>
      <c r="C43553" s="2"/>
    </row>
    <row r="43554" spans="1:3" ht="19.2">
      <c r="A43554" s="2"/>
      <c r="B43554" s="2"/>
      <c r="C43554" s="2"/>
    </row>
    <row r="43555" spans="1:3" ht="19.2">
      <c r="A43555" s="2"/>
      <c r="B43555" s="2"/>
      <c r="C43555" s="2"/>
    </row>
    <row r="43556" spans="1:3" ht="19.2">
      <c r="A43556" s="2"/>
      <c r="B43556" s="2"/>
      <c r="C43556" s="2"/>
    </row>
    <row r="43557" spans="1:3" ht="19.2">
      <c r="A43557" s="2"/>
      <c r="B43557" s="2"/>
      <c r="C43557" s="2"/>
    </row>
    <row r="43558" spans="1:3" ht="19.2">
      <c r="A43558" s="2"/>
      <c r="B43558" s="2"/>
      <c r="C43558" s="2"/>
    </row>
    <row r="43559" spans="1:3" ht="19.2">
      <c r="A43559" s="2"/>
      <c r="B43559" s="2"/>
      <c r="C43559" s="2"/>
    </row>
    <row r="43560" spans="1:3" ht="19.2">
      <c r="A43560" s="2"/>
      <c r="B43560" s="2"/>
      <c r="C43560" s="2"/>
    </row>
    <row r="43561" spans="1:3" ht="19.2">
      <c r="A43561" s="2"/>
      <c r="B43561" s="2"/>
      <c r="C43561" s="2"/>
    </row>
    <row r="43562" spans="1:3" ht="19.2">
      <c r="A43562" s="2"/>
      <c r="B43562" s="2"/>
      <c r="C43562" s="2"/>
    </row>
    <row r="43563" spans="1:3" ht="19.2">
      <c r="A43563" s="2"/>
      <c r="B43563" s="2"/>
      <c r="C43563" s="2"/>
    </row>
    <row r="43564" spans="1:3" ht="19.2">
      <c r="A43564" s="2"/>
      <c r="B43564" s="2"/>
      <c r="C43564" s="2"/>
    </row>
    <row r="43565" spans="1:3" ht="19.2">
      <c r="A43565" s="2"/>
      <c r="B43565" s="2"/>
      <c r="C43565" s="2"/>
    </row>
    <row r="43566" spans="1:3" ht="19.2">
      <c r="A43566" s="2"/>
      <c r="B43566" s="2"/>
      <c r="C43566" s="2"/>
    </row>
    <row r="43567" spans="1:3" ht="19.2">
      <c r="A43567" s="2"/>
      <c r="B43567" s="2"/>
      <c r="C43567" s="2"/>
    </row>
    <row r="43568" spans="1:3" ht="19.2">
      <c r="A43568" s="2"/>
      <c r="B43568" s="2"/>
      <c r="C43568" s="2"/>
    </row>
    <row r="43569" spans="1:3" ht="19.2">
      <c r="A43569" s="2"/>
      <c r="B43569" s="2"/>
      <c r="C43569" s="2"/>
    </row>
    <row r="43570" spans="1:3" ht="19.2">
      <c r="A43570" s="2"/>
      <c r="B43570" s="2"/>
      <c r="C43570" s="2"/>
    </row>
    <row r="43571" spans="1:3" ht="19.2">
      <c r="A43571" s="2"/>
      <c r="B43571" s="2"/>
      <c r="C43571" s="2"/>
    </row>
    <row r="43572" spans="1:3" ht="19.2">
      <c r="A43572" s="2"/>
      <c r="B43572" s="2"/>
      <c r="C43572" s="2"/>
    </row>
    <row r="43573" spans="1:3" ht="19.2">
      <c r="A43573" s="2"/>
      <c r="B43573" s="2"/>
      <c r="C43573" s="2"/>
    </row>
    <row r="43574" spans="1:3" ht="19.2">
      <c r="A43574" s="2"/>
      <c r="B43574" s="2"/>
      <c r="C43574" s="2"/>
    </row>
    <row r="43575" spans="1:3" ht="19.2">
      <c r="A43575" s="2"/>
      <c r="B43575" s="2"/>
      <c r="C43575" s="2"/>
    </row>
    <row r="43576" spans="1:3" ht="19.2">
      <c r="A43576" s="2"/>
      <c r="B43576" s="2"/>
      <c r="C43576" s="2"/>
    </row>
    <row r="43577" spans="1:3" ht="19.2">
      <c r="A43577" s="2"/>
      <c r="B43577" s="2"/>
      <c r="C43577" s="2"/>
    </row>
    <row r="43578" spans="1:3" ht="19.2">
      <c r="A43578" s="2"/>
      <c r="B43578" s="2"/>
      <c r="C43578" s="2"/>
    </row>
    <row r="43579" spans="1:3" ht="19.2">
      <c r="A43579" s="2"/>
      <c r="B43579" s="2"/>
      <c r="C43579" s="2"/>
    </row>
    <row r="43580" spans="1:3" ht="19.2">
      <c r="A43580" s="2"/>
      <c r="B43580" s="2"/>
      <c r="C43580" s="2"/>
    </row>
    <row r="43581" spans="1:3" ht="19.2">
      <c r="A43581" s="2"/>
      <c r="B43581" s="2"/>
      <c r="C43581" s="2"/>
    </row>
    <row r="43582" spans="1:3" ht="19.2">
      <c r="A43582" s="2"/>
      <c r="B43582" s="2"/>
      <c r="C43582" s="2"/>
    </row>
    <row r="43583" spans="1:3" ht="19.2">
      <c r="A43583" s="2"/>
      <c r="B43583" s="2"/>
      <c r="C43583" s="2"/>
    </row>
    <row r="43584" spans="1:3" ht="19.2">
      <c r="A43584" s="2"/>
      <c r="B43584" s="2"/>
      <c r="C43584" s="2"/>
    </row>
    <row r="43585" spans="1:3" ht="19.2">
      <c r="A43585" s="2"/>
      <c r="B43585" s="2"/>
      <c r="C43585" s="2"/>
    </row>
    <row r="43586" spans="1:3" ht="19.2">
      <c r="A43586" s="2"/>
      <c r="B43586" s="2"/>
      <c r="C43586" s="2"/>
    </row>
    <row r="43587" spans="1:3" ht="19.2">
      <c r="A43587" s="2"/>
      <c r="B43587" s="2"/>
      <c r="C43587" s="2"/>
    </row>
    <row r="43588" spans="1:3" ht="19.2">
      <c r="A43588" s="2"/>
      <c r="B43588" s="2"/>
      <c r="C43588" s="2"/>
    </row>
    <row r="43589" spans="1:3" ht="19.2">
      <c r="A43589" s="2"/>
      <c r="B43589" s="2"/>
      <c r="C43589" s="2"/>
    </row>
    <row r="43590" spans="1:3" ht="19.2">
      <c r="A43590" s="2"/>
      <c r="B43590" s="2"/>
      <c r="C43590" s="2"/>
    </row>
    <row r="43591" spans="1:3" ht="19.2">
      <c r="A43591" s="2"/>
      <c r="B43591" s="2"/>
      <c r="C43591" s="2"/>
    </row>
    <row r="43592" spans="1:3" ht="19.2">
      <c r="A43592" s="2"/>
      <c r="B43592" s="2"/>
      <c r="C43592" s="2"/>
    </row>
    <row r="43593" spans="1:3" ht="19.2">
      <c r="A43593" s="2"/>
      <c r="B43593" s="2"/>
      <c r="C43593" s="2"/>
    </row>
    <row r="43594" spans="1:3" ht="19.2">
      <c r="A43594" s="2"/>
      <c r="B43594" s="2"/>
      <c r="C43594" s="2"/>
    </row>
    <row r="43595" spans="1:3" ht="19.2">
      <c r="A43595" s="2"/>
      <c r="B43595" s="2"/>
      <c r="C43595" s="2"/>
    </row>
    <row r="43596" spans="1:3" ht="19.2">
      <c r="A43596" s="2"/>
      <c r="B43596" s="2"/>
      <c r="C43596" s="2"/>
    </row>
    <row r="43597" spans="1:3" ht="19.2">
      <c r="A43597" s="2"/>
      <c r="B43597" s="2"/>
      <c r="C43597" s="2"/>
    </row>
    <row r="43598" spans="1:3" ht="19.2">
      <c r="A43598" s="2"/>
      <c r="B43598" s="2"/>
      <c r="C43598" s="2"/>
    </row>
    <row r="43599" spans="1:3" ht="19.2">
      <c r="A43599" s="2"/>
      <c r="B43599" s="2"/>
      <c r="C43599" s="2"/>
    </row>
    <row r="43600" spans="1:3" ht="19.2">
      <c r="A43600" s="2"/>
      <c r="B43600" s="2"/>
      <c r="C43600" s="2"/>
    </row>
    <row r="43601" spans="1:3" ht="19.2">
      <c r="A43601" s="2"/>
      <c r="B43601" s="2"/>
      <c r="C43601" s="2"/>
    </row>
    <row r="43602" spans="1:3" ht="19.2">
      <c r="A43602" s="2"/>
      <c r="B43602" s="2"/>
      <c r="C43602" s="2"/>
    </row>
    <row r="43603" spans="1:3" ht="19.2">
      <c r="A43603" s="2"/>
      <c r="B43603" s="2"/>
      <c r="C43603" s="2"/>
    </row>
    <row r="43604" spans="1:3" ht="19.2">
      <c r="A43604" s="2"/>
      <c r="B43604" s="2"/>
      <c r="C43604" s="2"/>
    </row>
    <row r="43605" spans="1:3" ht="19.2">
      <c r="A43605" s="2"/>
      <c r="B43605" s="2"/>
      <c r="C43605" s="2"/>
    </row>
    <row r="43606" spans="1:3" ht="19.2">
      <c r="A43606" s="2"/>
      <c r="B43606" s="2"/>
      <c r="C43606" s="2"/>
    </row>
    <row r="43607" spans="1:3" ht="19.2">
      <c r="A43607" s="2"/>
      <c r="B43607" s="2"/>
      <c r="C43607" s="2"/>
    </row>
    <row r="43608" spans="1:3" ht="19.2">
      <c r="A43608" s="2"/>
      <c r="B43608" s="2"/>
      <c r="C43608" s="2"/>
    </row>
    <row r="43609" spans="1:3" ht="19.2">
      <c r="A43609" s="2"/>
      <c r="B43609" s="2"/>
      <c r="C43609" s="2"/>
    </row>
    <row r="43610" spans="1:3" ht="19.2">
      <c r="A43610" s="2"/>
      <c r="B43610" s="2"/>
      <c r="C43610" s="2"/>
    </row>
    <row r="43611" spans="1:3" ht="19.2">
      <c r="A43611" s="2"/>
      <c r="B43611" s="2"/>
      <c r="C43611" s="2"/>
    </row>
    <row r="43612" spans="1:3" ht="19.2">
      <c r="A43612" s="2"/>
      <c r="B43612" s="2"/>
      <c r="C43612" s="2"/>
    </row>
    <row r="43613" spans="1:3" ht="19.2">
      <c r="A43613" s="2"/>
      <c r="B43613" s="2"/>
      <c r="C43613" s="2"/>
    </row>
    <row r="43614" spans="1:3" ht="19.2">
      <c r="A43614" s="2"/>
      <c r="B43614" s="2"/>
      <c r="C43614" s="2"/>
    </row>
    <row r="43615" spans="1:3" ht="19.2">
      <c r="A43615" s="2"/>
      <c r="B43615" s="2"/>
      <c r="C43615" s="2"/>
    </row>
    <row r="43616" spans="1:3" ht="19.2">
      <c r="A43616" s="2"/>
      <c r="B43616" s="2"/>
      <c r="C43616" s="2"/>
    </row>
    <row r="43617" spans="1:3" ht="19.2">
      <c r="A43617" s="2"/>
      <c r="B43617" s="2"/>
      <c r="C43617" s="2"/>
    </row>
    <row r="43618" spans="1:3" ht="19.2">
      <c r="A43618" s="2"/>
      <c r="B43618" s="2"/>
      <c r="C43618" s="2"/>
    </row>
    <row r="43619" spans="1:3" ht="19.2">
      <c r="A43619" s="2"/>
      <c r="B43619" s="2"/>
      <c r="C43619" s="2"/>
    </row>
    <row r="43620" spans="1:3" ht="19.2">
      <c r="A43620" s="2"/>
      <c r="B43620" s="2"/>
      <c r="C43620" s="2"/>
    </row>
    <row r="43621" spans="1:3" ht="19.2">
      <c r="A43621" s="2"/>
      <c r="B43621" s="2"/>
      <c r="C43621" s="2"/>
    </row>
    <row r="43622" spans="1:3" ht="19.2">
      <c r="A43622" s="2"/>
      <c r="B43622" s="2"/>
      <c r="C43622" s="2"/>
    </row>
    <row r="43623" spans="1:3" ht="19.2">
      <c r="A43623" s="2"/>
      <c r="B43623" s="2"/>
      <c r="C43623" s="2"/>
    </row>
    <row r="43624" spans="1:3" ht="19.2">
      <c r="A43624" s="2"/>
      <c r="B43624" s="2"/>
      <c r="C43624" s="2"/>
    </row>
    <row r="43625" spans="1:3" ht="19.2">
      <c r="A43625" s="2"/>
      <c r="B43625" s="2"/>
      <c r="C43625" s="2"/>
    </row>
    <row r="43626" spans="1:3" ht="19.2">
      <c r="A43626" s="2"/>
      <c r="B43626" s="2"/>
      <c r="C43626" s="2"/>
    </row>
    <row r="43627" spans="1:3" ht="19.2">
      <c r="A43627" s="2"/>
      <c r="B43627" s="2"/>
      <c r="C43627" s="2"/>
    </row>
    <row r="43628" spans="1:3" ht="19.2">
      <c r="A43628" s="2"/>
      <c r="B43628" s="2"/>
      <c r="C43628" s="2"/>
    </row>
    <row r="43629" spans="1:3" ht="19.2">
      <c r="A43629" s="2"/>
      <c r="B43629" s="2"/>
      <c r="C43629" s="2"/>
    </row>
    <row r="43630" spans="1:3" ht="19.2">
      <c r="A43630" s="2"/>
      <c r="B43630" s="2"/>
      <c r="C43630" s="2"/>
    </row>
    <row r="43631" spans="1:3" ht="19.2">
      <c r="A43631" s="2"/>
      <c r="B43631" s="2"/>
      <c r="C43631" s="2"/>
    </row>
    <row r="43632" spans="1:3" ht="19.2">
      <c r="A43632" s="2"/>
      <c r="B43632" s="2"/>
      <c r="C43632" s="2"/>
    </row>
    <row r="43633" spans="1:3" ht="19.2">
      <c r="A43633" s="2"/>
      <c r="B43633" s="2"/>
      <c r="C43633" s="2"/>
    </row>
    <row r="43634" spans="1:3" ht="19.2">
      <c r="A43634" s="2"/>
      <c r="B43634" s="2"/>
      <c r="C43634" s="2"/>
    </row>
    <row r="43635" spans="1:3" ht="19.2">
      <c r="A43635" s="2"/>
      <c r="B43635" s="2"/>
      <c r="C43635" s="2"/>
    </row>
    <row r="43636" spans="1:3" ht="19.2">
      <c r="A43636" s="2"/>
      <c r="B43636" s="2"/>
      <c r="C43636" s="2"/>
    </row>
    <row r="43637" spans="1:3" ht="19.2">
      <c r="A43637" s="2"/>
      <c r="B43637" s="2"/>
      <c r="C43637" s="2"/>
    </row>
    <row r="43638" spans="1:3" ht="19.2">
      <c r="A43638" s="2"/>
      <c r="B43638" s="2"/>
      <c r="C43638" s="2"/>
    </row>
    <row r="43639" spans="1:3" ht="19.2">
      <c r="A43639" s="2"/>
      <c r="B43639" s="2"/>
      <c r="C43639" s="2"/>
    </row>
    <row r="43640" spans="1:3" ht="19.2">
      <c r="A43640" s="2"/>
      <c r="B43640" s="2"/>
      <c r="C43640" s="2"/>
    </row>
    <row r="43641" spans="1:3" ht="19.2">
      <c r="A43641" s="2"/>
      <c r="B43641" s="2"/>
      <c r="C43641" s="2"/>
    </row>
    <row r="43642" spans="1:3" ht="19.2">
      <c r="A43642" s="2"/>
      <c r="B43642" s="2"/>
      <c r="C43642" s="2"/>
    </row>
    <row r="43643" spans="1:3" ht="19.2">
      <c r="A43643" s="2"/>
      <c r="B43643" s="2"/>
      <c r="C43643" s="2"/>
    </row>
    <row r="43644" spans="1:3" ht="19.2">
      <c r="A43644" s="2"/>
      <c r="B43644" s="2"/>
      <c r="C43644" s="2"/>
    </row>
    <row r="43645" spans="1:3" ht="19.2">
      <c r="A43645" s="2"/>
      <c r="B43645" s="2"/>
      <c r="C43645" s="2"/>
    </row>
    <row r="43646" spans="1:3" ht="19.2">
      <c r="A43646" s="2"/>
      <c r="B43646" s="2"/>
      <c r="C43646" s="2"/>
    </row>
    <row r="43647" spans="1:3" ht="19.2">
      <c r="A43647" s="2"/>
      <c r="B43647" s="2"/>
      <c r="C43647" s="2"/>
    </row>
    <row r="43648" spans="1:3" ht="19.2">
      <c r="A43648" s="2"/>
      <c r="B43648" s="2"/>
      <c r="C43648" s="2"/>
    </row>
    <row r="43649" spans="1:3" ht="19.2">
      <c r="A43649" s="2"/>
      <c r="B43649" s="2"/>
      <c r="C43649" s="2"/>
    </row>
    <row r="43650" spans="1:3" ht="19.2">
      <c r="A43650" s="2"/>
      <c r="B43650" s="2"/>
      <c r="C43650" s="2"/>
    </row>
    <row r="43651" spans="1:3" ht="19.2">
      <c r="A43651" s="2"/>
      <c r="B43651" s="2"/>
      <c r="C43651" s="2"/>
    </row>
    <row r="43652" spans="1:3" ht="19.2">
      <c r="A43652" s="2"/>
      <c r="B43652" s="2"/>
      <c r="C43652" s="2"/>
    </row>
    <row r="43653" spans="1:3" ht="19.2">
      <c r="A43653" s="2"/>
      <c r="B43653" s="2"/>
      <c r="C43653" s="2"/>
    </row>
    <row r="43654" spans="1:3" ht="19.2">
      <c r="A43654" s="2"/>
      <c r="B43654" s="2"/>
      <c r="C43654" s="2"/>
    </row>
    <row r="43655" spans="1:3" ht="19.2">
      <c r="A43655" s="2"/>
      <c r="B43655" s="2"/>
      <c r="C43655" s="2"/>
    </row>
    <row r="43656" spans="1:3" ht="19.2">
      <c r="A43656" s="2"/>
      <c r="B43656" s="2"/>
      <c r="C43656" s="2"/>
    </row>
    <row r="43657" spans="1:3" ht="19.2">
      <c r="A43657" s="2"/>
      <c r="B43657" s="2"/>
      <c r="C43657" s="2"/>
    </row>
    <row r="43658" spans="1:3" ht="19.2">
      <c r="A43658" s="2"/>
      <c r="B43658" s="2"/>
      <c r="C43658" s="2"/>
    </row>
    <row r="43659" spans="1:3" ht="19.2">
      <c r="A43659" s="2"/>
      <c r="B43659" s="2"/>
      <c r="C43659" s="2"/>
    </row>
    <row r="43660" spans="1:3" ht="19.2">
      <c r="A43660" s="2"/>
      <c r="B43660" s="2"/>
      <c r="C43660" s="2"/>
    </row>
    <row r="43661" spans="1:3" ht="19.2">
      <c r="A43661" s="2"/>
      <c r="B43661" s="2"/>
      <c r="C43661" s="2"/>
    </row>
    <row r="43662" spans="1:3" ht="19.2">
      <c r="A43662" s="2"/>
      <c r="B43662" s="2"/>
      <c r="C43662" s="2"/>
    </row>
    <row r="43663" spans="1:3" ht="19.2">
      <c r="A43663" s="2"/>
      <c r="B43663" s="2"/>
      <c r="C43663" s="2"/>
    </row>
    <row r="43664" spans="1:3" ht="19.2">
      <c r="A43664" s="2"/>
      <c r="B43664" s="2"/>
      <c r="C43664" s="2"/>
    </row>
    <row r="43665" spans="1:3" ht="19.2">
      <c r="A43665" s="2"/>
      <c r="B43665" s="2"/>
      <c r="C43665" s="2"/>
    </row>
    <row r="43666" spans="1:3" ht="19.2">
      <c r="A43666" s="2"/>
      <c r="B43666" s="2"/>
      <c r="C43666" s="2"/>
    </row>
    <row r="43667" spans="1:3" ht="19.2">
      <c r="A43667" s="2"/>
      <c r="B43667" s="2"/>
      <c r="C43667" s="2"/>
    </row>
    <row r="43668" spans="1:3" ht="19.2">
      <c r="A43668" s="2"/>
      <c r="B43668" s="2"/>
      <c r="C43668" s="2"/>
    </row>
    <row r="43669" spans="1:3" ht="19.2">
      <c r="A43669" s="2"/>
      <c r="B43669" s="2"/>
      <c r="C43669" s="2"/>
    </row>
    <row r="43670" spans="1:3" ht="19.2">
      <c r="A43670" s="2"/>
      <c r="B43670" s="2"/>
      <c r="C43670" s="2"/>
    </row>
    <row r="43671" spans="1:3" ht="19.2">
      <c r="A43671" s="2"/>
      <c r="B43671" s="2"/>
      <c r="C43671" s="2"/>
    </row>
    <row r="43672" spans="1:3" ht="19.2">
      <c r="A43672" s="2"/>
      <c r="B43672" s="2"/>
      <c r="C43672" s="2"/>
    </row>
    <row r="43673" spans="1:3" ht="19.2">
      <c r="A43673" s="2"/>
      <c r="B43673" s="2"/>
      <c r="C43673" s="2"/>
    </row>
    <row r="43674" spans="1:3" ht="19.2">
      <c r="A43674" s="2"/>
      <c r="B43674" s="2"/>
      <c r="C43674" s="2"/>
    </row>
    <row r="43675" spans="1:3" ht="19.2">
      <c r="A43675" s="2"/>
      <c r="B43675" s="2"/>
      <c r="C43675" s="2"/>
    </row>
    <row r="43676" spans="1:3" ht="19.2">
      <c r="A43676" s="2"/>
      <c r="B43676" s="2"/>
      <c r="C43676" s="2"/>
    </row>
    <row r="43677" spans="1:3" ht="19.2">
      <c r="A43677" s="2"/>
      <c r="B43677" s="2"/>
      <c r="C43677" s="2"/>
    </row>
    <row r="43678" spans="1:3" ht="19.2">
      <c r="A43678" s="2"/>
      <c r="B43678" s="2"/>
      <c r="C43678" s="2"/>
    </row>
    <row r="43679" spans="1:3" ht="19.2">
      <c r="A43679" s="2"/>
      <c r="B43679" s="2"/>
      <c r="C43679" s="2"/>
    </row>
    <row r="43680" spans="1:3" ht="19.2">
      <c r="A43680" s="2"/>
      <c r="B43680" s="2"/>
      <c r="C43680" s="2"/>
    </row>
    <row r="43681" spans="1:3" ht="19.2">
      <c r="A43681" s="2"/>
      <c r="B43681" s="2"/>
      <c r="C43681" s="2"/>
    </row>
    <row r="43682" spans="1:3" ht="19.2">
      <c r="A43682" s="2"/>
      <c r="B43682" s="2"/>
      <c r="C43682" s="2"/>
    </row>
    <row r="43683" spans="1:3" ht="19.2">
      <c r="A43683" s="2"/>
      <c r="B43683" s="2"/>
      <c r="C43683" s="2"/>
    </row>
    <row r="43684" spans="1:3" ht="19.2">
      <c r="A43684" s="2"/>
      <c r="B43684" s="2"/>
      <c r="C43684" s="2"/>
    </row>
    <row r="43685" spans="1:3" ht="19.2">
      <c r="A43685" s="2"/>
      <c r="B43685" s="2"/>
      <c r="C43685" s="2"/>
    </row>
    <row r="43686" spans="1:3" ht="19.2">
      <c r="A43686" s="2"/>
      <c r="B43686" s="2"/>
      <c r="C43686" s="2"/>
    </row>
    <row r="43687" spans="1:3" ht="19.2">
      <c r="A43687" s="2"/>
      <c r="B43687" s="2"/>
      <c r="C43687" s="2"/>
    </row>
    <row r="43688" spans="1:3" ht="19.2">
      <c r="A43688" s="2"/>
      <c r="B43688" s="2"/>
      <c r="C43688" s="2"/>
    </row>
    <row r="43689" spans="1:3" ht="19.2">
      <c r="A43689" s="2"/>
      <c r="B43689" s="2"/>
      <c r="C43689" s="2"/>
    </row>
    <row r="43690" spans="1:3" ht="19.2">
      <c r="A43690" s="2"/>
      <c r="B43690" s="2"/>
      <c r="C43690" s="2"/>
    </row>
    <row r="43691" spans="1:3" ht="19.2">
      <c r="A43691" s="2"/>
      <c r="B43691" s="2"/>
      <c r="C43691" s="2"/>
    </row>
    <row r="43692" spans="1:3" ht="19.2">
      <c r="A43692" s="2"/>
      <c r="B43692" s="2"/>
      <c r="C43692" s="2"/>
    </row>
    <row r="43693" spans="1:3" ht="19.2">
      <c r="A43693" s="2"/>
      <c r="B43693" s="2"/>
      <c r="C43693" s="2"/>
    </row>
    <row r="43694" spans="1:3" ht="19.2">
      <c r="A43694" s="2"/>
      <c r="B43694" s="2"/>
      <c r="C43694" s="2"/>
    </row>
    <row r="43695" spans="1:3" ht="19.2">
      <c r="A43695" s="2"/>
      <c r="B43695" s="2"/>
      <c r="C43695" s="2"/>
    </row>
    <row r="43696" spans="1:3" ht="19.2">
      <c r="A43696" s="2"/>
      <c r="B43696" s="2"/>
      <c r="C43696" s="2"/>
    </row>
    <row r="43697" spans="1:3" ht="19.2">
      <c r="A43697" s="2"/>
      <c r="B43697" s="2"/>
      <c r="C43697" s="2"/>
    </row>
    <row r="43698" spans="1:3" ht="19.2">
      <c r="A43698" s="2"/>
      <c r="B43698" s="2"/>
      <c r="C43698" s="2"/>
    </row>
    <row r="43699" spans="1:3" ht="19.2">
      <c r="A43699" s="2"/>
      <c r="B43699" s="2"/>
      <c r="C43699" s="2"/>
    </row>
    <row r="43700" spans="1:3" ht="19.2">
      <c r="A43700" s="2"/>
      <c r="B43700" s="2"/>
      <c r="C43700" s="2"/>
    </row>
    <row r="43701" spans="1:3" ht="19.2">
      <c r="A43701" s="2"/>
      <c r="B43701" s="2"/>
      <c r="C43701" s="2"/>
    </row>
    <row r="43702" spans="1:3" ht="19.2">
      <c r="A43702" s="2"/>
      <c r="B43702" s="2"/>
      <c r="C43702" s="2"/>
    </row>
    <row r="43703" spans="1:3" ht="19.2">
      <c r="A43703" s="2"/>
      <c r="B43703" s="2"/>
      <c r="C43703" s="2"/>
    </row>
    <row r="43704" spans="1:3" ht="19.2">
      <c r="A43704" s="2"/>
      <c r="B43704" s="2"/>
      <c r="C43704" s="2"/>
    </row>
    <row r="43705" spans="1:3" ht="19.2">
      <c r="A43705" s="2"/>
      <c r="B43705" s="2"/>
      <c r="C43705" s="2"/>
    </row>
    <row r="43706" spans="1:3" ht="19.2">
      <c r="A43706" s="2"/>
      <c r="B43706" s="2"/>
      <c r="C43706" s="2"/>
    </row>
    <row r="43707" spans="1:3" ht="19.2">
      <c r="A43707" s="2"/>
      <c r="B43707" s="2"/>
      <c r="C43707" s="2"/>
    </row>
    <row r="43708" spans="1:3" ht="19.2">
      <c r="A43708" s="2"/>
      <c r="B43708" s="2"/>
      <c r="C43708" s="2"/>
    </row>
    <row r="43709" spans="1:3" ht="19.2">
      <c r="A43709" s="2"/>
      <c r="B43709" s="2"/>
      <c r="C43709" s="2"/>
    </row>
    <row r="43710" spans="1:3" ht="19.2">
      <c r="A43710" s="2"/>
      <c r="B43710" s="2"/>
      <c r="C43710" s="2"/>
    </row>
    <row r="43711" spans="1:3" ht="19.2">
      <c r="A43711" s="2"/>
      <c r="B43711" s="2"/>
      <c r="C43711" s="2"/>
    </row>
    <row r="43712" spans="1:3" ht="19.2">
      <c r="A43712" s="2"/>
      <c r="B43712" s="2"/>
      <c r="C43712" s="2"/>
    </row>
    <row r="43713" spans="1:3" ht="19.2">
      <c r="A43713" s="2"/>
      <c r="B43713" s="2"/>
      <c r="C43713" s="2"/>
    </row>
    <row r="43714" spans="1:3" ht="19.2">
      <c r="A43714" s="2"/>
      <c r="B43714" s="2"/>
      <c r="C43714" s="2"/>
    </row>
    <row r="43715" spans="1:3" ht="19.2">
      <c r="A43715" s="2"/>
      <c r="B43715" s="2"/>
      <c r="C43715" s="2"/>
    </row>
    <row r="43716" spans="1:3" ht="19.2">
      <c r="A43716" s="2"/>
      <c r="B43716" s="2"/>
      <c r="C43716" s="2"/>
    </row>
    <row r="43717" spans="1:3" ht="19.2">
      <c r="A43717" s="2"/>
      <c r="B43717" s="2"/>
      <c r="C43717" s="2"/>
    </row>
    <row r="43718" spans="1:3" ht="19.2">
      <c r="A43718" s="2"/>
      <c r="B43718" s="2"/>
      <c r="C43718" s="2"/>
    </row>
    <row r="43719" spans="1:3" ht="19.2">
      <c r="A43719" s="2"/>
      <c r="B43719" s="2"/>
      <c r="C43719" s="2"/>
    </row>
    <row r="43720" spans="1:3" ht="19.2">
      <c r="A43720" s="2"/>
      <c r="B43720" s="2"/>
      <c r="C43720" s="2"/>
    </row>
    <row r="43721" spans="1:3" ht="19.2">
      <c r="A43721" s="2"/>
      <c r="B43721" s="2"/>
      <c r="C43721" s="2"/>
    </row>
    <row r="43722" spans="1:3" ht="19.2">
      <c r="A43722" s="2"/>
      <c r="B43722" s="2"/>
      <c r="C43722" s="2"/>
    </row>
    <row r="43723" spans="1:3" ht="19.2">
      <c r="A43723" s="2"/>
      <c r="B43723" s="2"/>
      <c r="C43723" s="2"/>
    </row>
    <row r="43724" spans="1:3" ht="19.2">
      <c r="A43724" s="2"/>
      <c r="B43724" s="2"/>
      <c r="C43724" s="2"/>
    </row>
    <row r="43725" spans="1:3" ht="19.2">
      <c r="A43725" s="2"/>
      <c r="B43725" s="2"/>
      <c r="C43725" s="2"/>
    </row>
    <row r="43726" spans="1:3" ht="19.2">
      <c r="A43726" s="2"/>
      <c r="B43726" s="2"/>
      <c r="C43726" s="2"/>
    </row>
    <row r="43727" spans="1:3" ht="19.2">
      <c r="A43727" s="2"/>
      <c r="B43727" s="2"/>
      <c r="C43727" s="2"/>
    </row>
    <row r="43728" spans="1:3" ht="19.2">
      <c r="A43728" s="2"/>
      <c r="B43728" s="2"/>
      <c r="C43728" s="2"/>
    </row>
    <row r="43729" spans="1:3" ht="19.2">
      <c r="A43729" s="2"/>
      <c r="B43729" s="2"/>
      <c r="C43729" s="2"/>
    </row>
    <row r="43730" spans="1:3" ht="19.2">
      <c r="A43730" s="2"/>
      <c r="B43730" s="2"/>
      <c r="C43730" s="2"/>
    </row>
    <row r="43731" spans="1:3" ht="19.2">
      <c r="A43731" s="2"/>
      <c r="B43731" s="2"/>
      <c r="C43731" s="2"/>
    </row>
    <row r="43732" spans="1:3" ht="19.2">
      <c r="A43732" s="2"/>
      <c r="B43732" s="2"/>
      <c r="C43732" s="2"/>
    </row>
    <row r="43733" spans="1:3" ht="19.2">
      <c r="A43733" s="2"/>
      <c r="B43733" s="2"/>
      <c r="C43733" s="2"/>
    </row>
    <row r="43734" spans="1:3" ht="19.2">
      <c r="A43734" s="2"/>
      <c r="B43734" s="2"/>
      <c r="C43734" s="2"/>
    </row>
    <row r="43735" spans="1:3" ht="19.2">
      <c r="A43735" s="2"/>
      <c r="B43735" s="2"/>
      <c r="C43735" s="2"/>
    </row>
    <row r="43736" spans="1:3" ht="19.2">
      <c r="A43736" s="2"/>
      <c r="B43736" s="2"/>
      <c r="C43736" s="2"/>
    </row>
    <row r="43737" spans="1:3" ht="19.2">
      <c r="A43737" s="2"/>
      <c r="B43737" s="2"/>
      <c r="C43737" s="2"/>
    </row>
    <row r="43738" spans="1:3" ht="19.2">
      <c r="A43738" s="2"/>
      <c r="B43738" s="2"/>
      <c r="C43738" s="2"/>
    </row>
    <row r="43739" spans="1:3" ht="19.2">
      <c r="A43739" s="2"/>
      <c r="B43739" s="2"/>
      <c r="C43739" s="2"/>
    </row>
    <row r="43740" spans="1:3" ht="19.2">
      <c r="A43740" s="2"/>
      <c r="B43740" s="2"/>
      <c r="C43740" s="2"/>
    </row>
    <row r="43741" spans="1:3" ht="19.2">
      <c r="A43741" s="2"/>
      <c r="B43741" s="2"/>
      <c r="C43741" s="2"/>
    </row>
    <row r="43742" spans="1:3" ht="19.2">
      <c r="A43742" s="2"/>
      <c r="B43742" s="2"/>
      <c r="C43742" s="2"/>
    </row>
    <row r="43743" spans="1:3" ht="19.2">
      <c r="A43743" s="2"/>
      <c r="B43743" s="2"/>
      <c r="C43743" s="2"/>
    </row>
    <row r="43744" spans="1:3" ht="19.2">
      <c r="A43744" s="2"/>
      <c r="B43744" s="2"/>
      <c r="C43744" s="2"/>
    </row>
    <row r="43745" spans="1:3" ht="19.2">
      <c r="A43745" s="2"/>
      <c r="B43745" s="2"/>
      <c r="C43745" s="2"/>
    </row>
    <row r="43746" spans="1:3" ht="19.2">
      <c r="A43746" s="2"/>
      <c r="B43746" s="2"/>
      <c r="C43746" s="2"/>
    </row>
    <row r="43747" spans="1:3" ht="19.2">
      <c r="A43747" s="2"/>
      <c r="B43747" s="2"/>
      <c r="C43747" s="2"/>
    </row>
    <row r="43748" spans="1:3" ht="19.2">
      <c r="A43748" s="2"/>
      <c r="B43748" s="2"/>
      <c r="C43748" s="2"/>
    </row>
    <row r="43749" spans="1:3" ht="19.2">
      <c r="A43749" s="2"/>
      <c r="B43749" s="2"/>
      <c r="C43749" s="2"/>
    </row>
    <row r="43750" spans="1:3" ht="19.2">
      <c r="A43750" s="2"/>
      <c r="B43750" s="2"/>
      <c r="C43750" s="2"/>
    </row>
    <row r="43751" spans="1:3" ht="19.2">
      <c r="A43751" s="2"/>
      <c r="B43751" s="2"/>
      <c r="C43751" s="2"/>
    </row>
    <row r="43752" spans="1:3" ht="19.2">
      <c r="A43752" s="2"/>
      <c r="B43752" s="2"/>
      <c r="C43752" s="2"/>
    </row>
    <row r="43753" spans="1:3" ht="19.2">
      <c r="A43753" s="2"/>
      <c r="B43753" s="2"/>
      <c r="C43753" s="2"/>
    </row>
    <row r="43754" spans="1:3" ht="19.2">
      <c r="A43754" s="2"/>
      <c r="B43754" s="2"/>
      <c r="C43754" s="2"/>
    </row>
    <row r="43755" spans="1:3" ht="19.2">
      <c r="A43755" s="2"/>
      <c r="B43755" s="2"/>
      <c r="C43755" s="2"/>
    </row>
    <row r="43756" spans="1:3" ht="19.2">
      <c r="A43756" s="2"/>
      <c r="B43756" s="2"/>
      <c r="C43756" s="2"/>
    </row>
    <row r="43757" spans="1:3" ht="19.2">
      <c r="A43757" s="2"/>
      <c r="B43757" s="2"/>
      <c r="C43757" s="2"/>
    </row>
    <row r="43758" spans="1:3" ht="19.2">
      <c r="A43758" s="2"/>
      <c r="B43758" s="2"/>
      <c r="C43758" s="2"/>
    </row>
    <row r="43759" spans="1:3" ht="19.2">
      <c r="A43759" s="2"/>
      <c r="B43759" s="2"/>
      <c r="C43759" s="2"/>
    </row>
    <row r="43760" spans="1:3" ht="19.2">
      <c r="A43760" s="2"/>
      <c r="B43760" s="2"/>
      <c r="C43760" s="2"/>
    </row>
    <row r="43761" spans="1:3" ht="19.2">
      <c r="A43761" s="2"/>
      <c r="B43761" s="2"/>
      <c r="C43761" s="2"/>
    </row>
    <row r="43762" spans="1:3" ht="19.2">
      <c r="A43762" s="2"/>
      <c r="B43762" s="2"/>
      <c r="C43762" s="2"/>
    </row>
    <row r="43763" spans="1:3" ht="19.2">
      <c r="A43763" s="2"/>
      <c r="B43763" s="2"/>
      <c r="C43763" s="2"/>
    </row>
    <row r="43764" spans="1:3" ht="19.2">
      <c r="A43764" s="2"/>
      <c r="B43764" s="2"/>
      <c r="C43764" s="2"/>
    </row>
    <row r="43765" spans="1:3" ht="19.2">
      <c r="A43765" s="2"/>
      <c r="B43765" s="2"/>
      <c r="C43765" s="2"/>
    </row>
    <row r="43766" spans="1:3" ht="19.2">
      <c r="A43766" s="2"/>
      <c r="B43766" s="2"/>
      <c r="C43766" s="2"/>
    </row>
    <row r="43767" spans="1:3" ht="19.2">
      <c r="A43767" s="2"/>
      <c r="B43767" s="2"/>
      <c r="C43767" s="2"/>
    </row>
    <row r="43768" spans="1:3" ht="19.2">
      <c r="A43768" s="2"/>
      <c r="B43768" s="2"/>
      <c r="C43768" s="2"/>
    </row>
    <row r="43769" spans="1:3" ht="19.2">
      <c r="A43769" s="2"/>
      <c r="B43769" s="2"/>
      <c r="C43769" s="2"/>
    </row>
    <row r="43770" spans="1:3" ht="19.2">
      <c r="A43770" s="2"/>
      <c r="B43770" s="2"/>
      <c r="C43770" s="2"/>
    </row>
    <row r="43771" spans="1:3" ht="19.2">
      <c r="A43771" s="2"/>
      <c r="B43771" s="2"/>
      <c r="C43771" s="2"/>
    </row>
    <row r="43772" spans="1:3" ht="19.2">
      <c r="A43772" s="2"/>
      <c r="B43772" s="2"/>
      <c r="C43772" s="2"/>
    </row>
    <row r="43773" spans="1:3" ht="19.2">
      <c r="A43773" s="2"/>
      <c r="B43773" s="2"/>
      <c r="C43773" s="2"/>
    </row>
    <row r="43774" spans="1:3" ht="19.2">
      <c r="A43774" s="2"/>
      <c r="B43774" s="2"/>
      <c r="C43774" s="2"/>
    </row>
    <row r="43775" spans="1:3" ht="19.2">
      <c r="A43775" s="2"/>
      <c r="B43775" s="2"/>
      <c r="C43775" s="2"/>
    </row>
    <row r="43776" spans="1:3" ht="19.2">
      <c r="A43776" s="2"/>
      <c r="B43776" s="2"/>
      <c r="C43776" s="2"/>
    </row>
    <row r="43777" spans="1:3" ht="19.2">
      <c r="A43777" s="2"/>
      <c r="B43777" s="2"/>
      <c r="C43777" s="2"/>
    </row>
    <row r="43778" spans="1:3" ht="19.2">
      <c r="A43778" s="2"/>
      <c r="B43778" s="2"/>
      <c r="C43778" s="2"/>
    </row>
    <row r="43779" spans="1:3" ht="19.2">
      <c r="A43779" s="2"/>
      <c r="B43779" s="2"/>
      <c r="C43779" s="2"/>
    </row>
    <row r="43780" spans="1:3" ht="19.2">
      <c r="A43780" s="2"/>
      <c r="B43780" s="2"/>
      <c r="C43780" s="2"/>
    </row>
    <row r="43781" spans="1:3" ht="19.2">
      <c r="A43781" s="2"/>
      <c r="B43781" s="2"/>
      <c r="C43781" s="2"/>
    </row>
    <row r="43782" spans="1:3" ht="19.2">
      <c r="A43782" s="2"/>
      <c r="B43782" s="2"/>
      <c r="C43782" s="2"/>
    </row>
    <row r="43783" spans="1:3" ht="19.2">
      <c r="A43783" s="2"/>
      <c r="B43783" s="2"/>
      <c r="C43783" s="2"/>
    </row>
    <row r="43784" spans="1:3" ht="19.2">
      <c r="A43784" s="2"/>
      <c r="B43784" s="2"/>
      <c r="C43784" s="2"/>
    </row>
    <row r="43785" spans="1:3" ht="19.2">
      <c r="A43785" s="2"/>
      <c r="B43785" s="2"/>
      <c r="C43785" s="2"/>
    </row>
    <row r="43786" spans="1:3" ht="19.2">
      <c r="A43786" s="2"/>
      <c r="B43786" s="2"/>
      <c r="C43786" s="2"/>
    </row>
    <row r="43787" spans="1:3" ht="19.2">
      <c r="A43787" s="2"/>
      <c r="B43787" s="2"/>
      <c r="C43787" s="2"/>
    </row>
    <row r="43788" spans="1:3" ht="19.2">
      <c r="A43788" s="2"/>
      <c r="B43788" s="2"/>
      <c r="C43788" s="2"/>
    </row>
    <row r="43789" spans="1:3" ht="19.2">
      <c r="A43789" s="2"/>
      <c r="B43789" s="2"/>
      <c r="C43789" s="2"/>
    </row>
    <row r="43790" spans="1:3" ht="19.2">
      <c r="A43790" s="2"/>
      <c r="B43790" s="2"/>
      <c r="C43790" s="2"/>
    </row>
    <row r="43791" spans="1:3" ht="19.2">
      <c r="A43791" s="2"/>
      <c r="B43791" s="2"/>
      <c r="C43791" s="2"/>
    </row>
    <row r="43792" spans="1:3" ht="19.2">
      <c r="A43792" s="2"/>
      <c r="B43792" s="2"/>
      <c r="C43792" s="2"/>
    </row>
    <row r="43793" spans="1:3" ht="19.2">
      <c r="A43793" s="2"/>
      <c r="B43793" s="2"/>
      <c r="C43793" s="2"/>
    </row>
    <row r="43794" spans="1:3" ht="19.2">
      <c r="A43794" s="2"/>
      <c r="B43794" s="2"/>
      <c r="C43794" s="2"/>
    </row>
    <row r="43795" spans="1:3" ht="19.2">
      <c r="A43795" s="2"/>
      <c r="B43795" s="2"/>
      <c r="C43795" s="2"/>
    </row>
    <row r="43796" spans="1:3" ht="19.2">
      <c r="A43796" s="2"/>
      <c r="B43796" s="2"/>
      <c r="C43796" s="2"/>
    </row>
    <row r="43797" spans="1:3" ht="19.2">
      <c r="A43797" s="2"/>
      <c r="B43797" s="2"/>
      <c r="C43797" s="2"/>
    </row>
    <row r="43798" spans="1:3" ht="19.2">
      <c r="A43798" s="2"/>
      <c r="B43798" s="2"/>
      <c r="C43798" s="2"/>
    </row>
    <row r="43799" spans="1:3" ht="19.2">
      <c r="A43799" s="2"/>
      <c r="B43799" s="2"/>
      <c r="C43799" s="2"/>
    </row>
    <row r="43800" spans="1:3" ht="19.2">
      <c r="A43800" s="2"/>
      <c r="B43800" s="2"/>
      <c r="C43800" s="2"/>
    </row>
    <row r="43801" spans="1:3" ht="19.2">
      <c r="A43801" s="2"/>
      <c r="B43801" s="2"/>
      <c r="C43801" s="2"/>
    </row>
    <row r="43802" spans="1:3" ht="19.2">
      <c r="A43802" s="2"/>
      <c r="B43802" s="2"/>
      <c r="C43802" s="2"/>
    </row>
    <row r="43803" spans="1:3" ht="19.2">
      <c r="A43803" s="2"/>
      <c r="B43803" s="2"/>
      <c r="C43803" s="2"/>
    </row>
    <row r="43804" spans="1:3" ht="19.2">
      <c r="A43804" s="2"/>
      <c r="B43804" s="2"/>
      <c r="C43804" s="2"/>
    </row>
    <row r="43805" spans="1:3" ht="19.2">
      <c r="A43805" s="2"/>
      <c r="B43805" s="2"/>
      <c r="C43805" s="2"/>
    </row>
    <row r="43806" spans="1:3" ht="19.2">
      <c r="A43806" s="2"/>
      <c r="B43806" s="2"/>
      <c r="C43806" s="2"/>
    </row>
    <row r="43807" spans="1:3" ht="19.2">
      <c r="A43807" s="2"/>
      <c r="B43807" s="2"/>
      <c r="C43807" s="2"/>
    </row>
    <row r="43808" spans="1:3" ht="19.2">
      <c r="A43808" s="2"/>
      <c r="B43808" s="2"/>
      <c r="C43808" s="2"/>
    </row>
    <row r="43809" spans="1:3" ht="19.2">
      <c r="A43809" s="2"/>
      <c r="B43809" s="2"/>
      <c r="C43809" s="2"/>
    </row>
    <row r="43810" spans="1:3" ht="19.2">
      <c r="A43810" s="2"/>
      <c r="B43810" s="2"/>
      <c r="C43810" s="2"/>
    </row>
    <row r="43811" spans="1:3" ht="19.2">
      <c r="A43811" s="2"/>
      <c r="B43811" s="2"/>
      <c r="C43811" s="2"/>
    </row>
    <row r="43812" spans="1:3" ht="19.2">
      <c r="A43812" s="2"/>
      <c r="B43812" s="2"/>
      <c r="C43812" s="2"/>
    </row>
    <row r="43813" spans="1:3" ht="19.2">
      <c r="A43813" s="2"/>
      <c r="B43813" s="2"/>
      <c r="C43813" s="2"/>
    </row>
    <row r="43814" spans="1:3" ht="19.2">
      <c r="A43814" s="2"/>
      <c r="B43814" s="2"/>
      <c r="C43814" s="2"/>
    </row>
    <row r="43815" spans="1:3" ht="19.2">
      <c r="A43815" s="2"/>
      <c r="B43815" s="2"/>
      <c r="C43815" s="2"/>
    </row>
    <row r="43816" spans="1:3" ht="19.2">
      <c r="A43816" s="2"/>
      <c r="B43816" s="2"/>
      <c r="C43816" s="2"/>
    </row>
    <row r="43817" spans="1:3" ht="19.2">
      <c r="A43817" s="2"/>
      <c r="B43817" s="2"/>
      <c r="C43817" s="2"/>
    </row>
    <row r="43818" spans="1:3" ht="19.2">
      <c r="A43818" s="2"/>
      <c r="B43818" s="2"/>
      <c r="C43818" s="2"/>
    </row>
    <row r="43819" spans="1:3" ht="19.2">
      <c r="A43819" s="2"/>
      <c r="B43819" s="2"/>
      <c r="C43819" s="2"/>
    </row>
    <row r="43820" spans="1:3" ht="19.2">
      <c r="A43820" s="2"/>
      <c r="B43820" s="2"/>
      <c r="C43820" s="2"/>
    </row>
    <row r="43821" spans="1:3" ht="19.2">
      <c r="A43821" s="2"/>
      <c r="B43821" s="2"/>
      <c r="C43821" s="2"/>
    </row>
    <row r="43822" spans="1:3" ht="19.2">
      <c r="A43822" s="2"/>
      <c r="B43822" s="2"/>
      <c r="C43822" s="2"/>
    </row>
    <row r="43823" spans="1:3" ht="19.2">
      <c r="A43823" s="2"/>
      <c r="B43823" s="2"/>
      <c r="C43823" s="2"/>
    </row>
    <row r="43824" spans="1:3" ht="19.2">
      <c r="A43824" s="2"/>
      <c r="B43824" s="2"/>
      <c r="C43824" s="2"/>
    </row>
    <row r="43825" spans="1:3" ht="19.2">
      <c r="A43825" s="2"/>
      <c r="B43825" s="2"/>
      <c r="C43825" s="2"/>
    </row>
    <row r="43826" spans="1:3" ht="19.2">
      <c r="A43826" s="2"/>
      <c r="B43826" s="2"/>
      <c r="C43826" s="2"/>
    </row>
    <row r="43827" spans="1:3" ht="19.2">
      <c r="A43827" s="2"/>
      <c r="B43827" s="2"/>
      <c r="C43827" s="2"/>
    </row>
    <row r="43828" spans="1:3" ht="19.2">
      <c r="A43828" s="2"/>
      <c r="B43828" s="2"/>
      <c r="C43828" s="2"/>
    </row>
    <row r="43829" spans="1:3" ht="19.2">
      <c r="A43829" s="2"/>
      <c r="B43829" s="2"/>
      <c r="C43829" s="2"/>
    </row>
    <row r="43830" spans="1:3" ht="19.2">
      <c r="A43830" s="2"/>
      <c r="B43830" s="2"/>
      <c r="C43830" s="2"/>
    </row>
    <row r="43831" spans="1:3" ht="19.2">
      <c r="A43831" s="2"/>
      <c r="B43831" s="2"/>
      <c r="C43831" s="2"/>
    </row>
    <row r="43832" spans="1:3" ht="19.2">
      <c r="A43832" s="2"/>
      <c r="B43832" s="2"/>
      <c r="C43832" s="2"/>
    </row>
    <row r="43833" spans="1:3" ht="19.2">
      <c r="A43833" s="2"/>
      <c r="B43833" s="2"/>
      <c r="C43833" s="2"/>
    </row>
    <row r="43834" spans="1:3" ht="19.2">
      <c r="A43834" s="2"/>
      <c r="B43834" s="2"/>
      <c r="C43834" s="2"/>
    </row>
    <row r="43835" spans="1:3" ht="19.2">
      <c r="A43835" s="2"/>
      <c r="B43835" s="2"/>
      <c r="C43835" s="2"/>
    </row>
    <row r="43836" spans="1:3" ht="19.2">
      <c r="A43836" s="2"/>
      <c r="B43836" s="2"/>
      <c r="C43836" s="2"/>
    </row>
    <row r="43837" spans="1:3" ht="19.2">
      <c r="A43837" s="2"/>
      <c r="B43837" s="2"/>
      <c r="C43837" s="2"/>
    </row>
    <row r="43838" spans="1:3" ht="19.2">
      <c r="A43838" s="2"/>
      <c r="B43838" s="2"/>
      <c r="C43838" s="2"/>
    </row>
    <row r="43839" spans="1:3" ht="19.2">
      <c r="A43839" s="2"/>
      <c r="B43839" s="2"/>
      <c r="C43839" s="2"/>
    </row>
    <row r="43840" spans="1:3" ht="19.2">
      <c r="A43840" s="2"/>
      <c r="B43840" s="2"/>
      <c r="C43840" s="2"/>
    </row>
    <row r="43841" spans="1:3" ht="19.2">
      <c r="A43841" s="2"/>
      <c r="B43841" s="2"/>
      <c r="C43841" s="2"/>
    </row>
    <row r="43842" spans="1:3" ht="19.2">
      <c r="A43842" s="2"/>
      <c r="B43842" s="2"/>
      <c r="C43842" s="2"/>
    </row>
    <row r="43843" spans="1:3" ht="19.2">
      <c r="A43843" s="2"/>
      <c r="B43843" s="2"/>
      <c r="C43843" s="2"/>
    </row>
    <row r="43844" spans="1:3" ht="19.2">
      <c r="A43844" s="2"/>
      <c r="B43844" s="2"/>
      <c r="C43844" s="2"/>
    </row>
    <row r="43845" spans="1:3" ht="19.2">
      <c r="A43845" s="2"/>
      <c r="B43845" s="2"/>
      <c r="C43845" s="2"/>
    </row>
    <row r="43846" spans="1:3" ht="19.2">
      <c r="A43846" s="2"/>
      <c r="B43846" s="2"/>
      <c r="C43846" s="2"/>
    </row>
    <row r="43847" spans="1:3" ht="19.2">
      <c r="A43847" s="2"/>
      <c r="B43847" s="2"/>
      <c r="C43847" s="2"/>
    </row>
    <row r="43848" spans="1:3" ht="19.2">
      <c r="A43848" s="2"/>
      <c r="B43848" s="2"/>
      <c r="C43848" s="2"/>
    </row>
    <row r="43849" spans="1:3" ht="19.2">
      <c r="A43849" s="2"/>
      <c r="B43849" s="2"/>
      <c r="C43849" s="2"/>
    </row>
    <row r="43850" spans="1:3" ht="19.2">
      <c r="A43850" s="2"/>
      <c r="B43850" s="2"/>
      <c r="C43850" s="2"/>
    </row>
    <row r="43851" spans="1:3" ht="19.2">
      <c r="A43851" s="2"/>
      <c r="B43851" s="2"/>
      <c r="C43851" s="2"/>
    </row>
    <row r="43852" spans="1:3" ht="19.2">
      <c r="A43852" s="2"/>
      <c r="B43852" s="2"/>
      <c r="C43852" s="2"/>
    </row>
    <row r="43853" spans="1:3" ht="19.2">
      <c r="A43853" s="2"/>
      <c r="B43853" s="2"/>
      <c r="C43853" s="2"/>
    </row>
    <row r="43854" spans="1:3" ht="19.2">
      <c r="A43854" s="2"/>
      <c r="B43854" s="2"/>
      <c r="C43854" s="2"/>
    </row>
    <row r="43855" spans="1:3" ht="19.2">
      <c r="A43855" s="2"/>
      <c r="B43855" s="2"/>
      <c r="C43855" s="2"/>
    </row>
    <row r="43856" spans="1:3" ht="19.2">
      <c r="A43856" s="2"/>
      <c r="B43856" s="2"/>
      <c r="C43856" s="2"/>
    </row>
    <row r="43857" spans="1:3" ht="19.2">
      <c r="A43857" s="2"/>
      <c r="B43857" s="2"/>
      <c r="C43857" s="2"/>
    </row>
    <row r="43858" spans="1:3" ht="19.2">
      <c r="A43858" s="2"/>
      <c r="B43858" s="2"/>
      <c r="C43858" s="2"/>
    </row>
    <row r="43859" spans="1:3" ht="19.2">
      <c r="A43859" s="2"/>
      <c r="B43859" s="2"/>
      <c r="C43859" s="2"/>
    </row>
    <row r="43860" spans="1:3" ht="19.2">
      <c r="A43860" s="2"/>
      <c r="B43860" s="2"/>
      <c r="C43860" s="2"/>
    </row>
    <row r="43861" spans="1:3" ht="19.2">
      <c r="A43861" s="2"/>
      <c r="B43861" s="2"/>
      <c r="C43861" s="2"/>
    </row>
    <row r="43862" spans="1:3" ht="19.2">
      <c r="A43862" s="2"/>
      <c r="B43862" s="2"/>
      <c r="C43862" s="2"/>
    </row>
    <row r="43863" spans="1:3" ht="19.2">
      <c r="A43863" s="2"/>
      <c r="B43863" s="2"/>
      <c r="C43863" s="2"/>
    </row>
    <row r="43864" spans="1:3" ht="19.2">
      <c r="A43864" s="2"/>
      <c r="B43864" s="2"/>
      <c r="C43864" s="2"/>
    </row>
    <row r="43865" spans="1:3" ht="19.2">
      <c r="A43865" s="2"/>
      <c r="B43865" s="2"/>
      <c r="C43865" s="2"/>
    </row>
    <row r="43866" spans="1:3" ht="19.2">
      <c r="A43866" s="2"/>
      <c r="B43866" s="2"/>
      <c r="C43866" s="2"/>
    </row>
    <row r="43867" spans="1:3" ht="19.2">
      <c r="A43867" s="2"/>
      <c r="B43867" s="2"/>
      <c r="C43867" s="2"/>
    </row>
    <row r="43868" spans="1:3" ht="19.2">
      <c r="A43868" s="2"/>
      <c r="B43868" s="2"/>
      <c r="C43868" s="2"/>
    </row>
    <row r="43869" spans="1:3" ht="19.2">
      <c r="A43869" s="2"/>
      <c r="B43869" s="2"/>
      <c r="C43869" s="2"/>
    </row>
    <row r="43870" spans="1:3" ht="19.2">
      <c r="A43870" s="2"/>
      <c r="B43870" s="2"/>
      <c r="C43870" s="2"/>
    </row>
    <row r="43871" spans="1:3" ht="19.2">
      <c r="A43871" s="2"/>
      <c r="B43871" s="2"/>
      <c r="C43871" s="2"/>
    </row>
    <row r="43872" spans="1:3" ht="19.2">
      <c r="A43872" s="2"/>
      <c r="B43872" s="2"/>
      <c r="C43872" s="2"/>
    </row>
    <row r="43873" spans="1:3" ht="19.2">
      <c r="A43873" s="2"/>
      <c r="B43873" s="2"/>
      <c r="C43873" s="2"/>
    </row>
    <row r="43874" spans="1:3" ht="19.2">
      <c r="A43874" s="2"/>
      <c r="B43874" s="2"/>
      <c r="C43874" s="2"/>
    </row>
    <row r="43875" spans="1:3" ht="19.2">
      <c r="A43875" s="2"/>
      <c r="B43875" s="2"/>
      <c r="C43875" s="2"/>
    </row>
    <row r="43876" spans="1:3" ht="19.2">
      <c r="A43876" s="2"/>
      <c r="B43876" s="2"/>
      <c r="C43876" s="2"/>
    </row>
    <row r="43877" spans="1:3" ht="19.2">
      <c r="A43877" s="2"/>
      <c r="B43877" s="2"/>
      <c r="C43877" s="2"/>
    </row>
    <row r="43878" spans="1:3" ht="19.2">
      <c r="A43878" s="2"/>
      <c r="B43878" s="2"/>
      <c r="C43878" s="2"/>
    </row>
    <row r="43879" spans="1:3" ht="19.2">
      <c r="A43879" s="2"/>
      <c r="B43879" s="2"/>
      <c r="C43879" s="2"/>
    </row>
    <row r="43880" spans="1:3" ht="19.2">
      <c r="A43880" s="2"/>
      <c r="B43880" s="2"/>
      <c r="C43880" s="2"/>
    </row>
    <row r="43881" spans="1:3" ht="19.2">
      <c r="A43881" s="2"/>
      <c r="B43881" s="2"/>
      <c r="C43881" s="2"/>
    </row>
    <row r="43882" spans="1:3" ht="19.2">
      <c r="A43882" s="2"/>
      <c r="B43882" s="2"/>
      <c r="C43882" s="2"/>
    </row>
    <row r="43883" spans="1:3" ht="19.2">
      <c r="A43883" s="2"/>
      <c r="B43883" s="2"/>
      <c r="C43883" s="2"/>
    </row>
    <row r="43884" spans="1:3" ht="19.2">
      <c r="A43884" s="2"/>
      <c r="B43884" s="2"/>
      <c r="C43884" s="2"/>
    </row>
    <row r="43885" spans="1:3" ht="19.2">
      <c r="A43885" s="2"/>
      <c r="B43885" s="2"/>
      <c r="C43885" s="2"/>
    </row>
    <row r="43886" spans="1:3" ht="19.2">
      <c r="A43886" s="2"/>
      <c r="B43886" s="2"/>
      <c r="C43886" s="2"/>
    </row>
    <row r="43887" spans="1:3" ht="19.2">
      <c r="A43887" s="2"/>
      <c r="B43887" s="2"/>
      <c r="C43887" s="2"/>
    </row>
    <row r="43888" spans="1:3" ht="19.2">
      <c r="A43888" s="2"/>
      <c r="B43888" s="2"/>
      <c r="C43888" s="2"/>
    </row>
    <row r="43889" spans="1:3" ht="19.2">
      <c r="A43889" s="2"/>
      <c r="B43889" s="2"/>
      <c r="C43889" s="2"/>
    </row>
    <row r="43890" spans="1:3" ht="19.2">
      <c r="A43890" s="2"/>
      <c r="B43890" s="2"/>
      <c r="C43890" s="2"/>
    </row>
    <row r="43891" spans="1:3" ht="19.2">
      <c r="A43891" s="2"/>
      <c r="B43891" s="2"/>
      <c r="C43891" s="2"/>
    </row>
    <row r="43892" spans="1:3" ht="19.2">
      <c r="A43892" s="2"/>
      <c r="B43892" s="2"/>
      <c r="C43892" s="2"/>
    </row>
    <row r="43893" spans="1:3" ht="19.2">
      <c r="A43893" s="2"/>
      <c r="B43893" s="2"/>
      <c r="C43893" s="2"/>
    </row>
    <row r="43894" spans="1:3" ht="19.2">
      <c r="A43894" s="2"/>
      <c r="B43894" s="2"/>
      <c r="C43894" s="2"/>
    </row>
    <row r="43895" spans="1:3" ht="19.2">
      <c r="A43895" s="2"/>
      <c r="B43895" s="2"/>
      <c r="C43895" s="2"/>
    </row>
    <row r="43896" spans="1:3" ht="19.2">
      <c r="A43896" s="2"/>
      <c r="B43896" s="2"/>
      <c r="C43896" s="2"/>
    </row>
    <row r="43897" spans="1:3" ht="19.2">
      <c r="A43897" s="2"/>
      <c r="B43897" s="2"/>
      <c r="C43897" s="2"/>
    </row>
    <row r="43898" spans="1:3" ht="19.2">
      <c r="A43898" s="2"/>
      <c r="B43898" s="2"/>
      <c r="C43898" s="2"/>
    </row>
    <row r="43899" spans="1:3" ht="19.2">
      <c r="A43899" s="2"/>
      <c r="B43899" s="2"/>
      <c r="C43899" s="2"/>
    </row>
    <row r="43900" spans="1:3" ht="19.2">
      <c r="A43900" s="2"/>
      <c r="B43900" s="2"/>
      <c r="C43900" s="2"/>
    </row>
    <row r="43901" spans="1:3" ht="19.2">
      <c r="A43901" s="2"/>
      <c r="B43901" s="2"/>
      <c r="C43901" s="2"/>
    </row>
    <row r="43902" spans="1:3" ht="19.2">
      <c r="A43902" s="2"/>
      <c r="B43902" s="2"/>
      <c r="C43902" s="2"/>
    </row>
    <row r="43903" spans="1:3" ht="19.2">
      <c r="A43903" s="2"/>
      <c r="B43903" s="2"/>
      <c r="C43903" s="2"/>
    </row>
    <row r="43904" spans="1:3" ht="19.2">
      <c r="A43904" s="2"/>
      <c r="B43904" s="2"/>
      <c r="C43904" s="2"/>
    </row>
    <row r="43905" spans="1:3" ht="19.2">
      <c r="A43905" s="2"/>
      <c r="B43905" s="2"/>
      <c r="C43905" s="2"/>
    </row>
    <row r="43906" spans="1:3" ht="19.2">
      <c r="A43906" s="2"/>
      <c r="B43906" s="2"/>
      <c r="C43906" s="2"/>
    </row>
    <row r="43907" spans="1:3" ht="19.2">
      <c r="A43907" s="2"/>
      <c r="B43907" s="2"/>
      <c r="C43907" s="2"/>
    </row>
    <row r="43908" spans="1:3" ht="19.2">
      <c r="A43908" s="2"/>
      <c r="B43908" s="2"/>
      <c r="C43908" s="2"/>
    </row>
    <row r="43909" spans="1:3" ht="19.2">
      <c r="A43909" s="2"/>
      <c r="B43909" s="2"/>
      <c r="C43909" s="2"/>
    </row>
    <row r="43910" spans="1:3" ht="19.2">
      <c r="A43910" s="2"/>
      <c r="B43910" s="2"/>
      <c r="C43910" s="2"/>
    </row>
    <row r="43911" spans="1:3" ht="19.2">
      <c r="A43911" s="2"/>
      <c r="B43911" s="2"/>
      <c r="C43911" s="2"/>
    </row>
    <row r="43912" spans="1:3" ht="19.2">
      <c r="A43912" s="2"/>
      <c r="B43912" s="2"/>
      <c r="C43912" s="2"/>
    </row>
    <row r="43913" spans="1:3" ht="19.2">
      <c r="A43913" s="2"/>
      <c r="B43913" s="2"/>
      <c r="C43913" s="2"/>
    </row>
    <row r="43914" spans="1:3" ht="19.2">
      <c r="A43914" s="2"/>
      <c r="B43914" s="2"/>
      <c r="C43914" s="2"/>
    </row>
    <row r="43915" spans="1:3" ht="19.2">
      <c r="A43915" s="2"/>
      <c r="B43915" s="2"/>
      <c r="C43915" s="2"/>
    </row>
    <row r="43916" spans="1:3" ht="19.2">
      <c r="A43916" s="2"/>
      <c r="B43916" s="2"/>
      <c r="C43916" s="2"/>
    </row>
    <row r="43917" spans="1:3" ht="19.2">
      <c r="A43917" s="2"/>
      <c r="B43917" s="2"/>
      <c r="C43917" s="2"/>
    </row>
    <row r="43918" spans="1:3" ht="19.2">
      <c r="A43918" s="2"/>
      <c r="B43918" s="2"/>
      <c r="C43918" s="2"/>
    </row>
    <row r="43919" spans="1:3" ht="19.2">
      <c r="A43919" s="2"/>
      <c r="B43919" s="2"/>
      <c r="C43919" s="2"/>
    </row>
    <row r="43920" spans="1:3" ht="19.2">
      <c r="A43920" s="2"/>
      <c r="B43920" s="2"/>
      <c r="C43920" s="2"/>
    </row>
    <row r="43921" spans="1:3" ht="19.2">
      <c r="A43921" s="2"/>
      <c r="B43921" s="2"/>
      <c r="C43921" s="2"/>
    </row>
    <row r="43922" spans="1:3" ht="19.2">
      <c r="A43922" s="2"/>
      <c r="B43922" s="2"/>
      <c r="C43922" s="2"/>
    </row>
    <row r="43923" spans="1:3" ht="19.2">
      <c r="A43923" s="2"/>
      <c r="B43923" s="2"/>
      <c r="C43923" s="2"/>
    </row>
    <row r="43924" spans="1:3" ht="19.2">
      <c r="A43924" s="2"/>
      <c r="B43924" s="2"/>
      <c r="C43924" s="2"/>
    </row>
    <row r="43925" spans="1:3" ht="19.2">
      <c r="A43925" s="2"/>
      <c r="B43925" s="2"/>
      <c r="C43925" s="2"/>
    </row>
    <row r="43926" spans="1:3" ht="19.2">
      <c r="A43926" s="2"/>
      <c r="B43926" s="2"/>
      <c r="C43926" s="2"/>
    </row>
    <row r="43927" spans="1:3" ht="19.2">
      <c r="A43927" s="2"/>
      <c r="B43927" s="2"/>
      <c r="C43927" s="2"/>
    </row>
    <row r="43928" spans="1:3" ht="19.2">
      <c r="A43928" s="2"/>
      <c r="B43928" s="2"/>
      <c r="C43928" s="2"/>
    </row>
    <row r="43929" spans="1:3" ht="19.2">
      <c r="A43929" s="2"/>
      <c r="B43929" s="2"/>
      <c r="C43929" s="2"/>
    </row>
    <row r="43930" spans="1:3" ht="19.2">
      <c r="A43930" s="2"/>
      <c r="B43930" s="2"/>
      <c r="C43930" s="2"/>
    </row>
    <row r="43931" spans="1:3" ht="19.2">
      <c r="A43931" s="2"/>
      <c r="B43931" s="2"/>
      <c r="C43931" s="2"/>
    </row>
    <row r="43932" spans="1:3" ht="19.2">
      <c r="A43932" s="2"/>
      <c r="B43932" s="2"/>
      <c r="C43932" s="2"/>
    </row>
    <row r="43933" spans="1:3" ht="19.2">
      <c r="A43933" s="2"/>
      <c r="B43933" s="2"/>
      <c r="C43933" s="2"/>
    </row>
    <row r="43934" spans="1:3" ht="19.2">
      <c r="A43934" s="2"/>
      <c r="B43934" s="2"/>
      <c r="C43934" s="2"/>
    </row>
    <row r="43935" spans="1:3" ht="19.2">
      <c r="A43935" s="2"/>
      <c r="B43935" s="2"/>
      <c r="C43935" s="2"/>
    </row>
    <row r="43936" spans="1:3" ht="19.2">
      <c r="A43936" s="2"/>
      <c r="B43936" s="2"/>
      <c r="C43936" s="2"/>
    </row>
    <row r="43937" spans="1:3" ht="19.2">
      <c r="A43937" s="2"/>
      <c r="B43937" s="2"/>
      <c r="C43937" s="2"/>
    </row>
    <row r="43938" spans="1:3" ht="19.2">
      <c r="A43938" s="2"/>
      <c r="B43938" s="2"/>
      <c r="C43938" s="2"/>
    </row>
    <row r="43939" spans="1:3" ht="19.2">
      <c r="A43939" s="2"/>
      <c r="B43939" s="2"/>
      <c r="C43939" s="2"/>
    </row>
    <row r="43940" spans="1:3" ht="19.2">
      <c r="A43940" s="2"/>
      <c r="B43940" s="2"/>
      <c r="C43940" s="2"/>
    </row>
    <row r="43941" spans="1:3" ht="19.2">
      <c r="A43941" s="2"/>
      <c r="B43941" s="2"/>
      <c r="C43941" s="2"/>
    </row>
    <row r="43942" spans="1:3" ht="19.2">
      <c r="A43942" s="2"/>
      <c r="B43942" s="2"/>
      <c r="C43942" s="2"/>
    </row>
    <row r="43943" spans="1:3" ht="19.2">
      <c r="A43943" s="2"/>
      <c r="B43943" s="2"/>
      <c r="C43943" s="2"/>
    </row>
    <row r="43944" spans="1:3" ht="19.2">
      <c r="A43944" s="2"/>
      <c r="B43944" s="2"/>
      <c r="C43944" s="2"/>
    </row>
    <row r="43945" spans="1:3" ht="19.2">
      <c r="A43945" s="2"/>
      <c r="B43945" s="2"/>
      <c r="C43945" s="2"/>
    </row>
    <row r="43946" spans="1:3" ht="19.2">
      <c r="A43946" s="2"/>
      <c r="B43946" s="2"/>
      <c r="C43946" s="2"/>
    </row>
    <row r="43947" spans="1:3" ht="19.2">
      <c r="A43947" s="2"/>
      <c r="B43947" s="2"/>
      <c r="C43947" s="2"/>
    </row>
    <row r="43948" spans="1:3" ht="19.2">
      <c r="A43948" s="2"/>
      <c r="B43948" s="2"/>
      <c r="C43948" s="2"/>
    </row>
    <row r="43949" spans="1:3" ht="19.2">
      <c r="A43949" s="2"/>
      <c r="B43949" s="2"/>
      <c r="C43949" s="2"/>
    </row>
    <row r="43950" spans="1:3" ht="19.2">
      <c r="A43950" s="2"/>
      <c r="B43950" s="2"/>
      <c r="C43950" s="2"/>
    </row>
    <row r="43951" spans="1:3" ht="19.2">
      <c r="A43951" s="2"/>
      <c r="B43951" s="2"/>
      <c r="C43951" s="2"/>
    </row>
    <row r="43952" spans="1:3" ht="19.2">
      <c r="A43952" s="2"/>
      <c r="B43952" s="2"/>
      <c r="C43952" s="2"/>
    </row>
    <row r="43953" spans="1:3" ht="19.2">
      <c r="A43953" s="2"/>
      <c r="B43953" s="2"/>
      <c r="C43953" s="2"/>
    </row>
    <row r="43954" spans="1:3" ht="19.2">
      <c r="A43954" s="2"/>
      <c r="B43954" s="2"/>
      <c r="C43954" s="2"/>
    </row>
    <row r="43955" spans="1:3" ht="19.2">
      <c r="A43955" s="2"/>
      <c r="B43955" s="2"/>
      <c r="C43955" s="2"/>
    </row>
    <row r="43956" spans="1:3" ht="19.2">
      <c r="A43956" s="2"/>
      <c r="B43956" s="2"/>
      <c r="C43956" s="2"/>
    </row>
    <row r="43957" spans="1:3" ht="19.2">
      <c r="A43957" s="2"/>
      <c r="B43957" s="2"/>
      <c r="C43957" s="2"/>
    </row>
    <row r="43958" spans="1:3" ht="19.2">
      <c r="A43958" s="2"/>
      <c r="B43958" s="2"/>
      <c r="C43958" s="2"/>
    </row>
    <row r="43959" spans="1:3" ht="19.2">
      <c r="A43959" s="2"/>
      <c r="B43959" s="2"/>
      <c r="C43959" s="2"/>
    </row>
    <row r="43960" spans="1:3" ht="19.2">
      <c r="A43960" s="2"/>
      <c r="B43960" s="2"/>
      <c r="C43960" s="2"/>
    </row>
    <row r="43961" spans="1:3" ht="19.2">
      <c r="A43961" s="2"/>
      <c r="B43961" s="2"/>
      <c r="C43961" s="2"/>
    </row>
    <row r="43962" spans="1:3" ht="19.2">
      <c r="A43962" s="2"/>
      <c r="B43962" s="2"/>
      <c r="C43962" s="2"/>
    </row>
    <row r="43963" spans="1:3" ht="19.2">
      <c r="A43963" s="2"/>
      <c r="B43963" s="2"/>
      <c r="C43963" s="2"/>
    </row>
    <row r="43964" spans="1:3" ht="19.2">
      <c r="A43964" s="2"/>
      <c r="B43964" s="2"/>
      <c r="C43964" s="2"/>
    </row>
    <row r="43965" spans="1:3" ht="19.2">
      <c r="A43965" s="2"/>
      <c r="B43965" s="2"/>
      <c r="C43965" s="2"/>
    </row>
    <row r="43966" spans="1:3" ht="19.2">
      <c r="A43966" s="2"/>
      <c r="B43966" s="2"/>
      <c r="C43966" s="2"/>
    </row>
    <row r="43967" spans="1:3" ht="19.2">
      <c r="A43967" s="2"/>
      <c r="B43967" s="2"/>
      <c r="C43967" s="2"/>
    </row>
    <row r="43968" spans="1:3" ht="19.2">
      <c r="A43968" s="2"/>
      <c r="B43968" s="2"/>
      <c r="C43968" s="2"/>
    </row>
    <row r="43969" spans="1:3" ht="19.2">
      <c r="A43969" s="2"/>
      <c r="B43969" s="2"/>
      <c r="C43969" s="2"/>
    </row>
    <row r="43970" spans="1:3" ht="19.2">
      <c r="A43970" s="2"/>
      <c r="B43970" s="2"/>
      <c r="C43970" s="2"/>
    </row>
    <row r="43971" spans="1:3" ht="19.2">
      <c r="A43971" s="2"/>
      <c r="B43971" s="2"/>
      <c r="C43971" s="2"/>
    </row>
    <row r="43972" spans="1:3" ht="19.2">
      <c r="A43972" s="2"/>
      <c r="B43972" s="2"/>
      <c r="C43972" s="2"/>
    </row>
    <row r="43973" spans="1:3" ht="19.2">
      <c r="A43973" s="2"/>
      <c r="B43973" s="2"/>
      <c r="C43973" s="2"/>
    </row>
    <row r="43974" spans="1:3" ht="19.2">
      <c r="A43974" s="2"/>
      <c r="B43974" s="2"/>
      <c r="C43974" s="2"/>
    </row>
    <row r="43975" spans="1:3" ht="19.2">
      <c r="A43975" s="2"/>
      <c r="B43975" s="2"/>
      <c r="C43975" s="2"/>
    </row>
    <row r="43976" spans="1:3" ht="19.2">
      <c r="A43976" s="2"/>
      <c r="B43976" s="2"/>
      <c r="C43976" s="2"/>
    </row>
    <row r="43977" spans="1:3" ht="19.2">
      <c r="A43977" s="2"/>
      <c r="B43977" s="2"/>
      <c r="C43977" s="2"/>
    </row>
    <row r="43978" spans="1:3" ht="19.2">
      <c r="A43978" s="2"/>
      <c r="B43978" s="2"/>
      <c r="C43978" s="2"/>
    </row>
    <row r="43979" spans="1:3" ht="19.2">
      <c r="A43979" s="2"/>
      <c r="B43979" s="2"/>
      <c r="C43979" s="2"/>
    </row>
    <row r="43980" spans="1:3" ht="19.2">
      <c r="A43980" s="2"/>
      <c r="B43980" s="2"/>
      <c r="C43980" s="2"/>
    </row>
    <row r="43981" spans="1:3" ht="19.2">
      <c r="A43981" s="2"/>
      <c r="B43981" s="2"/>
      <c r="C43981" s="2"/>
    </row>
    <row r="43982" spans="1:3" ht="19.2">
      <c r="A43982" s="2"/>
      <c r="B43982" s="2"/>
      <c r="C43982" s="2"/>
    </row>
    <row r="43983" spans="1:3" ht="19.2">
      <c r="A43983" s="2"/>
      <c r="B43983" s="2"/>
      <c r="C43983" s="2"/>
    </row>
    <row r="43984" spans="1:3" ht="19.2">
      <c r="A43984" s="2"/>
      <c r="B43984" s="2"/>
      <c r="C43984" s="2"/>
    </row>
    <row r="43985" spans="1:3" ht="19.2">
      <c r="A43985" s="2"/>
      <c r="B43985" s="2"/>
      <c r="C43985" s="2"/>
    </row>
    <row r="43986" spans="1:3" ht="19.2">
      <c r="A43986" s="2"/>
      <c r="B43986" s="2"/>
      <c r="C43986" s="2"/>
    </row>
    <row r="43987" spans="1:3" ht="19.2">
      <c r="A43987" s="2"/>
      <c r="B43987" s="2"/>
      <c r="C43987" s="2"/>
    </row>
    <row r="43988" spans="1:3" ht="19.2">
      <c r="A43988" s="2"/>
      <c r="B43988" s="2"/>
      <c r="C43988" s="2"/>
    </row>
    <row r="43989" spans="1:3" ht="19.2">
      <c r="A43989" s="2"/>
      <c r="B43989" s="2"/>
      <c r="C43989" s="2"/>
    </row>
    <row r="43990" spans="1:3" ht="19.2">
      <c r="A43990" s="2"/>
      <c r="B43990" s="2"/>
      <c r="C43990" s="2"/>
    </row>
    <row r="43991" spans="1:3" ht="19.2">
      <c r="A43991" s="2"/>
      <c r="B43991" s="2"/>
      <c r="C43991" s="2"/>
    </row>
    <row r="43992" spans="1:3" ht="19.2">
      <c r="A43992" s="2"/>
      <c r="B43992" s="2"/>
      <c r="C43992" s="2"/>
    </row>
    <row r="43993" spans="1:3" ht="19.2">
      <c r="A43993" s="2"/>
      <c r="B43993" s="2"/>
      <c r="C43993" s="2"/>
    </row>
    <row r="43994" spans="1:3" ht="19.2">
      <c r="A43994" s="2"/>
      <c r="B43994" s="2"/>
      <c r="C43994" s="2"/>
    </row>
    <row r="43995" spans="1:3" ht="19.2">
      <c r="A43995" s="2"/>
      <c r="B43995" s="2"/>
      <c r="C43995" s="2"/>
    </row>
    <row r="43996" spans="1:3" ht="19.2">
      <c r="A43996" s="2"/>
      <c r="B43996" s="2"/>
      <c r="C43996" s="2"/>
    </row>
    <row r="43997" spans="1:3" ht="19.2">
      <c r="A43997" s="2"/>
      <c r="B43997" s="2"/>
      <c r="C43997" s="2"/>
    </row>
    <row r="43998" spans="1:3" ht="19.2">
      <c r="A43998" s="2"/>
      <c r="B43998" s="2"/>
      <c r="C43998" s="2"/>
    </row>
    <row r="43999" spans="1:3" ht="19.2">
      <c r="A43999" s="2"/>
      <c r="B43999" s="2"/>
      <c r="C43999" s="2"/>
    </row>
    <row r="44000" spans="1:3" ht="19.2">
      <c r="A44000" s="2"/>
      <c r="B44000" s="2"/>
      <c r="C44000" s="2"/>
    </row>
    <row r="44001" spans="1:3" ht="19.2">
      <c r="A44001" s="2"/>
      <c r="B44001" s="2"/>
      <c r="C44001" s="2"/>
    </row>
    <row r="44002" spans="1:3" ht="19.2">
      <c r="A44002" s="2"/>
      <c r="B44002" s="2"/>
      <c r="C44002" s="2"/>
    </row>
    <row r="44003" spans="1:3" ht="19.2">
      <c r="A44003" s="2"/>
      <c r="B44003" s="2"/>
      <c r="C44003" s="2"/>
    </row>
    <row r="44004" spans="1:3" ht="19.2">
      <c r="A44004" s="2"/>
      <c r="B44004" s="2"/>
      <c r="C44004" s="2"/>
    </row>
    <row r="44005" spans="1:3" ht="19.2">
      <c r="A44005" s="2"/>
      <c r="B44005" s="2"/>
      <c r="C44005" s="2"/>
    </row>
    <row r="44006" spans="1:3" ht="19.2">
      <c r="A44006" s="2"/>
      <c r="B44006" s="2"/>
      <c r="C44006" s="2"/>
    </row>
    <row r="44007" spans="1:3" ht="19.2">
      <c r="A44007" s="2"/>
      <c r="B44007" s="2"/>
      <c r="C44007" s="2"/>
    </row>
    <row r="44008" spans="1:3" ht="19.2">
      <c r="A44008" s="2"/>
      <c r="B44008" s="2"/>
      <c r="C44008" s="2"/>
    </row>
    <row r="44009" spans="1:3" ht="19.2">
      <c r="A44009" s="2"/>
      <c r="B44009" s="2"/>
      <c r="C44009" s="2"/>
    </row>
    <row r="44010" spans="1:3" ht="19.2">
      <c r="A44010" s="2"/>
      <c r="B44010" s="2"/>
      <c r="C44010" s="2"/>
    </row>
    <row r="44011" spans="1:3" ht="19.2">
      <c r="A44011" s="2"/>
      <c r="B44011" s="2"/>
      <c r="C44011" s="2"/>
    </row>
    <row r="44012" spans="1:3" ht="19.2">
      <c r="A44012" s="2"/>
      <c r="B44012" s="2"/>
      <c r="C44012" s="2"/>
    </row>
    <row r="44013" spans="1:3" ht="19.2">
      <c r="A44013" s="2"/>
      <c r="B44013" s="2"/>
      <c r="C44013" s="2"/>
    </row>
    <row r="44014" spans="1:3" ht="19.2">
      <c r="A44014" s="2"/>
      <c r="B44014" s="2"/>
      <c r="C44014" s="2"/>
    </row>
    <row r="44015" spans="1:3" ht="19.2">
      <c r="A44015" s="2"/>
      <c r="B44015" s="2"/>
      <c r="C44015" s="2"/>
    </row>
    <row r="44016" spans="1:3" ht="19.2">
      <c r="A44016" s="2"/>
      <c r="B44016" s="2"/>
      <c r="C44016" s="2"/>
    </row>
    <row r="44017" spans="1:3" ht="19.2">
      <c r="A44017" s="2"/>
      <c r="B44017" s="2"/>
      <c r="C44017" s="2"/>
    </row>
    <row r="44018" spans="1:3" ht="19.2">
      <c r="A44018" s="2"/>
      <c r="B44018" s="2"/>
      <c r="C44018" s="2"/>
    </row>
    <row r="44019" spans="1:3" ht="19.2">
      <c r="A44019" s="2"/>
      <c r="B44019" s="2"/>
      <c r="C44019" s="2"/>
    </row>
    <row r="44020" spans="1:3" ht="19.2">
      <c r="A44020" s="2"/>
      <c r="B44020" s="2"/>
      <c r="C44020" s="2"/>
    </row>
    <row r="44021" spans="1:3" ht="19.2">
      <c r="A44021" s="2"/>
      <c r="B44021" s="2"/>
      <c r="C44021" s="2"/>
    </row>
    <row r="44022" spans="1:3" ht="19.2">
      <c r="A44022" s="2"/>
      <c r="B44022" s="2"/>
      <c r="C44022" s="2"/>
    </row>
    <row r="44023" spans="1:3" ht="19.2">
      <c r="A44023" s="2"/>
      <c r="B44023" s="2"/>
      <c r="C44023" s="2"/>
    </row>
    <row r="44024" spans="1:3" ht="19.2">
      <c r="A44024" s="2"/>
      <c r="B44024" s="2"/>
      <c r="C44024" s="2"/>
    </row>
    <row r="44025" spans="1:3" ht="19.2">
      <c r="A44025" s="2"/>
      <c r="B44025" s="2"/>
      <c r="C44025" s="2"/>
    </row>
    <row r="44026" spans="1:3" ht="19.2">
      <c r="A44026" s="2"/>
      <c r="B44026" s="2"/>
      <c r="C44026" s="2"/>
    </row>
    <row r="44027" spans="1:3" ht="19.2">
      <c r="A44027" s="2"/>
      <c r="B44027" s="2"/>
      <c r="C44027" s="2"/>
    </row>
    <row r="44028" spans="1:3" ht="19.2">
      <c r="A44028" s="2"/>
      <c r="B44028" s="2"/>
      <c r="C44028" s="2"/>
    </row>
    <row r="44029" spans="1:3" ht="19.2">
      <c r="A44029" s="2"/>
      <c r="B44029" s="2"/>
      <c r="C44029" s="2"/>
    </row>
    <row r="44030" spans="1:3" ht="19.2">
      <c r="A44030" s="2"/>
      <c r="B44030" s="2"/>
      <c r="C44030" s="2"/>
    </row>
    <row r="44031" spans="1:3" ht="19.2">
      <c r="A44031" s="2"/>
      <c r="B44031" s="2"/>
      <c r="C44031" s="2"/>
    </row>
    <row r="44032" spans="1:3" ht="19.2">
      <c r="A44032" s="2"/>
      <c r="B44032" s="2"/>
      <c r="C44032" s="2"/>
    </row>
    <row r="44033" spans="1:3" ht="19.2">
      <c r="A44033" s="2"/>
      <c r="B44033" s="2"/>
      <c r="C44033" s="2"/>
    </row>
    <row r="44034" spans="1:3" ht="19.2">
      <c r="A44034" s="2"/>
      <c r="B44034" s="2"/>
      <c r="C44034" s="2"/>
    </row>
    <row r="44035" spans="1:3" ht="19.2">
      <c r="A44035" s="2"/>
      <c r="B44035" s="2"/>
      <c r="C44035" s="2"/>
    </row>
    <row r="44036" spans="1:3" ht="19.2">
      <c r="A44036" s="2"/>
      <c r="B44036" s="2"/>
      <c r="C44036" s="2"/>
    </row>
    <row r="44037" spans="1:3" ht="19.2">
      <c r="A44037" s="2"/>
      <c r="B44037" s="2"/>
      <c r="C44037" s="2"/>
    </row>
    <row r="44038" spans="1:3" ht="19.2">
      <c r="A44038" s="2"/>
      <c r="B44038" s="2"/>
      <c r="C44038" s="2"/>
    </row>
    <row r="44039" spans="1:3" ht="19.2">
      <c r="A44039" s="2"/>
      <c r="B44039" s="2"/>
      <c r="C44039" s="2"/>
    </row>
    <row r="44040" spans="1:3" ht="19.2">
      <c r="A44040" s="2"/>
      <c r="B44040" s="2"/>
      <c r="C44040" s="2"/>
    </row>
    <row r="44041" spans="1:3" ht="19.2">
      <c r="A44041" s="2"/>
      <c r="B44041" s="2"/>
      <c r="C44041" s="2"/>
    </row>
    <row r="44042" spans="1:3" ht="19.2">
      <c r="A44042" s="2"/>
      <c r="B44042" s="2"/>
      <c r="C44042" s="2"/>
    </row>
    <row r="44043" spans="1:3" ht="19.2">
      <c r="A44043" s="2"/>
      <c r="B44043" s="2"/>
      <c r="C44043" s="2"/>
    </row>
    <row r="44044" spans="1:3" ht="19.2">
      <c r="A44044" s="2"/>
      <c r="B44044" s="2"/>
      <c r="C44044" s="2"/>
    </row>
    <row r="44045" spans="1:3" ht="19.2">
      <c r="A44045" s="2"/>
      <c r="B44045" s="2"/>
      <c r="C44045" s="2"/>
    </row>
    <row r="44046" spans="1:3" ht="19.2">
      <c r="A44046" s="2"/>
      <c r="B44046" s="2"/>
      <c r="C44046" s="2"/>
    </row>
    <row r="44047" spans="1:3" ht="19.2">
      <c r="A44047" s="2"/>
      <c r="B44047" s="2"/>
      <c r="C44047" s="2"/>
    </row>
    <row r="44048" spans="1:3" ht="19.2">
      <c r="A44048" s="2"/>
      <c r="B44048" s="2"/>
      <c r="C44048" s="2"/>
    </row>
    <row r="44049" spans="1:3" ht="19.2">
      <c r="A44049" s="2"/>
      <c r="B44049" s="2"/>
      <c r="C44049" s="2"/>
    </row>
    <row r="44050" spans="1:3" ht="19.2">
      <c r="A44050" s="2"/>
      <c r="B44050" s="2"/>
      <c r="C44050" s="2"/>
    </row>
    <row r="44051" spans="1:3" ht="19.2">
      <c r="A44051" s="2"/>
      <c r="B44051" s="2"/>
      <c r="C44051" s="2"/>
    </row>
    <row r="44052" spans="1:3" ht="19.2">
      <c r="A44052" s="2"/>
      <c r="B44052" s="2"/>
      <c r="C44052" s="2"/>
    </row>
    <row r="44053" spans="1:3" ht="19.2">
      <c r="A44053" s="2"/>
      <c r="B44053" s="2"/>
      <c r="C44053" s="2"/>
    </row>
    <row r="44054" spans="1:3" ht="19.2">
      <c r="A44054" s="2"/>
      <c r="B44054" s="2"/>
      <c r="C44054" s="2"/>
    </row>
    <row r="44055" spans="1:3" ht="19.2">
      <c r="A44055" s="2"/>
      <c r="B44055" s="2"/>
      <c r="C44055" s="2"/>
    </row>
    <row r="44056" spans="1:3" ht="19.2">
      <c r="A44056" s="2"/>
      <c r="B44056" s="2"/>
      <c r="C44056" s="2"/>
    </row>
    <row r="44057" spans="1:3" ht="19.2">
      <c r="A44057" s="2"/>
      <c r="B44057" s="2"/>
      <c r="C44057" s="2"/>
    </row>
    <row r="44058" spans="1:3" ht="19.2">
      <c r="A44058" s="2"/>
      <c r="B44058" s="2"/>
      <c r="C44058" s="2"/>
    </row>
    <row r="44059" spans="1:3" ht="19.2">
      <c r="A44059" s="2"/>
      <c r="B44059" s="2"/>
      <c r="C44059" s="2"/>
    </row>
    <row r="44060" spans="1:3" ht="19.2">
      <c r="A44060" s="2"/>
      <c r="B44060" s="2"/>
      <c r="C44060" s="2"/>
    </row>
    <row r="44061" spans="1:3" ht="19.2">
      <c r="A44061" s="2"/>
      <c r="B44061" s="2"/>
      <c r="C44061" s="2"/>
    </row>
    <row r="44062" spans="1:3" ht="19.2">
      <c r="A44062" s="2"/>
      <c r="B44062" s="2"/>
      <c r="C44062" s="2"/>
    </row>
    <row r="44063" spans="1:3" ht="19.2">
      <c r="A44063" s="2"/>
      <c r="B44063" s="2"/>
      <c r="C44063" s="2"/>
    </row>
    <row r="44064" spans="1:3" ht="19.2">
      <c r="A44064" s="2"/>
      <c r="B44064" s="2"/>
      <c r="C44064" s="2"/>
    </row>
    <row r="44065" spans="1:3" ht="19.2">
      <c r="A44065" s="2"/>
      <c r="B44065" s="2"/>
      <c r="C44065" s="2"/>
    </row>
    <row r="44066" spans="1:3" ht="19.2">
      <c r="A44066" s="2"/>
      <c r="B44066" s="2"/>
      <c r="C44066" s="2"/>
    </row>
    <row r="44067" spans="1:3" ht="19.2">
      <c r="A44067" s="2"/>
      <c r="B44067" s="2"/>
      <c r="C44067" s="2"/>
    </row>
    <row r="44068" spans="1:3" ht="19.2">
      <c r="A44068" s="2"/>
      <c r="B44068" s="2"/>
      <c r="C44068" s="2"/>
    </row>
    <row r="44069" spans="1:3" ht="19.2">
      <c r="A44069" s="2"/>
      <c r="B44069" s="2"/>
      <c r="C44069" s="2"/>
    </row>
    <row r="44070" spans="1:3" ht="19.2">
      <c r="A44070" s="2"/>
      <c r="B44070" s="2"/>
      <c r="C44070" s="2"/>
    </row>
    <row r="44071" spans="1:3" ht="19.2">
      <c r="A44071" s="2"/>
      <c r="B44071" s="2"/>
      <c r="C44071" s="2"/>
    </row>
    <row r="44072" spans="1:3" ht="19.2">
      <c r="A44072" s="2"/>
      <c r="B44072" s="2"/>
      <c r="C44072" s="2"/>
    </row>
    <row r="44073" spans="1:3" ht="19.2">
      <c r="A44073" s="2"/>
      <c r="B44073" s="2"/>
      <c r="C44073" s="2"/>
    </row>
    <row r="44074" spans="1:3" ht="19.2">
      <c r="A44074" s="2"/>
      <c r="B44074" s="2"/>
      <c r="C44074" s="2"/>
    </row>
    <row r="44075" spans="1:3" ht="19.2">
      <c r="A44075" s="2"/>
      <c r="B44075" s="2"/>
      <c r="C44075" s="2"/>
    </row>
    <row r="44076" spans="1:3" ht="19.2">
      <c r="A44076" s="2"/>
      <c r="B44076" s="2"/>
      <c r="C44076" s="2"/>
    </row>
    <row r="44077" spans="1:3" ht="19.2">
      <c r="A44077" s="2"/>
      <c r="B44077" s="2"/>
      <c r="C44077" s="2"/>
    </row>
    <row r="44078" spans="1:3" ht="19.2">
      <c r="A44078" s="2"/>
      <c r="B44078" s="2"/>
      <c r="C44078" s="2"/>
    </row>
    <row r="44079" spans="1:3" ht="19.2">
      <c r="A44079" s="2"/>
      <c r="B44079" s="2"/>
      <c r="C44079" s="2"/>
    </row>
    <row r="44080" spans="1:3" ht="19.2">
      <c r="A44080" s="2"/>
      <c r="B44080" s="2"/>
      <c r="C44080" s="2"/>
    </row>
    <row r="44081" spans="1:3" ht="19.2">
      <c r="A44081" s="2"/>
      <c r="B44081" s="2"/>
      <c r="C44081" s="2"/>
    </row>
    <row r="44082" spans="1:3" ht="19.2">
      <c r="A44082" s="2"/>
      <c r="B44082" s="2"/>
      <c r="C44082" s="2"/>
    </row>
    <row r="44083" spans="1:3" ht="19.2">
      <c r="A44083" s="2"/>
      <c r="B44083" s="2"/>
      <c r="C44083" s="2"/>
    </row>
    <row r="44084" spans="1:3" ht="19.2">
      <c r="A44084" s="2"/>
      <c r="B44084" s="2"/>
      <c r="C44084" s="2"/>
    </row>
    <row r="44085" spans="1:3" ht="19.2">
      <c r="A44085" s="2"/>
      <c r="B44085" s="2"/>
      <c r="C44085" s="2"/>
    </row>
    <row r="44086" spans="1:3" ht="19.2">
      <c r="A44086" s="2"/>
      <c r="B44086" s="2"/>
      <c r="C44086" s="2"/>
    </row>
    <row r="44087" spans="1:3" ht="19.2">
      <c r="A44087" s="2"/>
      <c r="B44087" s="2"/>
      <c r="C44087" s="2"/>
    </row>
    <row r="44088" spans="1:3" ht="19.2">
      <c r="A44088" s="2"/>
      <c r="B44088" s="2"/>
      <c r="C44088" s="2"/>
    </row>
    <row r="44089" spans="1:3" ht="19.2">
      <c r="A44089" s="2"/>
      <c r="B44089" s="2"/>
      <c r="C44089" s="2"/>
    </row>
    <row r="44090" spans="1:3" ht="19.2">
      <c r="A44090" s="2"/>
      <c r="B44090" s="2"/>
      <c r="C44090" s="2"/>
    </row>
    <row r="44091" spans="1:3" ht="19.2">
      <c r="A44091" s="2"/>
      <c r="B44091" s="2"/>
      <c r="C44091" s="2"/>
    </row>
    <row r="44092" spans="1:3" ht="19.2">
      <c r="A44092" s="2"/>
      <c r="B44092" s="2"/>
      <c r="C44092" s="2"/>
    </row>
    <row r="44093" spans="1:3" ht="19.2">
      <c r="A44093" s="2"/>
      <c r="B44093" s="2"/>
      <c r="C44093" s="2"/>
    </row>
    <row r="44094" spans="1:3" ht="19.2">
      <c r="A44094" s="2"/>
      <c r="B44094" s="2"/>
      <c r="C44094" s="2"/>
    </row>
    <row r="44095" spans="1:3" ht="19.2">
      <c r="A44095" s="2"/>
      <c r="B44095" s="2"/>
      <c r="C44095" s="2"/>
    </row>
    <row r="44096" spans="1:3" ht="19.2">
      <c r="A44096" s="2"/>
      <c r="B44096" s="2"/>
      <c r="C44096" s="2"/>
    </row>
    <row r="44097" spans="1:3" ht="19.2">
      <c r="A44097" s="2"/>
      <c r="B44097" s="2"/>
      <c r="C44097" s="2"/>
    </row>
    <row r="44098" spans="1:3" ht="19.2">
      <c r="A44098" s="2"/>
      <c r="B44098" s="2"/>
      <c r="C44098" s="2"/>
    </row>
    <row r="44099" spans="1:3" ht="19.2">
      <c r="A44099" s="2"/>
      <c r="B44099" s="2"/>
      <c r="C44099" s="2"/>
    </row>
    <row r="44100" spans="1:3" ht="19.2">
      <c r="A44100" s="2"/>
      <c r="B44100" s="2"/>
      <c r="C44100" s="2"/>
    </row>
    <row r="44101" spans="1:3" ht="19.2">
      <c r="A44101" s="2"/>
      <c r="B44101" s="2"/>
      <c r="C44101" s="2"/>
    </row>
    <row r="44102" spans="1:3" ht="19.2">
      <c r="A44102" s="2"/>
      <c r="B44102" s="2"/>
      <c r="C44102" s="2"/>
    </row>
    <row r="44103" spans="1:3" ht="19.2">
      <c r="A44103" s="2"/>
      <c r="B44103" s="2"/>
      <c r="C44103" s="2"/>
    </row>
    <row r="44104" spans="1:3" ht="19.2">
      <c r="A44104" s="2"/>
      <c r="B44104" s="2"/>
      <c r="C44104" s="2"/>
    </row>
    <row r="44105" spans="1:3" ht="19.2">
      <c r="A44105" s="2"/>
      <c r="B44105" s="2"/>
      <c r="C44105" s="2"/>
    </row>
    <row r="44106" spans="1:3" ht="19.2">
      <c r="A44106" s="2"/>
      <c r="B44106" s="2"/>
      <c r="C44106" s="2"/>
    </row>
    <row r="44107" spans="1:3" ht="19.2">
      <c r="A44107" s="2"/>
      <c r="B44107" s="2"/>
      <c r="C44107" s="2"/>
    </row>
    <row r="44108" spans="1:3" ht="19.2">
      <c r="A44108" s="2"/>
      <c r="B44108" s="2"/>
      <c r="C44108" s="2"/>
    </row>
    <row r="44109" spans="1:3" ht="19.2">
      <c r="A44109" s="2"/>
      <c r="B44109" s="2"/>
      <c r="C44109" s="2"/>
    </row>
    <row r="44110" spans="1:3" ht="19.2">
      <c r="A44110" s="2"/>
      <c r="B44110" s="2"/>
      <c r="C44110" s="2"/>
    </row>
    <row r="44111" spans="1:3" ht="19.2">
      <c r="A44111" s="2"/>
      <c r="B44111" s="2"/>
      <c r="C44111" s="2"/>
    </row>
    <row r="44112" spans="1:3" ht="19.2">
      <c r="A44112" s="2"/>
      <c r="B44112" s="2"/>
      <c r="C44112" s="2"/>
    </row>
    <row r="44113" spans="1:3" ht="19.2">
      <c r="A44113" s="2"/>
      <c r="B44113" s="2"/>
      <c r="C44113" s="2"/>
    </row>
    <row r="44114" spans="1:3" ht="19.2">
      <c r="A44114" s="2"/>
      <c r="B44114" s="2"/>
      <c r="C44114" s="2"/>
    </row>
    <row r="44115" spans="1:3" ht="19.2">
      <c r="A44115" s="2"/>
      <c r="B44115" s="2"/>
      <c r="C44115" s="2"/>
    </row>
    <row r="44116" spans="1:3" ht="19.2">
      <c r="A44116" s="2"/>
      <c r="B44116" s="2"/>
      <c r="C44116" s="2"/>
    </row>
    <row r="44117" spans="1:3" ht="19.2">
      <c r="A44117" s="2"/>
      <c r="B44117" s="2"/>
      <c r="C44117" s="2"/>
    </row>
    <row r="44118" spans="1:3" ht="19.2">
      <c r="A44118" s="2"/>
      <c r="B44118" s="2"/>
      <c r="C44118" s="2"/>
    </row>
    <row r="44119" spans="1:3" ht="19.2">
      <c r="A44119" s="2"/>
      <c r="B44119" s="2"/>
      <c r="C44119" s="2"/>
    </row>
    <row r="44120" spans="1:3" ht="19.2">
      <c r="A44120" s="2"/>
      <c r="B44120" s="2"/>
      <c r="C44120" s="2"/>
    </row>
    <row r="44121" spans="1:3" ht="19.2">
      <c r="A44121" s="2"/>
      <c r="B44121" s="2"/>
      <c r="C44121" s="2"/>
    </row>
    <row r="44122" spans="1:3" ht="19.2">
      <c r="A44122" s="2"/>
      <c r="B44122" s="2"/>
      <c r="C44122" s="2"/>
    </row>
    <row r="44123" spans="1:3" ht="19.2">
      <c r="A44123" s="2"/>
      <c r="B44123" s="2"/>
      <c r="C44123" s="2"/>
    </row>
    <row r="44124" spans="1:3" ht="19.2">
      <c r="A44124" s="2"/>
      <c r="B44124" s="2"/>
      <c r="C44124" s="2"/>
    </row>
    <row r="44125" spans="1:3" ht="19.2">
      <c r="A44125" s="2"/>
      <c r="B44125" s="2"/>
      <c r="C44125" s="2"/>
    </row>
    <row r="44126" spans="1:3" ht="19.2">
      <c r="A44126" s="2"/>
      <c r="B44126" s="2"/>
      <c r="C44126" s="2"/>
    </row>
    <row r="44127" spans="1:3" ht="19.2">
      <c r="A44127" s="2"/>
      <c r="B44127" s="2"/>
      <c r="C44127" s="2"/>
    </row>
    <row r="44128" spans="1:3" ht="19.2">
      <c r="A44128" s="2"/>
      <c r="B44128" s="2"/>
      <c r="C44128" s="2"/>
    </row>
    <row r="44129" spans="1:3" ht="19.2">
      <c r="A44129" s="2"/>
      <c r="B44129" s="2"/>
      <c r="C44129" s="2"/>
    </row>
    <row r="44130" spans="1:3" ht="19.2">
      <c r="A44130" s="2"/>
      <c r="B44130" s="2"/>
      <c r="C44130" s="2"/>
    </row>
    <row r="44131" spans="1:3" ht="19.2">
      <c r="A44131" s="2"/>
      <c r="B44131" s="2"/>
      <c r="C44131" s="2"/>
    </row>
    <row r="44132" spans="1:3" ht="19.2">
      <c r="A44132" s="2"/>
      <c r="B44132" s="2"/>
      <c r="C44132" s="2"/>
    </row>
    <row r="44133" spans="1:3" ht="19.2">
      <c r="A44133" s="2"/>
      <c r="B44133" s="2"/>
      <c r="C44133" s="2"/>
    </row>
    <row r="44134" spans="1:3" ht="19.2">
      <c r="A44134" s="2"/>
      <c r="B44134" s="2"/>
      <c r="C44134" s="2"/>
    </row>
    <row r="44135" spans="1:3" ht="19.2">
      <c r="A44135" s="2"/>
      <c r="B44135" s="2"/>
      <c r="C44135" s="2"/>
    </row>
    <row r="44136" spans="1:3" ht="19.2">
      <c r="A44136" s="2"/>
      <c r="B44136" s="2"/>
      <c r="C44136" s="2"/>
    </row>
    <row r="44137" spans="1:3" ht="19.2">
      <c r="A44137" s="2"/>
      <c r="B44137" s="2"/>
      <c r="C44137" s="2"/>
    </row>
    <row r="44138" spans="1:3" ht="19.2">
      <c r="A44138" s="2"/>
      <c r="B44138" s="2"/>
      <c r="C44138" s="2"/>
    </row>
    <row r="44139" spans="1:3" ht="19.2">
      <c r="A44139" s="2"/>
      <c r="B44139" s="2"/>
      <c r="C44139" s="2"/>
    </row>
    <row r="44140" spans="1:3" ht="19.2">
      <c r="A44140" s="2"/>
      <c r="B44140" s="2"/>
      <c r="C44140" s="2"/>
    </row>
    <row r="44141" spans="1:3" ht="19.2">
      <c r="A44141" s="2"/>
      <c r="B44141" s="2"/>
      <c r="C44141" s="2"/>
    </row>
    <row r="44142" spans="1:3" ht="19.2">
      <c r="A44142" s="2"/>
      <c r="B44142" s="2"/>
      <c r="C44142" s="2"/>
    </row>
    <row r="44143" spans="1:3" ht="19.2">
      <c r="A44143" s="2"/>
      <c r="B44143" s="2"/>
      <c r="C44143" s="2"/>
    </row>
    <row r="44144" spans="1:3" ht="19.2">
      <c r="A44144" s="2"/>
      <c r="B44144" s="2"/>
      <c r="C44144" s="2"/>
    </row>
    <row r="44145" spans="1:3" ht="19.2">
      <c r="A44145" s="2"/>
      <c r="B44145" s="2"/>
      <c r="C44145" s="2"/>
    </row>
    <row r="44146" spans="1:3" ht="19.2">
      <c r="A44146" s="2"/>
      <c r="B44146" s="2"/>
      <c r="C44146" s="2"/>
    </row>
    <row r="44147" spans="1:3" ht="19.2">
      <c r="A44147" s="2"/>
      <c r="B44147" s="2"/>
      <c r="C44147" s="2"/>
    </row>
    <row r="44148" spans="1:3" ht="19.2">
      <c r="A44148" s="2"/>
      <c r="B44148" s="2"/>
      <c r="C44148" s="2"/>
    </row>
    <row r="44149" spans="1:3" ht="19.2">
      <c r="A44149" s="2"/>
      <c r="B44149" s="2"/>
      <c r="C44149" s="2"/>
    </row>
    <row r="44150" spans="1:3" ht="19.2">
      <c r="A44150" s="2"/>
      <c r="B44150" s="2"/>
      <c r="C44150" s="2"/>
    </row>
    <row r="44151" spans="1:3" ht="19.2">
      <c r="A44151" s="2"/>
      <c r="B44151" s="2"/>
      <c r="C44151" s="2"/>
    </row>
    <row r="44152" spans="1:3" ht="19.2">
      <c r="A44152" s="2"/>
      <c r="B44152" s="2"/>
      <c r="C44152" s="2"/>
    </row>
    <row r="44153" spans="1:3" ht="19.2">
      <c r="A44153" s="2"/>
      <c r="B44153" s="2"/>
      <c r="C44153" s="2"/>
    </row>
    <row r="44154" spans="1:3" ht="19.2">
      <c r="A44154" s="2"/>
      <c r="B44154" s="2"/>
      <c r="C44154" s="2"/>
    </row>
    <row r="44155" spans="1:3" ht="19.2">
      <c r="A44155" s="2"/>
      <c r="B44155" s="2"/>
      <c r="C44155" s="2"/>
    </row>
    <row r="44156" spans="1:3" ht="19.2">
      <c r="A44156" s="2"/>
      <c r="B44156" s="2"/>
      <c r="C44156" s="2"/>
    </row>
    <row r="44157" spans="1:3" ht="19.2">
      <c r="A44157" s="2"/>
      <c r="B44157" s="2"/>
      <c r="C44157" s="2"/>
    </row>
    <row r="44158" spans="1:3" ht="19.2">
      <c r="A44158" s="2"/>
      <c r="B44158" s="2"/>
      <c r="C44158" s="2"/>
    </row>
    <row r="44159" spans="1:3" ht="19.2">
      <c r="A44159" s="2"/>
      <c r="B44159" s="2"/>
      <c r="C44159" s="2"/>
    </row>
    <row r="44160" spans="1:3" ht="19.2">
      <c r="A44160" s="2"/>
      <c r="B44160" s="2"/>
      <c r="C44160" s="2"/>
    </row>
    <row r="44161" spans="1:3" ht="19.2">
      <c r="A44161" s="2"/>
      <c r="B44161" s="2"/>
      <c r="C44161" s="2"/>
    </row>
    <row r="44162" spans="1:3" ht="19.2">
      <c r="A44162" s="2"/>
      <c r="B44162" s="2"/>
      <c r="C44162" s="2"/>
    </row>
    <row r="44163" spans="1:3" ht="19.2">
      <c r="A44163" s="2"/>
      <c r="B44163" s="2"/>
      <c r="C44163" s="2"/>
    </row>
    <row r="44164" spans="1:3" ht="19.2">
      <c r="A44164" s="2"/>
      <c r="B44164" s="2"/>
      <c r="C44164" s="2"/>
    </row>
    <row r="44165" spans="1:3" ht="19.2">
      <c r="A44165" s="2"/>
      <c r="B44165" s="2"/>
      <c r="C44165" s="2"/>
    </row>
    <row r="44166" spans="1:3" ht="19.2">
      <c r="A44166" s="2"/>
      <c r="B44166" s="2"/>
      <c r="C44166" s="2"/>
    </row>
    <row r="44167" spans="1:3" ht="19.2">
      <c r="A44167" s="2"/>
      <c r="B44167" s="2"/>
      <c r="C44167" s="2"/>
    </row>
    <row r="44168" spans="1:3" ht="19.2">
      <c r="A44168" s="2"/>
      <c r="B44168" s="2"/>
      <c r="C44168" s="2"/>
    </row>
    <row r="44169" spans="1:3" ht="19.2">
      <c r="A44169" s="2"/>
      <c r="B44169" s="2"/>
      <c r="C44169" s="2"/>
    </row>
    <row r="44170" spans="1:3" ht="19.2">
      <c r="A44170" s="2"/>
      <c r="B44170" s="2"/>
      <c r="C44170" s="2"/>
    </row>
    <row r="44171" spans="1:3" ht="19.2">
      <c r="A44171" s="2"/>
      <c r="B44171" s="2"/>
      <c r="C44171" s="2"/>
    </row>
    <row r="44172" spans="1:3" ht="19.2">
      <c r="A44172" s="2"/>
      <c r="B44172" s="2"/>
      <c r="C44172" s="2"/>
    </row>
    <row r="44173" spans="1:3" ht="19.2">
      <c r="A44173" s="2"/>
      <c r="B44173" s="2"/>
      <c r="C44173" s="2"/>
    </row>
    <row r="44174" spans="1:3" ht="19.2">
      <c r="A44174" s="2"/>
      <c r="B44174" s="2"/>
      <c r="C44174" s="2"/>
    </row>
    <row r="44175" spans="1:3" ht="19.2">
      <c r="A44175" s="2"/>
      <c r="B44175" s="2"/>
      <c r="C44175" s="2"/>
    </row>
    <row r="44176" spans="1:3" ht="19.2">
      <c r="A44176" s="2"/>
      <c r="B44176" s="2"/>
      <c r="C44176" s="2"/>
    </row>
    <row r="44177" spans="1:3" ht="19.2">
      <c r="A44177" s="2"/>
      <c r="B44177" s="2"/>
      <c r="C44177" s="2"/>
    </row>
    <row r="44178" spans="1:3" ht="19.2">
      <c r="A44178" s="2"/>
      <c r="B44178" s="2"/>
      <c r="C44178" s="2"/>
    </row>
    <row r="44179" spans="1:3" ht="19.2">
      <c r="A44179" s="2"/>
      <c r="B44179" s="2"/>
      <c r="C44179" s="2"/>
    </row>
    <row r="44180" spans="1:3" ht="19.2">
      <c r="A44180" s="2"/>
      <c r="B44180" s="2"/>
      <c r="C44180" s="2"/>
    </row>
    <row r="44181" spans="1:3" ht="19.2">
      <c r="A44181" s="2"/>
      <c r="B44181" s="2"/>
      <c r="C44181" s="2"/>
    </row>
    <row r="44182" spans="1:3" ht="19.2">
      <c r="A44182" s="2"/>
      <c r="B44182" s="2"/>
      <c r="C44182" s="2"/>
    </row>
    <row r="44183" spans="1:3" ht="19.2">
      <c r="A44183" s="2"/>
      <c r="B44183" s="2"/>
      <c r="C44183" s="2"/>
    </row>
    <row r="44184" spans="1:3" ht="19.2">
      <c r="A44184" s="2"/>
      <c r="B44184" s="2"/>
      <c r="C44184" s="2"/>
    </row>
    <row r="44185" spans="1:3" ht="19.2">
      <c r="A44185" s="2"/>
      <c r="B44185" s="2"/>
      <c r="C44185" s="2"/>
    </row>
    <row r="44186" spans="1:3" ht="19.2">
      <c r="A44186" s="2"/>
      <c r="B44186" s="2"/>
      <c r="C44186" s="2"/>
    </row>
    <row r="44187" spans="1:3" ht="19.2">
      <c r="A44187" s="2"/>
      <c r="B44187" s="2"/>
      <c r="C44187" s="2"/>
    </row>
    <row r="44188" spans="1:3" ht="19.2">
      <c r="A44188" s="2"/>
      <c r="B44188" s="2"/>
      <c r="C44188" s="2"/>
    </row>
    <row r="44189" spans="1:3" ht="19.2">
      <c r="A44189" s="2"/>
      <c r="B44189" s="2"/>
      <c r="C44189" s="2"/>
    </row>
    <row r="44190" spans="1:3" ht="19.2">
      <c r="A44190" s="2"/>
      <c r="B44190" s="2"/>
      <c r="C44190" s="2"/>
    </row>
    <row r="44191" spans="1:3" ht="19.2">
      <c r="A44191" s="2"/>
      <c r="B44191" s="2"/>
      <c r="C44191" s="2"/>
    </row>
    <row r="44192" spans="1:3" ht="19.2">
      <c r="A44192" s="2"/>
      <c r="B44192" s="2"/>
      <c r="C44192" s="2"/>
    </row>
    <row r="44193" spans="1:3" ht="19.2">
      <c r="A44193" s="2"/>
      <c r="B44193" s="2"/>
      <c r="C44193" s="2"/>
    </row>
    <row r="44194" spans="1:3" ht="19.2">
      <c r="A44194" s="2"/>
      <c r="B44194" s="2"/>
      <c r="C44194" s="2"/>
    </row>
    <row r="44195" spans="1:3" ht="19.2">
      <c r="A44195" s="2"/>
      <c r="B44195" s="2"/>
      <c r="C44195" s="2"/>
    </row>
    <row r="44196" spans="1:3" ht="19.2">
      <c r="A44196" s="2"/>
      <c r="B44196" s="2"/>
      <c r="C44196" s="2"/>
    </row>
    <row r="44197" spans="1:3" ht="19.2">
      <c r="A44197" s="2"/>
      <c r="B44197" s="2"/>
      <c r="C44197" s="2"/>
    </row>
    <row r="44198" spans="1:3" ht="19.2">
      <c r="A44198" s="2"/>
      <c r="B44198" s="2"/>
      <c r="C44198" s="2"/>
    </row>
    <row r="44199" spans="1:3" ht="19.2">
      <c r="A44199" s="2"/>
      <c r="B44199" s="2"/>
      <c r="C44199" s="2"/>
    </row>
    <row r="44200" spans="1:3" ht="19.2">
      <c r="A44200" s="2"/>
      <c r="B44200" s="2"/>
      <c r="C44200" s="2"/>
    </row>
    <row r="44201" spans="1:3" ht="19.2">
      <c r="A44201" s="2"/>
      <c r="B44201" s="2"/>
      <c r="C44201" s="2"/>
    </row>
    <row r="44202" spans="1:3" ht="19.2">
      <c r="A44202" s="2"/>
      <c r="B44202" s="2"/>
      <c r="C44202" s="2"/>
    </row>
    <row r="44203" spans="1:3" ht="19.2">
      <c r="A44203" s="2"/>
      <c r="B44203" s="2"/>
      <c r="C44203" s="2"/>
    </row>
    <row r="44204" spans="1:3" ht="19.2">
      <c r="A44204" s="2"/>
      <c r="B44204" s="2"/>
      <c r="C44204" s="2"/>
    </row>
    <row r="44205" spans="1:3" ht="19.2">
      <c r="A44205" s="2"/>
      <c r="B44205" s="2"/>
      <c r="C44205" s="2"/>
    </row>
    <row r="44206" spans="1:3" ht="19.2">
      <c r="A44206" s="2"/>
      <c r="B44206" s="2"/>
      <c r="C44206" s="2"/>
    </row>
    <row r="44207" spans="1:3" ht="19.2">
      <c r="A44207" s="2"/>
      <c r="B44207" s="2"/>
      <c r="C44207" s="2"/>
    </row>
    <row r="44208" spans="1:3" ht="19.2">
      <c r="A44208" s="2"/>
      <c r="B44208" s="2"/>
      <c r="C44208" s="2"/>
    </row>
    <row r="44209" spans="1:3" ht="19.2">
      <c r="A44209" s="2"/>
      <c r="B44209" s="2"/>
      <c r="C44209" s="2"/>
    </row>
    <row r="44210" spans="1:3" ht="19.2">
      <c r="A44210" s="2"/>
      <c r="B44210" s="2"/>
      <c r="C44210" s="2"/>
    </row>
    <row r="44211" spans="1:3" ht="19.2">
      <c r="A44211" s="2"/>
      <c r="B44211" s="2"/>
      <c r="C44211" s="2"/>
    </row>
    <row r="44212" spans="1:3" ht="19.2">
      <c r="A44212" s="2"/>
      <c r="B44212" s="2"/>
      <c r="C44212" s="2"/>
    </row>
    <row r="44213" spans="1:3" ht="19.2">
      <c r="A44213" s="2"/>
      <c r="B44213" s="2"/>
      <c r="C44213" s="2"/>
    </row>
    <row r="44214" spans="1:3" ht="19.2">
      <c r="A44214" s="2"/>
      <c r="B44214" s="2"/>
      <c r="C44214" s="2"/>
    </row>
    <row r="44215" spans="1:3" ht="19.2">
      <c r="A44215" s="2"/>
      <c r="B44215" s="2"/>
      <c r="C44215" s="2"/>
    </row>
    <row r="44216" spans="1:3" ht="19.2">
      <c r="A44216" s="2"/>
      <c r="B44216" s="2"/>
      <c r="C44216" s="2"/>
    </row>
    <row r="44217" spans="1:3" ht="19.2">
      <c r="A44217" s="2"/>
      <c r="B44217" s="2"/>
      <c r="C44217" s="2"/>
    </row>
    <row r="44218" spans="1:3" ht="19.2">
      <c r="A44218" s="2"/>
      <c r="B44218" s="2"/>
      <c r="C44218" s="2"/>
    </row>
    <row r="44219" spans="1:3" ht="19.2">
      <c r="A44219" s="2"/>
      <c r="B44219" s="2"/>
      <c r="C44219" s="2"/>
    </row>
    <row r="44220" spans="1:3" ht="19.2">
      <c r="A44220" s="2"/>
      <c r="B44220" s="2"/>
      <c r="C44220" s="2"/>
    </row>
    <row r="44221" spans="1:3" ht="19.2">
      <c r="A44221" s="2"/>
      <c r="B44221" s="2"/>
      <c r="C44221" s="2"/>
    </row>
    <row r="44222" spans="1:3" ht="19.2">
      <c r="A44222" s="2"/>
      <c r="B44222" s="2"/>
      <c r="C44222" s="2"/>
    </row>
    <row r="44223" spans="1:3" ht="19.2">
      <c r="A44223" s="2"/>
      <c r="B44223" s="2"/>
      <c r="C44223" s="2"/>
    </row>
    <row r="44224" spans="1:3" ht="19.2">
      <c r="A44224" s="2"/>
      <c r="B44224" s="2"/>
      <c r="C44224" s="2"/>
    </row>
    <row r="44225" spans="1:3" ht="19.2">
      <c r="A44225" s="2"/>
      <c r="B44225" s="2"/>
      <c r="C44225" s="2"/>
    </row>
    <row r="44226" spans="1:3" ht="19.2">
      <c r="A44226" s="2"/>
      <c r="B44226" s="2"/>
      <c r="C44226" s="2"/>
    </row>
    <row r="44227" spans="1:3" ht="19.2">
      <c r="A44227" s="2"/>
      <c r="B44227" s="2"/>
      <c r="C44227" s="2"/>
    </row>
    <row r="44228" spans="1:3" ht="19.2">
      <c r="A44228" s="2"/>
      <c r="B44228" s="2"/>
      <c r="C44228" s="2"/>
    </row>
    <row r="44229" spans="1:3" ht="19.2">
      <c r="A44229" s="2"/>
      <c r="B44229" s="2"/>
      <c r="C44229" s="2"/>
    </row>
    <row r="44230" spans="1:3" ht="19.2">
      <c r="A44230" s="2"/>
      <c r="B44230" s="2"/>
      <c r="C44230" s="2"/>
    </row>
    <row r="44231" spans="1:3" ht="19.2">
      <c r="A44231" s="2"/>
      <c r="B44231" s="2"/>
      <c r="C44231" s="2"/>
    </row>
    <row r="44232" spans="1:3" ht="19.2">
      <c r="A44232" s="2"/>
      <c r="B44232" s="2"/>
      <c r="C44232" s="2"/>
    </row>
    <row r="44233" spans="1:3" ht="19.2">
      <c r="A44233" s="2"/>
      <c r="B44233" s="2"/>
      <c r="C44233" s="2"/>
    </row>
    <row r="44234" spans="1:3" ht="19.2">
      <c r="A44234" s="2"/>
      <c r="B44234" s="2"/>
      <c r="C44234" s="2"/>
    </row>
    <row r="44235" spans="1:3" ht="19.2">
      <c r="A44235" s="2"/>
      <c r="B44235" s="2"/>
      <c r="C44235" s="2"/>
    </row>
    <row r="44236" spans="1:3" ht="19.2">
      <c r="A44236" s="2"/>
      <c r="B44236" s="2"/>
      <c r="C44236" s="2"/>
    </row>
    <row r="44237" spans="1:3" ht="19.2">
      <c r="A44237" s="2"/>
      <c r="B44237" s="2"/>
      <c r="C44237" s="2"/>
    </row>
    <row r="44238" spans="1:3" ht="19.2">
      <c r="A44238" s="2"/>
      <c r="B44238" s="2"/>
      <c r="C44238" s="2"/>
    </row>
    <row r="44239" spans="1:3" ht="19.2">
      <c r="A44239" s="2"/>
      <c r="B44239" s="2"/>
      <c r="C44239" s="2"/>
    </row>
    <row r="44240" spans="1:3" ht="19.2">
      <c r="A44240" s="2"/>
      <c r="B44240" s="2"/>
      <c r="C44240" s="2"/>
    </row>
    <row r="44241" spans="1:3" ht="19.2">
      <c r="A44241" s="2"/>
      <c r="B44241" s="2"/>
      <c r="C44241" s="2"/>
    </row>
    <row r="44242" spans="1:3" ht="19.2">
      <c r="A44242" s="2"/>
      <c r="B44242" s="2"/>
      <c r="C44242" s="2"/>
    </row>
    <row r="44243" spans="1:3" ht="19.2">
      <c r="A44243" s="2"/>
      <c r="B44243" s="2"/>
      <c r="C44243" s="2"/>
    </row>
    <row r="44244" spans="1:3" ht="19.2">
      <c r="A44244" s="2"/>
      <c r="B44244" s="2"/>
      <c r="C44244" s="2"/>
    </row>
    <row r="44245" spans="1:3" ht="19.2">
      <c r="A44245" s="2"/>
      <c r="B44245" s="2"/>
      <c r="C44245" s="2"/>
    </row>
    <row r="44246" spans="1:3" ht="19.2">
      <c r="A44246" s="2"/>
      <c r="B44246" s="2"/>
      <c r="C44246" s="2"/>
    </row>
    <row r="44247" spans="1:3" ht="19.2">
      <c r="A44247" s="2"/>
      <c r="B44247" s="2"/>
      <c r="C44247" s="2"/>
    </row>
    <row r="44248" spans="1:3" ht="19.2">
      <c r="A44248" s="2"/>
      <c r="B44248" s="2"/>
      <c r="C44248" s="2"/>
    </row>
    <row r="44249" spans="1:3" ht="19.2">
      <c r="A44249" s="2"/>
      <c r="B44249" s="2"/>
      <c r="C44249" s="2"/>
    </row>
    <row r="44250" spans="1:3" ht="19.2">
      <c r="A44250" s="2"/>
      <c r="B44250" s="2"/>
      <c r="C44250" s="2"/>
    </row>
    <row r="44251" spans="1:3" ht="19.2">
      <c r="A44251" s="2"/>
      <c r="B44251" s="2"/>
      <c r="C44251" s="2"/>
    </row>
    <row r="44252" spans="1:3" ht="19.2">
      <c r="A44252" s="2"/>
      <c r="B44252" s="2"/>
      <c r="C44252" s="2"/>
    </row>
    <row r="44253" spans="1:3" ht="19.2">
      <c r="A44253" s="2"/>
      <c r="B44253" s="2"/>
      <c r="C44253" s="2"/>
    </row>
    <row r="44254" spans="1:3" ht="19.2">
      <c r="A44254" s="2"/>
      <c r="B44254" s="2"/>
      <c r="C44254" s="2"/>
    </row>
    <row r="44255" spans="1:3" ht="19.2">
      <c r="A44255" s="2"/>
      <c r="B44255" s="2"/>
      <c r="C44255" s="2"/>
    </row>
    <row r="44256" spans="1:3" ht="19.2">
      <c r="A44256" s="2"/>
      <c r="B44256" s="2"/>
      <c r="C44256" s="2"/>
    </row>
    <row r="44257" spans="1:3" ht="19.2">
      <c r="A44257" s="2"/>
      <c r="B44257" s="2"/>
      <c r="C44257" s="2"/>
    </row>
    <row r="44258" spans="1:3" ht="19.2">
      <c r="A44258" s="2"/>
      <c r="B44258" s="2"/>
      <c r="C44258" s="2"/>
    </row>
    <row r="44259" spans="1:3" ht="19.2">
      <c r="A44259" s="2"/>
      <c r="B44259" s="2"/>
      <c r="C44259" s="2"/>
    </row>
    <row r="44260" spans="1:3" ht="19.2">
      <c r="A44260" s="2"/>
      <c r="B44260" s="2"/>
      <c r="C44260" s="2"/>
    </row>
    <row r="44261" spans="1:3" ht="19.2">
      <c r="A44261" s="2"/>
      <c r="B44261" s="2"/>
      <c r="C44261" s="2"/>
    </row>
    <row r="44262" spans="1:3" ht="19.2">
      <c r="A44262" s="2"/>
      <c r="B44262" s="2"/>
      <c r="C44262" s="2"/>
    </row>
    <row r="44263" spans="1:3" ht="19.2">
      <c r="A44263" s="2"/>
      <c r="B44263" s="2"/>
      <c r="C44263" s="2"/>
    </row>
    <row r="44264" spans="1:3" ht="19.2">
      <c r="A44264" s="2"/>
      <c r="B44264" s="2"/>
      <c r="C44264" s="2"/>
    </row>
    <row r="44265" spans="1:3" ht="19.2">
      <c r="A44265" s="2"/>
      <c r="B44265" s="2"/>
      <c r="C44265" s="2"/>
    </row>
    <row r="44266" spans="1:3" ht="19.2">
      <c r="A44266" s="2"/>
      <c r="B44266" s="2"/>
      <c r="C44266" s="2"/>
    </row>
    <row r="44267" spans="1:3" ht="19.2">
      <c r="A44267" s="2"/>
      <c r="B44267" s="2"/>
      <c r="C44267" s="2"/>
    </row>
    <row r="44268" spans="1:3" ht="19.2">
      <c r="A44268" s="2"/>
      <c r="B44268" s="2"/>
      <c r="C44268" s="2"/>
    </row>
    <row r="44269" spans="1:3" ht="19.2">
      <c r="A44269" s="2"/>
      <c r="B44269" s="2"/>
      <c r="C44269" s="2"/>
    </row>
    <row r="44270" spans="1:3" ht="19.2">
      <c r="A44270" s="2"/>
      <c r="B44270" s="2"/>
      <c r="C44270" s="2"/>
    </row>
    <row r="44271" spans="1:3" ht="19.2">
      <c r="A44271" s="2"/>
      <c r="B44271" s="2"/>
      <c r="C44271" s="2"/>
    </row>
    <row r="44272" spans="1:3" ht="19.2">
      <c r="A44272" s="2"/>
      <c r="B44272" s="2"/>
      <c r="C44272" s="2"/>
    </row>
    <row r="44273" spans="1:3" ht="19.2">
      <c r="A44273" s="2"/>
      <c r="B44273" s="2"/>
      <c r="C44273" s="2"/>
    </row>
    <row r="44274" spans="1:3" ht="19.2">
      <c r="A44274" s="2"/>
      <c r="B44274" s="2"/>
      <c r="C44274" s="2"/>
    </row>
    <row r="44275" spans="1:3" ht="19.2">
      <c r="A44275" s="2"/>
      <c r="B44275" s="2"/>
      <c r="C44275" s="2"/>
    </row>
    <row r="44276" spans="1:3" ht="19.2">
      <c r="A44276" s="2"/>
      <c r="B44276" s="2"/>
      <c r="C44276" s="2"/>
    </row>
    <row r="44277" spans="1:3" ht="19.2">
      <c r="A44277" s="2"/>
      <c r="B44277" s="2"/>
      <c r="C44277" s="2"/>
    </row>
    <row r="44278" spans="1:3" ht="19.2">
      <c r="A44278" s="2"/>
      <c r="B44278" s="2"/>
      <c r="C44278" s="2"/>
    </row>
    <row r="44279" spans="1:3" ht="19.2">
      <c r="A44279" s="2"/>
      <c r="B44279" s="2"/>
      <c r="C44279" s="2"/>
    </row>
    <row r="44280" spans="1:3" ht="19.2">
      <c r="A44280" s="2"/>
      <c r="B44280" s="2"/>
      <c r="C44280" s="2"/>
    </row>
    <row r="44281" spans="1:3" ht="19.2">
      <c r="A44281" s="2"/>
      <c r="B44281" s="2"/>
      <c r="C44281" s="2"/>
    </row>
    <row r="44282" spans="1:3" ht="19.2">
      <c r="A44282" s="2"/>
      <c r="B44282" s="2"/>
      <c r="C44282" s="2"/>
    </row>
    <row r="44283" spans="1:3" ht="19.2">
      <c r="A44283" s="2"/>
      <c r="B44283" s="2"/>
      <c r="C44283" s="2"/>
    </row>
    <row r="44284" spans="1:3" ht="19.2">
      <c r="A44284" s="2"/>
      <c r="B44284" s="2"/>
      <c r="C44284" s="2"/>
    </row>
    <row r="44285" spans="1:3" ht="19.2">
      <c r="A44285" s="2"/>
      <c r="B44285" s="2"/>
      <c r="C44285" s="2"/>
    </row>
    <row r="44286" spans="1:3" ht="19.2">
      <c r="A44286" s="2"/>
      <c r="B44286" s="2"/>
      <c r="C44286" s="2"/>
    </row>
    <row r="44287" spans="1:3" ht="19.2">
      <c r="A44287" s="2"/>
      <c r="B44287" s="2"/>
      <c r="C44287" s="2"/>
    </row>
    <row r="44288" spans="1:3" ht="19.2">
      <c r="A44288" s="2"/>
      <c r="B44288" s="2"/>
      <c r="C44288" s="2"/>
    </row>
    <row r="44289" spans="1:3" ht="19.2">
      <c r="A44289" s="2"/>
      <c r="B44289" s="2"/>
      <c r="C44289" s="2"/>
    </row>
    <row r="44290" spans="1:3" ht="19.2">
      <c r="A44290" s="2"/>
      <c r="B44290" s="2"/>
      <c r="C44290" s="2"/>
    </row>
    <row r="44291" spans="1:3" ht="19.2">
      <c r="A44291" s="2"/>
      <c r="B44291" s="2"/>
      <c r="C44291" s="2"/>
    </row>
    <row r="44292" spans="1:3" ht="19.2">
      <c r="A44292" s="2"/>
      <c r="B44292" s="2"/>
      <c r="C44292" s="2"/>
    </row>
    <row r="44293" spans="1:3" ht="19.2">
      <c r="A44293" s="2"/>
      <c r="B44293" s="2"/>
      <c r="C44293" s="2"/>
    </row>
    <row r="44294" spans="1:3" ht="19.2">
      <c r="A44294" s="2"/>
      <c r="B44294" s="2"/>
      <c r="C44294" s="2"/>
    </row>
    <row r="44295" spans="1:3" ht="19.2">
      <c r="A44295" s="2"/>
      <c r="B44295" s="2"/>
      <c r="C44295" s="2"/>
    </row>
    <row r="44296" spans="1:3" ht="19.2">
      <c r="A44296" s="2"/>
      <c r="B44296" s="2"/>
      <c r="C44296" s="2"/>
    </row>
    <row r="44297" spans="1:3" ht="19.2">
      <c r="A44297" s="2"/>
      <c r="B44297" s="2"/>
      <c r="C44297" s="2"/>
    </row>
    <row r="44298" spans="1:3" ht="19.2">
      <c r="A44298" s="2"/>
      <c r="B44298" s="2"/>
      <c r="C44298" s="2"/>
    </row>
    <row r="44299" spans="1:3" ht="19.2">
      <c r="A44299" s="2"/>
      <c r="B44299" s="2"/>
      <c r="C44299" s="2"/>
    </row>
    <row r="44300" spans="1:3" ht="19.2">
      <c r="A44300" s="2"/>
      <c r="B44300" s="2"/>
      <c r="C44300" s="2"/>
    </row>
    <row r="44301" spans="1:3" ht="19.2">
      <c r="A44301" s="2"/>
      <c r="B44301" s="2"/>
      <c r="C44301" s="2"/>
    </row>
    <row r="44302" spans="1:3" ht="19.2">
      <c r="A44302" s="2"/>
      <c r="B44302" s="2"/>
      <c r="C44302" s="2"/>
    </row>
    <row r="44303" spans="1:3" ht="19.2">
      <c r="A44303" s="2"/>
      <c r="B44303" s="2"/>
      <c r="C44303" s="2"/>
    </row>
    <row r="44304" spans="1:3" ht="19.2">
      <c r="A44304" s="2"/>
      <c r="B44304" s="2"/>
      <c r="C44304" s="2"/>
    </row>
    <row r="44305" spans="1:3" ht="19.2">
      <c r="A44305" s="2"/>
      <c r="B44305" s="2"/>
      <c r="C44305" s="2"/>
    </row>
    <row r="44306" spans="1:3" ht="19.2">
      <c r="A44306" s="2"/>
      <c r="B44306" s="2"/>
      <c r="C44306" s="2"/>
    </row>
    <row r="44307" spans="1:3" ht="19.2">
      <c r="A44307" s="2"/>
      <c r="B44307" s="2"/>
      <c r="C44307" s="2"/>
    </row>
    <row r="44308" spans="1:3" ht="19.2">
      <c r="A44308" s="2"/>
      <c r="B44308" s="2"/>
      <c r="C44308" s="2"/>
    </row>
    <row r="44309" spans="1:3" ht="19.2">
      <c r="A44309" s="2"/>
      <c r="B44309" s="2"/>
      <c r="C44309" s="2"/>
    </row>
    <row r="44310" spans="1:3" ht="19.2">
      <c r="A44310" s="2"/>
      <c r="B44310" s="2"/>
      <c r="C44310" s="2"/>
    </row>
    <row r="44311" spans="1:3" ht="19.2">
      <c r="A44311" s="2"/>
      <c r="B44311" s="2"/>
      <c r="C44311" s="2"/>
    </row>
    <row r="44312" spans="1:3" ht="19.2">
      <c r="A44312" s="2"/>
      <c r="B44312" s="2"/>
      <c r="C44312" s="2"/>
    </row>
    <row r="44313" spans="1:3" ht="19.2">
      <c r="A44313" s="2"/>
      <c r="B44313" s="2"/>
      <c r="C44313" s="2"/>
    </row>
    <row r="44314" spans="1:3" ht="19.2">
      <c r="A44314" s="2"/>
      <c r="B44314" s="2"/>
      <c r="C44314" s="2"/>
    </row>
    <row r="44315" spans="1:3" ht="19.2">
      <c r="A44315" s="2"/>
      <c r="B44315" s="2"/>
      <c r="C44315" s="2"/>
    </row>
    <row r="44316" spans="1:3" ht="19.2">
      <c r="A44316" s="2"/>
      <c r="B44316" s="2"/>
      <c r="C44316" s="2"/>
    </row>
    <row r="44317" spans="1:3" ht="19.2">
      <c r="A44317" s="2"/>
      <c r="B44317" s="2"/>
      <c r="C44317" s="2"/>
    </row>
    <row r="44318" spans="1:3" ht="19.2">
      <c r="A44318" s="2"/>
      <c r="B44318" s="2"/>
      <c r="C44318" s="2"/>
    </row>
    <row r="44319" spans="1:3" ht="19.2">
      <c r="A44319" s="2"/>
      <c r="B44319" s="2"/>
      <c r="C44319" s="2"/>
    </row>
    <row r="44320" spans="1:3" ht="19.2">
      <c r="A44320" s="2"/>
      <c r="B44320" s="2"/>
      <c r="C44320" s="2"/>
    </row>
    <row r="44321" spans="1:3" ht="19.2">
      <c r="A44321" s="2"/>
      <c r="B44321" s="2"/>
      <c r="C44321" s="2"/>
    </row>
    <row r="44322" spans="1:3" ht="19.2">
      <c r="A44322" s="2"/>
      <c r="B44322" s="2"/>
      <c r="C44322" s="2"/>
    </row>
    <row r="44323" spans="1:3" ht="19.2">
      <c r="A44323" s="2"/>
      <c r="B44323" s="2"/>
      <c r="C44323" s="2"/>
    </row>
    <row r="44324" spans="1:3" ht="19.2">
      <c r="A44324" s="2"/>
      <c r="B44324" s="2"/>
      <c r="C44324" s="2"/>
    </row>
    <row r="44325" spans="1:3" ht="19.2">
      <c r="A44325" s="2"/>
      <c r="B44325" s="2"/>
      <c r="C44325" s="2"/>
    </row>
    <row r="44326" spans="1:3" ht="19.2">
      <c r="A44326" s="2"/>
      <c r="B44326" s="2"/>
      <c r="C44326" s="2"/>
    </row>
    <row r="44327" spans="1:3" ht="19.2">
      <c r="A44327" s="2"/>
      <c r="B44327" s="2"/>
      <c r="C44327" s="2"/>
    </row>
    <row r="44328" spans="1:3" ht="19.2">
      <c r="A44328" s="2"/>
      <c r="B44328" s="2"/>
      <c r="C44328" s="2"/>
    </row>
    <row r="44329" spans="1:3" ht="19.2">
      <c r="A44329" s="2"/>
      <c r="B44329" s="2"/>
      <c r="C44329" s="2"/>
    </row>
    <row r="44330" spans="1:3" ht="19.2">
      <c r="A44330" s="2"/>
      <c r="B44330" s="2"/>
      <c r="C44330" s="2"/>
    </row>
    <row r="44331" spans="1:3" ht="19.2">
      <c r="A44331" s="2"/>
      <c r="B44331" s="2"/>
      <c r="C44331" s="2"/>
    </row>
    <row r="44332" spans="1:3" ht="19.2">
      <c r="A44332" s="2"/>
      <c r="B44332" s="2"/>
      <c r="C44332" s="2"/>
    </row>
    <row r="44333" spans="1:3" ht="19.2">
      <c r="A44333" s="2"/>
      <c r="B44333" s="2"/>
      <c r="C44333" s="2"/>
    </row>
    <row r="44334" spans="1:3" ht="19.2">
      <c r="A44334" s="2"/>
      <c r="B44334" s="2"/>
      <c r="C44334" s="2"/>
    </row>
    <row r="44335" spans="1:3" ht="19.2">
      <c r="A44335" s="2"/>
      <c r="B44335" s="2"/>
      <c r="C44335" s="2"/>
    </row>
    <row r="44336" spans="1:3" ht="19.2">
      <c r="A44336" s="2"/>
      <c r="B44336" s="2"/>
      <c r="C44336" s="2"/>
    </row>
    <row r="44337" spans="1:3" ht="19.2">
      <c r="A44337" s="2"/>
      <c r="B44337" s="2"/>
      <c r="C44337" s="2"/>
    </row>
    <row r="44338" spans="1:3" ht="19.2">
      <c r="A44338" s="2"/>
      <c r="B44338" s="2"/>
      <c r="C44338" s="2"/>
    </row>
    <row r="44339" spans="1:3" ht="19.2">
      <c r="A44339" s="2"/>
      <c r="B44339" s="2"/>
      <c r="C44339" s="2"/>
    </row>
    <row r="44340" spans="1:3" ht="19.2">
      <c r="A44340" s="2"/>
      <c r="B44340" s="2"/>
      <c r="C44340" s="2"/>
    </row>
    <row r="44341" spans="1:3" ht="19.2">
      <c r="A44341" s="2"/>
      <c r="B44341" s="2"/>
      <c r="C44341" s="2"/>
    </row>
    <row r="44342" spans="1:3" ht="19.2">
      <c r="A44342" s="2"/>
      <c r="B44342" s="2"/>
      <c r="C44342" s="2"/>
    </row>
    <row r="44343" spans="1:3" ht="19.2">
      <c r="A44343" s="2"/>
      <c r="B44343" s="2"/>
      <c r="C44343" s="2"/>
    </row>
    <row r="44344" spans="1:3" ht="19.2">
      <c r="A44344" s="2"/>
      <c r="B44344" s="2"/>
      <c r="C44344" s="2"/>
    </row>
    <row r="44345" spans="1:3" ht="19.2">
      <c r="A44345" s="2"/>
      <c r="B44345" s="2"/>
      <c r="C44345" s="2"/>
    </row>
    <row r="44346" spans="1:3" ht="19.2">
      <c r="A44346" s="2"/>
      <c r="B44346" s="2"/>
      <c r="C44346" s="2"/>
    </row>
    <row r="44347" spans="1:3" ht="19.2">
      <c r="A44347" s="2"/>
      <c r="B44347" s="2"/>
      <c r="C44347" s="2"/>
    </row>
    <row r="44348" spans="1:3" ht="19.2">
      <c r="A44348" s="2"/>
      <c r="B44348" s="2"/>
      <c r="C44348" s="2"/>
    </row>
    <row r="44349" spans="1:3" ht="19.2">
      <c r="A44349" s="2"/>
      <c r="B44349" s="2"/>
      <c r="C44349" s="2"/>
    </row>
    <row r="44350" spans="1:3" ht="19.2">
      <c r="A44350" s="2"/>
      <c r="B44350" s="2"/>
      <c r="C44350" s="2"/>
    </row>
    <row r="44351" spans="1:3" ht="19.2">
      <c r="A44351" s="2"/>
      <c r="B44351" s="2"/>
      <c r="C44351" s="2"/>
    </row>
    <row r="44352" spans="1:3" ht="19.2">
      <c r="A44352" s="2"/>
      <c r="B44352" s="2"/>
      <c r="C44352" s="2"/>
    </row>
    <row r="44353" spans="1:3" ht="19.2">
      <c r="A44353" s="2"/>
      <c r="B44353" s="2"/>
      <c r="C44353" s="2"/>
    </row>
    <row r="44354" spans="1:3" ht="19.2">
      <c r="A44354" s="2"/>
      <c r="B44354" s="2"/>
      <c r="C44354" s="2"/>
    </row>
    <row r="44355" spans="1:3" ht="19.2">
      <c r="A44355" s="2"/>
      <c r="B44355" s="2"/>
      <c r="C44355" s="2"/>
    </row>
    <row r="44356" spans="1:3" ht="19.2">
      <c r="A44356" s="2"/>
      <c r="B44356" s="2"/>
      <c r="C44356" s="2"/>
    </row>
    <row r="44357" spans="1:3" ht="19.2">
      <c r="A44357" s="2"/>
      <c r="B44357" s="2"/>
      <c r="C44357" s="2"/>
    </row>
    <row r="44358" spans="1:3" ht="19.2">
      <c r="A44358" s="2"/>
      <c r="B44358" s="2"/>
      <c r="C44358" s="2"/>
    </row>
    <row r="44359" spans="1:3" ht="19.2">
      <c r="A44359" s="2"/>
      <c r="B44359" s="2"/>
      <c r="C44359" s="2"/>
    </row>
    <row r="44360" spans="1:3" ht="19.2">
      <c r="A44360" s="2"/>
      <c r="B44360" s="2"/>
      <c r="C44360" s="2"/>
    </row>
    <row r="44361" spans="1:3" ht="19.2">
      <c r="A44361" s="2"/>
      <c r="B44361" s="2"/>
      <c r="C44361" s="2"/>
    </row>
    <row r="44362" spans="1:3" ht="19.2">
      <c r="A44362" s="2"/>
      <c r="B44362" s="2"/>
      <c r="C44362" s="2"/>
    </row>
    <row r="44363" spans="1:3" ht="19.2">
      <c r="A44363" s="2"/>
      <c r="B44363" s="2"/>
      <c r="C44363" s="2"/>
    </row>
    <row r="44364" spans="1:3" ht="19.2">
      <c r="A44364" s="2"/>
      <c r="B44364" s="2"/>
      <c r="C44364" s="2"/>
    </row>
    <row r="44365" spans="1:3" ht="19.2">
      <c r="A44365" s="2"/>
      <c r="B44365" s="2"/>
      <c r="C44365" s="2"/>
    </row>
    <row r="44366" spans="1:3" ht="19.2">
      <c r="A44366" s="2"/>
      <c r="B44366" s="2"/>
      <c r="C44366" s="2"/>
    </row>
    <row r="44367" spans="1:3" ht="19.2">
      <c r="A44367" s="2"/>
      <c r="B44367" s="2"/>
      <c r="C44367" s="2"/>
    </row>
    <row r="44368" spans="1:3" ht="19.2">
      <c r="A44368" s="2"/>
      <c r="B44368" s="2"/>
      <c r="C44368" s="2"/>
    </row>
    <row r="44369" spans="1:3" ht="19.2">
      <c r="A44369" s="2"/>
      <c r="B44369" s="2"/>
      <c r="C44369" s="2"/>
    </row>
    <row r="44370" spans="1:3" ht="19.2">
      <c r="A44370" s="2"/>
      <c r="B44370" s="2"/>
      <c r="C44370" s="2"/>
    </row>
    <row r="44371" spans="1:3" ht="19.2">
      <c r="A44371" s="2"/>
      <c r="B44371" s="2"/>
      <c r="C44371" s="2"/>
    </row>
    <row r="44372" spans="1:3" ht="19.2">
      <c r="A44372" s="2"/>
      <c r="B44372" s="2"/>
      <c r="C44372" s="2"/>
    </row>
    <row r="44373" spans="1:3" ht="19.2">
      <c r="A44373" s="2"/>
      <c r="B44373" s="2"/>
      <c r="C44373" s="2"/>
    </row>
    <row r="44374" spans="1:3" ht="19.2">
      <c r="A44374" s="2"/>
      <c r="B44374" s="2"/>
      <c r="C44374" s="2"/>
    </row>
    <row r="44375" spans="1:3" ht="19.2">
      <c r="A44375" s="2"/>
      <c r="B44375" s="2"/>
      <c r="C44375" s="2"/>
    </row>
    <row r="44376" spans="1:3" ht="19.2">
      <c r="A44376" s="2"/>
      <c r="B44376" s="2"/>
      <c r="C44376" s="2"/>
    </row>
    <row r="44377" spans="1:3" ht="19.2">
      <c r="A44377" s="2"/>
      <c r="B44377" s="2"/>
      <c r="C44377" s="2"/>
    </row>
    <row r="44378" spans="1:3" ht="19.2">
      <c r="A44378" s="2"/>
      <c r="B44378" s="2"/>
      <c r="C44378" s="2"/>
    </row>
    <row r="44379" spans="1:3" ht="19.2">
      <c r="A44379" s="2"/>
      <c r="B44379" s="2"/>
      <c r="C44379" s="2"/>
    </row>
    <row r="44380" spans="1:3" ht="19.2">
      <c r="A44380" s="2"/>
      <c r="B44380" s="2"/>
      <c r="C44380" s="2"/>
    </row>
    <row r="44381" spans="1:3" ht="19.2">
      <c r="A44381" s="2"/>
      <c r="B44381" s="2"/>
      <c r="C44381" s="2"/>
    </row>
    <row r="44382" spans="1:3" ht="19.2">
      <c r="A44382" s="2"/>
      <c r="B44382" s="2"/>
      <c r="C44382" s="2"/>
    </row>
    <row r="44383" spans="1:3" ht="19.2">
      <c r="A44383" s="2"/>
      <c r="B44383" s="2"/>
      <c r="C44383" s="2"/>
    </row>
    <row r="44384" spans="1:3" ht="19.2">
      <c r="A44384" s="2"/>
      <c r="B44384" s="2"/>
      <c r="C44384" s="2"/>
    </row>
    <row r="44385" spans="1:3" ht="19.2">
      <c r="A44385" s="2"/>
      <c r="B44385" s="2"/>
      <c r="C44385" s="2"/>
    </row>
    <row r="44386" spans="1:3" ht="19.2">
      <c r="A44386" s="2"/>
      <c r="B44386" s="2"/>
      <c r="C44386" s="2"/>
    </row>
    <row r="44387" spans="1:3" ht="19.2">
      <c r="A44387" s="2"/>
      <c r="B44387" s="2"/>
      <c r="C44387" s="2"/>
    </row>
    <row r="44388" spans="1:3" ht="19.2">
      <c r="A44388" s="2"/>
      <c r="B44388" s="2"/>
      <c r="C44388" s="2"/>
    </row>
    <row r="44389" spans="1:3" ht="19.2">
      <c r="A44389" s="2"/>
      <c r="B44389" s="2"/>
      <c r="C44389" s="2"/>
    </row>
    <row r="44390" spans="1:3" ht="19.2">
      <c r="A44390" s="2"/>
      <c r="B44390" s="2"/>
      <c r="C44390" s="2"/>
    </row>
    <row r="44391" spans="1:3" ht="19.2">
      <c r="A44391" s="2"/>
      <c r="B44391" s="2"/>
      <c r="C44391" s="2"/>
    </row>
    <row r="44392" spans="1:3" ht="19.2">
      <c r="A44392" s="2"/>
      <c r="B44392" s="2"/>
      <c r="C44392" s="2"/>
    </row>
    <row r="44393" spans="1:3" ht="19.2">
      <c r="A44393" s="2"/>
      <c r="B44393" s="2"/>
      <c r="C44393" s="2"/>
    </row>
    <row r="44394" spans="1:3" ht="19.2">
      <c r="A44394" s="2"/>
      <c r="B44394" s="2"/>
      <c r="C44394" s="2"/>
    </row>
    <row r="44395" spans="1:3" ht="19.2">
      <c r="A44395" s="2"/>
      <c r="B44395" s="2"/>
      <c r="C44395" s="2"/>
    </row>
    <row r="44396" spans="1:3" ht="19.2">
      <c r="A44396" s="2"/>
      <c r="B44396" s="2"/>
      <c r="C44396" s="2"/>
    </row>
    <row r="44397" spans="1:3" ht="19.2">
      <c r="A44397" s="2"/>
      <c r="B44397" s="2"/>
      <c r="C44397" s="2"/>
    </row>
    <row r="44398" spans="1:3" ht="19.2">
      <c r="A44398" s="2"/>
      <c r="B44398" s="2"/>
      <c r="C44398" s="2"/>
    </row>
    <row r="44399" spans="1:3" ht="19.2">
      <c r="A44399" s="2"/>
      <c r="B44399" s="2"/>
      <c r="C44399" s="2"/>
    </row>
    <row r="44400" spans="1:3" ht="19.2">
      <c r="A44400" s="2"/>
      <c r="B44400" s="2"/>
      <c r="C44400" s="2"/>
    </row>
    <row r="44401" spans="1:3" ht="19.2">
      <c r="A44401" s="2"/>
      <c r="B44401" s="2"/>
      <c r="C44401" s="2"/>
    </row>
    <row r="44402" spans="1:3" ht="19.2">
      <c r="A44402" s="2"/>
      <c r="B44402" s="2"/>
      <c r="C44402" s="2"/>
    </row>
    <row r="44403" spans="1:3" ht="19.2">
      <c r="A44403" s="2"/>
      <c r="B44403" s="2"/>
      <c r="C44403" s="2"/>
    </row>
    <row r="44404" spans="1:3" ht="19.2">
      <c r="A44404" s="2"/>
      <c r="B44404" s="2"/>
      <c r="C44404" s="2"/>
    </row>
    <row r="44405" spans="1:3" ht="19.2">
      <c r="A44405" s="2"/>
      <c r="B44405" s="2"/>
      <c r="C44405" s="2"/>
    </row>
    <row r="44406" spans="1:3" ht="19.2">
      <c r="A44406" s="2"/>
      <c r="B44406" s="2"/>
      <c r="C44406" s="2"/>
    </row>
    <row r="44407" spans="1:3" ht="19.2">
      <c r="A44407" s="2"/>
      <c r="B44407" s="2"/>
      <c r="C44407" s="2"/>
    </row>
    <row r="44408" spans="1:3" ht="19.2">
      <c r="A44408" s="2"/>
      <c r="B44408" s="2"/>
      <c r="C44408" s="2"/>
    </row>
    <row r="44409" spans="1:3" ht="19.2">
      <c r="A44409" s="2"/>
      <c r="B44409" s="2"/>
      <c r="C44409" s="2"/>
    </row>
    <row r="44410" spans="1:3" ht="19.2">
      <c r="A44410" s="2"/>
      <c r="B44410" s="2"/>
      <c r="C44410" s="2"/>
    </row>
    <row r="44411" spans="1:3" ht="19.2">
      <c r="A44411" s="2"/>
      <c r="B44411" s="2"/>
      <c r="C44411" s="2"/>
    </row>
    <row r="44412" spans="1:3" ht="19.2">
      <c r="A44412" s="2"/>
      <c r="B44412" s="2"/>
      <c r="C44412" s="2"/>
    </row>
    <row r="44413" spans="1:3" ht="19.2">
      <c r="A44413" s="2"/>
      <c r="B44413" s="2"/>
      <c r="C44413" s="2"/>
    </row>
    <row r="44414" spans="1:3" ht="19.2">
      <c r="A44414" s="2"/>
      <c r="B44414" s="2"/>
      <c r="C44414" s="2"/>
    </row>
    <row r="44415" spans="1:3" ht="19.2">
      <c r="A44415" s="2"/>
      <c r="B44415" s="2"/>
      <c r="C44415" s="2"/>
    </row>
    <row r="44416" spans="1:3" ht="19.2">
      <c r="A44416" s="2"/>
      <c r="B44416" s="2"/>
      <c r="C44416" s="2"/>
    </row>
    <row r="44417" spans="1:3" ht="19.2">
      <c r="A44417" s="2"/>
      <c r="B44417" s="2"/>
      <c r="C44417" s="2"/>
    </row>
    <row r="44418" spans="1:3" ht="19.2">
      <c r="A44418" s="2"/>
      <c r="B44418" s="2"/>
      <c r="C44418" s="2"/>
    </row>
    <row r="44419" spans="1:3" ht="19.2">
      <c r="A44419" s="2"/>
      <c r="B44419" s="2"/>
      <c r="C44419" s="2"/>
    </row>
    <row r="44420" spans="1:3" ht="19.2">
      <c r="A44420" s="2"/>
      <c r="B44420" s="2"/>
      <c r="C44420" s="2"/>
    </row>
    <row r="44421" spans="1:3" ht="19.2">
      <c r="A44421" s="2"/>
      <c r="B44421" s="2"/>
      <c r="C44421" s="2"/>
    </row>
    <row r="44422" spans="1:3" ht="19.2">
      <c r="A44422" s="2"/>
      <c r="B44422" s="2"/>
      <c r="C44422" s="2"/>
    </row>
    <row r="44423" spans="1:3" ht="19.2">
      <c r="A44423" s="2"/>
      <c r="B44423" s="2"/>
      <c r="C44423" s="2"/>
    </row>
    <row r="44424" spans="1:3" ht="19.2">
      <c r="A44424" s="2"/>
      <c r="B44424" s="2"/>
      <c r="C44424" s="2"/>
    </row>
    <row r="44425" spans="1:3" ht="19.2">
      <c r="A44425" s="2"/>
      <c r="B44425" s="2"/>
      <c r="C44425" s="2"/>
    </row>
    <row r="44426" spans="1:3" ht="19.2">
      <c r="A44426" s="2"/>
      <c r="B44426" s="2"/>
      <c r="C44426" s="2"/>
    </row>
    <row r="44427" spans="1:3" ht="19.2">
      <c r="A44427" s="2"/>
      <c r="B44427" s="2"/>
      <c r="C44427" s="2"/>
    </row>
    <row r="44428" spans="1:3" ht="19.2">
      <c r="A44428" s="2"/>
      <c r="B44428" s="2"/>
      <c r="C44428" s="2"/>
    </row>
    <row r="44429" spans="1:3" ht="19.2">
      <c r="A44429" s="2"/>
      <c r="B44429" s="2"/>
      <c r="C44429" s="2"/>
    </row>
    <row r="44430" spans="1:3" ht="19.2">
      <c r="A44430" s="2"/>
      <c r="B44430" s="2"/>
      <c r="C44430" s="2"/>
    </row>
    <row r="44431" spans="1:3" ht="19.2">
      <c r="A44431" s="2"/>
      <c r="B44431" s="2"/>
      <c r="C44431" s="2"/>
    </row>
    <row r="44432" spans="1:3" ht="19.2">
      <c r="A44432" s="2"/>
      <c r="B44432" s="2"/>
      <c r="C44432" s="2"/>
    </row>
    <row r="44433" spans="1:3" ht="19.2">
      <c r="A44433" s="2"/>
      <c r="B44433" s="2"/>
      <c r="C44433" s="2"/>
    </row>
    <row r="44434" spans="1:3" ht="19.2">
      <c r="A44434" s="2"/>
      <c r="B44434" s="2"/>
      <c r="C44434" s="2"/>
    </row>
    <row r="44435" spans="1:3" ht="19.2">
      <c r="A44435" s="2"/>
      <c r="B44435" s="2"/>
      <c r="C44435" s="2"/>
    </row>
    <row r="44436" spans="1:3" ht="19.2">
      <c r="A44436" s="2"/>
      <c r="B44436" s="2"/>
      <c r="C44436" s="2"/>
    </row>
    <row r="44437" spans="1:3" ht="19.2">
      <c r="A44437" s="2"/>
      <c r="B44437" s="2"/>
      <c r="C44437" s="2"/>
    </row>
    <row r="44438" spans="1:3" ht="19.2">
      <c r="A44438" s="2"/>
      <c r="B44438" s="2"/>
      <c r="C44438" s="2"/>
    </row>
    <row r="44439" spans="1:3" ht="19.2">
      <c r="A44439" s="2"/>
      <c r="B44439" s="2"/>
      <c r="C44439" s="2"/>
    </row>
    <row r="44440" spans="1:3" ht="19.2">
      <c r="A44440" s="2"/>
      <c r="B44440" s="2"/>
      <c r="C44440" s="2"/>
    </row>
    <row r="44441" spans="1:3" ht="19.2">
      <c r="A44441" s="2"/>
      <c r="B44441" s="2"/>
      <c r="C44441" s="2"/>
    </row>
    <row r="44442" spans="1:3" ht="19.2">
      <c r="A44442" s="2"/>
      <c r="B44442" s="2"/>
      <c r="C44442" s="2"/>
    </row>
    <row r="44443" spans="1:3" ht="19.2">
      <c r="A44443" s="2"/>
      <c r="B44443" s="2"/>
      <c r="C44443" s="2"/>
    </row>
    <row r="44444" spans="1:3" ht="19.2">
      <c r="A44444" s="2"/>
      <c r="B44444" s="2"/>
      <c r="C44444" s="2"/>
    </row>
    <row r="44445" spans="1:3" ht="19.2">
      <c r="A44445" s="2"/>
      <c r="B44445" s="2"/>
      <c r="C44445" s="2"/>
    </row>
    <row r="44446" spans="1:3" ht="19.2">
      <c r="A44446" s="2"/>
      <c r="B44446" s="2"/>
      <c r="C44446" s="2"/>
    </row>
    <row r="44447" spans="1:3" ht="19.2">
      <c r="A44447" s="2"/>
      <c r="B44447" s="2"/>
      <c r="C44447" s="2"/>
    </row>
    <row r="44448" spans="1:3" ht="19.2">
      <c r="A44448" s="2"/>
      <c r="B44448" s="2"/>
      <c r="C44448" s="2"/>
    </row>
    <row r="44449" spans="1:3" ht="19.2">
      <c r="A44449" s="2"/>
      <c r="B44449" s="2"/>
      <c r="C44449" s="2"/>
    </row>
    <row r="44450" spans="1:3" ht="19.2">
      <c r="A44450" s="2"/>
      <c r="B44450" s="2"/>
      <c r="C44450" s="2"/>
    </row>
    <row r="44451" spans="1:3" ht="19.2">
      <c r="A44451" s="2"/>
      <c r="B44451" s="2"/>
      <c r="C44451" s="2"/>
    </row>
    <row r="44452" spans="1:3" ht="19.2">
      <c r="A44452" s="2"/>
      <c r="B44452" s="2"/>
      <c r="C44452" s="2"/>
    </row>
    <row r="44453" spans="1:3" ht="19.2">
      <c r="A44453" s="2"/>
      <c r="B44453" s="2"/>
      <c r="C44453" s="2"/>
    </row>
    <row r="44454" spans="1:3" ht="19.2">
      <c r="A44454" s="2"/>
      <c r="B44454" s="2"/>
      <c r="C44454" s="2"/>
    </row>
    <row r="44455" spans="1:3" ht="19.2">
      <c r="A44455" s="2"/>
      <c r="B44455" s="2"/>
      <c r="C44455" s="2"/>
    </row>
    <row r="44456" spans="1:3" ht="19.2">
      <c r="A44456" s="2"/>
      <c r="B44456" s="2"/>
      <c r="C44456" s="2"/>
    </row>
    <row r="44457" spans="1:3" ht="19.2">
      <c r="A44457" s="2"/>
      <c r="B44457" s="2"/>
      <c r="C44457" s="2"/>
    </row>
    <row r="44458" spans="1:3" ht="19.2">
      <c r="A44458" s="2"/>
      <c r="B44458" s="2"/>
      <c r="C44458" s="2"/>
    </row>
    <row r="44459" spans="1:3" ht="19.2">
      <c r="A44459" s="2"/>
      <c r="B44459" s="2"/>
      <c r="C44459" s="2"/>
    </row>
    <row r="44460" spans="1:3" ht="19.2">
      <c r="A44460" s="2"/>
      <c r="B44460" s="2"/>
      <c r="C44460" s="2"/>
    </row>
    <row r="44461" spans="1:3" ht="19.2">
      <c r="A44461" s="2"/>
      <c r="B44461" s="2"/>
      <c r="C44461" s="2"/>
    </row>
    <row r="44462" spans="1:3" ht="19.2">
      <c r="A44462" s="2"/>
      <c r="B44462" s="2"/>
      <c r="C44462" s="2"/>
    </row>
    <row r="44463" spans="1:3" ht="19.2">
      <c r="A44463" s="2"/>
      <c r="B44463" s="2"/>
      <c r="C44463" s="2"/>
    </row>
    <row r="44464" spans="1:3" ht="19.2">
      <c r="A44464" s="2"/>
      <c r="B44464" s="2"/>
      <c r="C44464" s="2"/>
    </row>
    <row r="44465" spans="1:3" ht="19.2">
      <c r="A44465" s="2"/>
      <c r="B44465" s="2"/>
      <c r="C44465" s="2"/>
    </row>
    <row r="44466" spans="1:3" ht="19.2">
      <c r="A44466" s="2"/>
      <c r="B44466" s="2"/>
      <c r="C44466" s="2"/>
    </row>
    <row r="44467" spans="1:3" ht="19.2">
      <c r="A44467" s="2"/>
      <c r="B44467" s="2"/>
      <c r="C44467" s="2"/>
    </row>
    <row r="44468" spans="1:3" ht="19.2">
      <c r="A44468" s="2"/>
      <c r="B44468" s="2"/>
      <c r="C44468" s="2"/>
    </row>
    <row r="44469" spans="1:3" ht="19.2">
      <c r="A44469" s="2"/>
      <c r="B44469" s="2"/>
      <c r="C44469" s="2"/>
    </row>
    <row r="44470" spans="1:3" ht="19.2">
      <c r="A44470" s="2"/>
      <c r="B44470" s="2"/>
      <c r="C44470" s="2"/>
    </row>
    <row r="44471" spans="1:3" ht="19.2">
      <c r="A44471" s="2"/>
      <c r="B44471" s="2"/>
      <c r="C44471" s="2"/>
    </row>
    <row r="44472" spans="1:3" ht="19.2">
      <c r="A44472" s="2"/>
      <c r="B44472" s="2"/>
      <c r="C44472" s="2"/>
    </row>
    <row r="44473" spans="1:3" ht="19.2">
      <c r="A44473" s="2"/>
      <c r="B44473" s="2"/>
      <c r="C44473" s="2"/>
    </row>
    <row r="44474" spans="1:3" ht="19.2">
      <c r="A44474" s="2"/>
      <c r="B44474" s="2"/>
      <c r="C44474" s="2"/>
    </row>
    <row r="44475" spans="1:3" ht="19.2">
      <c r="A44475" s="2"/>
      <c r="B44475" s="2"/>
      <c r="C44475" s="2"/>
    </row>
    <row r="44476" spans="1:3" ht="19.2">
      <c r="A44476" s="2"/>
      <c r="B44476" s="2"/>
      <c r="C44476" s="2"/>
    </row>
    <row r="44477" spans="1:3" ht="19.2">
      <c r="A44477" s="2"/>
      <c r="B44477" s="2"/>
      <c r="C44477" s="2"/>
    </row>
    <row r="44478" spans="1:3" ht="19.2">
      <c r="A44478" s="2"/>
      <c r="B44478" s="2"/>
      <c r="C44478" s="2"/>
    </row>
    <row r="44479" spans="1:3" ht="19.2">
      <c r="A44479" s="2"/>
      <c r="B44479" s="2"/>
      <c r="C44479" s="2"/>
    </row>
    <row r="44480" spans="1:3" ht="19.2">
      <c r="A44480" s="2"/>
      <c r="B44480" s="2"/>
      <c r="C44480" s="2"/>
    </row>
    <row r="44481" spans="1:3" ht="19.2">
      <c r="A44481" s="2"/>
      <c r="B44481" s="2"/>
      <c r="C44481" s="2"/>
    </row>
    <row r="44482" spans="1:3" ht="19.2">
      <c r="A44482" s="2"/>
      <c r="B44482" s="2"/>
      <c r="C44482" s="2"/>
    </row>
    <row r="44483" spans="1:3" ht="19.2">
      <c r="A44483" s="2"/>
      <c r="B44483" s="2"/>
      <c r="C44483" s="2"/>
    </row>
    <row r="44484" spans="1:3" ht="19.2">
      <c r="A44484" s="2"/>
      <c r="B44484" s="2"/>
      <c r="C44484" s="2"/>
    </row>
    <row r="44485" spans="1:3" ht="19.2">
      <c r="A44485" s="2"/>
      <c r="B44485" s="2"/>
      <c r="C44485" s="2"/>
    </row>
    <row r="44486" spans="1:3" ht="19.2">
      <c r="A44486" s="2"/>
      <c r="B44486" s="2"/>
      <c r="C44486" s="2"/>
    </row>
    <row r="44487" spans="1:3" ht="19.2">
      <c r="A44487" s="2"/>
      <c r="B44487" s="2"/>
      <c r="C44487" s="2"/>
    </row>
    <row r="44488" spans="1:3" ht="19.2">
      <c r="A44488" s="2"/>
      <c r="B44488" s="2"/>
      <c r="C44488" s="2"/>
    </row>
    <row r="44489" spans="1:3" ht="19.2">
      <c r="A44489" s="2"/>
      <c r="B44489" s="2"/>
      <c r="C44489" s="2"/>
    </row>
    <row r="44490" spans="1:3" ht="19.2">
      <c r="A44490" s="2"/>
      <c r="B44490" s="2"/>
      <c r="C44490" s="2"/>
    </row>
    <row r="44491" spans="1:3" ht="19.2">
      <c r="A44491" s="2"/>
      <c r="B44491" s="2"/>
      <c r="C44491" s="2"/>
    </row>
    <row r="44492" spans="1:3" ht="19.2">
      <c r="A44492" s="2"/>
      <c r="B44492" s="2"/>
      <c r="C44492" s="2"/>
    </row>
    <row r="44493" spans="1:3" ht="19.2">
      <c r="A44493" s="2"/>
      <c r="B44493" s="2"/>
      <c r="C44493" s="2"/>
    </row>
    <row r="44494" spans="1:3" ht="19.2">
      <c r="A44494" s="2"/>
      <c r="B44494" s="2"/>
      <c r="C44494" s="2"/>
    </row>
    <row r="44495" spans="1:3" ht="19.2">
      <c r="A44495" s="2"/>
      <c r="B44495" s="2"/>
      <c r="C44495" s="2"/>
    </row>
    <row r="44496" spans="1:3" ht="19.2">
      <c r="A44496" s="2"/>
      <c r="B44496" s="2"/>
      <c r="C44496" s="2"/>
    </row>
    <row r="44497" spans="1:3" ht="19.2">
      <c r="A44497" s="2"/>
      <c r="B44497" s="2"/>
      <c r="C44497" s="2"/>
    </row>
    <row r="44498" spans="1:3" ht="19.2">
      <c r="A44498" s="2"/>
      <c r="B44498" s="2"/>
      <c r="C44498" s="2"/>
    </row>
    <row r="44499" spans="1:3" ht="19.2">
      <c r="A44499" s="2"/>
      <c r="B44499" s="2"/>
      <c r="C44499" s="2"/>
    </row>
    <row r="44500" spans="1:3" ht="19.2">
      <c r="A44500" s="2"/>
      <c r="B44500" s="2"/>
      <c r="C44500" s="2"/>
    </row>
    <row r="44501" spans="1:3" ht="19.2">
      <c r="A44501" s="2"/>
      <c r="B44501" s="2"/>
      <c r="C44501" s="2"/>
    </row>
    <row r="44502" spans="1:3" ht="19.2">
      <c r="A44502" s="2"/>
      <c r="B44502" s="2"/>
      <c r="C44502" s="2"/>
    </row>
    <row r="44503" spans="1:3" ht="19.2">
      <c r="A44503" s="2"/>
      <c r="B44503" s="2"/>
      <c r="C44503" s="2"/>
    </row>
    <row r="44504" spans="1:3" ht="19.2">
      <c r="A44504" s="2"/>
      <c r="B44504" s="2"/>
      <c r="C44504" s="2"/>
    </row>
    <row r="44505" spans="1:3" ht="19.2">
      <c r="A44505" s="2"/>
      <c r="B44505" s="2"/>
      <c r="C44505" s="2"/>
    </row>
    <row r="44506" spans="1:3" ht="19.2">
      <c r="A44506" s="2"/>
      <c r="B44506" s="2"/>
      <c r="C44506" s="2"/>
    </row>
    <row r="44507" spans="1:3" ht="19.2">
      <c r="A44507" s="2"/>
      <c r="B44507" s="2"/>
      <c r="C44507" s="2"/>
    </row>
    <row r="44508" spans="1:3" ht="19.2">
      <c r="A44508" s="2"/>
      <c r="B44508" s="2"/>
      <c r="C44508" s="2"/>
    </row>
    <row r="44509" spans="1:3" ht="19.2">
      <c r="A44509" s="2"/>
      <c r="B44509" s="2"/>
      <c r="C44509" s="2"/>
    </row>
    <row r="44510" spans="1:3" ht="19.2">
      <c r="A44510" s="2"/>
      <c r="B44510" s="2"/>
      <c r="C44510" s="2"/>
    </row>
    <row r="44511" spans="1:3" ht="19.2">
      <c r="A44511" s="2"/>
      <c r="B44511" s="2"/>
      <c r="C44511" s="2"/>
    </row>
    <row r="44512" spans="1:3" ht="19.2">
      <c r="A44512" s="2"/>
      <c r="B44512" s="2"/>
      <c r="C44512" s="2"/>
    </row>
    <row r="44513" spans="1:3" ht="19.2">
      <c r="A44513" s="2"/>
      <c r="B44513" s="2"/>
      <c r="C44513" s="2"/>
    </row>
    <row r="44514" spans="1:3" ht="19.2">
      <c r="A44514" s="2"/>
      <c r="B44514" s="2"/>
      <c r="C44514" s="2"/>
    </row>
    <row r="44515" spans="1:3" ht="19.2">
      <c r="A44515" s="2"/>
      <c r="B44515" s="2"/>
      <c r="C44515" s="2"/>
    </row>
    <row r="44516" spans="1:3" ht="19.2">
      <c r="A44516" s="2"/>
      <c r="B44516" s="2"/>
      <c r="C44516" s="2"/>
    </row>
    <row r="44517" spans="1:3" ht="19.2">
      <c r="A44517" s="2"/>
      <c r="B44517" s="2"/>
      <c r="C44517" s="2"/>
    </row>
    <row r="44518" spans="1:3" ht="19.2">
      <c r="A44518" s="2"/>
      <c r="B44518" s="2"/>
      <c r="C44518" s="2"/>
    </row>
    <row r="44519" spans="1:3" ht="19.2">
      <c r="A44519" s="2"/>
      <c r="B44519" s="2"/>
      <c r="C44519" s="2"/>
    </row>
    <row r="44520" spans="1:3" ht="19.2">
      <c r="A44520" s="2"/>
      <c r="B44520" s="2"/>
      <c r="C44520" s="2"/>
    </row>
    <row r="44521" spans="1:3" ht="19.2">
      <c r="A44521" s="2"/>
      <c r="B44521" s="2"/>
      <c r="C44521" s="2"/>
    </row>
    <row r="44522" spans="1:3" ht="19.2">
      <c r="A44522" s="2"/>
      <c r="B44522" s="2"/>
      <c r="C44522" s="2"/>
    </row>
    <row r="44523" spans="1:3" ht="19.2">
      <c r="A44523" s="2"/>
      <c r="B44523" s="2"/>
      <c r="C44523" s="2"/>
    </row>
    <row r="44524" spans="1:3" ht="19.2">
      <c r="A44524" s="2"/>
      <c r="B44524" s="2"/>
      <c r="C44524" s="2"/>
    </row>
    <row r="44525" spans="1:3" ht="19.2">
      <c r="A44525" s="2"/>
      <c r="B44525" s="2"/>
      <c r="C44525" s="2"/>
    </row>
    <row r="44526" spans="1:3" ht="19.2">
      <c r="A44526" s="2"/>
      <c r="B44526" s="2"/>
      <c r="C44526" s="2"/>
    </row>
    <row r="44527" spans="1:3" ht="19.2">
      <c r="A44527" s="2"/>
      <c r="B44527" s="2"/>
      <c r="C44527" s="2"/>
    </row>
    <row r="44528" spans="1:3" ht="19.2">
      <c r="A44528" s="2"/>
      <c r="B44528" s="2"/>
      <c r="C44528" s="2"/>
    </row>
    <row r="44529" spans="1:3" ht="19.2">
      <c r="A44529" s="2"/>
      <c r="B44529" s="2"/>
      <c r="C44529" s="2"/>
    </row>
    <row r="44530" spans="1:3" ht="19.2">
      <c r="A44530" s="2"/>
      <c r="B44530" s="2"/>
      <c r="C44530" s="2"/>
    </row>
    <row r="44531" spans="1:3" ht="19.2">
      <c r="A44531" s="2"/>
      <c r="B44531" s="2"/>
      <c r="C44531" s="2"/>
    </row>
    <row r="44532" spans="1:3" ht="19.2">
      <c r="A44532" s="2"/>
      <c r="B44532" s="2"/>
      <c r="C44532" s="2"/>
    </row>
    <row r="44533" spans="1:3" ht="19.2">
      <c r="A44533" s="2"/>
      <c r="B44533" s="2"/>
      <c r="C44533" s="2"/>
    </row>
    <row r="44534" spans="1:3" ht="19.2">
      <c r="A44534" s="2"/>
      <c r="B44534" s="2"/>
      <c r="C44534" s="2"/>
    </row>
    <row r="44535" spans="1:3" ht="19.2">
      <c r="A44535" s="2"/>
      <c r="B44535" s="2"/>
      <c r="C44535" s="2"/>
    </row>
    <row r="44536" spans="1:3" ht="19.2">
      <c r="A44536" s="2"/>
      <c r="B44536" s="2"/>
      <c r="C44536" s="2"/>
    </row>
    <row r="44537" spans="1:3" ht="19.2">
      <c r="A44537" s="2"/>
      <c r="B44537" s="2"/>
      <c r="C44537" s="2"/>
    </row>
    <row r="44538" spans="1:3" ht="19.2">
      <c r="A44538" s="2"/>
      <c r="B44538" s="2"/>
      <c r="C44538" s="2"/>
    </row>
    <row r="44539" spans="1:3" ht="19.2">
      <c r="A44539" s="2"/>
      <c r="B44539" s="2"/>
      <c r="C44539" s="2"/>
    </row>
    <row r="44540" spans="1:3" ht="19.2">
      <c r="A44540" s="2"/>
      <c r="B44540" s="2"/>
      <c r="C44540" s="2"/>
    </row>
    <row r="44541" spans="1:3" ht="19.2">
      <c r="A44541" s="2"/>
      <c r="B44541" s="2"/>
      <c r="C44541" s="2"/>
    </row>
    <row r="44542" spans="1:3" ht="19.2">
      <c r="A44542" s="2"/>
      <c r="B44542" s="2"/>
      <c r="C44542" s="2"/>
    </row>
    <row r="44543" spans="1:3" ht="19.2">
      <c r="A44543" s="2"/>
      <c r="B44543" s="2"/>
      <c r="C44543" s="2"/>
    </row>
    <row r="44544" spans="1:3" ht="19.2">
      <c r="A44544" s="2"/>
      <c r="B44544" s="2"/>
      <c r="C44544" s="2"/>
    </row>
    <row r="44545" spans="1:3" ht="19.2">
      <c r="A44545" s="2"/>
      <c r="B44545" s="2"/>
      <c r="C44545" s="2"/>
    </row>
    <row r="44546" spans="1:3" ht="19.2">
      <c r="A44546" s="2"/>
      <c r="B44546" s="2"/>
      <c r="C44546" s="2"/>
    </row>
    <row r="44547" spans="1:3" ht="19.2">
      <c r="A44547" s="2"/>
      <c r="B44547" s="2"/>
      <c r="C44547" s="2"/>
    </row>
    <row r="44548" spans="1:3" ht="19.2">
      <c r="A44548" s="2"/>
      <c r="B44548" s="2"/>
      <c r="C44548" s="2"/>
    </row>
    <row r="44549" spans="1:3" ht="19.2">
      <c r="A44549" s="2"/>
      <c r="B44549" s="2"/>
      <c r="C44549" s="2"/>
    </row>
    <row r="44550" spans="1:3" ht="19.2">
      <c r="A44550" s="2"/>
      <c r="B44550" s="2"/>
      <c r="C44550" s="2"/>
    </row>
    <row r="44551" spans="1:3" ht="19.2">
      <c r="A44551" s="2"/>
      <c r="B44551" s="2"/>
      <c r="C44551" s="2"/>
    </row>
    <row r="44552" spans="1:3" ht="19.2">
      <c r="A44552" s="2"/>
      <c r="B44552" s="2"/>
      <c r="C44552" s="2"/>
    </row>
    <row r="44553" spans="1:3" ht="19.2">
      <c r="A44553" s="2"/>
      <c r="B44553" s="2"/>
      <c r="C44553" s="2"/>
    </row>
    <row r="44554" spans="1:3" ht="19.2">
      <c r="A44554" s="2"/>
      <c r="B44554" s="2"/>
      <c r="C44554" s="2"/>
    </row>
    <row r="44555" spans="1:3" ht="19.2">
      <c r="A44555" s="2"/>
      <c r="B44555" s="2"/>
      <c r="C44555" s="2"/>
    </row>
    <row r="44556" spans="1:3" ht="19.2">
      <c r="A44556" s="2"/>
      <c r="B44556" s="2"/>
      <c r="C44556" s="2"/>
    </row>
    <row r="44557" spans="1:3" ht="19.2">
      <c r="A44557" s="2"/>
      <c r="B44557" s="2"/>
      <c r="C44557" s="2"/>
    </row>
    <row r="44558" spans="1:3" ht="19.2">
      <c r="A44558" s="2"/>
      <c r="B44558" s="2"/>
      <c r="C44558" s="2"/>
    </row>
    <row r="44559" spans="1:3" ht="19.2">
      <c r="A44559" s="2"/>
      <c r="B44559" s="2"/>
      <c r="C44559" s="2"/>
    </row>
    <row r="44560" spans="1:3" ht="19.2">
      <c r="A44560" s="2"/>
      <c r="B44560" s="2"/>
      <c r="C44560" s="2"/>
    </row>
    <row r="44561" spans="1:3" ht="19.2">
      <c r="A44561" s="2"/>
      <c r="B44561" s="2"/>
      <c r="C44561" s="2"/>
    </row>
    <row r="44562" spans="1:3" ht="19.2">
      <c r="A44562" s="2"/>
      <c r="B44562" s="2"/>
      <c r="C44562" s="2"/>
    </row>
    <row r="44563" spans="1:3" ht="19.2">
      <c r="A44563" s="2"/>
      <c r="B44563" s="2"/>
      <c r="C44563" s="2"/>
    </row>
    <row r="44564" spans="1:3" ht="19.2">
      <c r="A44564" s="2"/>
      <c r="B44564" s="2"/>
      <c r="C44564" s="2"/>
    </row>
    <row r="44565" spans="1:3" ht="19.2">
      <c r="A44565" s="2"/>
      <c r="B44565" s="2"/>
      <c r="C44565" s="2"/>
    </row>
    <row r="44566" spans="1:3" ht="19.2">
      <c r="A44566" s="2"/>
      <c r="B44566" s="2"/>
      <c r="C44566" s="2"/>
    </row>
    <row r="44567" spans="1:3" ht="19.2">
      <c r="A44567" s="2"/>
      <c r="B44567" s="2"/>
      <c r="C44567" s="2"/>
    </row>
    <row r="44568" spans="1:3" ht="19.2">
      <c r="A44568" s="2"/>
      <c r="B44568" s="2"/>
      <c r="C44568" s="2"/>
    </row>
    <row r="44569" spans="1:3" ht="19.2">
      <c r="A44569" s="2"/>
      <c r="B44569" s="2"/>
      <c r="C44569" s="2"/>
    </row>
    <row r="44570" spans="1:3" ht="19.2">
      <c r="A44570" s="2"/>
      <c r="B44570" s="2"/>
      <c r="C44570" s="2"/>
    </row>
    <row r="44571" spans="1:3" ht="19.2">
      <c r="A44571" s="2"/>
      <c r="B44571" s="2"/>
      <c r="C44571" s="2"/>
    </row>
    <row r="44572" spans="1:3" ht="19.2">
      <c r="A44572" s="2"/>
      <c r="B44572" s="2"/>
      <c r="C44572" s="2"/>
    </row>
    <row r="44573" spans="1:3" ht="19.2">
      <c r="A44573" s="2"/>
      <c r="B44573" s="2"/>
      <c r="C44573" s="2"/>
    </row>
    <row r="44574" spans="1:3" ht="19.2">
      <c r="A44574" s="2"/>
      <c r="B44574" s="2"/>
      <c r="C44574" s="2"/>
    </row>
    <row r="44575" spans="1:3" ht="19.2">
      <c r="A44575" s="2"/>
      <c r="B44575" s="2"/>
      <c r="C44575" s="2"/>
    </row>
    <row r="44576" spans="1:3" ht="19.2">
      <c r="A44576" s="2"/>
      <c r="B44576" s="2"/>
      <c r="C44576" s="2"/>
    </row>
    <row r="44577" spans="1:3" ht="19.2">
      <c r="A44577" s="2"/>
      <c r="B44577" s="2"/>
      <c r="C44577" s="2"/>
    </row>
    <row r="44578" spans="1:3" ht="19.2">
      <c r="A44578" s="2"/>
      <c r="B44578" s="2"/>
      <c r="C44578" s="2"/>
    </row>
    <row r="44579" spans="1:3" ht="19.2">
      <c r="A44579" s="2"/>
      <c r="B44579" s="2"/>
      <c r="C44579" s="2"/>
    </row>
    <row r="44580" spans="1:3" ht="19.2">
      <c r="A44580" s="2"/>
      <c r="B44580" s="2"/>
      <c r="C44580" s="2"/>
    </row>
    <row r="44581" spans="1:3" ht="19.2">
      <c r="A44581" s="2"/>
      <c r="B44581" s="2"/>
      <c r="C44581" s="2"/>
    </row>
    <row r="44582" spans="1:3" ht="19.2">
      <c r="A44582" s="2"/>
      <c r="B44582" s="2"/>
      <c r="C44582" s="2"/>
    </row>
    <row r="44583" spans="1:3" ht="19.2">
      <c r="A44583" s="2"/>
      <c r="B44583" s="2"/>
      <c r="C44583" s="2"/>
    </row>
    <row r="44584" spans="1:3" ht="19.2">
      <c r="A44584" s="2"/>
      <c r="B44584" s="2"/>
      <c r="C44584" s="2"/>
    </row>
    <row r="44585" spans="1:3" ht="19.2">
      <c r="A44585" s="2"/>
      <c r="B44585" s="2"/>
      <c r="C44585" s="2"/>
    </row>
    <row r="44586" spans="1:3" ht="19.2">
      <c r="A44586" s="2"/>
      <c r="B44586" s="2"/>
      <c r="C44586" s="2"/>
    </row>
    <row r="44587" spans="1:3" ht="19.2">
      <c r="A44587" s="2"/>
      <c r="B44587" s="2"/>
      <c r="C44587" s="2"/>
    </row>
    <row r="44588" spans="1:3" ht="19.2">
      <c r="A44588" s="2"/>
      <c r="B44588" s="2"/>
      <c r="C44588" s="2"/>
    </row>
    <row r="44589" spans="1:3" ht="19.2">
      <c r="A44589" s="2"/>
      <c r="B44589" s="2"/>
      <c r="C44589" s="2"/>
    </row>
    <row r="44590" spans="1:3" ht="19.2">
      <c r="A44590" s="2"/>
      <c r="B44590" s="2"/>
      <c r="C44590" s="2"/>
    </row>
    <row r="44591" spans="1:3" ht="19.2">
      <c r="A44591" s="2"/>
      <c r="B44591" s="2"/>
      <c r="C44591" s="2"/>
    </row>
    <row r="44592" spans="1:3" ht="19.2">
      <c r="A44592" s="2"/>
      <c r="B44592" s="2"/>
      <c r="C44592" s="2"/>
    </row>
    <row r="44593" spans="1:3" ht="19.2">
      <c r="A44593" s="2"/>
      <c r="B44593" s="2"/>
      <c r="C44593" s="2"/>
    </row>
    <row r="44594" spans="1:3" ht="19.2">
      <c r="A44594" s="2"/>
      <c r="B44594" s="2"/>
      <c r="C44594" s="2"/>
    </row>
    <row r="44595" spans="1:3" ht="19.2">
      <c r="A44595" s="2"/>
      <c r="B44595" s="2"/>
      <c r="C44595" s="2"/>
    </row>
    <row r="44596" spans="1:3" ht="19.2">
      <c r="A44596" s="2"/>
      <c r="B44596" s="2"/>
      <c r="C44596" s="2"/>
    </row>
    <row r="44597" spans="1:3" ht="19.2">
      <c r="A44597" s="2"/>
      <c r="B44597" s="2"/>
      <c r="C44597" s="2"/>
    </row>
    <row r="44598" spans="1:3" ht="19.2">
      <c r="A44598" s="2"/>
      <c r="B44598" s="2"/>
      <c r="C44598" s="2"/>
    </row>
    <row r="44599" spans="1:3" ht="19.2">
      <c r="A44599" s="2"/>
      <c r="B44599" s="2"/>
      <c r="C44599" s="2"/>
    </row>
    <row r="44600" spans="1:3" ht="19.2">
      <c r="A44600" s="2"/>
      <c r="B44600" s="2"/>
      <c r="C44600" s="2"/>
    </row>
    <row r="44601" spans="1:3" ht="19.2">
      <c r="A44601" s="2"/>
      <c r="B44601" s="2"/>
      <c r="C44601" s="2"/>
    </row>
    <row r="44602" spans="1:3" ht="19.2">
      <c r="A44602" s="2"/>
      <c r="B44602" s="2"/>
      <c r="C44602" s="2"/>
    </row>
    <row r="44603" spans="1:3" ht="19.2">
      <c r="A44603" s="2"/>
      <c r="B44603" s="2"/>
      <c r="C44603" s="2"/>
    </row>
    <row r="44604" spans="1:3" ht="19.2">
      <c r="A44604" s="2"/>
      <c r="B44604" s="2"/>
      <c r="C44604" s="2"/>
    </row>
    <row r="44605" spans="1:3" ht="19.2">
      <c r="A44605" s="2"/>
      <c r="B44605" s="2"/>
      <c r="C44605" s="2"/>
    </row>
    <row r="44606" spans="1:3" ht="19.2">
      <c r="A44606" s="2"/>
      <c r="B44606" s="2"/>
      <c r="C44606" s="2"/>
    </row>
    <row r="44607" spans="1:3" ht="19.2">
      <c r="A44607" s="2"/>
      <c r="B44607" s="2"/>
      <c r="C44607" s="2"/>
    </row>
    <row r="44608" spans="1:3" ht="19.2">
      <c r="A44608" s="2"/>
      <c r="B44608" s="2"/>
      <c r="C44608" s="2"/>
    </row>
    <row r="44609" spans="1:3" ht="19.2">
      <c r="A44609" s="2"/>
      <c r="B44609" s="2"/>
      <c r="C44609" s="2"/>
    </row>
    <row r="44610" spans="1:3" ht="19.2">
      <c r="A44610" s="2"/>
      <c r="B44610" s="2"/>
      <c r="C44610" s="2"/>
    </row>
    <row r="44611" spans="1:3" ht="19.2">
      <c r="A44611" s="2"/>
      <c r="B44611" s="2"/>
      <c r="C44611" s="2"/>
    </row>
    <row r="44612" spans="1:3" ht="19.2">
      <c r="A44612" s="2"/>
      <c r="B44612" s="2"/>
      <c r="C44612" s="2"/>
    </row>
    <row r="44613" spans="1:3" ht="19.2">
      <c r="A44613" s="2"/>
      <c r="B44613" s="2"/>
      <c r="C44613" s="2"/>
    </row>
    <row r="44614" spans="1:3" ht="19.2">
      <c r="A44614" s="2"/>
      <c r="B44614" s="2"/>
      <c r="C44614" s="2"/>
    </row>
    <row r="44615" spans="1:3" ht="19.2">
      <c r="A44615" s="2"/>
      <c r="B44615" s="2"/>
      <c r="C44615" s="2"/>
    </row>
    <row r="44616" spans="1:3" ht="19.2">
      <c r="A44616" s="2"/>
      <c r="B44616" s="2"/>
      <c r="C44616" s="2"/>
    </row>
    <row r="44617" spans="1:3" ht="19.2">
      <c r="A44617" s="2"/>
      <c r="B44617" s="2"/>
      <c r="C44617" s="2"/>
    </row>
    <row r="44618" spans="1:3" ht="19.2">
      <c r="A44618" s="2"/>
      <c r="B44618" s="2"/>
      <c r="C44618" s="2"/>
    </row>
    <row r="44619" spans="1:3" ht="19.2">
      <c r="A44619" s="2"/>
      <c r="B44619" s="2"/>
      <c r="C44619" s="2"/>
    </row>
    <row r="44620" spans="1:3" ht="19.2">
      <c r="A44620" s="2"/>
      <c r="B44620" s="2"/>
      <c r="C44620" s="2"/>
    </row>
    <row r="44621" spans="1:3" ht="19.2">
      <c r="A44621" s="2"/>
      <c r="B44621" s="2"/>
      <c r="C44621" s="2"/>
    </row>
    <row r="44622" spans="1:3" ht="19.2">
      <c r="A44622" s="2"/>
      <c r="B44622" s="2"/>
      <c r="C44622" s="2"/>
    </row>
    <row r="44623" spans="1:3" ht="19.2">
      <c r="A44623" s="2"/>
      <c r="B44623" s="2"/>
      <c r="C44623" s="2"/>
    </row>
    <row r="44624" spans="1:3" ht="19.2">
      <c r="A44624" s="2"/>
      <c r="B44624" s="2"/>
      <c r="C44624" s="2"/>
    </row>
    <row r="44625" spans="1:3" ht="19.2">
      <c r="A44625" s="2"/>
      <c r="B44625" s="2"/>
      <c r="C44625" s="2"/>
    </row>
    <row r="44626" spans="1:3" ht="19.2">
      <c r="A44626" s="2"/>
      <c r="B44626" s="2"/>
      <c r="C44626" s="2"/>
    </row>
    <row r="44627" spans="1:3" ht="19.2">
      <c r="A44627" s="2"/>
      <c r="B44627" s="2"/>
      <c r="C44627" s="2"/>
    </row>
    <row r="44628" spans="1:3" ht="19.2">
      <c r="A44628" s="2"/>
      <c r="B44628" s="2"/>
      <c r="C44628" s="2"/>
    </row>
    <row r="44629" spans="1:3" ht="19.2">
      <c r="A44629" s="2"/>
      <c r="B44629" s="2"/>
      <c r="C44629" s="2"/>
    </row>
    <row r="44630" spans="1:3" ht="19.2">
      <c r="A44630" s="2"/>
      <c r="B44630" s="2"/>
      <c r="C44630" s="2"/>
    </row>
    <row r="44631" spans="1:3" ht="19.2">
      <c r="A44631" s="2"/>
      <c r="B44631" s="2"/>
      <c r="C44631" s="2"/>
    </row>
    <row r="44632" spans="1:3" ht="19.2">
      <c r="A44632" s="2"/>
      <c r="B44632" s="2"/>
      <c r="C44632" s="2"/>
    </row>
    <row r="44633" spans="1:3" ht="19.2">
      <c r="A44633" s="2"/>
      <c r="B44633" s="2"/>
      <c r="C44633" s="2"/>
    </row>
    <row r="44634" spans="1:3" ht="19.2">
      <c r="A44634" s="2"/>
      <c r="B44634" s="2"/>
      <c r="C44634" s="2"/>
    </row>
    <row r="44635" spans="1:3" ht="19.2">
      <c r="A44635" s="2"/>
      <c r="B44635" s="2"/>
      <c r="C44635" s="2"/>
    </row>
    <row r="44636" spans="1:3" ht="19.2">
      <c r="A44636" s="2"/>
      <c r="B44636" s="2"/>
      <c r="C44636" s="2"/>
    </row>
    <row r="44637" spans="1:3" ht="19.2">
      <c r="A44637" s="2"/>
      <c r="B44637" s="2"/>
      <c r="C44637" s="2"/>
    </row>
    <row r="44638" spans="1:3" ht="19.2">
      <c r="A44638" s="2"/>
      <c r="B44638" s="2"/>
      <c r="C44638" s="2"/>
    </row>
    <row r="44639" spans="1:3" ht="19.2">
      <c r="A44639" s="2"/>
      <c r="B44639" s="2"/>
      <c r="C44639" s="2"/>
    </row>
    <row r="44640" spans="1:3" ht="19.2">
      <c r="A44640" s="2"/>
      <c r="B44640" s="2"/>
      <c r="C44640" s="2"/>
    </row>
    <row r="44641" spans="1:3" ht="19.2">
      <c r="A44641" s="2"/>
      <c r="B44641" s="2"/>
      <c r="C44641" s="2"/>
    </row>
    <row r="44642" spans="1:3" ht="19.2">
      <c r="A44642" s="2"/>
      <c r="B44642" s="2"/>
      <c r="C44642" s="2"/>
    </row>
    <row r="44643" spans="1:3" ht="19.2">
      <c r="A44643" s="2"/>
      <c r="B44643" s="2"/>
      <c r="C44643" s="2"/>
    </row>
    <row r="44644" spans="1:3" ht="19.2">
      <c r="A44644" s="2"/>
      <c r="B44644" s="2"/>
      <c r="C44644" s="2"/>
    </row>
    <row r="44645" spans="1:3" ht="19.2">
      <c r="A44645" s="2"/>
      <c r="B44645" s="2"/>
      <c r="C44645" s="2"/>
    </row>
    <row r="44646" spans="1:3" ht="19.2">
      <c r="A44646" s="2"/>
      <c r="B44646" s="2"/>
      <c r="C44646" s="2"/>
    </row>
    <row r="44647" spans="1:3" ht="19.2">
      <c r="A44647" s="2"/>
      <c r="B44647" s="2"/>
      <c r="C44647" s="2"/>
    </row>
    <row r="44648" spans="1:3" ht="19.2">
      <c r="A44648" s="2"/>
      <c r="B44648" s="2"/>
      <c r="C44648" s="2"/>
    </row>
    <row r="44649" spans="1:3" ht="19.2">
      <c r="A44649" s="2"/>
      <c r="B44649" s="2"/>
      <c r="C44649" s="2"/>
    </row>
    <row r="44650" spans="1:3" ht="19.2">
      <c r="A44650" s="2"/>
      <c r="B44650" s="2"/>
      <c r="C44650" s="2"/>
    </row>
    <row r="44651" spans="1:3" ht="19.2">
      <c r="A44651" s="2"/>
      <c r="B44651" s="2"/>
      <c r="C44651" s="2"/>
    </row>
    <row r="44652" spans="1:3" ht="19.2">
      <c r="A44652" s="2"/>
      <c r="B44652" s="2"/>
      <c r="C44652" s="2"/>
    </row>
    <row r="44653" spans="1:3" ht="19.2">
      <c r="A44653" s="2"/>
      <c r="B44653" s="2"/>
      <c r="C44653" s="2"/>
    </row>
    <row r="44654" spans="1:3" ht="19.2">
      <c r="A44654" s="2"/>
      <c r="B44654" s="2"/>
      <c r="C44654" s="2"/>
    </row>
    <row r="44655" spans="1:3" ht="19.2">
      <c r="A44655" s="2"/>
      <c r="B44655" s="2"/>
      <c r="C44655" s="2"/>
    </row>
    <row r="44656" spans="1:3" ht="19.2">
      <c r="A44656" s="2"/>
      <c r="B44656" s="2"/>
      <c r="C44656" s="2"/>
    </row>
    <row r="44657" spans="1:3" ht="19.2">
      <c r="A44657" s="2"/>
      <c r="B44657" s="2"/>
      <c r="C44657" s="2"/>
    </row>
    <row r="44658" spans="1:3" ht="19.2">
      <c r="A44658" s="2"/>
      <c r="B44658" s="2"/>
      <c r="C44658" s="2"/>
    </row>
    <row r="44659" spans="1:3" ht="19.2">
      <c r="A44659" s="2"/>
      <c r="B44659" s="2"/>
      <c r="C44659" s="2"/>
    </row>
    <row r="44660" spans="1:3" ht="19.2">
      <c r="A44660" s="2"/>
      <c r="B44660" s="2"/>
      <c r="C44660" s="2"/>
    </row>
    <row r="44661" spans="1:3" ht="19.2">
      <c r="A44661" s="2"/>
      <c r="B44661" s="2"/>
      <c r="C44661" s="2"/>
    </row>
    <row r="44662" spans="1:3" ht="19.2">
      <c r="A44662" s="2"/>
      <c r="B44662" s="2"/>
      <c r="C44662" s="2"/>
    </row>
    <row r="44663" spans="1:3" ht="19.2">
      <c r="A44663" s="2"/>
      <c r="B44663" s="2"/>
      <c r="C44663" s="2"/>
    </row>
    <row r="44664" spans="1:3" ht="19.2">
      <c r="A44664" s="2"/>
      <c r="B44664" s="2"/>
      <c r="C44664" s="2"/>
    </row>
    <row r="44665" spans="1:3" ht="19.2">
      <c r="A44665" s="2"/>
      <c r="B44665" s="2"/>
      <c r="C44665" s="2"/>
    </row>
    <row r="44666" spans="1:3" ht="19.2">
      <c r="A44666" s="2"/>
      <c r="B44666" s="2"/>
      <c r="C44666" s="2"/>
    </row>
    <row r="44667" spans="1:3" ht="19.2">
      <c r="A44667" s="2"/>
      <c r="B44667" s="2"/>
      <c r="C44667" s="2"/>
    </row>
    <row r="44668" spans="1:3" ht="19.2">
      <c r="A44668" s="2"/>
      <c r="B44668" s="2"/>
      <c r="C44668" s="2"/>
    </row>
    <row r="44669" spans="1:3" ht="19.2">
      <c r="A44669" s="2"/>
      <c r="B44669" s="2"/>
      <c r="C44669" s="2"/>
    </row>
    <row r="44670" spans="1:3" ht="19.2">
      <c r="A44670" s="2"/>
      <c r="B44670" s="2"/>
      <c r="C44670" s="2"/>
    </row>
    <row r="44671" spans="1:3" ht="19.2">
      <c r="A44671" s="2"/>
      <c r="B44671" s="2"/>
      <c r="C44671" s="2"/>
    </row>
    <row r="44672" spans="1:3" ht="19.2">
      <c r="A44672" s="2"/>
      <c r="B44672" s="2"/>
      <c r="C44672" s="2"/>
    </row>
    <row r="44673" spans="1:3" ht="19.2">
      <c r="A44673" s="2"/>
      <c r="B44673" s="2"/>
      <c r="C44673" s="2"/>
    </row>
    <row r="44674" spans="1:3" ht="19.2">
      <c r="A44674" s="2"/>
      <c r="B44674" s="2"/>
      <c r="C44674" s="2"/>
    </row>
    <row r="44675" spans="1:3" ht="19.2">
      <c r="A44675" s="2"/>
      <c r="B44675" s="2"/>
      <c r="C44675" s="2"/>
    </row>
    <row r="44676" spans="1:3" ht="19.2">
      <c r="A44676" s="2"/>
      <c r="B44676" s="2"/>
      <c r="C44676" s="2"/>
    </row>
    <row r="44677" spans="1:3" ht="19.2">
      <c r="A44677" s="2"/>
      <c r="B44677" s="2"/>
      <c r="C44677" s="2"/>
    </row>
    <row r="44678" spans="1:3" ht="19.2">
      <c r="A44678" s="2"/>
      <c r="B44678" s="2"/>
      <c r="C44678" s="2"/>
    </row>
    <row r="44679" spans="1:3" ht="19.2">
      <c r="A44679" s="2"/>
      <c r="B44679" s="2"/>
      <c r="C44679" s="2"/>
    </row>
    <row r="44680" spans="1:3" ht="19.2">
      <c r="A44680" s="2"/>
      <c r="B44680" s="2"/>
      <c r="C44680" s="2"/>
    </row>
    <row r="44681" spans="1:3" ht="19.2">
      <c r="A44681" s="2"/>
      <c r="B44681" s="2"/>
      <c r="C44681" s="2"/>
    </row>
    <row r="44682" spans="1:3" ht="19.2">
      <c r="A44682" s="2"/>
      <c r="B44682" s="2"/>
      <c r="C44682" s="2"/>
    </row>
    <row r="44683" spans="1:3" ht="19.2">
      <c r="A44683" s="2"/>
      <c r="B44683" s="2"/>
      <c r="C44683" s="2"/>
    </row>
    <row r="44684" spans="1:3" ht="19.2">
      <c r="A44684" s="2"/>
      <c r="B44684" s="2"/>
      <c r="C44684" s="2"/>
    </row>
    <row r="44685" spans="1:3" ht="19.2">
      <c r="A44685" s="2"/>
      <c r="B44685" s="2"/>
      <c r="C44685" s="2"/>
    </row>
    <row r="44686" spans="1:3" ht="19.2">
      <c r="A44686" s="2"/>
      <c r="B44686" s="2"/>
      <c r="C44686" s="2"/>
    </row>
    <row r="44687" spans="1:3" ht="19.2">
      <c r="A44687" s="2"/>
      <c r="B44687" s="2"/>
      <c r="C44687" s="2"/>
    </row>
    <row r="44688" spans="1:3" ht="19.2">
      <c r="A44688" s="2"/>
      <c r="B44688" s="2"/>
      <c r="C44688" s="2"/>
    </row>
    <row r="44689" spans="1:3" ht="19.2">
      <c r="A44689" s="2"/>
      <c r="B44689" s="2"/>
      <c r="C44689" s="2"/>
    </row>
    <row r="44690" spans="1:3" ht="19.2">
      <c r="A44690" s="2"/>
      <c r="B44690" s="2"/>
      <c r="C44690" s="2"/>
    </row>
    <row r="44691" spans="1:3" ht="19.2">
      <c r="A44691" s="2"/>
      <c r="B44691" s="2"/>
      <c r="C44691" s="2"/>
    </row>
    <row r="44692" spans="1:3" ht="19.2">
      <c r="A44692" s="2"/>
      <c r="B44692" s="2"/>
      <c r="C44692" s="2"/>
    </row>
    <row r="44693" spans="1:3" ht="19.2">
      <c r="A44693" s="2"/>
      <c r="B44693" s="2"/>
      <c r="C44693" s="2"/>
    </row>
    <row r="44694" spans="1:3" ht="19.2">
      <c r="A44694" s="2"/>
      <c r="B44694" s="2"/>
      <c r="C44694" s="2"/>
    </row>
    <row r="44695" spans="1:3" ht="19.2">
      <c r="A44695" s="2"/>
      <c r="B44695" s="2"/>
      <c r="C44695" s="2"/>
    </row>
    <row r="44696" spans="1:3" ht="19.2">
      <c r="A44696" s="2"/>
      <c r="B44696" s="2"/>
      <c r="C44696" s="2"/>
    </row>
    <row r="44697" spans="1:3" ht="19.2">
      <c r="A44697" s="2"/>
      <c r="B44697" s="2"/>
      <c r="C44697" s="2"/>
    </row>
    <row r="44698" spans="1:3" ht="19.2">
      <c r="A44698" s="2"/>
      <c r="B44698" s="2"/>
      <c r="C44698" s="2"/>
    </row>
    <row r="44699" spans="1:3" ht="19.2">
      <c r="A44699" s="2"/>
      <c r="B44699" s="2"/>
      <c r="C44699" s="2"/>
    </row>
    <row r="44700" spans="1:3" ht="19.2">
      <c r="A44700" s="2"/>
      <c r="B44700" s="2"/>
      <c r="C44700" s="2"/>
    </row>
    <row r="44701" spans="1:3" ht="19.2">
      <c r="A44701" s="2"/>
      <c r="B44701" s="2"/>
      <c r="C44701" s="2"/>
    </row>
    <row r="44702" spans="1:3" ht="19.2">
      <c r="A44702" s="2"/>
      <c r="B44702" s="2"/>
      <c r="C44702" s="2"/>
    </row>
    <row r="44703" spans="1:3" ht="19.2">
      <c r="A44703" s="2"/>
      <c r="B44703" s="2"/>
      <c r="C44703" s="2"/>
    </row>
    <row r="44704" spans="1:3" ht="19.2">
      <c r="A44704" s="2"/>
      <c r="B44704" s="2"/>
      <c r="C44704" s="2"/>
    </row>
    <row r="44705" spans="1:3" ht="19.2">
      <c r="A44705" s="2"/>
      <c r="B44705" s="2"/>
      <c r="C44705" s="2"/>
    </row>
    <row r="44706" spans="1:3" ht="19.2">
      <c r="A44706" s="2"/>
      <c r="B44706" s="2"/>
      <c r="C44706" s="2"/>
    </row>
    <row r="44707" spans="1:3" ht="19.2">
      <c r="A44707" s="2"/>
      <c r="B44707" s="2"/>
      <c r="C44707" s="2"/>
    </row>
    <row r="44708" spans="1:3" ht="19.2">
      <c r="A44708" s="2"/>
      <c r="B44708" s="2"/>
      <c r="C44708" s="2"/>
    </row>
    <row r="44709" spans="1:3" ht="19.2">
      <c r="A44709" s="2"/>
      <c r="B44709" s="2"/>
      <c r="C44709" s="2"/>
    </row>
    <row r="44710" spans="1:3" ht="19.2">
      <c r="A44710" s="2"/>
      <c r="B44710" s="2"/>
      <c r="C44710" s="2"/>
    </row>
    <row r="44711" spans="1:3" ht="19.2">
      <c r="A44711" s="2"/>
      <c r="B44711" s="2"/>
      <c r="C44711" s="2"/>
    </row>
    <row r="44712" spans="1:3" ht="19.2">
      <c r="A44712" s="2"/>
      <c r="B44712" s="2"/>
      <c r="C44712" s="2"/>
    </row>
    <row r="44713" spans="1:3" ht="19.2">
      <c r="A44713" s="2"/>
      <c r="B44713" s="2"/>
      <c r="C44713" s="2"/>
    </row>
    <row r="44714" spans="1:3" ht="19.2">
      <c r="A44714" s="2"/>
      <c r="B44714" s="2"/>
      <c r="C44714" s="2"/>
    </row>
    <row r="44715" spans="1:3" ht="19.2">
      <c r="A44715" s="2"/>
      <c r="B44715" s="2"/>
      <c r="C44715" s="2"/>
    </row>
    <row r="44716" spans="1:3" ht="19.2">
      <c r="A44716" s="2"/>
      <c r="B44716" s="2"/>
      <c r="C44716" s="2"/>
    </row>
    <row r="44717" spans="1:3" ht="19.2">
      <c r="A44717" s="2"/>
      <c r="B44717" s="2"/>
      <c r="C44717" s="2"/>
    </row>
    <row r="44718" spans="1:3" ht="19.2">
      <c r="A44718" s="2"/>
      <c r="B44718" s="2"/>
      <c r="C44718" s="2"/>
    </row>
    <row r="44719" spans="1:3" ht="19.2">
      <c r="A44719" s="2"/>
      <c r="B44719" s="2"/>
      <c r="C44719" s="2"/>
    </row>
    <row r="44720" spans="1:3" ht="19.2">
      <c r="A44720" s="2"/>
      <c r="B44720" s="2"/>
      <c r="C44720" s="2"/>
    </row>
    <row r="44721" spans="1:3" ht="19.2">
      <c r="A44721" s="2"/>
      <c r="B44721" s="2"/>
      <c r="C44721" s="2"/>
    </row>
    <row r="44722" spans="1:3" ht="19.2">
      <c r="A44722" s="2"/>
      <c r="B44722" s="2"/>
      <c r="C44722" s="2"/>
    </row>
    <row r="44723" spans="1:3" ht="19.2">
      <c r="A44723" s="2"/>
      <c r="B44723" s="2"/>
      <c r="C44723" s="2"/>
    </row>
    <row r="44724" spans="1:3" ht="19.2">
      <c r="A44724" s="2"/>
      <c r="B44724" s="2"/>
      <c r="C44724" s="2"/>
    </row>
    <row r="44725" spans="1:3" ht="19.2">
      <c r="A44725" s="2"/>
      <c r="B44725" s="2"/>
      <c r="C44725" s="2"/>
    </row>
    <row r="44726" spans="1:3" ht="19.2">
      <c r="A44726" s="2"/>
      <c r="B44726" s="2"/>
      <c r="C44726" s="2"/>
    </row>
    <row r="44727" spans="1:3" ht="19.2">
      <c r="A44727" s="2"/>
      <c r="B44727" s="2"/>
      <c r="C44727" s="2"/>
    </row>
    <row r="44728" spans="1:3" ht="19.2">
      <c r="A44728" s="2"/>
      <c r="B44728" s="2"/>
      <c r="C44728" s="2"/>
    </row>
    <row r="44729" spans="1:3" ht="19.2">
      <c r="A44729" s="2"/>
      <c r="B44729" s="2"/>
      <c r="C44729" s="2"/>
    </row>
    <row r="44730" spans="1:3" ht="19.2">
      <c r="A44730" s="2"/>
      <c r="B44730" s="2"/>
      <c r="C44730" s="2"/>
    </row>
    <row r="44731" spans="1:3" ht="19.2">
      <c r="A44731" s="2"/>
      <c r="B44731" s="2"/>
      <c r="C44731" s="2"/>
    </row>
    <row r="44732" spans="1:3" ht="19.2">
      <c r="A44732" s="2"/>
      <c r="B44732" s="2"/>
      <c r="C44732" s="2"/>
    </row>
    <row r="44733" spans="1:3" ht="19.2">
      <c r="A44733" s="2"/>
      <c r="B44733" s="2"/>
      <c r="C44733" s="2"/>
    </row>
    <row r="44734" spans="1:3" ht="19.2">
      <c r="A44734" s="2"/>
      <c r="B44734" s="2"/>
      <c r="C44734" s="2"/>
    </row>
    <row r="44735" spans="1:3" ht="19.2">
      <c r="A44735" s="2"/>
      <c r="B44735" s="2"/>
      <c r="C44735" s="2"/>
    </row>
    <row r="44736" spans="1:3" ht="19.2">
      <c r="A44736" s="2"/>
      <c r="B44736" s="2"/>
      <c r="C44736" s="2"/>
    </row>
    <row r="44737" spans="1:3" ht="19.2">
      <c r="A44737" s="2"/>
      <c r="B44737" s="2"/>
      <c r="C44737" s="2"/>
    </row>
    <row r="44738" spans="1:3" ht="19.2">
      <c r="A44738" s="2"/>
      <c r="B44738" s="2"/>
      <c r="C44738" s="2"/>
    </row>
    <row r="44739" spans="1:3" ht="19.2">
      <c r="A44739" s="2"/>
      <c r="B44739" s="2"/>
      <c r="C44739" s="2"/>
    </row>
    <row r="44740" spans="1:3" ht="19.2">
      <c r="A44740" s="2"/>
      <c r="B44740" s="2"/>
      <c r="C44740" s="2"/>
    </row>
    <row r="44741" spans="1:3" ht="19.2">
      <c r="A44741" s="2"/>
      <c r="B44741" s="2"/>
      <c r="C44741" s="2"/>
    </row>
    <row r="44742" spans="1:3" ht="19.2">
      <c r="A44742" s="2"/>
      <c r="B44742" s="2"/>
      <c r="C44742" s="2"/>
    </row>
    <row r="44743" spans="1:3" ht="19.2">
      <c r="A44743" s="2"/>
      <c r="B44743" s="2"/>
      <c r="C44743" s="2"/>
    </row>
    <row r="44744" spans="1:3" ht="19.2">
      <c r="A44744" s="2"/>
      <c r="B44744" s="2"/>
      <c r="C44744" s="2"/>
    </row>
    <row r="44745" spans="1:3" ht="19.2">
      <c r="A44745" s="2"/>
      <c r="B44745" s="2"/>
      <c r="C44745" s="2"/>
    </row>
    <row r="44746" spans="1:3" ht="19.2">
      <c r="A44746" s="2"/>
      <c r="B44746" s="2"/>
      <c r="C44746" s="2"/>
    </row>
    <row r="44747" spans="1:3" ht="19.2">
      <c r="A44747" s="2"/>
      <c r="B44747" s="2"/>
      <c r="C44747" s="2"/>
    </row>
    <row r="44748" spans="1:3" ht="19.2">
      <c r="A44748" s="2"/>
      <c r="B44748" s="2"/>
      <c r="C44748" s="2"/>
    </row>
    <row r="44749" spans="1:3" ht="19.2">
      <c r="A44749" s="2"/>
      <c r="B44749" s="2"/>
      <c r="C44749" s="2"/>
    </row>
    <row r="44750" spans="1:3" ht="19.2">
      <c r="A44750" s="2"/>
      <c r="B44750" s="2"/>
      <c r="C44750" s="2"/>
    </row>
    <row r="44751" spans="1:3" ht="19.2">
      <c r="A44751" s="2"/>
      <c r="B44751" s="2"/>
      <c r="C44751" s="2"/>
    </row>
    <row r="44752" spans="1:3" ht="19.2">
      <c r="A44752" s="2"/>
      <c r="B44752" s="2"/>
      <c r="C44752" s="2"/>
    </row>
    <row r="44753" spans="1:3" ht="19.2">
      <c r="A44753" s="2"/>
      <c r="B44753" s="2"/>
      <c r="C44753" s="2"/>
    </row>
    <row r="44754" spans="1:3" ht="19.2">
      <c r="A44754" s="2"/>
      <c r="B44754" s="2"/>
      <c r="C44754" s="2"/>
    </row>
    <row r="44755" spans="1:3" ht="19.2">
      <c r="A44755" s="2"/>
      <c r="B44755" s="2"/>
      <c r="C44755" s="2"/>
    </row>
    <row r="44756" spans="1:3" ht="19.2">
      <c r="A44756" s="2"/>
      <c r="B44756" s="2"/>
      <c r="C44756" s="2"/>
    </row>
    <row r="44757" spans="1:3" ht="19.2">
      <c r="A44757" s="2"/>
      <c r="B44757" s="2"/>
      <c r="C44757" s="2"/>
    </row>
    <row r="44758" spans="1:3" ht="19.2">
      <c r="A44758" s="2"/>
      <c r="B44758" s="2"/>
      <c r="C44758" s="2"/>
    </row>
    <row r="44759" spans="1:3" ht="19.2">
      <c r="A44759" s="2"/>
      <c r="B44759" s="2"/>
      <c r="C44759" s="2"/>
    </row>
    <row r="44760" spans="1:3" ht="19.2">
      <c r="A44760" s="2"/>
      <c r="B44760" s="2"/>
      <c r="C44760" s="2"/>
    </row>
    <row r="44761" spans="1:3" ht="19.2">
      <c r="A44761" s="2"/>
      <c r="B44761" s="2"/>
      <c r="C44761" s="2"/>
    </row>
    <row r="44762" spans="1:3" ht="19.2">
      <c r="A44762" s="2"/>
      <c r="B44762" s="2"/>
      <c r="C44762" s="2"/>
    </row>
    <row r="44763" spans="1:3" ht="19.2">
      <c r="A44763" s="2"/>
      <c r="B44763" s="2"/>
      <c r="C44763" s="2"/>
    </row>
    <row r="44764" spans="1:3" ht="19.2">
      <c r="A44764" s="2"/>
      <c r="B44764" s="2"/>
      <c r="C44764" s="2"/>
    </row>
    <row r="44765" spans="1:3" ht="19.2">
      <c r="A44765" s="2"/>
      <c r="B44765" s="2"/>
      <c r="C44765" s="2"/>
    </row>
    <row r="44766" spans="1:3" ht="19.2">
      <c r="A44766" s="2"/>
      <c r="B44766" s="2"/>
      <c r="C44766" s="2"/>
    </row>
    <row r="44767" spans="1:3" ht="19.2">
      <c r="A44767" s="2"/>
      <c r="B44767" s="2"/>
      <c r="C44767" s="2"/>
    </row>
    <row r="44768" spans="1:3" ht="19.2">
      <c r="A44768" s="2"/>
      <c r="B44768" s="2"/>
      <c r="C44768" s="2"/>
    </row>
    <row r="44769" spans="1:3" ht="19.2">
      <c r="A44769" s="2"/>
      <c r="B44769" s="2"/>
      <c r="C44769" s="2"/>
    </row>
    <row r="44770" spans="1:3" ht="19.2">
      <c r="A44770" s="2"/>
      <c r="B44770" s="2"/>
      <c r="C44770" s="2"/>
    </row>
    <row r="44771" spans="1:3" ht="19.2">
      <c r="A44771" s="2"/>
      <c r="B44771" s="2"/>
      <c r="C44771" s="2"/>
    </row>
    <row r="44772" spans="1:3" ht="19.2">
      <c r="A44772" s="2"/>
      <c r="B44772" s="2"/>
      <c r="C44772" s="2"/>
    </row>
    <row r="44773" spans="1:3" ht="19.2">
      <c r="A44773" s="2"/>
      <c r="B44773" s="2"/>
      <c r="C44773" s="2"/>
    </row>
    <row r="44774" spans="1:3" ht="19.2">
      <c r="A44774" s="2"/>
      <c r="B44774" s="2"/>
      <c r="C44774" s="2"/>
    </row>
    <row r="44775" spans="1:3" ht="19.2">
      <c r="A44775" s="2"/>
      <c r="B44775" s="2"/>
      <c r="C44775" s="2"/>
    </row>
    <row r="44776" spans="1:3" ht="19.2">
      <c r="A44776" s="2"/>
      <c r="B44776" s="2"/>
      <c r="C44776" s="2"/>
    </row>
    <row r="44777" spans="1:3" ht="19.2">
      <c r="A44777" s="2"/>
      <c r="B44777" s="2"/>
      <c r="C44777" s="2"/>
    </row>
    <row r="44778" spans="1:3" ht="19.2">
      <c r="A44778" s="2"/>
      <c r="B44778" s="2"/>
      <c r="C44778" s="2"/>
    </row>
    <row r="44779" spans="1:3" ht="19.2">
      <c r="A44779" s="2"/>
      <c r="B44779" s="2"/>
      <c r="C44779" s="2"/>
    </row>
    <row r="44780" spans="1:3" ht="19.2">
      <c r="A44780" s="2"/>
      <c r="B44780" s="2"/>
      <c r="C44780" s="2"/>
    </row>
    <row r="44781" spans="1:3" ht="19.2">
      <c r="A44781" s="2"/>
      <c r="B44781" s="2"/>
      <c r="C44781" s="2"/>
    </row>
    <row r="44782" spans="1:3" ht="19.2">
      <c r="A44782" s="2"/>
      <c r="B44782" s="2"/>
      <c r="C44782" s="2"/>
    </row>
    <row r="44783" spans="1:3" ht="19.2">
      <c r="A44783" s="2"/>
      <c r="B44783" s="2"/>
      <c r="C44783" s="2"/>
    </row>
    <row r="44784" spans="1:3" ht="19.2">
      <c r="A44784" s="2"/>
      <c r="B44784" s="2"/>
      <c r="C44784" s="2"/>
    </row>
    <row r="44785" spans="1:3" ht="19.2">
      <c r="A44785" s="2"/>
      <c r="B44785" s="2"/>
      <c r="C44785" s="2"/>
    </row>
    <row r="44786" spans="1:3" ht="19.2">
      <c r="A44786" s="2"/>
      <c r="B44786" s="2"/>
      <c r="C44786" s="2"/>
    </row>
    <row r="44787" spans="1:3" ht="19.2">
      <c r="A44787" s="2"/>
      <c r="B44787" s="2"/>
      <c r="C44787" s="2"/>
    </row>
    <row r="44788" spans="1:3" ht="19.2">
      <c r="A44788" s="2"/>
      <c r="B44788" s="2"/>
      <c r="C44788" s="2"/>
    </row>
    <row r="44789" spans="1:3" ht="19.2">
      <c r="A44789" s="2"/>
      <c r="B44789" s="2"/>
      <c r="C44789" s="2"/>
    </row>
    <row r="44790" spans="1:3" ht="19.2">
      <c r="A44790" s="2"/>
      <c r="B44790" s="2"/>
      <c r="C44790" s="2"/>
    </row>
    <row r="44791" spans="1:3" ht="19.2">
      <c r="A44791" s="2"/>
      <c r="B44791" s="2"/>
      <c r="C44791" s="2"/>
    </row>
    <row r="44792" spans="1:3" ht="19.2">
      <c r="A44792" s="2"/>
      <c r="B44792" s="2"/>
      <c r="C44792" s="2"/>
    </row>
    <row r="44793" spans="1:3" ht="19.2">
      <c r="A44793" s="2"/>
      <c r="B44793" s="2"/>
      <c r="C44793" s="2"/>
    </row>
    <row r="44794" spans="1:3" ht="19.2">
      <c r="A44794" s="2"/>
      <c r="B44794" s="2"/>
      <c r="C44794" s="2"/>
    </row>
    <row r="44795" spans="1:3" ht="19.2">
      <c r="A44795" s="2"/>
      <c r="B44795" s="2"/>
      <c r="C44795" s="2"/>
    </row>
    <row r="44796" spans="1:3" ht="19.2">
      <c r="A44796" s="2"/>
      <c r="B44796" s="2"/>
      <c r="C44796" s="2"/>
    </row>
    <row r="44797" spans="1:3" ht="19.2">
      <c r="A44797" s="2"/>
      <c r="B44797" s="2"/>
      <c r="C44797" s="2"/>
    </row>
    <row r="44798" spans="1:3" ht="19.2">
      <c r="A44798" s="2"/>
      <c r="B44798" s="2"/>
      <c r="C44798" s="2"/>
    </row>
    <row r="44799" spans="1:3" ht="19.2">
      <c r="A44799" s="2"/>
      <c r="B44799" s="2"/>
      <c r="C44799" s="2"/>
    </row>
    <row r="44800" spans="1:3" ht="19.2">
      <c r="A44800" s="2"/>
      <c r="B44800" s="2"/>
      <c r="C44800" s="2"/>
    </row>
    <row r="44801" spans="1:3" ht="19.2">
      <c r="A44801" s="2"/>
      <c r="B44801" s="2"/>
      <c r="C44801" s="2"/>
    </row>
    <row r="44802" spans="1:3" ht="19.2">
      <c r="A44802" s="2"/>
      <c r="B44802" s="2"/>
      <c r="C44802" s="2"/>
    </row>
    <row r="44803" spans="1:3" ht="19.2">
      <c r="A44803" s="2"/>
      <c r="B44803" s="2"/>
      <c r="C44803" s="2"/>
    </row>
    <row r="44804" spans="1:3" ht="19.2">
      <c r="A44804" s="2"/>
      <c r="B44804" s="2"/>
      <c r="C44804" s="2"/>
    </row>
    <row r="44805" spans="1:3" ht="19.2">
      <c r="A44805" s="2"/>
      <c r="B44805" s="2"/>
      <c r="C44805" s="2"/>
    </row>
    <row r="44806" spans="1:3" ht="19.2">
      <c r="A44806" s="2"/>
      <c r="B44806" s="2"/>
      <c r="C44806" s="2"/>
    </row>
    <row r="44807" spans="1:3" ht="19.2">
      <c r="A44807" s="2"/>
      <c r="B44807" s="2"/>
      <c r="C44807" s="2"/>
    </row>
    <row r="44808" spans="1:3" ht="19.2">
      <c r="A44808" s="2"/>
      <c r="B44808" s="2"/>
      <c r="C44808" s="2"/>
    </row>
    <row r="44809" spans="1:3" ht="19.2">
      <c r="A44809" s="2"/>
      <c r="B44809" s="2"/>
      <c r="C44809" s="2"/>
    </row>
    <row r="44810" spans="1:3" ht="19.2">
      <c r="A44810" s="2"/>
      <c r="B44810" s="2"/>
      <c r="C44810" s="2"/>
    </row>
    <row r="44811" spans="1:3" ht="19.2">
      <c r="A44811" s="2"/>
      <c r="B44811" s="2"/>
      <c r="C44811" s="2"/>
    </row>
    <row r="44812" spans="1:3" ht="19.2">
      <c r="A44812" s="2"/>
      <c r="B44812" s="2"/>
      <c r="C44812" s="2"/>
    </row>
    <row r="44813" spans="1:3" ht="19.2">
      <c r="A44813" s="2"/>
      <c r="B44813" s="2"/>
      <c r="C44813" s="2"/>
    </row>
    <row r="44814" spans="1:3" ht="19.2">
      <c r="A44814" s="2"/>
      <c r="B44814" s="2"/>
      <c r="C44814" s="2"/>
    </row>
    <row r="44815" spans="1:3" ht="19.2">
      <c r="A44815" s="2"/>
      <c r="B44815" s="2"/>
      <c r="C44815" s="2"/>
    </row>
    <row r="44816" spans="1:3" ht="19.2">
      <c r="A44816" s="2"/>
      <c r="B44816" s="2"/>
      <c r="C44816" s="2"/>
    </row>
    <row r="44817" spans="1:3" ht="19.2">
      <c r="A44817" s="2"/>
      <c r="B44817" s="2"/>
      <c r="C44817" s="2"/>
    </row>
    <row r="44818" spans="1:3" ht="19.2">
      <c r="A44818" s="2"/>
      <c r="B44818" s="2"/>
      <c r="C44818" s="2"/>
    </row>
    <row r="44819" spans="1:3" ht="19.2">
      <c r="A44819" s="2"/>
      <c r="B44819" s="2"/>
      <c r="C44819" s="2"/>
    </row>
    <row r="44820" spans="1:3" ht="19.2">
      <c r="A44820" s="2"/>
      <c r="B44820" s="2"/>
      <c r="C44820" s="2"/>
    </row>
    <row r="44821" spans="1:3" ht="19.2">
      <c r="A44821" s="2"/>
      <c r="B44821" s="2"/>
      <c r="C44821" s="2"/>
    </row>
    <row r="44822" spans="1:3" ht="19.2">
      <c r="A44822" s="2"/>
      <c r="B44822" s="2"/>
      <c r="C44822" s="2"/>
    </row>
    <row r="44823" spans="1:3" ht="19.2">
      <c r="A44823" s="2"/>
      <c r="B44823" s="2"/>
      <c r="C44823" s="2"/>
    </row>
    <row r="44824" spans="1:3" ht="19.2">
      <c r="A44824" s="2"/>
      <c r="B44824" s="2"/>
      <c r="C44824" s="2"/>
    </row>
    <row r="44825" spans="1:3" ht="19.2">
      <c r="A44825" s="2"/>
      <c r="B44825" s="2"/>
      <c r="C44825" s="2"/>
    </row>
    <row r="44826" spans="1:3" ht="19.2">
      <c r="A44826" s="2"/>
      <c r="B44826" s="2"/>
      <c r="C44826" s="2"/>
    </row>
    <row r="44827" spans="1:3" ht="19.2">
      <c r="A44827" s="2"/>
      <c r="B44827" s="2"/>
      <c r="C44827" s="2"/>
    </row>
    <row r="44828" spans="1:3" ht="19.2">
      <c r="A44828" s="2"/>
      <c r="B44828" s="2"/>
      <c r="C44828" s="2"/>
    </row>
    <row r="44829" spans="1:3" ht="19.2">
      <c r="A44829" s="2"/>
      <c r="B44829" s="2"/>
      <c r="C44829" s="2"/>
    </row>
    <row r="44830" spans="1:3" ht="19.2">
      <c r="A44830" s="2"/>
      <c r="B44830" s="2"/>
      <c r="C44830" s="2"/>
    </row>
    <row r="44831" spans="1:3" ht="19.2">
      <c r="A44831" s="2"/>
      <c r="B44831" s="2"/>
      <c r="C44831" s="2"/>
    </row>
    <row r="44832" spans="1:3" ht="19.2">
      <c r="A44832" s="2"/>
      <c r="B44832" s="2"/>
      <c r="C44832" s="2"/>
    </row>
    <row r="44833" spans="1:3" ht="19.2">
      <c r="A44833" s="2"/>
      <c r="B44833" s="2"/>
      <c r="C44833" s="2"/>
    </row>
    <row r="44834" spans="1:3" ht="19.2">
      <c r="A44834" s="2"/>
      <c r="B44834" s="2"/>
      <c r="C44834" s="2"/>
    </row>
    <row r="44835" spans="1:3" ht="19.2">
      <c r="A44835" s="2"/>
      <c r="B44835" s="2"/>
      <c r="C44835" s="2"/>
    </row>
    <row r="44836" spans="1:3" ht="19.2">
      <c r="A44836" s="2"/>
      <c r="B44836" s="2"/>
      <c r="C44836" s="2"/>
    </row>
    <row r="44837" spans="1:3" ht="19.2">
      <c r="A44837" s="2"/>
      <c r="B44837" s="2"/>
      <c r="C44837" s="2"/>
    </row>
    <row r="44838" spans="1:3" ht="19.2">
      <c r="A44838" s="2"/>
      <c r="B44838" s="2"/>
      <c r="C44838" s="2"/>
    </row>
    <row r="44839" spans="1:3" ht="19.2">
      <c r="A44839" s="2"/>
      <c r="B44839" s="2"/>
      <c r="C44839" s="2"/>
    </row>
    <row r="44840" spans="1:3" ht="19.2">
      <c r="A44840" s="2"/>
      <c r="B44840" s="2"/>
      <c r="C44840" s="2"/>
    </row>
    <row r="44841" spans="1:3" ht="19.2">
      <c r="A44841" s="2"/>
      <c r="B44841" s="2"/>
      <c r="C44841" s="2"/>
    </row>
    <row r="44842" spans="1:3" ht="19.2">
      <c r="A44842" s="2"/>
      <c r="B44842" s="2"/>
      <c r="C44842" s="2"/>
    </row>
    <row r="44843" spans="1:3" ht="19.2">
      <c r="A44843" s="2"/>
      <c r="B44843" s="2"/>
      <c r="C44843" s="2"/>
    </row>
    <row r="44844" spans="1:3" ht="19.2">
      <c r="A44844" s="2"/>
      <c r="B44844" s="2"/>
      <c r="C44844" s="2"/>
    </row>
    <row r="44845" spans="1:3" ht="19.2">
      <c r="A44845" s="2"/>
      <c r="B44845" s="2"/>
      <c r="C44845" s="2"/>
    </row>
    <row r="44846" spans="1:3" ht="19.2">
      <c r="A44846" s="2"/>
      <c r="B44846" s="2"/>
      <c r="C44846" s="2"/>
    </row>
    <row r="44847" spans="1:3" ht="19.2">
      <c r="A44847" s="2"/>
      <c r="B44847" s="2"/>
      <c r="C44847" s="2"/>
    </row>
    <row r="44848" spans="1:3" ht="19.2">
      <c r="A44848" s="2"/>
      <c r="B44848" s="2"/>
      <c r="C44848" s="2"/>
    </row>
    <row r="44849" spans="1:3" ht="19.2">
      <c r="A44849" s="2"/>
      <c r="B44849" s="2"/>
      <c r="C44849" s="2"/>
    </row>
    <row r="44850" spans="1:3" ht="19.2">
      <c r="A44850" s="2"/>
      <c r="B44850" s="2"/>
      <c r="C44850" s="2"/>
    </row>
    <row r="44851" spans="1:3" ht="19.2">
      <c r="A44851" s="2"/>
      <c r="B44851" s="2"/>
      <c r="C44851" s="2"/>
    </row>
    <row r="44852" spans="1:3" ht="19.2">
      <c r="A44852" s="2"/>
      <c r="B44852" s="2"/>
      <c r="C44852" s="2"/>
    </row>
    <row r="44853" spans="1:3" ht="19.2">
      <c r="A44853" s="2"/>
      <c r="B44853" s="2"/>
      <c r="C44853" s="2"/>
    </row>
    <row r="44854" spans="1:3" ht="19.2">
      <c r="A44854" s="2"/>
      <c r="B44854" s="2"/>
      <c r="C44854" s="2"/>
    </row>
    <row r="44855" spans="1:3" ht="19.2">
      <c r="A44855" s="2"/>
      <c r="B44855" s="2"/>
      <c r="C44855" s="2"/>
    </row>
    <row r="44856" spans="1:3" ht="19.2">
      <c r="A44856" s="2"/>
      <c r="B44856" s="2"/>
      <c r="C44856" s="2"/>
    </row>
    <row r="44857" spans="1:3" ht="19.2">
      <c r="A44857" s="2"/>
      <c r="B44857" s="2"/>
      <c r="C44857" s="2"/>
    </row>
    <row r="44858" spans="1:3" ht="19.2">
      <c r="A44858" s="2"/>
      <c r="B44858" s="2"/>
      <c r="C44858" s="2"/>
    </row>
    <row r="44859" spans="1:3" ht="19.2">
      <c r="A44859" s="2"/>
      <c r="B44859" s="2"/>
      <c r="C44859" s="2"/>
    </row>
    <row r="44860" spans="1:3" ht="19.2">
      <c r="A44860" s="2"/>
      <c r="B44860" s="2"/>
      <c r="C44860" s="2"/>
    </row>
    <row r="44861" spans="1:3" ht="19.2">
      <c r="A44861" s="2"/>
      <c r="B44861" s="2"/>
      <c r="C44861" s="2"/>
    </row>
    <row r="44862" spans="1:3" ht="19.2">
      <c r="A44862" s="2"/>
      <c r="B44862" s="2"/>
      <c r="C44862" s="2"/>
    </row>
    <row r="44863" spans="1:3" ht="19.2">
      <c r="A44863" s="2"/>
      <c r="B44863" s="2"/>
      <c r="C44863" s="2"/>
    </row>
    <row r="44864" spans="1:3" ht="19.2">
      <c r="A44864" s="2"/>
      <c r="B44864" s="2"/>
      <c r="C44864" s="2"/>
    </row>
    <row r="44865" spans="1:3" ht="19.2">
      <c r="A44865" s="2"/>
      <c r="B44865" s="2"/>
      <c r="C44865" s="2"/>
    </row>
    <row r="44866" spans="1:3" ht="19.2">
      <c r="A44866" s="2"/>
      <c r="B44866" s="2"/>
      <c r="C44866" s="2"/>
    </row>
    <row r="44867" spans="1:3" ht="19.2">
      <c r="A44867" s="2"/>
      <c r="B44867" s="2"/>
      <c r="C44867" s="2"/>
    </row>
    <row r="44868" spans="1:3" ht="19.2">
      <c r="A44868" s="2"/>
      <c r="B44868" s="2"/>
      <c r="C44868" s="2"/>
    </row>
    <row r="44869" spans="1:3" ht="19.2">
      <c r="A44869" s="2"/>
      <c r="B44869" s="2"/>
      <c r="C44869" s="2"/>
    </row>
    <row r="44870" spans="1:3" ht="19.2">
      <c r="A44870" s="2"/>
      <c r="B44870" s="2"/>
      <c r="C44870" s="2"/>
    </row>
    <row r="44871" spans="1:3" ht="19.2">
      <c r="A44871" s="2"/>
      <c r="B44871" s="2"/>
      <c r="C44871" s="2"/>
    </row>
    <row r="44872" spans="1:3" ht="19.2">
      <c r="A44872" s="2"/>
      <c r="B44872" s="2"/>
      <c r="C44872" s="2"/>
    </row>
    <row r="44873" spans="1:3" ht="19.2">
      <c r="A44873" s="2"/>
      <c r="B44873" s="2"/>
      <c r="C44873" s="2"/>
    </row>
    <row r="44874" spans="1:3" ht="19.2">
      <c r="A44874" s="2"/>
      <c r="B44874" s="2"/>
      <c r="C44874" s="2"/>
    </row>
    <row r="44875" spans="1:3" ht="19.2">
      <c r="A44875" s="2"/>
      <c r="B44875" s="2"/>
      <c r="C44875" s="2"/>
    </row>
    <row r="44876" spans="1:3" ht="19.2">
      <c r="A44876" s="2"/>
      <c r="B44876" s="2"/>
      <c r="C44876" s="2"/>
    </row>
    <row r="44877" spans="1:3" ht="19.2">
      <c r="A44877" s="2"/>
      <c r="B44877" s="2"/>
      <c r="C44877" s="2"/>
    </row>
    <row r="44878" spans="1:3" ht="19.2">
      <c r="A44878" s="2"/>
      <c r="B44878" s="2"/>
      <c r="C44878" s="2"/>
    </row>
    <row r="44879" spans="1:3" ht="19.2">
      <c r="A44879" s="2"/>
      <c r="B44879" s="2"/>
      <c r="C44879" s="2"/>
    </row>
    <row r="44880" spans="1:3" ht="19.2">
      <c r="A44880" s="2"/>
      <c r="B44880" s="2"/>
      <c r="C44880" s="2"/>
    </row>
    <row r="44881" spans="1:3" ht="19.2">
      <c r="A44881" s="2"/>
      <c r="B44881" s="2"/>
      <c r="C44881" s="2"/>
    </row>
    <row r="44882" spans="1:3" ht="19.2">
      <c r="A44882" s="2"/>
      <c r="B44882" s="2"/>
      <c r="C44882" s="2"/>
    </row>
    <row r="44883" spans="1:3" ht="19.2">
      <c r="A44883" s="2"/>
      <c r="B44883" s="2"/>
      <c r="C44883" s="2"/>
    </row>
    <row r="44884" spans="1:3" ht="19.2">
      <c r="A44884" s="2"/>
      <c r="B44884" s="2"/>
      <c r="C44884" s="2"/>
    </row>
    <row r="44885" spans="1:3" ht="19.2">
      <c r="A44885" s="2"/>
      <c r="B44885" s="2"/>
      <c r="C44885" s="2"/>
    </row>
    <row r="44886" spans="1:3" ht="19.2">
      <c r="A44886" s="2"/>
      <c r="B44886" s="2"/>
      <c r="C44886" s="2"/>
    </row>
    <row r="44887" spans="1:3" ht="19.2">
      <c r="A44887" s="2"/>
      <c r="B44887" s="2"/>
      <c r="C44887" s="2"/>
    </row>
    <row r="44888" spans="1:3" ht="19.2">
      <c r="A44888" s="2"/>
      <c r="B44888" s="2"/>
      <c r="C44888" s="2"/>
    </row>
    <row r="44889" spans="1:3" ht="19.2">
      <c r="A44889" s="2"/>
      <c r="B44889" s="2"/>
      <c r="C44889" s="2"/>
    </row>
    <row r="44890" spans="1:3" ht="19.2">
      <c r="A44890" s="2"/>
      <c r="B44890" s="2"/>
      <c r="C44890" s="2"/>
    </row>
    <row r="44891" spans="1:3" ht="19.2">
      <c r="A44891" s="2"/>
      <c r="B44891" s="2"/>
      <c r="C44891" s="2"/>
    </row>
    <row r="44892" spans="1:3" ht="19.2">
      <c r="A44892" s="2"/>
      <c r="B44892" s="2"/>
      <c r="C44892" s="2"/>
    </row>
    <row r="44893" spans="1:3" ht="19.2">
      <c r="A44893" s="2"/>
      <c r="B44893" s="2"/>
      <c r="C44893" s="2"/>
    </row>
    <row r="44894" spans="1:3" ht="19.2">
      <c r="A44894" s="2"/>
      <c r="B44894" s="2"/>
      <c r="C44894" s="2"/>
    </row>
    <row r="44895" spans="1:3" ht="19.2">
      <c r="A44895" s="2"/>
      <c r="B44895" s="2"/>
      <c r="C44895" s="2"/>
    </row>
    <row r="44896" spans="1:3" ht="19.2">
      <c r="A44896" s="2"/>
      <c r="B44896" s="2"/>
      <c r="C44896" s="2"/>
    </row>
    <row r="44897" spans="1:3" ht="19.2">
      <c r="A44897" s="2"/>
      <c r="B44897" s="2"/>
      <c r="C44897" s="2"/>
    </row>
    <row r="44898" spans="1:3" ht="19.2">
      <c r="A44898" s="2"/>
      <c r="B44898" s="2"/>
      <c r="C44898" s="2"/>
    </row>
    <row r="44899" spans="1:3" ht="19.2">
      <c r="A44899" s="2"/>
      <c r="B44899" s="2"/>
      <c r="C44899" s="2"/>
    </row>
    <row r="44900" spans="1:3" ht="19.2">
      <c r="A44900" s="2"/>
      <c r="B44900" s="2"/>
      <c r="C44900" s="2"/>
    </row>
    <row r="44901" spans="1:3" ht="19.2">
      <c r="A44901" s="2"/>
      <c r="B44901" s="2"/>
      <c r="C44901" s="2"/>
    </row>
    <row r="44902" spans="1:3" ht="19.2">
      <c r="A44902" s="2"/>
      <c r="B44902" s="2"/>
      <c r="C44902" s="2"/>
    </row>
    <row r="44903" spans="1:3" ht="19.2">
      <c r="A44903" s="2"/>
      <c r="B44903" s="2"/>
      <c r="C44903" s="2"/>
    </row>
    <row r="44904" spans="1:3" ht="19.2">
      <c r="A44904" s="2"/>
      <c r="B44904" s="2"/>
      <c r="C44904" s="2"/>
    </row>
    <row r="44905" spans="1:3" ht="19.2">
      <c r="A44905" s="2"/>
      <c r="B44905" s="2"/>
      <c r="C44905" s="2"/>
    </row>
    <row r="44906" spans="1:3" ht="19.2">
      <c r="A44906" s="2"/>
      <c r="B44906" s="2"/>
      <c r="C44906" s="2"/>
    </row>
    <row r="44907" spans="1:3" ht="19.2">
      <c r="A44907" s="2"/>
      <c r="B44907" s="2"/>
      <c r="C44907" s="2"/>
    </row>
    <row r="44908" spans="1:3" ht="19.2">
      <c r="A44908" s="2"/>
      <c r="B44908" s="2"/>
      <c r="C44908" s="2"/>
    </row>
    <row r="44909" spans="1:3" ht="19.2">
      <c r="A44909" s="2"/>
      <c r="B44909" s="2"/>
      <c r="C44909" s="2"/>
    </row>
    <row r="44910" spans="1:3" ht="19.2">
      <c r="A44910" s="2"/>
      <c r="B44910" s="2"/>
      <c r="C44910" s="2"/>
    </row>
    <row r="44911" spans="1:3" ht="19.2">
      <c r="A44911" s="2"/>
      <c r="B44911" s="2"/>
      <c r="C44911" s="2"/>
    </row>
    <row r="44912" spans="1:3" ht="19.2">
      <c r="A44912" s="2"/>
      <c r="B44912" s="2"/>
      <c r="C44912" s="2"/>
    </row>
    <row r="44913" spans="1:3" ht="19.2">
      <c r="A44913" s="2"/>
      <c r="B44913" s="2"/>
      <c r="C44913" s="2"/>
    </row>
    <row r="44914" spans="1:3" ht="19.2">
      <c r="A44914" s="2"/>
      <c r="B44914" s="2"/>
      <c r="C44914" s="2"/>
    </row>
    <row r="44915" spans="1:3" ht="19.2">
      <c r="A44915" s="2"/>
      <c r="B44915" s="2"/>
      <c r="C44915" s="2"/>
    </row>
    <row r="44916" spans="1:3" ht="19.2">
      <c r="A44916" s="2"/>
      <c r="B44916" s="2"/>
      <c r="C44916" s="2"/>
    </row>
    <row r="44917" spans="1:3" ht="19.2">
      <c r="A44917" s="2"/>
      <c r="B44917" s="2"/>
      <c r="C44917" s="2"/>
    </row>
    <row r="44918" spans="1:3" ht="19.2">
      <c r="A44918" s="2"/>
      <c r="B44918" s="2"/>
      <c r="C44918" s="2"/>
    </row>
    <row r="44919" spans="1:3" ht="19.2">
      <c r="A44919" s="2"/>
      <c r="B44919" s="2"/>
      <c r="C44919" s="2"/>
    </row>
    <row r="44920" spans="1:3" ht="19.2">
      <c r="A44920" s="2"/>
      <c r="B44920" s="2"/>
      <c r="C44920" s="2"/>
    </row>
    <row r="44921" spans="1:3" ht="19.2">
      <c r="A44921" s="2"/>
      <c r="B44921" s="2"/>
      <c r="C44921" s="2"/>
    </row>
    <row r="44922" spans="1:3" ht="19.2">
      <c r="A44922" s="2"/>
      <c r="B44922" s="2"/>
      <c r="C44922" s="2"/>
    </row>
    <row r="44923" spans="1:3" ht="19.2">
      <c r="A44923" s="2"/>
      <c r="B44923" s="2"/>
      <c r="C44923" s="2"/>
    </row>
    <row r="44924" spans="1:3" ht="19.2">
      <c r="A44924" s="2"/>
      <c r="B44924" s="2"/>
      <c r="C44924" s="2"/>
    </row>
    <row r="44925" spans="1:3" ht="19.2">
      <c r="A44925" s="2"/>
      <c r="B44925" s="2"/>
      <c r="C44925" s="2"/>
    </row>
    <row r="44926" spans="1:3" ht="19.2">
      <c r="A44926" s="2"/>
      <c r="B44926" s="2"/>
      <c r="C44926" s="2"/>
    </row>
    <row r="44927" spans="1:3" ht="19.2">
      <c r="A44927" s="2"/>
      <c r="B44927" s="2"/>
      <c r="C44927" s="2"/>
    </row>
    <row r="44928" spans="1:3" ht="19.2">
      <c r="A44928" s="2"/>
      <c r="B44928" s="2"/>
      <c r="C44928" s="2"/>
    </row>
    <row r="44929" spans="1:3" ht="19.2">
      <c r="A44929" s="2"/>
      <c r="B44929" s="2"/>
      <c r="C44929" s="2"/>
    </row>
    <row r="44930" spans="1:3" ht="19.2">
      <c r="A44930" s="2"/>
      <c r="B44930" s="2"/>
      <c r="C44930" s="2"/>
    </row>
    <row r="44931" spans="1:3" ht="19.2">
      <c r="A44931" s="2"/>
      <c r="B44931" s="2"/>
      <c r="C44931" s="2"/>
    </row>
    <row r="44932" spans="1:3" ht="19.2">
      <c r="A44932" s="2"/>
      <c r="B44932" s="2"/>
      <c r="C44932" s="2"/>
    </row>
    <row r="44933" spans="1:3" ht="19.2">
      <c r="A44933" s="2"/>
      <c r="B44933" s="2"/>
      <c r="C44933" s="2"/>
    </row>
    <row r="44934" spans="1:3" ht="19.2">
      <c r="A44934" s="2"/>
      <c r="B44934" s="2"/>
      <c r="C44934" s="2"/>
    </row>
    <row r="44935" spans="1:3" ht="19.2">
      <c r="A44935" s="2"/>
      <c r="B44935" s="2"/>
      <c r="C44935" s="2"/>
    </row>
    <row r="44936" spans="1:3" ht="19.2">
      <c r="A44936" s="2"/>
      <c r="B44936" s="2"/>
      <c r="C44936" s="2"/>
    </row>
    <row r="44937" spans="1:3" ht="19.2">
      <c r="A44937" s="2"/>
      <c r="B44937" s="2"/>
      <c r="C44937" s="2"/>
    </row>
    <row r="44938" spans="1:3" ht="19.2">
      <c r="A44938" s="2"/>
      <c r="B44938" s="2"/>
      <c r="C44938" s="2"/>
    </row>
    <row r="44939" spans="1:3" ht="19.2">
      <c r="A44939" s="2"/>
      <c r="B44939" s="2"/>
      <c r="C44939" s="2"/>
    </row>
    <row r="44940" spans="1:3" ht="19.2">
      <c r="A44940" s="2"/>
      <c r="B44940" s="2"/>
      <c r="C44940" s="2"/>
    </row>
    <row r="44941" spans="1:3" ht="19.2">
      <c r="A44941" s="2"/>
      <c r="B44941" s="2"/>
      <c r="C44941" s="2"/>
    </row>
    <row r="44942" spans="1:3" ht="19.2">
      <c r="A44942" s="2"/>
      <c r="B44942" s="2"/>
      <c r="C44942" s="2"/>
    </row>
    <row r="44943" spans="1:3" ht="19.2">
      <c r="A44943" s="2"/>
      <c r="B44943" s="2"/>
      <c r="C44943" s="2"/>
    </row>
    <row r="44944" spans="1:3" ht="19.2">
      <c r="A44944" s="2"/>
      <c r="B44944" s="2"/>
      <c r="C44944" s="2"/>
    </row>
    <row r="44945" spans="1:3" ht="19.2">
      <c r="A44945" s="2"/>
      <c r="B44945" s="2"/>
      <c r="C44945" s="2"/>
    </row>
    <row r="44946" spans="1:3" ht="19.2">
      <c r="A44946" s="2"/>
      <c r="B44946" s="2"/>
      <c r="C44946" s="2"/>
    </row>
    <row r="44947" spans="1:3" ht="19.2">
      <c r="A44947" s="2"/>
      <c r="B44947" s="2"/>
      <c r="C44947" s="2"/>
    </row>
    <row r="44948" spans="1:3" ht="19.2">
      <c r="A44948" s="2"/>
      <c r="B44948" s="2"/>
      <c r="C44948" s="2"/>
    </row>
    <row r="44949" spans="1:3" ht="19.2">
      <c r="A44949" s="2"/>
      <c r="B44949" s="2"/>
      <c r="C44949" s="2"/>
    </row>
    <row r="44950" spans="1:3" ht="19.2">
      <c r="A44950" s="2"/>
      <c r="B44950" s="2"/>
      <c r="C44950" s="2"/>
    </row>
    <row r="44951" spans="1:3" ht="19.2">
      <c r="A44951" s="2"/>
      <c r="B44951" s="2"/>
      <c r="C44951" s="2"/>
    </row>
    <row r="44952" spans="1:3" ht="19.2">
      <c r="A44952" s="2"/>
      <c r="B44952" s="2"/>
      <c r="C44952" s="2"/>
    </row>
    <row r="44953" spans="1:3" ht="19.2">
      <c r="A44953" s="2"/>
      <c r="B44953" s="2"/>
      <c r="C44953" s="2"/>
    </row>
    <row r="44954" spans="1:3" ht="19.2">
      <c r="A44954" s="2"/>
      <c r="B44954" s="2"/>
      <c r="C44954" s="2"/>
    </row>
    <row r="44955" spans="1:3" ht="19.2">
      <c r="A44955" s="2"/>
      <c r="B44955" s="2"/>
      <c r="C44955" s="2"/>
    </row>
    <row r="44956" spans="1:3" ht="19.2">
      <c r="A44956" s="2"/>
      <c r="B44956" s="2"/>
      <c r="C44956" s="2"/>
    </row>
    <row r="44957" spans="1:3" ht="19.2">
      <c r="A44957" s="2"/>
      <c r="B44957" s="2"/>
      <c r="C44957" s="2"/>
    </row>
    <row r="44958" spans="1:3" ht="19.2">
      <c r="A44958" s="2"/>
      <c r="B44958" s="2"/>
      <c r="C44958" s="2"/>
    </row>
    <row r="44959" spans="1:3" ht="19.2">
      <c r="A44959" s="2"/>
      <c r="B44959" s="2"/>
      <c r="C44959" s="2"/>
    </row>
    <row r="44960" spans="1:3" ht="19.2">
      <c r="A44960" s="2"/>
      <c r="B44960" s="2"/>
      <c r="C44960" s="2"/>
    </row>
    <row r="44961" spans="1:3" ht="19.2">
      <c r="A44961" s="2"/>
      <c r="B44961" s="2"/>
      <c r="C44961" s="2"/>
    </row>
    <row r="44962" spans="1:3" ht="19.2">
      <c r="A44962" s="2"/>
      <c r="B44962" s="2"/>
      <c r="C44962" s="2"/>
    </row>
    <row r="44963" spans="1:3" ht="19.2">
      <c r="A44963" s="2"/>
      <c r="B44963" s="2"/>
      <c r="C44963" s="2"/>
    </row>
    <row r="44964" spans="1:3" ht="19.2">
      <c r="A44964" s="2"/>
      <c r="B44964" s="2"/>
      <c r="C44964" s="2"/>
    </row>
    <row r="44965" spans="1:3" ht="19.2">
      <c r="A44965" s="2"/>
      <c r="B44965" s="2"/>
      <c r="C44965" s="2"/>
    </row>
    <row r="44966" spans="1:3" ht="19.2">
      <c r="A44966" s="2"/>
      <c r="B44966" s="2"/>
      <c r="C44966" s="2"/>
    </row>
    <row r="44967" spans="1:3" ht="19.2">
      <c r="A44967" s="2"/>
      <c r="B44967" s="2"/>
      <c r="C44967" s="2"/>
    </row>
    <row r="44968" spans="1:3" ht="19.2">
      <c r="A44968" s="2"/>
      <c r="B44968" s="2"/>
      <c r="C44968" s="2"/>
    </row>
    <row r="44969" spans="1:3" ht="19.2">
      <c r="A44969" s="2"/>
      <c r="B44969" s="2"/>
      <c r="C44969" s="2"/>
    </row>
    <row r="44970" spans="1:3" ht="19.2">
      <c r="A44970" s="2"/>
      <c r="B44970" s="2"/>
      <c r="C44970" s="2"/>
    </row>
    <row r="44971" spans="1:3" ht="19.2">
      <c r="A44971" s="2"/>
      <c r="B44971" s="2"/>
      <c r="C44971" s="2"/>
    </row>
    <row r="44972" spans="1:3" ht="19.2">
      <c r="A44972" s="2"/>
      <c r="B44972" s="2"/>
      <c r="C44972" s="2"/>
    </row>
    <row r="44973" spans="1:3" ht="19.2">
      <c r="A44973" s="2"/>
      <c r="B44973" s="2"/>
      <c r="C44973" s="2"/>
    </row>
    <row r="44974" spans="1:3" ht="19.2">
      <c r="A44974" s="2"/>
      <c r="B44974" s="2"/>
      <c r="C44974" s="2"/>
    </row>
    <row r="44975" spans="1:3" ht="19.2">
      <c r="A44975" s="2"/>
      <c r="B44975" s="2"/>
      <c r="C44975" s="2"/>
    </row>
    <row r="44976" spans="1:3" ht="19.2">
      <c r="A44976" s="2"/>
      <c r="B44976" s="2"/>
      <c r="C44976" s="2"/>
    </row>
    <row r="44977" spans="1:3" ht="19.2">
      <c r="A44977" s="2"/>
      <c r="B44977" s="2"/>
      <c r="C44977" s="2"/>
    </row>
    <row r="44978" spans="1:3" ht="19.2">
      <c r="A44978" s="2"/>
      <c r="B44978" s="2"/>
      <c r="C44978" s="2"/>
    </row>
    <row r="44979" spans="1:3" ht="19.2">
      <c r="A44979" s="2"/>
      <c r="B44979" s="2"/>
      <c r="C44979" s="2"/>
    </row>
    <row r="44980" spans="1:3" ht="19.2">
      <c r="A44980" s="2"/>
      <c r="B44980" s="2"/>
      <c r="C44980" s="2"/>
    </row>
    <row r="44981" spans="1:3" ht="19.2">
      <c r="A44981" s="2"/>
      <c r="B44981" s="2"/>
      <c r="C44981" s="2"/>
    </row>
    <row r="44982" spans="1:3" ht="19.2">
      <c r="A44982" s="2"/>
      <c r="B44982" s="2"/>
      <c r="C44982" s="2"/>
    </row>
    <row r="44983" spans="1:3" ht="19.2">
      <c r="A44983" s="2"/>
      <c r="B44983" s="2"/>
      <c r="C44983" s="2"/>
    </row>
    <row r="44984" spans="1:3" ht="19.2">
      <c r="A44984" s="2"/>
      <c r="B44984" s="2"/>
      <c r="C44984" s="2"/>
    </row>
    <row r="44985" spans="1:3" ht="19.2">
      <c r="A44985" s="2"/>
      <c r="B44985" s="2"/>
      <c r="C44985" s="2"/>
    </row>
    <row r="44986" spans="1:3" ht="19.2">
      <c r="A44986" s="2"/>
      <c r="B44986" s="2"/>
      <c r="C44986" s="2"/>
    </row>
    <row r="44987" spans="1:3" ht="19.2">
      <c r="A44987" s="2"/>
      <c r="B44987" s="2"/>
      <c r="C44987" s="2"/>
    </row>
    <row r="44988" spans="1:3" ht="19.2">
      <c r="A44988" s="2"/>
      <c r="B44988" s="2"/>
      <c r="C44988" s="2"/>
    </row>
    <row r="44989" spans="1:3" ht="19.2">
      <c r="A44989" s="2"/>
      <c r="B44989" s="2"/>
      <c r="C44989" s="2"/>
    </row>
    <row r="44990" spans="1:3" ht="19.2">
      <c r="A44990" s="2"/>
      <c r="B44990" s="2"/>
      <c r="C44990" s="2"/>
    </row>
    <row r="44991" spans="1:3" ht="19.2">
      <c r="A44991" s="2"/>
      <c r="B44991" s="2"/>
      <c r="C44991" s="2"/>
    </row>
    <row r="44992" spans="1:3" ht="19.2">
      <c r="A44992" s="2"/>
      <c r="B44992" s="2"/>
      <c r="C44992" s="2"/>
    </row>
    <row r="44993" spans="1:3" ht="19.2">
      <c r="A44993" s="2"/>
      <c r="B44993" s="2"/>
      <c r="C44993" s="2"/>
    </row>
    <row r="44994" spans="1:3" ht="19.2">
      <c r="A44994" s="2"/>
      <c r="B44994" s="2"/>
      <c r="C44994" s="2"/>
    </row>
    <row r="44995" spans="1:3" ht="19.2">
      <c r="A44995" s="2"/>
      <c r="B44995" s="2"/>
      <c r="C44995" s="2"/>
    </row>
    <row r="44996" spans="1:3" ht="19.2">
      <c r="A44996" s="2"/>
      <c r="B44996" s="2"/>
      <c r="C44996" s="2"/>
    </row>
    <row r="44997" spans="1:3" ht="19.2">
      <c r="A44997" s="2"/>
      <c r="B44997" s="2"/>
      <c r="C44997" s="2"/>
    </row>
    <row r="44998" spans="1:3" ht="19.2">
      <c r="A44998" s="2"/>
      <c r="B44998" s="2"/>
      <c r="C44998" s="2"/>
    </row>
    <row r="44999" spans="1:3" ht="19.2">
      <c r="A44999" s="2"/>
      <c r="B44999" s="2"/>
      <c r="C44999" s="2"/>
    </row>
    <row r="45000" spans="1:3" ht="19.2">
      <c r="A45000" s="2"/>
      <c r="B45000" s="2"/>
      <c r="C45000" s="2"/>
    </row>
    <row r="45001" spans="1:3" ht="19.2">
      <c r="A45001" s="2"/>
      <c r="B45001" s="2"/>
      <c r="C45001" s="2"/>
    </row>
    <row r="45002" spans="1:3" ht="19.2">
      <c r="A45002" s="2"/>
      <c r="B45002" s="2"/>
      <c r="C45002" s="2"/>
    </row>
    <row r="45003" spans="1:3" ht="19.2">
      <c r="A45003" s="2"/>
      <c r="B45003" s="2"/>
      <c r="C45003" s="2"/>
    </row>
    <row r="45004" spans="1:3" ht="19.2">
      <c r="A45004" s="2"/>
      <c r="B45004" s="2"/>
      <c r="C45004" s="2"/>
    </row>
    <row r="45005" spans="1:3" ht="19.2">
      <c r="A45005" s="2"/>
      <c r="B45005" s="2"/>
      <c r="C45005" s="2"/>
    </row>
    <row r="45006" spans="1:3" ht="19.2">
      <c r="A45006" s="2"/>
      <c r="B45006" s="2"/>
      <c r="C45006" s="2"/>
    </row>
    <row r="45007" spans="1:3" ht="19.2">
      <c r="A45007" s="2"/>
      <c r="B45007" s="2"/>
      <c r="C45007" s="2"/>
    </row>
    <row r="45008" spans="1:3" ht="19.2">
      <c r="A45008" s="2"/>
      <c r="B45008" s="2"/>
      <c r="C45008" s="2"/>
    </row>
    <row r="45009" spans="1:3" ht="19.2">
      <c r="A45009" s="2"/>
      <c r="B45009" s="2"/>
      <c r="C45009" s="2"/>
    </row>
    <row r="45010" spans="1:3" ht="19.2">
      <c r="A45010" s="2"/>
      <c r="B45010" s="2"/>
      <c r="C45010" s="2"/>
    </row>
    <row r="45011" spans="1:3" ht="19.2">
      <c r="A45011" s="2"/>
      <c r="B45011" s="2"/>
      <c r="C45011" s="2"/>
    </row>
    <row r="45012" spans="1:3" ht="19.2">
      <c r="A45012" s="2"/>
      <c r="B45012" s="2"/>
      <c r="C45012" s="2"/>
    </row>
    <row r="45013" spans="1:3" ht="19.2">
      <c r="A45013" s="2"/>
      <c r="B45013" s="2"/>
      <c r="C45013" s="2"/>
    </row>
    <row r="45014" spans="1:3" ht="19.2">
      <c r="A45014" s="2"/>
      <c r="B45014" s="2"/>
      <c r="C45014" s="2"/>
    </row>
    <row r="45015" spans="1:3" ht="19.2">
      <c r="A45015" s="2"/>
      <c r="B45015" s="2"/>
      <c r="C45015" s="2"/>
    </row>
    <row r="45016" spans="1:3" ht="19.2">
      <c r="A45016" s="2"/>
      <c r="B45016" s="2"/>
      <c r="C45016" s="2"/>
    </row>
    <row r="45017" spans="1:3" ht="19.2">
      <c r="A45017" s="2"/>
      <c r="B45017" s="2"/>
      <c r="C45017" s="2"/>
    </row>
    <row r="45018" spans="1:3" ht="19.2">
      <c r="A45018" s="2"/>
      <c r="B45018" s="2"/>
      <c r="C45018" s="2"/>
    </row>
    <row r="45019" spans="1:3" ht="19.2">
      <c r="A45019" s="2"/>
      <c r="B45019" s="2"/>
      <c r="C45019" s="2"/>
    </row>
    <row r="45020" spans="1:3" ht="19.2">
      <c r="A45020" s="2"/>
      <c r="B45020" s="2"/>
      <c r="C45020" s="2"/>
    </row>
    <row r="45021" spans="1:3" ht="19.2">
      <c r="A45021" s="2"/>
      <c r="B45021" s="2"/>
      <c r="C45021" s="2"/>
    </row>
    <row r="45022" spans="1:3" ht="19.2">
      <c r="A45022" s="2"/>
      <c r="B45022" s="2"/>
      <c r="C45022" s="2"/>
    </row>
    <row r="45023" spans="1:3" ht="19.2">
      <c r="A45023" s="2"/>
      <c r="B45023" s="2"/>
      <c r="C45023" s="2"/>
    </row>
    <row r="45024" spans="1:3" ht="19.2">
      <c r="A45024" s="2"/>
      <c r="B45024" s="2"/>
      <c r="C45024" s="2"/>
    </row>
    <row r="45025" spans="1:3" ht="19.2">
      <c r="A45025" s="2"/>
      <c r="B45025" s="2"/>
      <c r="C45025" s="2"/>
    </row>
    <row r="45026" spans="1:3" ht="19.2">
      <c r="A45026" s="2"/>
      <c r="B45026" s="2"/>
      <c r="C45026" s="2"/>
    </row>
    <row r="45027" spans="1:3" ht="19.2">
      <c r="A45027" s="2"/>
      <c r="B45027" s="2"/>
      <c r="C45027" s="2"/>
    </row>
    <row r="45028" spans="1:3" ht="19.2">
      <c r="A45028" s="2"/>
      <c r="B45028" s="2"/>
      <c r="C45028" s="2"/>
    </row>
    <row r="45029" spans="1:3" ht="19.2">
      <c r="A45029" s="2"/>
      <c r="B45029" s="2"/>
      <c r="C45029" s="2"/>
    </row>
    <row r="45030" spans="1:3" ht="19.2">
      <c r="A45030" s="2"/>
      <c r="B45030" s="2"/>
      <c r="C45030" s="2"/>
    </row>
    <row r="45031" spans="1:3" ht="19.2">
      <c r="A45031" s="2"/>
      <c r="B45031" s="2"/>
      <c r="C45031" s="2"/>
    </row>
    <row r="45032" spans="1:3" ht="19.2">
      <c r="A45032" s="2"/>
      <c r="B45032" s="2"/>
      <c r="C45032" s="2"/>
    </row>
    <row r="45033" spans="1:3" ht="19.2">
      <c r="A45033" s="2"/>
      <c r="B45033" s="2"/>
      <c r="C45033" s="2"/>
    </row>
    <row r="45034" spans="1:3" ht="19.2">
      <c r="A45034" s="2"/>
      <c r="B45034" s="2"/>
      <c r="C45034" s="2"/>
    </row>
    <row r="45035" spans="1:3" ht="19.2">
      <c r="A45035" s="2"/>
      <c r="B45035" s="2"/>
      <c r="C45035" s="2"/>
    </row>
    <row r="45036" spans="1:3" ht="19.2">
      <c r="A45036" s="2"/>
      <c r="B45036" s="2"/>
      <c r="C45036" s="2"/>
    </row>
    <row r="45037" spans="1:3" ht="19.2">
      <c r="A45037" s="2"/>
      <c r="B45037" s="2"/>
      <c r="C45037" s="2"/>
    </row>
    <row r="45038" spans="1:3" ht="19.2">
      <c r="A45038" s="2"/>
      <c r="B45038" s="2"/>
      <c r="C45038" s="2"/>
    </row>
    <row r="45039" spans="1:3" ht="19.2">
      <c r="A45039" s="2"/>
      <c r="B45039" s="2"/>
      <c r="C45039" s="2"/>
    </row>
    <row r="45040" spans="1:3" ht="19.2">
      <c r="A45040" s="2"/>
      <c r="B45040" s="2"/>
      <c r="C45040" s="2"/>
    </row>
    <row r="45041" spans="1:3" ht="19.2">
      <c r="A45041" s="2"/>
      <c r="B45041" s="2"/>
      <c r="C45041" s="2"/>
    </row>
    <row r="45042" spans="1:3" ht="19.2">
      <c r="A45042" s="2"/>
      <c r="B45042" s="2"/>
      <c r="C45042" s="2"/>
    </row>
    <row r="45043" spans="1:3" ht="19.2">
      <c r="A45043" s="2"/>
      <c r="B45043" s="2"/>
      <c r="C45043" s="2"/>
    </row>
    <row r="45044" spans="1:3" ht="19.2">
      <c r="A45044" s="2"/>
      <c r="B45044" s="2"/>
      <c r="C45044" s="2"/>
    </row>
    <row r="45045" spans="1:3" ht="19.2">
      <c r="A45045" s="2"/>
      <c r="B45045" s="2"/>
      <c r="C45045" s="2"/>
    </row>
    <row r="45046" spans="1:3" ht="19.2">
      <c r="A45046" s="2"/>
      <c r="B45046" s="2"/>
      <c r="C45046" s="2"/>
    </row>
    <row r="45047" spans="1:3" ht="19.2">
      <c r="A45047" s="2"/>
      <c r="B45047" s="2"/>
      <c r="C45047" s="2"/>
    </row>
    <row r="45048" spans="1:3" ht="19.2">
      <c r="A45048" s="2"/>
      <c r="B45048" s="2"/>
      <c r="C45048" s="2"/>
    </row>
    <row r="45049" spans="1:3" ht="19.2">
      <c r="A45049" s="2"/>
      <c r="B45049" s="2"/>
      <c r="C45049" s="2"/>
    </row>
    <row r="45050" spans="1:3" ht="19.2">
      <c r="A45050" s="2"/>
      <c r="B45050" s="2"/>
      <c r="C45050" s="2"/>
    </row>
    <row r="45051" spans="1:3" ht="19.2">
      <c r="A45051" s="2"/>
      <c r="B45051" s="2"/>
      <c r="C45051" s="2"/>
    </row>
    <row r="45052" spans="1:3" ht="19.2">
      <c r="A45052" s="2"/>
      <c r="B45052" s="2"/>
      <c r="C45052" s="2"/>
    </row>
    <row r="45053" spans="1:3" ht="19.2">
      <c r="A45053" s="2"/>
      <c r="B45053" s="2"/>
      <c r="C45053" s="2"/>
    </row>
    <row r="45054" spans="1:3" ht="19.2">
      <c r="A45054" s="2"/>
      <c r="B45054" s="2"/>
      <c r="C45054" s="2"/>
    </row>
    <row r="45055" spans="1:3" ht="19.2">
      <c r="A45055" s="2"/>
      <c r="B45055" s="2"/>
      <c r="C45055" s="2"/>
    </row>
    <row r="45056" spans="1:3" ht="19.2">
      <c r="A45056" s="2"/>
      <c r="B45056" s="2"/>
      <c r="C45056" s="2"/>
    </row>
    <row r="45057" spans="1:3" ht="19.2">
      <c r="A45057" s="2"/>
      <c r="B45057" s="2"/>
      <c r="C45057" s="2"/>
    </row>
    <row r="45058" spans="1:3" ht="19.2">
      <c r="A45058" s="2"/>
      <c r="B45058" s="2"/>
      <c r="C45058" s="2"/>
    </row>
    <row r="45059" spans="1:3" ht="19.2">
      <c r="A45059" s="2"/>
      <c r="B45059" s="2"/>
      <c r="C45059" s="2"/>
    </row>
    <row r="45060" spans="1:3" ht="19.2">
      <c r="A45060" s="2"/>
      <c r="B45060" s="2"/>
      <c r="C45060" s="2"/>
    </row>
    <row r="45061" spans="1:3" ht="19.2">
      <c r="A45061" s="2"/>
      <c r="B45061" s="2"/>
      <c r="C45061" s="2"/>
    </row>
    <row r="45062" spans="1:3" ht="19.2">
      <c r="A45062" s="2"/>
      <c r="B45062" s="2"/>
      <c r="C45062" s="2"/>
    </row>
    <row r="45063" spans="1:3" ht="19.2">
      <c r="A45063" s="2"/>
      <c r="B45063" s="2"/>
      <c r="C45063" s="2"/>
    </row>
    <row r="45064" spans="1:3" ht="19.2">
      <c r="A45064" s="2"/>
      <c r="B45064" s="2"/>
      <c r="C45064" s="2"/>
    </row>
    <row r="45065" spans="1:3" ht="19.2">
      <c r="A45065" s="2"/>
      <c r="B45065" s="2"/>
      <c r="C45065" s="2"/>
    </row>
    <row r="45066" spans="1:3" ht="19.2">
      <c r="A45066" s="2"/>
      <c r="B45066" s="2"/>
      <c r="C45066" s="2"/>
    </row>
    <row r="45067" spans="1:3" ht="19.2">
      <c r="A45067" s="2"/>
      <c r="B45067" s="2"/>
      <c r="C45067" s="2"/>
    </row>
    <row r="45068" spans="1:3" ht="19.2">
      <c r="A45068" s="2"/>
      <c r="B45068" s="2"/>
      <c r="C45068" s="2"/>
    </row>
    <row r="45069" spans="1:3" ht="19.2">
      <c r="A45069" s="2"/>
      <c r="B45069" s="2"/>
      <c r="C45069" s="2"/>
    </row>
    <row r="45070" spans="1:3" ht="19.2">
      <c r="A45070" s="2"/>
      <c r="B45070" s="2"/>
      <c r="C45070" s="2"/>
    </row>
    <row r="45071" spans="1:3" ht="19.2">
      <c r="A45071" s="2"/>
      <c r="B45071" s="2"/>
      <c r="C45071" s="2"/>
    </row>
    <row r="45072" spans="1:3" ht="19.2">
      <c r="A45072" s="2"/>
      <c r="B45072" s="2"/>
      <c r="C45072" s="2"/>
    </row>
    <row r="45073" spans="1:3" ht="19.2">
      <c r="A45073" s="2"/>
      <c r="B45073" s="2"/>
      <c r="C45073" s="2"/>
    </row>
    <row r="45074" spans="1:3" ht="19.2">
      <c r="A45074" s="2"/>
      <c r="B45074" s="2"/>
      <c r="C45074" s="2"/>
    </row>
    <row r="45075" spans="1:3" ht="19.2">
      <c r="A45075" s="2"/>
      <c r="B45075" s="2"/>
      <c r="C45075" s="2"/>
    </row>
    <row r="45076" spans="1:3" ht="19.2">
      <c r="A45076" s="2"/>
      <c r="B45076" s="2"/>
      <c r="C45076" s="2"/>
    </row>
    <row r="45077" spans="1:3" ht="19.2">
      <c r="A45077" s="2"/>
      <c r="B45077" s="2"/>
      <c r="C45077" s="2"/>
    </row>
    <row r="45078" spans="1:3" ht="19.2">
      <c r="A45078" s="2"/>
      <c r="B45078" s="2"/>
      <c r="C45078" s="2"/>
    </row>
    <row r="45079" spans="1:3" ht="19.2">
      <c r="A45079" s="2"/>
      <c r="B45079" s="2"/>
      <c r="C45079" s="2"/>
    </row>
    <row r="45080" spans="1:3" ht="19.2">
      <c r="A45080" s="2"/>
      <c r="B45080" s="2"/>
      <c r="C45080" s="2"/>
    </row>
    <row r="45081" spans="1:3" ht="19.2">
      <c r="A45081" s="2"/>
      <c r="B45081" s="2"/>
      <c r="C45081" s="2"/>
    </row>
    <row r="45082" spans="1:3" ht="19.2">
      <c r="A45082" s="2"/>
      <c r="B45082" s="2"/>
      <c r="C45082" s="2"/>
    </row>
    <row r="45083" spans="1:3" ht="19.2">
      <c r="A45083" s="2"/>
      <c r="B45083" s="2"/>
      <c r="C45083" s="2"/>
    </row>
    <row r="45084" spans="1:3" ht="19.2">
      <c r="A45084" s="2"/>
      <c r="B45084" s="2"/>
      <c r="C45084" s="2"/>
    </row>
    <row r="45085" spans="1:3" ht="19.2">
      <c r="A45085" s="2"/>
      <c r="B45085" s="2"/>
      <c r="C45085" s="2"/>
    </row>
    <row r="45086" spans="1:3" ht="19.2">
      <c r="A45086" s="2"/>
      <c r="B45086" s="2"/>
      <c r="C45086" s="2"/>
    </row>
    <row r="45087" spans="1:3" ht="19.2">
      <c r="A45087" s="2"/>
      <c r="B45087" s="2"/>
      <c r="C45087" s="2"/>
    </row>
    <row r="45088" spans="1:3" ht="19.2">
      <c r="A45088" s="2"/>
      <c r="B45088" s="2"/>
      <c r="C45088" s="2"/>
    </row>
    <row r="45089" spans="1:3" ht="19.2">
      <c r="A45089" s="2"/>
      <c r="B45089" s="2"/>
      <c r="C45089" s="2"/>
    </row>
    <row r="45090" spans="1:3" ht="19.2">
      <c r="A45090" s="2"/>
      <c r="B45090" s="2"/>
      <c r="C45090" s="2"/>
    </row>
    <row r="45091" spans="1:3" ht="19.2">
      <c r="A45091" s="2"/>
      <c r="B45091" s="2"/>
      <c r="C45091" s="2"/>
    </row>
    <row r="45092" spans="1:3" ht="19.2">
      <c r="A45092" s="2"/>
      <c r="B45092" s="2"/>
      <c r="C45092" s="2"/>
    </row>
    <row r="45093" spans="1:3" ht="19.2">
      <c r="A45093" s="2"/>
      <c r="B45093" s="2"/>
      <c r="C45093" s="2"/>
    </row>
    <row r="45094" spans="1:3" ht="19.2">
      <c r="A45094" s="2"/>
      <c r="B45094" s="2"/>
      <c r="C45094" s="2"/>
    </row>
    <row r="45095" spans="1:3" ht="19.2">
      <c r="A45095" s="2"/>
      <c r="B45095" s="2"/>
      <c r="C45095" s="2"/>
    </row>
    <row r="45096" spans="1:3" ht="19.2">
      <c r="A45096" s="2"/>
      <c r="B45096" s="2"/>
      <c r="C45096" s="2"/>
    </row>
    <row r="45097" spans="1:3" ht="19.2">
      <c r="A45097" s="2"/>
      <c r="B45097" s="2"/>
      <c r="C45097" s="2"/>
    </row>
    <row r="45098" spans="1:3" ht="19.2">
      <c r="A45098" s="2"/>
      <c r="B45098" s="2"/>
      <c r="C45098" s="2"/>
    </row>
    <row r="45099" spans="1:3" ht="19.2">
      <c r="A45099" s="2"/>
      <c r="B45099" s="2"/>
      <c r="C45099" s="2"/>
    </row>
    <row r="45100" spans="1:3" ht="19.2">
      <c r="A45100" s="2"/>
      <c r="B45100" s="2"/>
      <c r="C45100" s="2"/>
    </row>
    <row r="45101" spans="1:3" ht="19.2">
      <c r="A45101" s="2"/>
      <c r="B45101" s="2"/>
      <c r="C45101" s="2"/>
    </row>
    <row r="45102" spans="1:3" ht="19.2">
      <c r="A45102" s="2"/>
      <c r="B45102" s="2"/>
      <c r="C45102" s="2"/>
    </row>
    <row r="45103" spans="1:3" ht="19.2">
      <c r="A45103" s="2"/>
      <c r="B45103" s="2"/>
      <c r="C45103" s="2"/>
    </row>
    <row r="45104" spans="1:3" ht="19.2">
      <c r="A45104" s="2"/>
      <c r="B45104" s="2"/>
      <c r="C45104" s="2"/>
    </row>
    <row r="45105" spans="1:3" ht="19.2">
      <c r="A45105" s="2"/>
      <c r="B45105" s="2"/>
      <c r="C45105" s="2"/>
    </row>
    <row r="45106" spans="1:3" ht="19.2">
      <c r="A45106" s="2"/>
      <c r="B45106" s="2"/>
      <c r="C45106" s="2"/>
    </row>
    <row r="45107" spans="1:3" ht="19.2">
      <c r="A45107" s="2"/>
      <c r="B45107" s="2"/>
      <c r="C45107" s="2"/>
    </row>
    <row r="45108" spans="1:3" ht="19.2">
      <c r="A45108" s="2"/>
      <c r="B45108" s="2"/>
      <c r="C45108" s="2"/>
    </row>
    <row r="45109" spans="1:3" ht="19.2">
      <c r="A45109" s="2"/>
      <c r="B45109" s="2"/>
      <c r="C45109" s="2"/>
    </row>
    <row r="45110" spans="1:3" ht="19.2">
      <c r="A45110" s="2"/>
      <c r="B45110" s="2"/>
      <c r="C45110" s="2"/>
    </row>
    <row r="45111" spans="1:3" ht="19.2">
      <c r="A45111" s="2"/>
      <c r="B45111" s="2"/>
      <c r="C45111" s="2"/>
    </row>
    <row r="45112" spans="1:3" ht="19.2">
      <c r="A45112" s="2"/>
      <c r="B45112" s="2"/>
      <c r="C45112" s="2"/>
    </row>
    <row r="45113" spans="1:3" ht="19.2">
      <c r="A45113" s="2"/>
      <c r="B45113" s="2"/>
      <c r="C45113" s="2"/>
    </row>
    <row r="45114" spans="1:3" ht="19.2">
      <c r="A45114" s="2"/>
      <c r="B45114" s="2"/>
      <c r="C45114" s="2"/>
    </row>
    <row r="45115" spans="1:3" ht="19.2">
      <c r="A45115" s="2"/>
      <c r="B45115" s="2"/>
      <c r="C45115" s="2"/>
    </row>
    <row r="45116" spans="1:3" ht="19.2">
      <c r="A45116" s="2"/>
      <c r="B45116" s="2"/>
      <c r="C45116" s="2"/>
    </row>
    <row r="45117" spans="1:3" ht="19.2">
      <c r="A45117" s="2"/>
      <c r="B45117" s="2"/>
      <c r="C45117" s="2"/>
    </row>
    <row r="45118" spans="1:3" ht="19.2">
      <c r="A45118" s="2"/>
      <c r="B45118" s="2"/>
      <c r="C45118" s="2"/>
    </row>
    <row r="45119" spans="1:3" ht="19.2">
      <c r="A45119" s="2"/>
      <c r="B45119" s="2"/>
      <c r="C45119" s="2"/>
    </row>
    <row r="45120" spans="1:3" ht="19.2">
      <c r="A45120" s="2"/>
      <c r="B45120" s="2"/>
      <c r="C45120" s="2"/>
    </row>
    <row r="45121" spans="1:3" ht="19.2">
      <c r="A45121" s="2"/>
      <c r="B45121" s="2"/>
      <c r="C45121" s="2"/>
    </row>
    <row r="45122" spans="1:3" ht="19.2">
      <c r="A45122" s="2"/>
      <c r="B45122" s="2"/>
      <c r="C45122" s="2"/>
    </row>
    <row r="45123" spans="1:3" ht="19.2">
      <c r="A45123" s="2"/>
      <c r="B45123" s="2"/>
      <c r="C45123" s="2"/>
    </row>
    <row r="45124" spans="1:3" ht="19.2">
      <c r="A45124" s="2"/>
      <c r="B45124" s="2"/>
      <c r="C45124" s="2"/>
    </row>
    <row r="45125" spans="1:3" ht="19.2">
      <c r="A45125" s="2"/>
      <c r="B45125" s="2"/>
      <c r="C45125" s="2"/>
    </row>
    <row r="45126" spans="1:3" ht="19.2">
      <c r="A45126" s="2"/>
      <c r="B45126" s="2"/>
      <c r="C45126" s="2"/>
    </row>
    <row r="45127" spans="1:3" ht="19.2">
      <c r="A45127" s="2"/>
      <c r="B45127" s="2"/>
      <c r="C45127" s="2"/>
    </row>
    <row r="45128" spans="1:3" ht="19.2">
      <c r="A45128" s="2"/>
      <c r="B45128" s="2"/>
      <c r="C45128" s="2"/>
    </row>
    <row r="45129" spans="1:3" ht="19.2">
      <c r="A45129" s="2"/>
      <c r="B45129" s="2"/>
      <c r="C45129" s="2"/>
    </row>
    <row r="45130" spans="1:3" ht="19.2">
      <c r="A45130" s="2"/>
      <c r="B45130" s="2"/>
      <c r="C45130" s="2"/>
    </row>
    <row r="45131" spans="1:3" ht="19.2">
      <c r="A45131" s="2"/>
      <c r="B45131" s="2"/>
      <c r="C45131" s="2"/>
    </row>
    <row r="45132" spans="1:3" ht="19.2">
      <c r="A45132" s="2"/>
      <c r="B45132" s="2"/>
      <c r="C45132" s="2"/>
    </row>
    <row r="45133" spans="1:3" ht="19.2">
      <c r="A45133" s="2"/>
      <c r="B45133" s="2"/>
      <c r="C45133" s="2"/>
    </row>
    <row r="45134" spans="1:3" ht="19.2">
      <c r="A45134" s="2"/>
      <c r="B45134" s="2"/>
      <c r="C45134" s="2"/>
    </row>
    <row r="45135" spans="1:3" ht="19.2">
      <c r="A45135" s="2"/>
      <c r="B45135" s="2"/>
      <c r="C45135" s="2"/>
    </row>
    <row r="45136" spans="1:3" ht="19.2">
      <c r="A45136" s="2"/>
      <c r="B45136" s="2"/>
      <c r="C45136" s="2"/>
    </row>
    <row r="45137" spans="1:3" ht="19.2">
      <c r="A45137" s="2"/>
      <c r="B45137" s="2"/>
      <c r="C45137" s="2"/>
    </row>
    <row r="45138" spans="1:3" ht="19.2">
      <c r="A45138" s="2"/>
      <c r="B45138" s="2"/>
      <c r="C45138" s="2"/>
    </row>
    <row r="45139" spans="1:3" ht="19.2">
      <c r="A45139" s="2"/>
      <c r="B45139" s="2"/>
      <c r="C45139" s="2"/>
    </row>
    <row r="45140" spans="1:3" ht="19.2">
      <c r="A45140" s="2"/>
      <c r="B45140" s="2"/>
      <c r="C45140" s="2"/>
    </row>
    <row r="45141" spans="1:3" ht="19.2">
      <c r="A45141" s="2"/>
      <c r="B45141" s="2"/>
      <c r="C45141" s="2"/>
    </row>
    <row r="45142" spans="1:3" ht="19.2">
      <c r="A45142" s="2"/>
      <c r="B45142" s="2"/>
      <c r="C45142" s="2"/>
    </row>
    <row r="45143" spans="1:3" ht="19.2">
      <c r="A45143" s="2"/>
      <c r="B45143" s="2"/>
      <c r="C45143" s="2"/>
    </row>
    <row r="45144" spans="1:3" ht="19.2">
      <c r="A45144" s="2"/>
      <c r="B45144" s="2"/>
      <c r="C45144" s="2"/>
    </row>
    <row r="45145" spans="1:3" ht="19.2">
      <c r="A45145" s="2"/>
      <c r="B45145" s="2"/>
      <c r="C45145" s="2"/>
    </row>
    <row r="45146" spans="1:3" ht="19.2">
      <c r="A45146" s="2"/>
      <c r="B45146" s="2"/>
      <c r="C45146" s="2"/>
    </row>
    <row r="45147" spans="1:3" ht="19.2">
      <c r="A45147" s="2"/>
      <c r="B45147" s="2"/>
      <c r="C45147" s="2"/>
    </row>
    <row r="45148" spans="1:3" ht="19.2">
      <c r="A45148" s="2"/>
      <c r="B45148" s="2"/>
      <c r="C45148" s="2"/>
    </row>
    <row r="45149" spans="1:3" ht="19.2">
      <c r="A45149" s="2"/>
      <c r="B45149" s="2"/>
      <c r="C45149" s="2"/>
    </row>
    <row r="45150" spans="1:3" ht="19.2">
      <c r="A45150" s="2"/>
      <c r="B45150" s="2"/>
      <c r="C45150" s="2"/>
    </row>
    <row r="45151" spans="1:3" ht="19.2">
      <c r="A45151" s="2"/>
      <c r="B45151" s="2"/>
      <c r="C45151" s="2"/>
    </row>
    <row r="45152" spans="1:3" ht="19.2">
      <c r="A45152" s="2"/>
      <c r="B45152" s="2"/>
      <c r="C45152" s="2"/>
    </row>
    <row r="45153" spans="1:3" ht="19.2">
      <c r="A45153" s="2"/>
      <c r="B45153" s="2"/>
      <c r="C45153" s="2"/>
    </row>
    <row r="45154" spans="1:3" ht="19.2">
      <c r="A45154" s="2"/>
      <c r="B45154" s="2"/>
      <c r="C45154" s="2"/>
    </row>
    <row r="45155" spans="1:3" ht="19.2">
      <c r="A45155" s="2"/>
      <c r="B45155" s="2"/>
      <c r="C45155" s="2"/>
    </row>
    <row r="45156" spans="1:3" ht="19.2">
      <c r="A45156" s="2"/>
      <c r="B45156" s="2"/>
      <c r="C45156" s="2"/>
    </row>
    <row r="45157" spans="1:3" ht="19.2">
      <c r="A45157" s="2"/>
      <c r="B45157" s="2"/>
      <c r="C45157" s="2"/>
    </row>
    <row r="45158" spans="1:3" ht="19.2">
      <c r="A45158" s="2"/>
      <c r="B45158" s="2"/>
      <c r="C45158" s="2"/>
    </row>
    <row r="45159" spans="1:3" ht="19.2">
      <c r="A45159" s="2"/>
      <c r="B45159" s="2"/>
      <c r="C45159" s="2"/>
    </row>
    <row r="45160" spans="1:3" ht="19.2">
      <c r="A45160" s="2"/>
      <c r="B45160" s="2"/>
      <c r="C45160" s="2"/>
    </row>
    <row r="45161" spans="1:3" ht="19.2">
      <c r="A45161" s="2"/>
      <c r="B45161" s="2"/>
      <c r="C45161" s="2"/>
    </row>
    <row r="45162" spans="1:3" ht="19.2">
      <c r="A45162" s="2"/>
      <c r="B45162" s="2"/>
      <c r="C45162" s="2"/>
    </row>
    <row r="45163" spans="1:3" ht="19.2">
      <c r="A45163" s="2"/>
      <c r="B45163" s="2"/>
      <c r="C45163" s="2"/>
    </row>
    <row r="45164" spans="1:3" ht="19.2">
      <c r="A45164" s="2"/>
      <c r="B45164" s="2"/>
      <c r="C45164" s="2"/>
    </row>
    <row r="45165" spans="1:3" ht="19.2">
      <c r="A45165" s="2"/>
      <c r="B45165" s="2"/>
      <c r="C45165" s="2"/>
    </row>
    <row r="45166" spans="1:3" ht="19.2">
      <c r="A45166" s="2"/>
      <c r="B45166" s="2"/>
      <c r="C45166" s="2"/>
    </row>
    <row r="45167" spans="1:3" ht="19.2">
      <c r="A45167" s="2"/>
      <c r="B45167" s="2"/>
      <c r="C45167" s="2"/>
    </row>
    <row r="45168" spans="1:3" ht="19.2">
      <c r="A45168" s="2"/>
      <c r="B45168" s="2"/>
      <c r="C45168" s="2"/>
    </row>
    <row r="45169" spans="1:3" ht="19.2">
      <c r="A45169" s="2"/>
      <c r="B45169" s="2"/>
      <c r="C45169" s="2"/>
    </row>
    <row r="45170" spans="1:3" ht="19.2">
      <c r="A45170" s="2"/>
      <c r="B45170" s="2"/>
      <c r="C45170" s="2"/>
    </row>
    <row r="45171" spans="1:3" ht="19.2">
      <c r="A45171" s="2"/>
      <c r="B45171" s="2"/>
      <c r="C45171" s="2"/>
    </row>
    <row r="45172" spans="1:3" ht="19.2">
      <c r="A45172" s="2"/>
      <c r="B45172" s="2"/>
      <c r="C45172" s="2"/>
    </row>
    <row r="45173" spans="1:3" ht="19.2">
      <c r="A45173" s="2"/>
      <c r="B45173" s="2"/>
      <c r="C45173" s="2"/>
    </row>
    <row r="45174" spans="1:3" ht="19.2">
      <c r="A45174" s="2"/>
      <c r="B45174" s="2"/>
      <c r="C45174" s="2"/>
    </row>
    <row r="45175" spans="1:3" ht="19.2">
      <c r="A45175" s="2"/>
      <c r="B45175" s="2"/>
      <c r="C45175" s="2"/>
    </row>
    <row r="45176" spans="1:3" ht="19.2">
      <c r="A45176" s="2"/>
      <c r="B45176" s="2"/>
      <c r="C45176" s="2"/>
    </row>
    <row r="45177" spans="1:3" ht="19.2">
      <c r="A45177" s="2"/>
      <c r="B45177" s="2"/>
      <c r="C45177" s="2"/>
    </row>
    <row r="45178" spans="1:3" ht="19.2">
      <c r="A45178" s="2"/>
      <c r="B45178" s="2"/>
      <c r="C45178" s="2"/>
    </row>
    <row r="45179" spans="1:3" ht="19.2">
      <c r="A45179" s="2"/>
      <c r="B45179" s="2"/>
      <c r="C45179" s="2"/>
    </row>
    <row r="45180" spans="1:3" ht="19.2">
      <c r="A45180" s="2"/>
      <c r="B45180" s="2"/>
      <c r="C45180" s="2"/>
    </row>
    <row r="45181" spans="1:3" ht="19.2">
      <c r="A45181" s="2"/>
      <c r="B45181" s="2"/>
      <c r="C45181" s="2"/>
    </row>
    <row r="45182" spans="1:3" ht="19.2">
      <c r="A45182" s="2"/>
      <c r="B45182" s="2"/>
      <c r="C45182" s="2"/>
    </row>
    <row r="45183" spans="1:3" ht="19.2">
      <c r="A45183" s="2"/>
      <c r="B45183" s="2"/>
      <c r="C45183" s="2"/>
    </row>
    <row r="45184" spans="1:3" ht="19.2">
      <c r="A45184" s="2"/>
      <c r="B45184" s="2"/>
      <c r="C45184" s="2"/>
    </row>
    <row r="45185" spans="1:3" ht="19.2">
      <c r="A45185" s="2"/>
      <c r="B45185" s="2"/>
      <c r="C45185" s="2"/>
    </row>
    <row r="45186" spans="1:3" ht="19.2">
      <c r="A45186" s="2"/>
      <c r="B45186" s="2"/>
      <c r="C45186" s="2"/>
    </row>
    <row r="45187" spans="1:3" ht="19.2">
      <c r="A45187" s="2"/>
      <c r="B45187" s="2"/>
      <c r="C45187" s="2"/>
    </row>
    <row r="45188" spans="1:3" ht="19.2">
      <c r="A45188" s="2"/>
      <c r="B45188" s="2"/>
      <c r="C45188" s="2"/>
    </row>
    <row r="45189" spans="1:3" ht="19.2">
      <c r="A45189" s="2"/>
      <c r="B45189" s="2"/>
      <c r="C45189" s="2"/>
    </row>
    <row r="45190" spans="1:3" ht="19.2">
      <c r="A45190" s="2"/>
      <c r="B45190" s="2"/>
      <c r="C45190" s="2"/>
    </row>
    <row r="45191" spans="1:3" ht="19.2">
      <c r="A45191" s="2"/>
      <c r="B45191" s="2"/>
      <c r="C45191" s="2"/>
    </row>
    <row r="45192" spans="1:3" ht="19.2">
      <c r="A45192" s="2"/>
      <c r="B45192" s="2"/>
      <c r="C45192" s="2"/>
    </row>
    <row r="45193" spans="1:3" ht="19.2">
      <c r="A45193" s="2"/>
      <c r="B45193" s="2"/>
      <c r="C45193" s="2"/>
    </row>
    <row r="45194" spans="1:3" ht="19.2">
      <c r="A45194" s="2"/>
      <c r="B45194" s="2"/>
      <c r="C45194" s="2"/>
    </row>
    <row r="45195" spans="1:3" ht="19.2">
      <c r="A45195" s="2"/>
      <c r="B45195" s="2"/>
      <c r="C45195" s="2"/>
    </row>
    <row r="45196" spans="1:3" ht="19.2">
      <c r="A45196" s="2"/>
      <c r="B45196" s="2"/>
      <c r="C45196" s="2"/>
    </row>
    <row r="45197" spans="1:3" ht="19.2">
      <c r="A45197" s="2"/>
      <c r="B45197" s="2"/>
      <c r="C45197" s="2"/>
    </row>
    <row r="45198" spans="1:3" ht="19.2">
      <c r="A45198" s="2"/>
      <c r="B45198" s="2"/>
      <c r="C45198" s="2"/>
    </row>
    <row r="45199" spans="1:3" ht="19.2">
      <c r="A45199" s="2"/>
      <c r="B45199" s="2"/>
      <c r="C45199" s="2"/>
    </row>
    <row r="45200" spans="1:3" ht="19.2">
      <c r="A45200" s="2"/>
      <c r="B45200" s="2"/>
      <c r="C45200" s="2"/>
    </row>
    <row r="45201" spans="1:3" ht="19.2">
      <c r="A45201" s="2"/>
      <c r="B45201" s="2"/>
      <c r="C45201" s="2"/>
    </row>
    <row r="45202" spans="1:3" ht="19.2">
      <c r="A45202" s="2"/>
      <c r="B45202" s="2"/>
      <c r="C45202" s="2"/>
    </row>
    <row r="45203" spans="1:3" ht="19.2">
      <c r="A45203" s="2"/>
      <c r="B45203" s="2"/>
      <c r="C45203" s="2"/>
    </row>
    <row r="45204" spans="1:3" ht="19.2">
      <c r="A45204" s="2"/>
      <c r="B45204" s="2"/>
      <c r="C45204" s="2"/>
    </row>
    <row r="45205" spans="1:3" ht="19.2">
      <c r="A45205" s="2"/>
      <c r="B45205" s="2"/>
      <c r="C45205" s="2"/>
    </row>
    <row r="45206" spans="1:3" ht="19.2">
      <c r="A45206" s="2"/>
      <c r="B45206" s="2"/>
      <c r="C45206" s="2"/>
    </row>
    <row r="45207" spans="1:3" ht="19.2">
      <c r="A45207" s="2"/>
      <c r="B45207" s="2"/>
      <c r="C45207" s="2"/>
    </row>
    <row r="45208" spans="1:3" ht="19.2">
      <c r="A45208" s="2"/>
      <c r="B45208" s="2"/>
      <c r="C45208" s="2"/>
    </row>
    <row r="45209" spans="1:3" ht="19.2">
      <c r="A45209" s="2"/>
      <c r="B45209" s="2"/>
      <c r="C45209" s="2"/>
    </row>
    <row r="45210" spans="1:3" ht="19.2">
      <c r="A45210" s="2"/>
      <c r="B45210" s="2"/>
      <c r="C45210" s="2"/>
    </row>
    <row r="45211" spans="1:3" ht="19.2">
      <c r="A45211" s="2"/>
      <c r="B45211" s="2"/>
      <c r="C45211" s="2"/>
    </row>
    <row r="45212" spans="1:3" ht="19.2">
      <c r="A45212" s="2"/>
      <c r="B45212" s="2"/>
      <c r="C45212" s="2"/>
    </row>
    <row r="45213" spans="1:3" ht="19.2">
      <c r="A45213" s="2"/>
      <c r="B45213" s="2"/>
      <c r="C45213" s="2"/>
    </row>
    <row r="45214" spans="1:3" ht="19.2">
      <c r="A45214" s="2"/>
      <c r="B45214" s="2"/>
      <c r="C45214" s="2"/>
    </row>
    <row r="45215" spans="1:3" ht="19.2">
      <c r="A45215" s="2"/>
      <c r="B45215" s="2"/>
      <c r="C45215" s="2"/>
    </row>
    <row r="45216" spans="1:3" ht="19.2">
      <c r="A45216" s="2"/>
      <c r="B45216" s="2"/>
      <c r="C45216" s="2"/>
    </row>
    <row r="45217" spans="1:3" ht="19.2">
      <c r="A45217" s="2"/>
      <c r="B45217" s="2"/>
      <c r="C45217" s="2"/>
    </row>
    <row r="45218" spans="1:3" ht="19.2">
      <c r="A45218" s="2"/>
      <c r="B45218" s="2"/>
      <c r="C45218" s="2"/>
    </row>
    <row r="45219" spans="1:3" ht="19.2">
      <c r="A45219" s="2"/>
      <c r="B45219" s="2"/>
      <c r="C45219" s="2"/>
    </row>
    <row r="45220" spans="1:3" ht="19.2">
      <c r="A45220" s="2"/>
      <c r="B45220" s="2"/>
      <c r="C45220" s="2"/>
    </row>
    <row r="45221" spans="1:3" ht="19.2">
      <c r="A45221" s="2"/>
      <c r="B45221" s="2"/>
      <c r="C45221" s="2"/>
    </row>
    <row r="45222" spans="1:3" ht="19.2">
      <c r="A45222" s="2"/>
      <c r="B45222" s="2"/>
      <c r="C45222" s="2"/>
    </row>
    <row r="45223" spans="1:3" ht="19.2">
      <c r="A45223" s="2"/>
      <c r="B45223" s="2"/>
      <c r="C45223" s="2"/>
    </row>
    <row r="45224" spans="1:3" ht="19.2">
      <c r="A45224" s="2"/>
      <c r="B45224" s="2"/>
      <c r="C45224" s="2"/>
    </row>
    <row r="45225" spans="1:3" ht="19.2">
      <c r="A45225" s="2"/>
      <c r="B45225" s="2"/>
      <c r="C45225" s="2"/>
    </row>
    <row r="45226" spans="1:3" ht="19.2">
      <c r="A45226" s="2"/>
      <c r="B45226" s="2"/>
      <c r="C45226" s="2"/>
    </row>
    <row r="45227" spans="1:3" ht="19.2">
      <c r="A45227" s="2"/>
      <c r="B45227" s="2"/>
      <c r="C45227" s="2"/>
    </row>
    <row r="45228" spans="1:3" ht="19.2">
      <c r="A45228" s="2"/>
      <c r="B45228" s="2"/>
      <c r="C45228" s="2"/>
    </row>
    <row r="45229" spans="1:3" ht="19.2">
      <c r="A45229" s="2"/>
      <c r="B45229" s="2"/>
      <c r="C45229" s="2"/>
    </row>
    <row r="45230" spans="1:3" ht="19.2">
      <c r="A45230" s="2"/>
      <c r="B45230" s="2"/>
      <c r="C45230" s="2"/>
    </row>
    <row r="45231" spans="1:3" ht="19.2">
      <c r="A45231" s="2"/>
      <c r="B45231" s="2"/>
      <c r="C45231" s="2"/>
    </row>
    <row r="45232" spans="1:3" ht="19.2">
      <c r="A45232" s="2"/>
      <c r="B45232" s="2"/>
      <c r="C45232" s="2"/>
    </row>
    <row r="45233" spans="1:3" ht="19.2">
      <c r="A45233" s="2"/>
      <c r="B45233" s="2"/>
      <c r="C45233" s="2"/>
    </row>
    <row r="45234" spans="1:3" ht="19.2">
      <c r="A45234" s="2"/>
      <c r="B45234" s="2"/>
      <c r="C45234" s="2"/>
    </row>
    <row r="45235" spans="1:3" ht="19.2">
      <c r="A45235" s="2"/>
      <c r="B45235" s="2"/>
      <c r="C45235" s="2"/>
    </row>
    <row r="45236" spans="1:3" ht="19.2">
      <c r="A45236" s="2"/>
      <c r="B45236" s="2"/>
      <c r="C45236" s="2"/>
    </row>
    <row r="45237" spans="1:3" ht="19.2">
      <c r="A45237" s="2"/>
      <c r="B45237" s="2"/>
      <c r="C45237" s="2"/>
    </row>
    <row r="45238" spans="1:3" ht="19.2">
      <c r="A45238" s="2"/>
      <c r="B45238" s="2"/>
      <c r="C45238" s="2"/>
    </row>
    <row r="45239" spans="1:3" ht="19.2">
      <c r="A45239" s="2"/>
      <c r="B45239" s="2"/>
      <c r="C45239" s="2"/>
    </row>
    <row r="45240" spans="1:3" ht="19.2">
      <c r="A45240" s="2"/>
      <c r="B45240" s="2"/>
      <c r="C45240" s="2"/>
    </row>
    <row r="45241" spans="1:3" ht="19.2">
      <c r="A45241" s="2"/>
      <c r="B45241" s="2"/>
      <c r="C45241" s="2"/>
    </row>
    <row r="45242" spans="1:3" ht="19.2">
      <c r="A45242" s="2"/>
      <c r="B45242" s="2"/>
      <c r="C45242" s="2"/>
    </row>
    <row r="45243" spans="1:3" ht="19.2">
      <c r="A45243" s="2"/>
      <c r="B45243" s="2"/>
      <c r="C45243" s="2"/>
    </row>
    <row r="45244" spans="1:3" ht="19.2">
      <c r="A45244" s="2"/>
      <c r="B45244" s="2"/>
      <c r="C45244" s="2"/>
    </row>
    <row r="45245" spans="1:3" ht="19.2">
      <c r="A45245" s="2"/>
      <c r="B45245" s="2"/>
      <c r="C45245" s="2"/>
    </row>
    <row r="45246" spans="1:3" ht="19.2">
      <c r="A45246" s="2"/>
      <c r="B45246" s="2"/>
      <c r="C45246" s="2"/>
    </row>
    <row r="45247" spans="1:3" ht="19.2">
      <c r="A45247" s="2"/>
      <c r="B45247" s="2"/>
      <c r="C45247" s="2"/>
    </row>
    <row r="45248" spans="1:3" ht="19.2">
      <c r="A45248" s="2"/>
      <c r="B45248" s="2"/>
      <c r="C45248" s="2"/>
    </row>
    <row r="45249" spans="1:3" ht="19.2">
      <c r="A45249" s="2"/>
      <c r="B45249" s="2"/>
      <c r="C45249" s="2"/>
    </row>
    <row r="45250" spans="1:3" ht="19.2">
      <c r="A45250" s="2"/>
      <c r="B45250" s="2"/>
      <c r="C45250" s="2"/>
    </row>
    <row r="45251" spans="1:3" ht="19.2">
      <c r="A45251" s="2"/>
      <c r="B45251" s="2"/>
      <c r="C45251" s="2"/>
    </row>
    <row r="45252" spans="1:3" ht="19.2">
      <c r="A45252" s="2"/>
      <c r="B45252" s="2"/>
      <c r="C45252" s="2"/>
    </row>
    <row r="45253" spans="1:3" ht="19.2">
      <c r="A45253" s="2"/>
      <c r="B45253" s="2"/>
      <c r="C45253" s="2"/>
    </row>
    <row r="45254" spans="1:3" ht="19.2">
      <c r="A45254" s="2"/>
      <c r="B45254" s="2"/>
      <c r="C45254" s="2"/>
    </row>
    <row r="45255" spans="1:3" ht="19.2">
      <c r="A45255" s="2"/>
      <c r="B45255" s="2"/>
      <c r="C45255" s="2"/>
    </row>
    <row r="45256" spans="1:3" ht="19.2">
      <c r="A45256" s="2"/>
      <c r="B45256" s="2"/>
      <c r="C45256" s="2"/>
    </row>
    <row r="45257" spans="1:3" ht="19.2">
      <c r="A45257" s="2"/>
      <c r="B45257" s="2"/>
      <c r="C45257" s="2"/>
    </row>
    <row r="45258" spans="1:3" ht="19.2">
      <c r="A45258" s="2"/>
      <c r="B45258" s="2"/>
      <c r="C45258" s="2"/>
    </row>
    <row r="45259" spans="1:3" ht="19.2">
      <c r="A45259" s="2"/>
      <c r="B45259" s="2"/>
      <c r="C45259" s="2"/>
    </row>
    <row r="45260" spans="1:3" ht="19.2">
      <c r="A45260" s="2"/>
      <c r="B45260" s="2"/>
      <c r="C45260" s="2"/>
    </row>
    <row r="45261" spans="1:3" ht="19.2">
      <c r="A45261" s="2"/>
      <c r="B45261" s="2"/>
      <c r="C45261" s="2"/>
    </row>
    <row r="45262" spans="1:3" ht="19.2">
      <c r="A45262" s="2"/>
      <c r="B45262" s="2"/>
      <c r="C45262" s="2"/>
    </row>
    <row r="45263" spans="1:3" ht="19.2">
      <c r="A45263" s="2"/>
      <c r="B45263" s="2"/>
      <c r="C45263" s="2"/>
    </row>
    <row r="45264" spans="1:3" ht="19.2">
      <c r="A45264" s="2"/>
      <c r="B45264" s="2"/>
      <c r="C45264" s="2"/>
    </row>
    <row r="45265" spans="1:3" ht="19.2">
      <c r="A45265" s="2"/>
      <c r="B45265" s="2"/>
      <c r="C45265" s="2"/>
    </row>
    <row r="45266" spans="1:3" ht="19.2">
      <c r="A45266" s="2"/>
      <c r="B45266" s="2"/>
      <c r="C45266" s="2"/>
    </row>
    <row r="45267" spans="1:3" ht="19.2">
      <c r="A45267" s="2"/>
      <c r="B45267" s="2"/>
      <c r="C45267" s="2"/>
    </row>
    <row r="45268" spans="1:3" ht="19.2">
      <c r="A45268" s="2"/>
      <c r="B45268" s="2"/>
      <c r="C45268" s="2"/>
    </row>
    <row r="45269" spans="1:3" ht="19.2">
      <c r="A45269" s="2"/>
      <c r="B45269" s="2"/>
      <c r="C45269" s="2"/>
    </row>
    <row r="45270" spans="1:3" ht="19.2">
      <c r="A45270" s="2"/>
      <c r="B45270" s="2"/>
      <c r="C45270" s="2"/>
    </row>
    <row r="45271" spans="1:3" ht="19.2">
      <c r="A45271" s="2"/>
      <c r="B45271" s="2"/>
      <c r="C45271" s="2"/>
    </row>
    <row r="45272" spans="1:3" ht="19.2">
      <c r="A45272" s="2"/>
      <c r="B45272" s="2"/>
      <c r="C45272" s="2"/>
    </row>
    <row r="45273" spans="1:3" ht="19.2">
      <c r="A45273" s="2"/>
      <c r="B45273" s="2"/>
      <c r="C45273" s="2"/>
    </row>
    <row r="45274" spans="1:3" ht="19.2">
      <c r="A45274" s="2"/>
      <c r="B45274" s="2"/>
      <c r="C45274" s="2"/>
    </row>
    <row r="45275" spans="1:3" ht="19.2">
      <c r="A45275" s="2"/>
      <c r="B45275" s="2"/>
      <c r="C45275" s="2"/>
    </row>
    <row r="45276" spans="1:3" ht="19.2">
      <c r="A45276" s="2"/>
      <c r="B45276" s="2"/>
      <c r="C45276" s="2"/>
    </row>
    <row r="45277" spans="1:3" ht="19.2">
      <c r="A45277" s="2"/>
      <c r="B45277" s="2"/>
      <c r="C45277" s="2"/>
    </row>
    <row r="45278" spans="1:3" ht="19.2">
      <c r="A45278" s="2"/>
      <c r="B45278" s="2"/>
      <c r="C45278" s="2"/>
    </row>
    <row r="45279" spans="1:3" ht="19.2">
      <c r="A45279" s="2"/>
      <c r="B45279" s="2"/>
      <c r="C45279" s="2"/>
    </row>
    <row r="45280" spans="1:3" ht="19.2">
      <c r="A45280" s="2"/>
      <c r="B45280" s="2"/>
      <c r="C45280" s="2"/>
    </row>
    <row r="45281" spans="1:3" ht="19.2">
      <c r="A45281" s="2"/>
      <c r="B45281" s="2"/>
      <c r="C45281" s="2"/>
    </row>
    <row r="45282" spans="1:3" ht="19.2">
      <c r="A45282" s="2"/>
      <c r="B45282" s="2"/>
      <c r="C45282" s="2"/>
    </row>
    <row r="45283" spans="1:3" ht="19.2">
      <c r="A45283" s="2"/>
      <c r="B45283" s="2"/>
      <c r="C45283" s="2"/>
    </row>
    <row r="45284" spans="1:3" ht="19.2">
      <c r="A45284" s="2"/>
      <c r="B45284" s="2"/>
      <c r="C45284" s="2"/>
    </row>
    <row r="45285" spans="1:3" ht="19.2">
      <c r="A45285" s="2"/>
      <c r="B45285" s="2"/>
      <c r="C45285" s="2"/>
    </row>
    <row r="45286" spans="1:3" ht="19.2">
      <c r="A45286" s="2"/>
      <c r="B45286" s="2"/>
      <c r="C45286" s="2"/>
    </row>
    <row r="45287" spans="1:3" ht="19.2">
      <c r="A45287" s="2"/>
      <c r="B45287" s="2"/>
      <c r="C45287" s="2"/>
    </row>
    <row r="45288" spans="1:3" ht="19.2">
      <c r="A45288" s="2"/>
      <c r="B45288" s="2"/>
      <c r="C45288" s="2"/>
    </row>
    <row r="45289" spans="1:3" ht="19.2">
      <c r="A45289" s="2"/>
      <c r="B45289" s="2"/>
      <c r="C45289" s="2"/>
    </row>
    <row r="45290" spans="1:3" ht="19.2">
      <c r="A45290" s="2"/>
      <c r="B45290" s="2"/>
      <c r="C45290" s="2"/>
    </row>
    <row r="45291" spans="1:3" ht="19.2">
      <c r="A45291" s="2"/>
      <c r="B45291" s="2"/>
      <c r="C45291" s="2"/>
    </row>
    <row r="45292" spans="1:3" ht="19.2">
      <c r="A45292" s="2"/>
      <c r="B45292" s="2"/>
      <c r="C45292" s="2"/>
    </row>
    <row r="45293" spans="1:3" ht="19.2">
      <c r="A45293" s="2"/>
      <c r="B45293" s="2"/>
      <c r="C45293" s="2"/>
    </row>
    <row r="45294" spans="1:3" ht="19.2">
      <c r="A45294" s="2"/>
      <c r="B45294" s="2"/>
      <c r="C45294" s="2"/>
    </row>
    <row r="45295" spans="1:3" ht="19.2">
      <c r="A45295" s="2"/>
      <c r="B45295" s="2"/>
      <c r="C45295" s="2"/>
    </row>
    <row r="45296" spans="1:3" ht="19.2">
      <c r="A45296" s="2"/>
      <c r="B45296" s="2"/>
      <c r="C45296" s="2"/>
    </row>
    <row r="45297" spans="1:3" ht="19.2">
      <c r="A45297" s="2"/>
      <c r="B45297" s="2"/>
      <c r="C45297" s="2"/>
    </row>
    <row r="45298" spans="1:3" ht="19.2">
      <c r="A45298" s="2"/>
      <c r="B45298" s="2"/>
      <c r="C45298" s="2"/>
    </row>
    <row r="45299" spans="1:3" ht="19.2">
      <c r="A45299" s="2"/>
      <c r="B45299" s="2"/>
      <c r="C45299" s="2"/>
    </row>
    <row r="45300" spans="1:3" ht="19.2">
      <c r="A45300" s="2"/>
      <c r="B45300" s="2"/>
      <c r="C45300" s="2"/>
    </row>
    <row r="45301" spans="1:3" ht="19.2">
      <c r="A45301" s="2"/>
      <c r="B45301" s="2"/>
      <c r="C45301" s="2"/>
    </row>
    <row r="45302" spans="1:3" ht="19.2">
      <c r="A45302" s="2"/>
      <c r="B45302" s="2"/>
      <c r="C45302" s="2"/>
    </row>
    <row r="45303" spans="1:3" ht="19.2">
      <c r="A45303" s="2"/>
      <c r="B45303" s="2"/>
      <c r="C45303" s="2"/>
    </row>
    <row r="45304" spans="1:3" ht="19.2">
      <c r="A45304" s="2"/>
      <c r="B45304" s="2"/>
      <c r="C45304" s="2"/>
    </row>
    <row r="45305" spans="1:3" ht="19.2">
      <c r="A45305" s="2"/>
      <c r="B45305" s="2"/>
      <c r="C45305" s="2"/>
    </row>
    <row r="45306" spans="1:3" ht="19.2">
      <c r="A45306" s="2"/>
      <c r="B45306" s="2"/>
      <c r="C45306" s="2"/>
    </row>
    <row r="45307" spans="1:3" ht="19.2">
      <c r="A45307" s="2"/>
      <c r="B45307" s="2"/>
      <c r="C45307" s="2"/>
    </row>
    <row r="45308" spans="1:3" ht="19.2">
      <c r="A45308" s="2"/>
      <c r="B45308" s="2"/>
      <c r="C45308" s="2"/>
    </row>
    <row r="45309" spans="1:3" ht="19.2">
      <c r="A45309" s="2"/>
      <c r="B45309" s="2"/>
      <c r="C45309" s="2"/>
    </row>
    <row r="45310" spans="1:3" ht="19.2">
      <c r="A45310" s="2"/>
      <c r="B45310" s="2"/>
      <c r="C45310" s="2"/>
    </row>
    <row r="45311" spans="1:3" ht="19.2">
      <c r="A45311" s="2"/>
      <c r="B45311" s="2"/>
      <c r="C45311" s="2"/>
    </row>
    <row r="45312" spans="1:3" ht="19.2">
      <c r="A45312" s="2"/>
      <c r="B45312" s="2"/>
      <c r="C45312" s="2"/>
    </row>
    <row r="45313" spans="1:3" ht="19.2">
      <c r="A45313" s="2"/>
      <c r="B45313" s="2"/>
      <c r="C45313" s="2"/>
    </row>
    <row r="45314" spans="1:3" ht="19.2">
      <c r="A45314" s="2"/>
      <c r="B45314" s="2"/>
      <c r="C45314" s="2"/>
    </row>
    <row r="45315" spans="1:3" ht="19.2">
      <c r="A45315" s="2"/>
      <c r="B45315" s="2"/>
      <c r="C45315" s="2"/>
    </row>
    <row r="45316" spans="1:3" ht="19.2">
      <c r="A45316" s="2"/>
      <c r="B45316" s="2"/>
      <c r="C45316" s="2"/>
    </row>
    <row r="45317" spans="1:3" ht="19.2">
      <c r="A45317" s="2"/>
      <c r="B45317" s="2"/>
      <c r="C45317" s="2"/>
    </row>
    <row r="45318" spans="1:3" ht="19.2">
      <c r="A45318" s="2"/>
      <c r="B45318" s="2"/>
      <c r="C45318" s="2"/>
    </row>
    <row r="45319" spans="1:3" ht="19.2">
      <c r="A45319" s="2"/>
      <c r="B45319" s="2"/>
      <c r="C45319" s="2"/>
    </row>
    <row r="45320" spans="1:3" ht="19.2">
      <c r="A45320" s="2"/>
      <c r="B45320" s="2"/>
      <c r="C45320" s="2"/>
    </row>
    <row r="45321" spans="1:3" ht="19.2">
      <c r="A45321" s="2"/>
      <c r="B45321" s="2"/>
      <c r="C45321" s="2"/>
    </row>
    <row r="45322" spans="1:3" ht="19.2">
      <c r="A45322" s="2"/>
      <c r="B45322" s="2"/>
      <c r="C45322" s="2"/>
    </row>
    <row r="45323" spans="1:3" ht="19.2">
      <c r="A45323" s="2"/>
      <c r="B45323" s="2"/>
      <c r="C45323" s="2"/>
    </row>
    <row r="45324" spans="1:3" ht="19.2">
      <c r="A45324" s="2"/>
      <c r="B45324" s="2"/>
      <c r="C45324" s="2"/>
    </row>
    <row r="45325" spans="1:3" ht="19.2">
      <c r="A45325" s="2"/>
      <c r="B45325" s="2"/>
      <c r="C45325" s="2"/>
    </row>
    <row r="45326" spans="1:3" ht="19.2">
      <c r="A45326" s="2"/>
      <c r="B45326" s="2"/>
      <c r="C45326" s="2"/>
    </row>
    <row r="45327" spans="1:3" ht="19.2">
      <c r="A45327" s="2"/>
      <c r="B45327" s="2"/>
      <c r="C45327" s="2"/>
    </row>
    <row r="45328" spans="1:3" ht="19.2">
      <c r="A45328" s="2"/>
      <c r="B45328" s="2"/>
      <c r="C45328" s="2"/>
    </row>
    <row r="45329" spans="1:3" ht="19.2">
      <c r="A45329" s="2"/>
      <c r="B45329" s="2"/>
      <c r="C45329" s="2"/>
    </row>
    <row r="45330" spans="1:3" ht="19.2">
      <c r="A45330" s="2"/>
      <c r="B45330" s="2"/>
      <c r="C45330" s="2"/>
    </row>
    <row r="45331" spans="1:3" ht="19.2">
      <c r="A45331" s="2"/>
      <c r="B45331" s="2"/>
      <c r="C45331" s="2"/>
    </row>
    <row r="45332" spans="1:3" ht="19.2">
      <c r="A45332" s="2"/>
      <c r="B45332" s="2"/>
      <c r="C45332" s="2"/>
    </row>
    <row r="45333" spans="1:3" ht="19.2">
      <c r="A45333" s="2"/>
      <c r="B45333" s="2"/>
      <c r="C45333" s="2"/>
    </row>
    <row r="45334" spans="1:3" ht="19.2">
      <c r="A45334" s="2"/>
      <c r="B45334" s="2"/>
      <c r="C45334" s="2"/>
    </row>
    <row r="45335" spans="1:3" ht="19.2">
      <c r="A45335" s="2"/>
      <c r="B45335" s="2"/>
      <c r="C45335" s="2"/>
    </row>
    <row r="45336" spans="1:3" ht="19.2">
      <c r="A45336" s="2"/>
      <c r="B45336" s="2"/>
      <c r="C45336" s="2"/>
    </row>
    <row r="45337" spans="1:3" ht="19.2">
      <c r="A45337" s="2"/>
      <c r="B45337" s="2"/>
      <c r="C45337" s="2"/>
    </row>
    <row r="45338" spans="1:3" ht="19.2">
      <c r="A45338" s="2"/>
      <c r="B45338" s="2"/>
      <c r="C45338" s="2"/>
    </row>
    <row r="45339" spans="1:3" ht="19.2">
      <c r="A45339" s="2"/>
      <c r="B45339" s="2"/>
      <c r="C45339" s="2"/>
    </row>
    <row r="45340" spans="1:3" ht="19.2">
      <c r="A45340" s="2"/>
      <c r="B45340" s="2"/>
      <c r="C45340" s="2"/>
    </row>
    <row r="45341" spans="1:3" ht="19.2">
      <c r="A45341" s="2"/>
      <c r="B45341" s="2"/>
      <c r="C45341" s="2"/>
    </row>
    <row r="45342" spans="1:3" ht="19.2">
      <c r="A45342" s="2"/>
      <c r="B45342" s="2"/>
      <c r="C45342" s="2"/>
    </row>
    <row r="45343" spans="1:3" ht="19.2">
      <c r="A45343" s="2"/>
      <c r="B45343" s="2"/>
      <c r="C45343" s="2"/>
    </row>
    <row r="45344" spans="1:3" ht="19.2">
      <c r="A45344" s="2"/>
      <c r="B45344" s="2"/>
      <c r="C45344" s="2"/>
    </row>
    <row r="45345" spans="1:3" ht="19.2">
      <c r="A45345" s="2"/>
      <c r="B45345" s="2"/>
      <c r="C45345" s="2"/>
    </row>
    <row r="45346" spans="1:3" ht="19.2">
      <c r="A45346" s="2"/>
      <c r="B45346" s="2"/>
      <c r="C45346" s="2"/>
    </row>
    <row r="45347" spans="1:3" ht="19.2">
      <c r="A45347" s="2"/>
      <c r="B45347" s="2"/>
      <c r="C45347" s="2"/>
    </row>
    <row r="45348" spans="1:3" ht="19.2">
      <c r="A45348" s="2"/>
      <c r="B45348" s="2"/>
      <c r="C45348" s="2"/>
    </row>
    <row r="45349" spans="1:3" ht="19.2">
      <c r="A45349" s="2"/>
      <c r="B45349" s="2"/>
      <c r="C45349" s="2"/>
    </row>
    <row r="45350" spans="1:3" ht="19.2">
      <c r="A45350" s="2"/>
      <c r="B45350" s="2"/>
      <c r="C45350" s="2"/>
    </row>
    <row r="45351" spans="1:3" ht="19.2">
      <c r="A45351" s="2"/>
      <c r="B45351" s="2"/>
      <c r="C45351" s="2"/>
    </row>
    <row r="45352" spans="1:3" ht="19.2">
      <c r="A45352" s="2"/>
      <c r="B45352" s="2"/>
      <c r="C45352" s="2"/>
    </row>
    <row r="45353" spans="1:3" ht="19.2">
      <c r="A45353" s="2"/>
      <c r="B45353" s="2"/>
      <c r="C45353" s="2"/>
    </row>
    <row r="45354" spans="1:3" ht="19.2">
      <c r="A45354" s="2"/>
      <c r="B45354" s="2"/>
      <c r="C45354" s="2"/>
    </row>
    <row r="45355" spans="1:3" ht="19.2">
      <c r="A45355" s="2"/>
      <c r="B45355" s="2"/>
      <c r="C45355" s="2"/>
    </row>
    <row r="45356" spans="1:3" ht="19.2">
      <c r="A45356" s="2"/>
      <c r="B45356" s="2"/>
      <c r="C45356" s="2"/>
    </row>
    <row r="45357" spans="1:3" ht="19.2">
      <c r="A45357" s="2"/>
      <c r="B45357" s="2"/>
      <c r="C45357" s="2"/>
    </row>
    <row r="45358" spans="1:3" ht="19.2">
      <c r="A45358" s="2"/>
      <c r="B45358" s="2"/>
      <c r="C45358" s="2"/>
    </row>
    <row r="45359" spans="1:3" ht="19.2">
      <c r="A45359" s="2"/>
      <c r="B45359" s="2"/>
      <c r="C45359" s="2"/>
    </row>
    <row r="45360" spans="1:3" ht="19.2">
      <c r="A45360" s="2"/>
      <c r="B45360" s="2"/>
      <c r="C45360" s="2"/>
    </row>
    <row r="45361" spans="1:3" ht="19.2">
      <c r="A45361" s="2"/>
      <c r="B45361" s="2"/>
      <c r="C45361" s="2"/>
    </row>
    <row r="45362" spans="1:3" ht="19.2">
      <c r="A45362" s="2"/>
      <c r="B45362" s="2"/>
      <c r="C45362" s="2"/>
    </row>
    <row r="45363" spans="1:3" ht="19.2">
      <c r="A45363" s="2"/>
      <c r="B45363" s="2"/>
      <c r="C45363" s="2"/>
    </row>
    <row r="45364" spans="1:3" ht="19.2">
      <c r="A45364" s="2"/>
      <c r="B45364" s="2"/>
      <c r="C45364" s="2"/>
    </row>
    <row r="45365" spans="1:3" ht="19.2">
      <c r="A45365" s="2"/>
      <c r="B45365" s="2"/>
      <c r="C45365" s="2"/>
    </row>
    <row r="45366" spans="1:3" ht="19.2">
      <c r="A45366" s="2"/>
      <c r="B45366" s="2"/>
      <c r="C45366" s="2"/>
    </row>
    <row r="45367" spans="1:3" ht="19.2">
      <c r="A45367" s="2"/>
      <c r="B45367" s="2"/>
      <c r="C45367" s="2"/>
    </row>
    <row r="45368" spans="1:3" ht="19.2">
      <c r="A45368" s="2"/>
      <c r="B45368" s="2"/>
      <c r="C45368" s="2"/>
    </row>
    <row r="45369" spans="1:3" ht="19.2">
      <c r="A45369" s="2"/>
      <c r="B45369" s="2"/>
      <c r="C45369" s="2"/>
    </row>
    <row r="45370" spans="1:3" ht="19.2">
      <c r="A45370" s="2"/>
      <c r="B45370" s="2"/>
      <c r="C45370" s="2"/>
    </row>
    <row r="45371" spans="1:3" ht="19.2">
      <c r="A45371" s="2"/>
      <c r="B45371" s="2"/>
      <c r="C45371" s="2"/>
    </row>
    <row r="45372" spans="1:3" ht="19.2">
      <c r="A45372" s="2"/>
      <c r="B45372" s="2"/>
      <c r="C45372" s="2"/>
    </row>
    <row r="45373" spans="1:3" ht="19.2">
      <c r="A45373" s="2"/>
      <c r="B45373" s="2"/>
      <c r="C45373" s="2"/>
    </row>
    <row r="45374" spans="1:3" ht="19.2">
      <c r="A45374" s="2"/>
      <c r="B45374" s="2"/>
      <c r="C45374" s="2"/>
    </row>
    <row r="45375" spans="1:3" ht="19.2">
      <c r="A45375" s="2"/>
      <c r="B45375" s="2"/>
      <c r="C45375" s="2"/>
    </row>
    <row r="45376" spans="1:3" ht="19.2">
      <c r="A45376" s="2"/>
      <c r="B45376" s="2"/>
      <c r="C45376" s="2"/>
    </row>
    <row r="45377" spans="1:3" ht="19.2">
      <c r="A45377" s="2"/>
      <c r="B45377" s="2"/>
      <c r="C45377" s="2"/>
    </row>
    <row r="45378" spans="1:3" ht="19.2">
      <c r="A45378" s="2"/>
      <c r="B45378" s="2"/>
      <c r="C45378" s="2"/>
    </row>
    <row r="45379" spans="1:3" ht="19.2">
      <c r="A45379" s="2"/>
      <c r="B45379" s="2"/>
      <c r="C45379" s="2"/>
    </row>
    <row r="45380" spans="1:3" ht="19.2">
      <c r="A45380" s="2"/>
      <c r="B45380" s="2"/>
      <c r="C45380" s="2"/>
    </row>
    <row r="45381" spans="1:3" ht="19.2">
      <c r="A45381" s="2"/>
      <c r="B45381" s="2"/>
      <c r="C45381" s="2"/>
    </row>
    <row r="45382" spans="1:3" ht="19.2">
      <c r="A45382" s="2"/>
      <c r="B45382" s="2"/>
      <c r="C45382" s="2"/>
    </row>
    <row r="45383" spans="1:3" ht="19.2">
      <c r="A45383" s="2"/>
      <c r="B45383" s="2"/>
      <c r="C45383" s="2"/>
    </row>
    <row r="45384" spans="1:3" ht="19.2">
      <c r="A45384" s="2"/>
      <c r="B45384" s="2"/>
      <c r="C45384" s="2"/>
    </row>
    <row r="45385" spans="1:3" ht="19.2">
      <c r="A45385" s="2"/>
      <c r="B45385" s="2"/>
      <c r="C45385" s="2"/>
    </row>
    <row r="45386" spans="1:3" ht="19.2">
      <c r="A45386" s="2"/>
      <c r="B45386" s="2"/>
      <c r="C45386" s="2"/>
    </row>
    <row r="45387" spans="1:3" ht="19.2">
      <c r="A45387" s="2"/>
      <c r="B45387" s="2"/>
      <c r="C45387" s="2"/>
    </row>
    <row r="45388" spans="1:3" ht="19.2">
      <c r="A45388" s="2"/>
      <c r="B45388" s="2"/>
      <c r="C45388" s="2"/>
    </row>
    <row r="45389" spans="1:3" ht="19.2">
      <c r="A45389" s="2"/>
      <c r="B45389" s="2"/>
      <c r="C45389" s="2"/>
    </row>
    <row r="45390" spans="1:3" ht="19.2">
      <c r="A45390" s="2"/>
      <c r="B45390" s="2"/>
      <c r="C45390" s="2"/>
    </row>
    <row r="45391" spans="1:3" ht="19.2">
      <c r="A45391" s="2"/>
      <c r="B45391" s="2"/>
      <c r="C45391" s="2"/>
    </row>
    <row r="45392" spans="1:3" ht="19.2">
      <c r="A45392" s="2"/>
      <c r="B45392" s="2"/>
      <c r="C45392" s="2"/>
    </row>
    <row r="45393" spans="1:3" ht="19.2">
      <c r="A45393" s="2"/>
      <c r="B45393" s="2"/>
      <c r="C45393" s="2"/>
    </row>
    <row r="45394" spans="1:3" ht="19.2">
      <c r="A45394" s="2"/>
      <c r="B45394" s="2"/>
      <c r="C45394" s="2"/>
    </row>
    <row r="45395" spans="1:3" ht="19.2">
      <c r="A45395" s="2"/>
      <c r="B45395" s="2"/>
      <c r="C45395" s="2"/>
    </row>
    <row r="45396" spans="1:3" ht="19.2">
      <c r="A45396" s="2"/>
      <c r="B45396" s="2"/>
      <c r="C45396" s="2"/>
    </row>
    <row r="45397" spans="1:3" ht="19.2">
      <c r="A45397" s="2"/>
      <c r="B45397" s="2"/>
      <c r="C45397" s="2"/>
    </row>
    <row r="45398" spans="1:3" ht="19.2">
      <c r="A45398" s="2"/>
      <c r="B45398" s="2"/>
      <c r="C45398" s="2"/>
    </row>
    <row r="45399" spans="1:3" ht="19.2">
      <c r="A45399" s="2"/>
      <c r="B45399" s="2"/>
      <c r="C45399" s="2"/>
    </row>
    <row r="45400" spans="1:3" ht="19.2">
      <c r="A45400" s="2"/>
      <c r="B45400" s="2"/>
      <c r="C45400" s="2"/>
    </row>
    <row r="45401" spans="1:3" ht="19.2">
      <c r="A45401" s="2"/>
      <c r="B45401" s="2"/>
      <c r="C45401" s="2"/>
    </row>
    <row r="45402" spans="1:3" ht="19.2">
      <c r="A45402" s="2"/>
      <c r="B45402" s="2"/>
      <c r="C45402" s="2"/>
    </row>
    <row r="45403" spans="1:3" ht="19.2">
      <c r="A45403" s="2"/>
      <c r="B45403" s="2"/>
      <c r="C45403" s="2"/>
    </row>
    <row r="45404" spans="1:3" ht="19.2">
      <c r="A45404" s="2"/>
      <c r="B45404" s="2"/>
      <c r="C45404" s="2"/>
    </row>
    <row r="45405" spans="1:3" ht="19.2">
      <c r="A45405" s="2"/>
      <c r="B45405" s="2"/>
      <c r="C45405" s="2"/>
    </row>
    <row r="45406" spans="1:3" ht="19.2">
      <c r="A45406" s="2"/>
      <c r="B45406" s="2"/>
      <c r="C45406" s="2"/>
    </row>
    <row r="45407" spans="1:3" ht="19.2">
      <c r="A45407" s="2"/>
      <c r="B45407" s="2"/>
      <c r="C45407" s="2"/>
    </row>
    <row r="45408" spans="1:3" ht="19.2">
      <c r="A45408" s="2"/>
      <c r="B45408" s="2"/>
      <c r="C45408" s="2"/>
    </row>
    <row r="45409" spans="1:3" ht="19.2">
      <c r="A45409" s="2"/>
      <c r="B45409" s="2"/>
      <c r="C45409" s="2"/>
    </row>
    <row r="45410" spans="1:3" ht="19.2">
      <c r="A45410" s="2"/>
      <c r="B45410" s="2"/>
      <c r="C45410" s="2"/>
    </row>
    <row r="45411" spans="1:3" ht="19.2">
      <c r="A45411" s="2"/>
      <c r="B45411" s="2"/>
      <c r="C45411" s="2"/>
    </row>
    <row r="45412" spans="1:3" ht="19.2">
      <c r="A45412" s="2"/>
      <c r="B45412" s="2"/>
      <c r="C45412" s="2"/>
    </row>
    <row r="45413" spans="1:3" ht="19.2">
      <c r="A45413" s="2"/>
      <c r="B45413" s="2"/>
      <c r="C45413" s="2"/>
    </row>
    <row r="45414" spans="1:3" ht="19.2">
      <c r="A45414" s="2"/>
      <c r="B45414" s="2"/>
      <c r="C45414" s="2"/>
    </row>
    <row r="45415" spans="1:3" ht="19.2">
      <c r="A45415" s="2"/>
      <c r="B45415" s="2"/>
      <c r="C45415" s="2"/>
    </row>
    <row r="45416" spans="1:3" ht="19.2">
      <c r="A45416" s="2"/>
      <c r="B45416" s="2"/>
      <c r="C45416" s="2"/>
    </row>
    <row r="45417" spans="1:3" ht="19.2">
      <c r="A45417" s="2"/>
      <c r="B45417" s="2"/>
      <c r="C45417" s="2"/>
    </row>
    <row r="45418" spans="1:3" ht="19.2">
      <c r="A45418" s="2"/>
      <c r="B45418" s="2"/>
      <c r="C45418" s="2"/>
    </row>
    <row r="45419" spans="1:3" ht="19.2">
      <c r="A45419" s="2"/>
      <c r="B45419" s="2"/>
      <c r="C45419" s="2"/>
    </row>
    <row r="45420" spans="1:3" ht="19.2">
      <c r="A45420" s="2"/>
      <c r="B45420" s="2"/>
      <c r="C45420" s="2"/>
    </row>
    <row r="45421" spans="1:3" ht="19.2">
      <c r="A45421" s="2"/>
      <c r="B45421" s="2"/>
      <c r="C45421" s="2"/>
    </row>
    <row r="45422" spans="1:3" ht="19.2">
      <c r="A45422" s="2"/>
      <c r="B45422" s="2"/>
      <c r="C45422" s="2"/>
    </row>
    <row r="45423" spans="1:3" ht="19.2">
      <c r="A45423" s="2"/>
      <c r="B45423" s="2"/>
      <c r="C45423" s="2"/>
    </row>
    <row r="45424" spans="1:3" ht="19.2">
      <c r="A45424" s="2"/>
      <c r="B45424" s="2"/>
      <c r="C45424" s="2"/>
    </row>
    <row r="45425" spans="1:3" ht="19.2">
      <c r="A45425" s="2"/>
      <c r="B45425" s="2"/>
      <c r="C45425" s="2"/>
    </row>
    <row r="45426" spans="1:3" ht="19.2">
      <c r="A45426" s="2"/>
      <c r="B45426" s="2"/>
      <c r="C45426" s="2"/>
    </row>
    <row r="45427" spans="1:3" ht="19.2">
      <c r="A45427" s="2"/>
      <c r="B45427" s="2"/>
      <c r="C45427" s="2"/>
    </row>
    <row r="45428" spans="1:3" ht="19.2">
      <c r="A45428" s="2"/>
      <c r="B45428" s="2"/>
      <c r="C45428" s="2"/>
    </row>
    <row r="45429" spans="1:3" ht="19.2">
      <c r="A45429" s="2"/>
      <c r="B45429" s="2"/>
      <c r="C45429" s="2"/>
    </row>
    <row r="45430" spans="1:3" ht="19.2">
      <c r="A45430" s="2"/>
      <c r="B45430" s="2"/>
      <c r="C45430" s="2"/>
    </row>
    <row r="45431" spans="1:3" ht="19.2">
      <c r="A45431" s="2"/>
      <c r="B45431" s="2"/>
      <c r="C45431" s="2"/>
    </row>
    <row r="45432" spans="1:3" ht="19.2">
      <c r="A45432" s="2"/>
      <c r="B45432" s="2"/>
      <c r="C45432" s="2"/>
    </row>
    <row r="45433" spans="1:3" ht="19.2">
      <c r="A45433" s="2"/>
      <c r="B45433" s="2"/>
      <c r="C45433" s="2"/>
    </row>
    <row r="45434" spans="1:3" ht="19.2">
      <c r="A45434" s="2"/>
      <c r="B45434" s="2"/>
      <c r="C45434" s="2"/>
    </row>
    <row r="45435" spans="1:3" ht="19.2">
      <c r="A45435" s="2"/>
      <c r="B45435" s="2"/>
      <c r="C45435" s="2"/>
    </row>
    <row r="45436" spans="1:3" ht="19.2">
      <c r="A45436" s="2"/>
      <c r="B45436" s="2"/>
      <c r="C45436" s="2"/>
    </row>
    <row r="45437" spans="1:3" ht="19.2">
      <c r="A45437" s="2"/>
      <c r="B45437" s="2"/>
      <c r="C45437" s="2"/>
    </row>
    <row r="45438" spans="1:3" ht="19.2">
      <c r="A45438" s="2"/>
      <c r="B45438" s="2"/>
      <c r="C45438" s="2"/>
    </row>
    <row r="45439" spans="1:3" ht="19.2">
      <c r="A45439" s="2"/>
      <c r="B45439" s="2"/>
      <c r="C45439" s="2"/>
    </row>
    <row r="45440" spans="1:3" ht="19.2">
      <c r="A45440" s="2"/>
      <c r="B45440" s="2"/>
      <c r="C45440" s="2"/>
    </row>
    <row r="45441" spans="1:3" ht="19.2">
      <c r="A45441" s="2"/>
      <c r="B45441" s="2"/>
      <c r="C45441" s="2"/>
    </row>
    <row r="45442" spans="1:3" ht="19.2">
      <c r="A45442" s="2"/>
      <c r="B45442" s="2"/>
      <c r="C45442" s="2"/>
    </row>
    <row r="45443" spans="1:3" ht="19.2">
      <c r="A45443" s="2"/>
      <c r="B45443" s="2"/>
      <c r="C45443" s="2"/>
    </row>
    <row r="45444" spans="1:3" ht="19.2">
      <c r="A45444" s="2"/>
      <c r="B45444" s="2"/>
      <c r="C45444" s="2"/>
    </row>
    <row r="45445" spans="1:3" ht="19.2">
      <c r="A45445" s="2"/>
      <c r="B45445" s="2"/>
      <c r="C45445" s="2"/>
    </row>
    <row r="45446" spans="1:3" ht="19.2">
      <c r="A45446" s="2"/>
      <c r="B45446" s="2"/>
      <c r="C45446" s="2"/>
    </row>
    <row r="45447" spans="1:3" ht="19.2">
      <c r="A45447" s="2"/>
      <c r="B45447" s="2"/>
      <c r="C45447" s="2"/>
    </row>
    <row r="45448" spans="1:3" ht="19.2">
      <c r="A45448" s="2"/>
      <c r="B45448" s="2"/>
      <c r="C45448" s="2"/>
    </row>
    <row r="45449" spans="1:3" ht="19.2">
      <c r="A45449" s="2"/>
      <c r="B45449" s="2"/>
      <c r="C45449" s="2"/>
    </row>
    <row r="45450" spans="1:3" ht="19.2">
      <c r="A45450" s="2"/>
      <c r="B45450" s="2"/>
      <c r="C45450" s="2"/>
    </row>
    <row r="45451" spans="1:3" ht="19.2">
      <c r="A45451" s="2"/>
      <c r="B45451" s="2"/>
      <c r="C45451" s="2"/>
    </row>
    <row r="45452" spans="1:3" ht="19.2">
      <c r="A45452" s="2"/>
      <c r="B45452" s="2"/>
      <c r="C45452" s="2"/>
    </row>
    <row r="45453" spans="1:3" ht="19.2">
      <c r="A45453" s="2"/>
      <c r="B45453" s="2"/>
      <c r="C45453" s="2"/>
    </row>
    <row r="45454" spans="1:3" ht="19.2">
      <c r="A45454" s="2"/>
      <c r="B45454" s="2"/>
      <c r="C45454" s="2"/>
    </row>
    <row r="45455" spans="1:3" ht="19.2">
      <c r="A45455" s="2"/>
      <c r="B45455" s="2"/>
      <c r="C45455" s="2"/>
    </row>
    <row r="45456" spans="1:3" ht="19.2">
      <c r="A45456" s="2"/>
      <c r="B45456" s="2"/>
      <c r="C45456" s="2"/>
    </row>
    <row r="45457" spans="1:3" ht="19.2">
      <c r="A45457" s="2"/>
      <c r="B45457" s="2"/>
      <c r="C45457" s="2"/>
    </row>
    <row r="45458" spans="1:3" ht="19.2">
      <c r="A45458" s="2"/>
      <c r="B45458" s="2"/>
      <c r="C45458" s="2"/>
    </row>
    <row r="45459" spans="1:3" ht="19.2">
      <c r="A45459" s="2"/>
      <c r="B45459" s="2"/>
      <c r="C45459" s="2"/>
    </row>
    <row r="45460" spans="1:3" ht="19.2">
      <c r="A45460" s="2"/>
      <c r="B45460" s="2"/>
      <c r="C45460" s="2"/>
    </row>
    <row r="45461" spans="1:3" ht="19.2">
      <c r="A45461" s="2"/>
      <c r="B45461" s="2"/>
      <c r="C45461" s="2"/>
    </row>
    <row r="45462" spans="1:3" ht="19.2">
      <c r="A45462" s="2"/>
      <c r="B45462" s="2"/>
      <c r="C45462" s="2"/>
    </row>
    <row r="45463" spans="1:3" ht="19.2">
      <c r="A45463" s="2"/>
      <c r="B45463" s="2"/>
      <c r="C45463" s="2"/>
    </row>
    <row r="45464" spans="1:3" ht="19.2">
      <c r="A45464" s="2"/>
      <c r="B45464" s="2"/>
      <c r="C45464" s="2"/>
    </row>
    <row r="45465" spans="1:3" ht="19.2">
      <c r="A45465" s="2"/>
      <c r="B45465" s="2"/>
      <c r="C45465" s="2"/>
    </row>
    <row r="45466" spans="1:3" ht="19.2">
      <c r="A45466" s="2"/>
      <c r="B45466" s="2"/>
      <c r="C45466" s="2"/>
    </row>
    <row r="45467" spans="1:3" ht="19.2">
      <c r="A45467" s="2"/>
      <c r="B45467" s="2"/>
      <c r="C45467" s="2"/>
    </row>
    <row r="45468" spans="1:3" ht="19.2">
      <c r="A45468" s="2"/>
      <c r="B45468" s="2"/>
      <c r="C45468" s="2"/>
    </row>
    <row r="45469" spans="1:3" ht="19.2">
      <c r="A45469" s="2"/>
      <c r="B45469" s="2"/>
      <c r="C45469" s="2"/>
    </row>
    <row r="45470" spans="1:3" ht="19.2">
      <c r="A45470" s="2"/>
      <c r="B45470" s="2"/>
      <c r="C45470" s="2"/>
    </row>
    <row r="45471" spans="1:3" ht="19.2">
      <c r="A45471" s="2"/>
      <c r="B45471" s="2"/>
      <c r="C45471" s="2"/>
    </row>
    <row r="45472" spans="1:3" ht="19.2">
      <c r="A45472" s="2"/>
      <c r="B45472" s="2"/>
      <c r="C45472" s="2"/>
    </row>
    <row r="45473" spans="1:3" ht="19.2">
      <c r="A45473" s="2"/>
      <c r="B45473" s="2"/>
      <c r="C45473" s="2"/>
    </row>
    <row r="45474" spans="1:3" ht="19.2">
      <c r="A45474" s="2"/>
      <c r="B45474" s="2"/>
      <c r="C45474" s="2"/>
    </row>
    <row r="45475" spans="1:3" ht="19.2">
      <c r="A45475" s="2"/>
      <c r="B45475" s="2"/>
      <c r="C45475" s="2"/>
    </row>
    <row r="45476" spans="1:3" ht="19.2">
      <c r="A45476" s="2"/>
      <c r="B45476" s="2"/>
      <c r="C45476" s="2"/>
    </row>
    <row r="45477" spans="1:3" ht="19.2">
      <c r="A45477" s="2"/>
      <c r="B45477" s="2"/>
      <c r="C45477" s="2"/>
    </row>
    <row r="45478" spans="1:3" ht="19.2">
      <c r="A45478" s="2"/>
      <c r="B45478" s="2"/>
      <c r="C45478" s="2"/>
    </row>
    <row r="45479" spans="1:3" ht="19.2">
      <c r="A45479" s="2"/>
      <c r="B45479" s="2"/>
      <c r="C45479" s="2"/>
    </row>
    <row r="45480" spans="1:3" ht="19.2">
      <c r="A45480" s="2"/>
      <c r="B45480" s="2"/>
      <c r="C45480" s="2"/>
    </row>
    <row r="45481" spans="1:3" ht="19.2">
      <c r="A45481" s="2"/>
      <c r="B45481" s="2"/>
      <c r="C45481" s="2"/>
    </row>
    <row r="45482" spans="1:3" ht="19.2">
      <c r="A45482" s="2"/>
      <c r="B45482" s="2"/>
      <c r="C45482" s="2"/>
    </row>
    <row r="45483" spans="1:3" ht="19.2">
      <c r="A45483" s="2"/>
      <c r="B45483" s="2"/>
      <c r="C45483" s="2"/>
    </row>
    <row r="45484" spans="1:3" ht="19.2">
      <c r="A45484" s="2"/>
      <c r="B45484" s="2"/>
      <c r="C45484" s="2"/>
    </row>
    <row r="45485" spans="1:3" ht="19.2">
      <c r="A45485" s="2"/>
      <c r="B45485" s="2"/>
      <c r="C45485" s="2"/>
    </row>
    <row r="45486" spans="1:3" ht="19.2">
      <c r="A45486" s="2"/>
      <c r="B45486" s="2"/>
      <c r="C45486" s="2"/>
    </row>
    <row r="45487" spans="1:3" ht="19.2">
      <c r="A45487" s="2"/>
      <c r="B45487" s="2"/>
      <c r="C45487" s="2"/>
    </row>
    <row r="45488" spans="1:3" ht="19.2">
      <c r="A45488" s="2"/>
      <c r="B45488" s="2"/>
      <c r="C45488" s="2"/>
    </row>
    <row r="45489" spans="1:3" ht="19.2">
      <c r="A45489" s="2"/>
      <c r="B45489" s="2"/>
      <c r="C45489" s="2"/>
    </row>
    <row r="45490" spans="1:3" ht="19.2">
      <c r="A45490" s="2"/>
      <c r="B45490" s="2"/>
      <c r="C45490" s="2"/>
    </row>
    <row r="45491" spans="1:3" ht="19.2">
      <c r="A45491" s="2"/>
      <c r="B45491" s="2"/>
      <c r="C45491" s="2"/>
    </row>
    <row r="45492" spans="1:3" ht="19.2">
      <c r="A45492" s="2"/>
      <c r="B45492" s="2"/>
      <c r="C45492" s="2"/>
    </row>
    <row r="45493" spans="1:3" ht="19.2">
      <c r="A45493" s="2"/>
      <c r="B45493" s="2"/>
      <c r="C45493" s="2"/>
    </row>
    <row r="45494" spans="1:3" ht="19.2">
      <c r="A45494" s="2"/>
      <c r="B45494" s="2"/>
      <c r="C45494" s="2"/>
    </row>
    <row r="45495" spans="1:3" ht="19.2">
      <c r="A45495" s="2"/>
      <c r="B45495" s="2"/>
      <c r="C45495" s="2"/>
    </row>
    <row r="45496" spans="1:3" ht="19.2">
      <c r="A45496" s="2"/>
      <c r="B45496" s="2"/>
      <c r="C45496" s="2"/>
    </row>
    <row r="45497" spans="1:3" ht="19.2">
      <c r="A45497" s="2"/>
      <c r="B45497" s="2"/>
      <c r="C45497" s="2"/>
    </row>
    <row r="45498" spans="1:3" ht="19.2">
      <c r="A45498" s="2"/>
      <c r="B45498" s="2"/>
      <c r="C45498" s="2"/>
    </row>
    <row r="45499" spans="1:3" ht="19.2">
      <c r="A45499" s="2"/>
      <c r="B45499" s="2"/>
      <c r="C45499" s="2"/>
    </row>
    <row r="45500" spans="1:3" ht="19.2">
      <c r="A45500" s="2"/>
      <c r="B45500" s="2"/>
      <c r="C45500" s="2"/>
    </row>
    <row r="45501" spans="1:3" ht="19.2">
      <c r="A45501" s="2"/>
      <c r="B45501" s="2"/>
      <c r="C45501" s="2"/>
    </row>
    <row r="45502" spans="1:3" ht="19.2">
      <c r="A45502" s="2"/>
      <c r="B45502" s="2"/>
      <c r="C45502" s="2"/>
    </row>
    <row r="45503" spans="1:3" ht="19.2">
      <c r="A45503" s="2"/>
      <c r="B45503" s="2"/>
      <c r="C45503" s="2"/>
    </row>
    <row r="45504" spans="1:3" ht="19.2">
      <c r="A45504" s="2"/>
      <c r="B45504" s="2"/>
      <c r="C45504" s="2"/>
    </row>
    <row r="45505" spans="1:3" ht="19.2">
      <c r="A45505" s="2"/>
      <c r="B45505" s="2"/>
      <c r="C45505" s="2"/>
    </row>
    <row r="45506" spans="1:3" ht="19.2">
      <c r="A45506" s="2"/>
      <c r="B45506" s="2"/>
      <c r="C45506" s="2"/>
    </row>
    <row r="45507" spans="1:3" ht="19.2">
      <c r="A45507" s="2"/>
      <c r="B45507" s="2"/>
      <c r="C45507" s="2"/>
    </row>
    <row r="45508" spans="1:3" ht="19.2">
      <c r="A45508" s="2"/>
      <c r="B45508" s="2"/>
      <c r="C45508" s="2"/>
    </row>
    <row r="45509" spans="1:3" ht="19.2">
      <c r="A45509" s="2"/>
      <c r="B45509" s="2"/>
      <c r="C45509" s="2"/>
    </row>
    <row r="45510" spans="1:3" ht="19.2">
      <c r="A45510" s="2"/>
      <c r="B45510" s="2"/>
      <c r="C45510" s="2"/>
    </row>
    <row r="45511" spans="1:3" ht="19.2">
      <c r="A45511" s="2"/>
      <c r="B45511" s="2"/>
      <c r="C45511" s="2"/>
    </row>
    <row r="45512" spans="1:3" ht="19.2">
      <c r="A45512" s="2"/>
      <c r="B45512" s="2"/>
      <c r="C45512" s="2"/>
    </row>
    <row r="45513" spans="1:3" ht="19.2">
      <c r="A45513" s="2"/>
      <c r="B45513" s="2"/>
      <c r="C45513" s="2"/>
    </row>
    <row r="45514" spans="1:3" ht="19.2">
      <c r="A45514" s="2"/>
      <c r="B45514" s="2"/>
      <c r="C45514" s="2"/>
    </row>
    <row r="45515" spans="1:3" ht="19.2">
      <c r="A45515" s="2"/>
      <c r="B45515" s="2"/>
      <c r="C45515" s="2"/>
    </row>
    <row r="45516" spans="1:3" ht="19.2">
      <c r="A45516" s="2"/>
      <c r="B45516" s="2"/>
      <c r="C45516" s="2"/>
    </row>
    <row r="45517" spans="1:3" ht="19.2">
      <c r="A45517" s="2"/>
      <c r="B45517" s="2"/>
      <c r="C45517" s="2"/>
    </row>
    <row r="45518" spans="1:3" ht="19.2">
      <c r="A45518" s="2"/>
      <c r="B45518" s="2"/>
      <c r="C45518" s="2"/>
    </row>
    <row r="45519" spans="1:3" ht="19.2">
      <c r="A45519" s="2"/>
      <c r="B45519" s="2"/>
      <c r="C45519" s="2"/>
    </row>
    <row r="45520" spans="1:3" ht="19.2">
      <c r="A45520" s="2"/>
      <c r="B45520" s="2"/>
      <c r="C45520" s="2"/>
    </row>
    <row r="45521" spans="1:3" ht="19.2">
      <c r="A45521" s="2"/>
      <c r="B45521" s="2"/>
      <c r="C45521" s="2"/>
    </row>
    <row r="45522" spans="1:3" ht="19.2">
      <c r="A45522" s="2"/>
      <c r="B45522" s="2"/>
      <c r="C45522" s="2"/>
    </row>
    <row r="45523" spans="1:3" ht="19.2">
      <c r="A45523" s="2"/>
      <c r="B45523" s="2"/>
      <c r="C45523" s="2"/>
    </row>
    <row r="45524" spans="1:3" ht="19.2">
      <c r="A45524" s="2"/>
      <c r="B45524" s="2"/>
      <c r="C45524" s="2"/>
    </row>
    <row r="45525" spans="1:3" ht="19.2">
      <c r="A45525" s="2"/>
      <c r="B45525" s="2"/>
      <c r="C45525" s="2"/>
    </row>
    <row r="45526" spans="1:3" ht="19.2">
      <c r="A45526" s="2"/>
      <c r="B45526" s="2"/>
      <c r="C45526" s="2"/>
    </row>
    <row r="45527" spans="1:3" ht="19.2">
      <c r="A45527" s="2"/>
      <c r="B45527" s="2"/>
      <c r="C45527" s="2"/>
    </row>
    <row r="45528" spans="1:3" ht="19.2">
      <c r="A45528" s="2"/>
      <c r="B45528" s="2"/>
      <c r="C45528" s="2"/>
    </row>
    <row r="45529" spans="1:3" ht="19.2">
      <c r="A45529" s="2"/>
      <c r="B45529" s="2"/>
      <c r="C45529" s="2"/>
    </row>
    <row r="45530" spans="1:3" ht="19.2">
      <c r="A45530" s="2"/>
      <c r="B45530" s="2"/>
      <c r="C45530" s="2"/>
    </row>
    <row r="45531" spans="1:3" ht="19.2">
      <c r="A45531" s="2"/>
      <c r="B45531" s="2"/>
      <c r="C45531" s="2"/>
    </row>
    <row r="45532" spans="1:3" ht="19.2">
      <c r="A45532" s="2"/>
      <c r="B45532" s="2"/>
      <c r="C45532" s="2"/>
    </row>
    <row r="45533" spans="1:3" ht="19.2">
      <c r="A45533" s="2"/>
      <c r="B45533" s="2"/>
      <c r="C45533" s="2"/>
    </row>
    <row r="45534" spans="1:3" ht="19.2">
      <c r="A45534" s="2"/>
      <c r="B45534" s="2"/>
      <c r="C45534" s="2"/>
    </row>
    <row r="45535" spans="1:3" ht="19.2">
      <c r="A45535" s="2"/>
      <c r="B45535" s="2"/>
      <c r="C45535" s="2"/>
    </row>
    <row r="45536" spans="1:3" ht="19.2">
      <c r="A45536" s="2"/>
      <c r="B45536" s="2"/>
      <c r="C45536" s="2"/>
    </row>
    <row r="45537" spans="1:3" ht="19.2">
      <c r="A45537" s="2"/>
      <c r="B45537" s="2"/>
      <c r="C45537" s="2"/>
    </row>
    <row r="45538" spans="1:3" ht="19.2">
      <c r="A45538" s="2"/>
      <c r="B45538" s="2"/>
      <c r="C45538" s="2"/>
    </row>
    <row r="45539" spans="1:3" ht="19.2">
      <c r="A45539" s="2"/>
      <c r="B45539" s="2"/>
      <c r="C45539" s="2"/>
    </row>
    <row r="45540" spans="1:3" ht="19.2">
      <c r="A45540" s="2"/>
      <c r="B45540" s="2"/>
      <c r="C45540" s="2"/>
    </row>
    <row r="45541" spans="1:3" ht="19.2">
      <c r="A45541" s="2"/>
      <c r="B45541" s="2"/>
      <c r="C45541" s="2"/>
    </row>
    <row r="45542" spans="1:3" ht="19.2">
      <c r="A45542" s="2"/>
      <c r="B45542" s="2"/>
      <c r="C45542" s="2"/>
    </row>
    <row r="45543" spans="1:3" ht="19.2">
      <c r="A45543" s="2"/>
      <c r="B45543" s="2"/>
      <c r="C45543" s="2"/>
    </row>
    <row r="45544" spans="1:3" ht="19.2">
      <c r="A45544" s="2"/>
      <c r="B45544" s="2"/>
      <c r="C45544" s="2"/>
    </row>
    <row r="45545" spans="1:3" ht="19.2">
      <c r="A45545" s="2"/>
      <c r="B45545" s="2"/>
      <c r="C45545" s="2"/>
    </row>
    <row r="45546" spans="1:3" ht="19.2">
      <c r="A45546" s="2"/>
      <c r="B45546" s="2"/>
      <c r="C45546" s="2"/>
    </row>
    <row r="45547" spans="1:3" ht="19.2">
      <c r="A45547" s="2"/>
      <c r="B45547" s="2"/>
      <c r="C45547" s="2"/>
    </row>
    <row r="45548" spans="1:3" ht="19.2">
      <c r="A45548" s="2"/>
      <c r="B45548" s="2"/>
      <c r="C45548" s="2"/>
    </row>
    <row r="45549" spans="1:3" ht="19.2">
      <c r="A45549" s="2"/>
      <c r="B45549" s="2"/>
      <c r="C45549" s="2"/>
    </row>
    <row r="45550" spans="1:3" ht="19.2">
      <c r="A45550" s="2"/>
      <c r="B45550" s="2"/>
      <c r="C45550" s="2"/>
    </row>
    <row r="45551" spans="1:3" ht="19.2">
      <c r="A45551" s="2"/>
      <c r="B45551" s="2"/>
      <c r="C45551" s="2"/>
    </row>
    <row r="45552" spans="1:3" ht="19.2">
      <c r="A45552" s="2"/>
      <c r="B45552" s="2"/>
      <c r="C45552" s="2"/>
    </row>
    <row r="45553" spans="1:3" ht="19.2">
      <c r="A45553" s="2"/>
      <c r="B45553" s="2"/>
      <c r="C45553" s="2"/>
    </row>
    <row r="45554" spans="1:3" ht="19.2">
      <c r="A45554" s="2"/>
      <c r="B45554" s="2"/>
      <c r="C45554" s="2"/>
    </row>
    <row r="45555" spans="1:3" ht="19.2">
      <c r="A45555" s="2"/>
      <c r="B45555" s="2"/>
      <c r="C45555" s="2"/>
    </row>
    <row r="45556" spans="1:3" ht="19.2">
      <c r="A45556" s="2"/>
      <c r="B45556" s="2"/>
      <c r="C45556" s="2"/>
    </row>
    <row r="45557" spans="1:3" ht="19.2">
      <c r="A45557" s="2"/>
      <c r="B45557" s="2"/>
      <c r="C45557" s="2"/>
    </row>
    <row r="45558" spans="1:3" ht="19.2">
      <c r="A45558" s="2"/>
      <c r="B45558" s="2"/>
      <c r="C45558" s="2"/>
    </row>
    <row r="45559" spans="1:3" ht="19.2">
      <c r="A45559" s="2"/>
      <c r="B45559" s="2"/>
      <c r="C45559" s="2"/>
    </row>
    <row r="45560" spans="1:3" ht="19.2">
      <c r="A45560" s="2"/>
      <c r="B45560" s="2"/>
      <c r="C45560" s="2"/>
    </row>
    <row r="45561" spans="1:3" ht="19.2">
      <c r="A45561" s="2"/>
      <c r="B45561" s="2"/>
      <c r="C45561" s="2"/>
    </row>
    <row r="45562" spans="1:3" ht="19.2">
      <c r="A45562" s="2"/>
      <c r="B45562" s="2"/>
      <c r="C45562" s="2"/>
    </row>
    <row r="45563" spans="1:3" ht="19.2">
      <c r="A45563" s="2"/>
      <c r="B45563" s="2"/>
      <c r="C45563" s="2"/>
    </row>
    <row r="45564" spans="1:3" ht="19.2">
      <c r="A45564" s="2"/>
      <c r="B45564" s="2"/>
      <c r="C45564" s="2"/>
    </row>
    <row r="45565" spans="1:3" ht="19.2">
      <c r="A45565" s="2"/>
      <c r="B45565" s="2"/>
      <c r="C45565" s="2"/>
    </row>
    <row r="45566" spans="1:3" ht="19.2">
      <c r="A45566" s="2"/>
      <c r="B45566" s="2"/>
      <c r="C45566" s="2"/>
    </row>
    <row r="45567" spans="1:3" ht="19.2">
      <c r="A45567" s="2"/>
      <c r="B45567" s="2"/>
      <c r="C45567" s="2"/>
    </row>
    <row r="45568" spans="1:3" ht="19.2">
      <c r="A45568" s="2"/>
      <c r="B45568" s="2"/>
      <c r="C45568" s="2"/>
    </row>
    <row r="45569" spans="1:3" ht="19.2">
      <c r="A45569" s="2"/>
      <c r="B45569" s="2"/>
      <c r="C45569" s="2"/>
    </row>
    <row r="45570" spans="1:3" ht="19.2">
      <c r="A45570" s="2"/>
      <c r="B45570" s="2"/>
      <c r="C45570" s="2"/>
    </row>
    <row r="45571" spans="1:3" ht="19.2">
      <c r="A45571" s="2"/>
      <c r="B45571" s="2"/>
      <c r="C45571" s="2"/>
    </row>
    <row r="45572" spans="1:3" ht="19.2">
      <c r="A45572" s="2"/>
      <c r="B45572" s="2"/>
      <c r="C45572" s="2"/>
    </row>
    <row r="45573" spans="1:3" ht="19.2">
      <c r="A45573" s="2"/>
      <c r="B45573" s="2"/>
      <c r="C45573" s="2"/>
    </row>
    <row r="45574" spans="1:3" ht="19.2">
      <c r="A45574" s="2"/>
      <c r="B45574" s="2"/>
      <c r="C45574" s="2"/>
    </row>
    <row r="45575" spans="1:3" ht="19.2">
      <c r="A45575" s="2"/>
      <c r="B45575" s="2"/>
      <c r="C45575" s="2"/>
    </row>
    <row r="45576" spans="1:3" ht="19.2">
      <c r="A45576" s="2"/>
      <c r="B45576" s="2"/>
      <c r="C45576" s="2"/>
    </row>
    <row r="45577" spans="1:3" ht="19.2">
      <c r="A45577" s="2"/>
      <c r="B45577" s="2"/>
      <c r="C45577" s="2"/>
    </row>
    <row r="45578" spans="1:3" ht="19.2">
      <c r="A45578" s="2"/>
      <c r="B45578" s="2"/>
      <c r="C45578" s="2"/>
    </row>
    <row r="45579" spans="1:3" ht="19.2">
      <c r="A45579" s="2"/>
      <c r="B45579" s="2"/>
      <c r="C45579" s="2"/>
    </row>
    <row r="45580" spans="1:3" ht="19.2">
      <c r="A45580" s="2"/>
      <c r="B45580" s="2"/>
      <c r="C45580" s="2"/>
    </row>
    <row r="45581" spans="1:3" ht="19.2">
      <c r="A45581" s="2"/>
      <c r="B45581" s="2"/>
      <c r="C45581" s="2"/>
    </row>
    <row r="45582" spans="1:3" ht="19.2">
      <c r="A45582" s="2"/>
      <c r="B45582" s="2"/>
      <c r="C45582" s="2"/>
    </row>
    <row r="45583" spans="1:3" ht="19.2">
      <c r="A45583" s="2"/>
      <c r="B45583" s="2"/>
      <c r="C45583" s="2"/>
    </row>
    <row r="45584" spans="1:3" ht="19.2">
      <c r="A45584" s="2"/>
      <c r="B45584" s="2"/>
      <c r="C45584" s="2"/>
    </row>
    <row r="45585" spans="1:3" ht="19.2">
      <c r="A45585" s="2"/>
      <c r="B45585" s="2"/>
      <c r="C45585" s="2"/>
    </row>
    <row r="45586" spans="1:3" ht="19.2">
      <c r="A45586" s="2"/>
      <c r="B45586" s="2"/>
      <c r="C45586" s="2"/>
    </row>
    <row r="45587" spans="1:3" ht="19.2">
      <c r="A45587" s="2"/>
      <c r="B45587" s="2"/>
      <c r="C45587" s="2"/>
    </row>
    <row r="45588" spans="1:3" ht="19.2">
      <c r="A45588" s="2"/>
      <c r="B45588" s="2"/>
      <c r="C45588" s="2"/>
    </row>
    <row r="45589" spans="1:3" ht="19.2">
      <c r="A45589" s="2"/>
      <c r="B45589" s="2"/>
      <c r="C45589" s="2"/>
    </row>
    <row r="45590" spans="1:3" ht="19.2">
      <c r="A45590" s="2"/>
      <c r="B45590" s="2"/>
      <c r="C45590" s="2"/>
    </row>
    <row r="45591" spans="1:3" ht="19.2">
      <c r="A45591" s="2"/>
      <c r="B45591" s="2"/>
      <c r="C45591" s="2"/>
    </row>
    <row r="45592" spans="1:3" ht="19.2">
      <c r="A45592" s="2"/>
      <c r="B45592" s="2"/>
      <c r="C45592" s="2"/>
    </row>
    <row r="45593" spans="1:3" ht="19.2">
      <c r="A45593" s="2"/>
      <c r="B45593" s="2"/>
      <c r="C45593" s="2"/>
    </row>
    <row r="45594" spans="1:3" ht="19.2">
      <c r="A45594" s="2"/>
      <c r="B45594" s="2"/>
      <c r="C45594" s="2"/>
    </row>
    <row r="45595" spans="1:3" ht="19.2">
      <c r="A45595" s="2"/>
      <c r="B45595" s="2"/>
      <c r="C45595" s="2"/>
    </row>
    <row r="45596" spans="1:3" ht="19.2">
      <c r="A45596" s="2"/>
      <c r="B45596" s="2"/>
      <c r="C45596" s="2"/>
    </row>
    <row r="45597" spans="1:3" ht="19.2">
      <c r="A45597" s="2"/>
      <c r="B45597" s="2"/>
      <c r="C45597" s="2"/>
    </row>
    <row r="45598" spans="1:3" ht="19.2">
      <c r="A45598" s="2"/>
      <c r="B45598" s="2"/>
      <c r="C45598" s="2"/>
    </row>
    <row r="45599" spans="1:3" ht="19.2">
      <c r="A45599" s="2"/>
      <c r="B45599" s="2"/>
      <c r="C45599" s="2"/>
    </row>
    <row r="45600" spans="1:3" ht="19.2">
      <c r="A45600" s="2"/>
      <c r="B45600" s="2"/>
      <c r="C45600" s="2"/>
    </row>
    <row r="45601" spans="1:3" ht="19.2">
      <c r="A45601" s="2"/>
      <c r="B45601" s="2"/>
      <c r="C45601" s="2"/>
    </row>
    <row r="45602" spans="1:3" ht="19.2">
      <c r="A45602" s="2"/>
      <c r="B45602" s="2"/>
      <c r="C45602" s="2"/>
    </row>
    <row r="45603" spans="1:3" ht="19.2">
      <c r="A45603" s="2"/>
      <c r="B45603" s="2"/>
      <c r="C45603" s="2"/>
    </row>
    <row r="45604" spans="1:3" ht="19.2">
      <c r="A45604" s="2"/>
      <c r="B45604" s="2"/>
      <c r="C45604" s="2"/>
    </row>
    <row r="45605" spans="1:3" ht="19.2">
      <c r="A45605" s="2"/>
      <c r="B45605" s="2"/>
      <c r="C45605" s="2"/>
    </row>
    <row r="45606" spans="1:3" ht="19.2">
      <c r="A45606" s="2"/>
      <c r="B45606" s="2"/>
      <c r="C45606" s="2"/>
    </row>
    <row r="45607" spans="1:3" ht="19.2">
      <c r="A45607" s="2"/>
      <c r="B45607" s="2"/>
      <c r="C45607" s="2"/>
    </row>
    <row r="45608" spans="1:3" ht="19.2">
      <c r="A45608" s="2"/>
      <c r="B45608" s="2"/>
      <c r="C45608" s="2"/>
    </row>
    <row r="45609" spans="1:3" ht="19.2">
      <c r="A45609" s="2"/>
      <c r="B45609" s="2"/>
      <c r="C45609" s="2"/>
    </row>
    <row r="45610" spans="1:3" ht="19.2">
      <c r="A45610" s="2"/>
      <c r="B45610" s="2"/>
      <c r="C45610" s="2"/>
    </row>
    <row r="45611" spans="1:3" ht="19.2">
      <c r="A45611" s="2"/>
      <c r="B45611" s="2"/>
      <c r="C45611" s="2"/>
    </row>
    <row r="45612" spans="1:3" ht="19.2">
      <c r="A45612" s="2"/>
      <c r="B45612" s="2"/>
      <c r="C45612" s="2"/>
    </row>
    <row r="45613" spans="1:3" ht="19.2">
      <c r="A45613" s="2"/>
      <c r="B45613" s="2"/>
      <c r="C45613" s="2"/>
    </row>
    <row r="45614" spans="1:3" ht="19.2">
      <c r="A45614" s="2"/>
      <c r="B45614" s="2"/>
      <c r="C45614" s="2"/>
    </row>
    <row r="45615" spans="1:3" ht="19.2">
      <c r="A45615" s="2"/>
      <c r="B45615" s="2"/>
      <c r="C45615" s="2"/>
    </row>
    <row r="45616" spans="1:3" ht="19.2">
      <c r="A45616" s="2"/>
      <c r="B45616" s="2"/>
      <c r="C45616" s="2"/>
    </row>
    <row r="45617" spans="1:3" ht="19.2">
      <c r="A45617" s="2"/>
      <c r="B45617" s="2"/>
      <c r="C45617" s="2"/>
    </row>
    <row r="45618" spans="1:3" ht="19.2">
      <c r="A45618" s="2"/>
      <c r="B45618" s="2"/>
      <c r="C45618" s="2"/>
    </row>
    <row r="45619" spans="1:3" ht="19.2">
      <c r="A45619" s="2"/>
      <c r="B45619" s="2"/>
      <c r="C45619" s="2"/>
    </row>
    <row r="45620" spans="1:3" ht="19.2">
      <c r="A45620" s="2"/>
      <c r="B45620" s="2"/>
      <c r="C45620" s="2"/>
    </row>
    <row r="45621" spans="1:3" ht="19.2">
      <c r="A45621" s="2"/>
      <c r="B45621" s="2"/>
      <c r="C45621" s="2"/>
    </row>
    <row r="45622" spans="1:3" ht="19.2">
      <c r="A45622" s="2"/>
      <c r="B45622" s="2"/>
      <c r="C45622" s="2"/>
    </row>
    <row r="45623" spans="1:3" ht="19.2">
      <c r="A45623" s="2"/>
      <c r="B45623" s="2"/>
      <c r="C45623" s="2"/>
    </row>
    <row r="45624" spans="1:3" ht="19.2">
      <c r="A45624" s="2"/>
      <c r="B45624" s="2"/>
      <c r="C45624" s="2"/>
    </row>
    <row r="45625" spans="1:3" ht="19.2">
      <c r="A45625" s="2"/>
      <c r="B45625" s="2"/>
      <c r="C45625" s="2"/>
    </row>
    <row r="45626" spans="1:3" ht="19.2">
      <c r="A45626" s="2"/>
      <c r="B45626" s="2"/>
      <c r="C45626" s="2"/>
    </row>
    <row r="45627" spans="1:3" ht="19.2">
      <c r="A45627" s="2"/>
      <c r="B45627" s="2"/>
      <c r="C45627" s="2"/>
    </row>
    <row r="45628" spans="1:3" ht="19.2">
      <c r="A45628" s="2"/>
      <c r="B45628" s="2"/>
      <c r="C45628" s="2"/>
    </row>
    <row r="45629" spans="1:3" ht="19.2">
      <c r="A45629" s="2"/>
      <c r="B45629" s="2"/>
      <c r="C45629" s="2"/>
    </row>
    <row r="45630" spans="1:3" ht="19.2">
      <c r="A45630" s="2"/>
      <c r="B45630" s="2"/>
      <c r="C45630" s="2"/>
    </row>
    <row r="45631" spans="1:3" ht="19.2">
      <c r="A45631" s="2"/>
      <c r="B45631" s="2"/>
      <c r="C45631" s="2"/>
    </row>
    <row r="45632" spans="1:3" ht="19.2">
      <c r="A45632" s="2"/>
      <c r="B45632" s="2"/>
      <c r="C45632" s="2"/>
    </row>
    <row r="45633" spans="1:3" ht="19.2">
      <c r="A45633" s="2"/>
      <c r="B45633" s="2"/>
      <c r="C45633" s="2"/>
    </row>
    <row r="45634" spans="1:3" ht="19.2">
      <c r="A45634" s="2"/>
      <c r="B45634" s="2"/>
      <c r="C45634" s="2"/>
    </row>
    <row r="45635" spans="1:3" ht="19.2">
      <c r="A45635" s="2"/>
      <c r="B45635" s="2"/>
      <c r="C45635" s="2"/>
    </row>
    <row r="45636" spans="1:3" ht="19.2">
      <c r="A45636" s="2"/>
      <c r="B45636" s="2"/>
      <c r="C45636" s="2"/>
    </row>
    <row r="45637" spans="1:3" ht="19.2">
      <c r="A45637" s="2"/>
      <c r="B45637" s="2"/>
      <c r="C45637" s="2"/>
    </row>
    <row r="45638" spans="1:3" ht="19.2">
      <c r="A45638" s="2"/>
      <c r="B45638" s="2"/>
      <c r="C45638" s="2"/>
    </row>
    <row r="45639" spans="1:3" ht="19.2">
      <c r="A45639" s="2"/>
      <c r="B45639" s="2"/>
      <c r="C45639" s="2"/>
    </row>
    <row r="45640" spans="1:3" ht="19.2">
      <c r="A45640" s="2"/>
      <c r="B45640" s="2"/>
      <c r="C45640" s="2"/>
    </row>
    <row r="45641" spans="1:3" ht="19.2">
      <c r="A45641" s="2"/>
      <c r="B45641" s="2"/>
      <c r="C45641" s="2"/>
    </row>
    <row r="45642" spans="1:3" ht="19.2">
      <c r="A45642" s="2"/>
      <c r="B45642" s="2"/>
      <c r="C45642" s="2"/>
    </row>
    <row r="45643" spans="1:3" ht="19.2">
      <c r="A45643" s="2"/>
      <c r="B45643" s="2"/>
      <c r="C45643" s="2"/>
    </row>
    <row r="45644" spans="1:3" ht="19.2">
      <c r="A45644" s="2"/>
      <c r="B45644" s="2"/>
      <c r="C45644" s="2"/>
    </row>
    <row r="45645" spans="1:3" ht="19.2">
      <c r="A45645" s="2"/>
      <c r="B45645" s="2"/>
      <c r="C45645" s="2"/>
    </row>
    <row r="45646" spans="1:3" ht="19.2">
      <c r="A45646" s="2"/>
      <c r="B45646" s="2"/>
      <c r="C45646" s="2"/>
    </row>
    <row r="45647" spans="1:3" ht="19.2">
      <c r="A45647" s="2"/>
      <c r="B45647" s="2"/>
      <c r="C45647" s="2"/>
    </row>
    <row r="45648" spans="1:3" ht="19.2">
      <c r="A45648" s="2"/>
      <c r="B45648" s="2"/>
      <c r="C45648" s="2"/>
    </row>
    <row r="45649" spans="1:3" ht="19.2">
      <c r="A45649" s="2"/>
      <c r="B45649" s="2"/>
      <c r="C45649" s="2"/>
    </row>
    <row r="45650" spans="1:3" ht="19.2">
      <c r="A45650" s="2"/>
      <c r="B45650" s="2"/>
      <c r="C45650" s="2"/>
    </row>
    <row r="45651" spans="1:3" ht="19.2">
      <c r="A45651" s="2"/>
      <c r="B45651" s="2"/>
      <c r="C45651" s="2"/>
    </row>
    <row r="45652" spans="1:3" ht="19.2">
      <c r="A45652" s="2"/>
      <c r="B45652" s="2"/>
      <c r="C45652" s="2"/>
    </row>
    <row r="45653" spans="1:3" ht="19.2">
      <c r="A45653" s="2"/>
      <c r="B45653" s="2"/>
      <c r="C45653" s="2"/>
    </row>
    <row r="45654" spans="1:3" ht="19.2">
      <c r="A45654" s="2"/>
      <c r="B45654" s="2"/>
      <c r="C45654" s="2"/>
    </row>
    <row r="45655" spans="1:3" ht="19.2">
      <c r="A45655" s="2"/>
      <c r="B45655" s="2"/>
      <c r="C45655" s="2"/>
    </row>
    <row r="45656" spans="1:3" ht="19.2">
      <c r="A45656" s="2"/>
      <c r="B45656" s="2"/>
      <c r="C45656" s="2"/>
    </row>
    <row r="45657" spans="1:3" ht="19.2">
      <c r="A45657" s="2"/>
      <c r="B45657" s="2"/>
      <c r="C45657" s="2"/>
    </row>
    <row r="45658" spans="1:3" ht="19.2">
      <c r="A45658" s="2"/>
      <c r="B45658" s="2"/>
      <c r="C45658" s="2"/>
    </row>
    <row r="45659" spans="1:3" ht="19.2">
      <c r="A45659" s="2"/>
      <c r="B45659" s="2"/>
      <c r="C45659" s="2"/>
    </row>
    <row r="45660" spans="1:3" ht="19.2">
      <c r="A45660" s="2"/>
      <c r="B45660" s="2"/>
      <c r="C45660" s="2"/>
    </row>
    <row r="45661" spans="1:3" ht="19.2">
      <c r="A45661" s="2"/>
      <c r="B45661" s="2"/>
      <c r="C45661" s="2"/>
    </row>
    <row r="45662" spans="1:3" ht="19.2">
      <c r="A45662" s="2"/>
      <c r="B45662" s="2"/>
      <c r="C45662" s="2"/>
    </row>
    <row r="45663" spans="1:3" ht="19.2">
      <c r="A45663" s="2"/>
      <c r="B45663" s="2"/>
      <c r="C45663" s="2"/>
    </row>
    <row r="45664" spans="1:3" ht="19.2">
      <c r="A45664" s="2"/>
      <c r="B45664" s="2"/>
      <c r="C45664" s="2"/>
    </row>
    <row r="45665" spans="1:3" ht="19.2">
      <c r="A45665" s="2"/>
      <c r="B45665" s="2"/>
      <c r="C45665" s="2"/>
    </row>
    <row r="45666" spans="1:3" ht="19.2">
      <c r="A45666" s="2"/>
      <c r="B45666" s="2"/>
      <c r="C45666" s="2"/>
    </row>
    <row r="45667" spans="1:3" ht="19.2">
      <c r="A45667" s="2"/>
      <c r="B45667" s="2"/>
      <c r="C45667" s="2"/>
    </row>
    <row r="45668" spans="1:3" ht="19.2">
      <c r="A45668" s="2"/>
      <c r="B45668" s="2"/>
      <c r="C45668" s="2"/>
    </row>
    <row r="45669" spans="1:3" ht="19.2">
      <c r="A45669" s="2"/>
      <c r="B45669" s="2"/>
      <c r="C45669" s="2"/>
    </row>
    <row r="45670" spans="1:3" ht="19.2">
      <c r="A45670" s="2"/>
      <c r="B45670" s="2"/>
      <c r="C45670" s="2"/>
    </row>
    <row r="45671" spans="1:3" ht="19.2">
      <c r="A45671" s="2"/>
      <c r="B45671" s="2"/>
      <c r="C45671" s="2"/>
    </row>
    <row r="45672" spans="1:3" ht="19.2">
      <c r="A45672" s="2"/>
      <c r="B45672" s="2"/>
      <c r="C45672" s="2"/>
    </row>
    <row r="45673" spans="1:3" ht="19.2">
      <c r="A45673" s="2"/>
      <c r="B45673" s="2"/>
      <c r="C45673" s="2"/>
    </row>
    <row r="45674" spans="1:3" ht="19.2">
      <c r="A45674" s="2"/>
      <c r="B45674" s="2"/>
      <c r="C45674" s="2"/>
    </row>
    <row r="45675" spans="1:3" ht="19.2">
      <c r="A45675" s="2"/>
      <c r="B45675" s="2"/>
      <c r="C45675" s="2"/>
    </row>
    <row r="45676" spans="1:3" ht="19.2">
      <c r="A45676" s="2"/>
      <c r="B45676" s="2"/>
      <c r="C45676" s="2"/>
    </row>
    <row r="45677" spans="1:3" ht="19.2">
      <c r="A45677" s="2"/>
      <c r="B45677" s="2"/>
      <c r="C45677" s="2"/>
    </row>
    <row r="45678" spans="1:3" ht="19.2">
      <c r="A45678" s="2"/>
      <c r="B45678" s="2"/>
      <c r="C45678" s="2"/>
    </row>
    <row r="45679" spans="1:3" ht="19.2">
      <c r="A45679" s="2"/>
      <c r="B45679" s="2"/>
      <c r="C45679" s="2"/>
    </row>
    <row r="45680" spans="1:3" ht="19.2">
      <c r="A45680" s="2"/>
      <c r="B45680" s="2"/>
      <c r="C45680" s="2"/>
    </row>
    <row r="45681" spans="1:3" ht="19.2">
      <c r="A45681" s="2"/>
      <c r="B45681" s="2"/>
      <c r="C45681" s="2"/>
    </row>
    <row r="45682" spans="1:3" ht="19.2">
      <c r="A45682" s="2"/>
      <c r="B45682" s="2"/>
      <c r="C45682" s="2"/>
    </row>
    <row r="45683" spans="1:3" ht="19.2">
      <c r="A45683" s="2"/>
      <c r="B45683" s="2"/>
      <c r="C45683" s="2"/>
    </row>
    <row r="45684" spans="1:3" ht="19.2">
      <c r="A45684" s="2"/>
      <c r="B45684" s="2"/>
      <c r="C45684" s="2"/>
    </row>
    <row r="45685" spans="1:3" ht="19.2">
      <c r="A45685" s="2"/>
      <c r="B45685" s="2"/>
      <c r="C45685" s="2"/>
    </row>
    <row r="45686" spans="1:3" ht="19.2">
      <c r="A45686" s="2"/>
      <c r="B45686" s="2"/>
      <c r="C45686" s="2"/>
    </row>
    <row r="45687" spans="1:3" ht="19.2">
      <c r="A45687" s="2"/>
      <c r="B45687" s="2"/>
      <c r="C45687" s="2"/>
    </row>
    <row r="45688" spans="1:3" ht="19.2">
      <c r="A45688" s="2"/>
      <c r="B45688" s="2"/>
      <c r="C45688" s="2"/>
    </row>
    <row r="45689" spans="1:3" ht="19.2">
      <c r="A45689" s="2"/>
      <c r="B45689" s="2"/>
      <c r="C45689" s="2"/>
    </row>
    <row r="45690" spans="1:3" ht="19.2">
      <c r="A45690" s="2"/>
      <c r="B45690" s="2"/>
      <c r="C45690" s="2"/>
    </row>
    <row r="45691" spans="1:3" ht="19.2">
      <c r="A45691" s="2"/>
      <c r="B45691" s="2"/>
      <c r="C45691" s="2"/>
    </row>
    <row r="45692" spans="1:3" ht="19.2">
      <c r="A45692" s="2"/>
      <c r="B45692" s="2"/>
      <c r="C45692" s="2"/>
    </row>
    <row r="45693" spans="1:3" ht="19.2">
      <c r="A45693" s="2"/>
      <c r="B45693" s="2"/>
      <c r="C45693" s="2"/>
    </row>
    <row r="45694" spans="1:3" ht="19.2">
      <c r="A45694" s="2"/>
      <c r="B45694" s="2"/>
      <c r="C45694" s="2"/>
    </row>
    <row r="45695" spans="1:3" ht="19.2">
      <c r="A45695" s="2"/>
      <c r="B45695" s="2"/>
      <c r="C45695" s="2"/>
    </row>
    <row r="45696" spans="1:3" ht="19.2">
      <c r="A45696" s="2"/>
      <c r="B45696" s="2"/>
      <c r="C45696" s="2"/>
    </row>
    <row r="45697" spans="1:3" ht="19.2">
      <c r="A45697" s="2"/>
      <c r="B45697" s="2"/>
      <c r="C45697" s="2"/>
    </row>
    <row r="45698" spans="1:3" ht="19.2">
      <c r="A45698" s="2"/>
      <c r="B45698" s="2"/>
      <c r="C45698" s="2"/>
    </row>
    <row r="45699" spans="1:3" ht="19.2">
      <c r="A45699" s="2"/>
      <c r="B45699" s="2"/>
      <c r="C45699" s="2"/>
    </row>
    <row r="45700" spans="1:3" ht="19.2">
      <c r="A45700" s="2"/>
      <c r="B45700" s="2"/>
      <c r="C45700" s="2"/>
    </row>
    <row r="45701" spans="1:3" ht="19.2">
      <c r="A45701" s="2"/>
      <c r="B45701" s="2"/>
      <c r="C45701" s="2"/>
    </row>
    <row r="45702" spans="1:3" ht="19.2">
      <c r="A45702" s="2"/>
      <c r="B45702" s="2"/>
      <c r="C45702" s="2"/>
    </row>
    <row r="45703" spans="1:3" ht="19.2">
      <c r="A45703" s="2"/>
      <c r="B45703" s="2"/>
      <c r="C45703" s="2"/>
    </row>
    <row r="45704" spans="1:3" ht="19.2">
      <c r="A45704" s="2"/>
      <c r="B45704" s="2"/>
      <c r="C45704" s="2"/>
    </row>
    <row r="45705" spans="1:3" ht="19.2">
      <c r="A45705" s="2"/>
      <c r="B45705" s="2"/>
      <c r="C45705" s="2"/>
    </row>
    <row r="45706" spans="1:3" ht="19.2">
      <c r="A45706" s="2"/>
      <c r="B45706" s="2"/>
      <c r="C45706" s="2"/>
    </row>
    <row r="45707" spans="1:3" ht="19.2">
      <c r="A45707" s="2"/>
      <c r="B45707" s="2"/>
      <c r="C45707" s="2"/>
    </row>
    <row r="45708" spans="1:3" ht="19.2">
      <c r="A45708" s="2"/>
      <c r="B45708" s="2"/>
      <c r="C45708" s="2"/>
    </row>
    <row r="45709" spans="1:3" ht="19.2">
      <c r="A45709" s="2"/>
      <c r="B45709" s="2"/>
      <c r="C45709" s="2"/>
    </row>
    <row r="45710" spans="1:3" ht="19.2">
      <c r="A45710" s="2"/>
      <c r="B45710" s="2"/>
      <c r="C45710" s="2"/>
    </row>
    <row r="45711" spans="1:3" ht="19.2">
      <c r="A45711" s="2"/>
      <c r="B45711" s="2"/>
      <c r="C45711" s="2"/>
    </row>
    <row r="45712" spans="1:3" ht="19.2">
      <c r="A45712" s="2"/>
      <c r="B45712" s="2"/>
      <c r="C45712" s="2"/>
    </row>
    <row r="45713" spans="1:3" ht="19.2">
      <c r="A45713" s="2"/>
      <c r="B45713" s="2"/>
      <c r="C45713" s="2"/>
    </row>
    <row r="45714" spans="1:3" ht="19.2">
      <c r="A45714" s="2"/>
      <c r="B45714" s="2"/>
      <c r="C45714" s="2"/>
    </row>
    <row r="45715" spans="1:3" ht="19.2">
      <c r="A45715" s="2"/>
      <c r="B45715" s="2"/>
      <c r="C45715" s="2"/>
    </row>
    <row r="45716" spans="1:3" ht="19.2">
      <c r="A45716" s="2"/>
      <c r="B45716" s="2"/>
      <c r="C45716" s="2"/>
    </row>
    <row r="45717" spans="1:3" ht="19.2">
      <c r="A45717" s="2"/>
      <c r="B45717" s="2"/>
      <c r="C45717" s="2"/>
    </row>
    <row r="45718" spans="1:3" ht="19.2">
      <c r="A45718" s="2"/>
      <c r="B45718" s="2"/>
      <c r="C45718" s="2"/>
    </row>
    <row r="45719" spans="1:3" ht="19.2">
      <c r="A45719" s="2"/>
      <c r="B45719" s="2"/>
      <c r="C45719" s="2"/>
    </row>
    <row r="45720" spans="1:3" ht="19.2">
      <c r="A45720" s="2"/>
      <c r="B45720" s="2"/>
      <c r="C45720" s="2"/>
    </row>
    <row r="45721" spans="1:3" ht="19.2">
      <c r="A45721" s="2"/>
      <c r="B45721" s="2"/>
      <c r="C45721" s="2"/>
    </row>
    <row r="45722" spans="1:3" ht="19.2">
      <c r="A45722" s="2"/>
      <c r="B45722" s="2"/>
      <c r="C45722" s="2"/>
    </row>
    <row r="45723" spans="1:3" ht="19.2">
      <c r="A45723" s="2"/>
      <c r="B45723" s="2"/>
      <c r="C45723" s="2"/>
    </row>
    <row r="45724" spans="1:3" ht="19.2">
      <c r="A45724" s="2"/>
      <c r="B45724" s="2"/>
      <c r="C45724" s="2"/>
    </row>
    <row r="45725" spans="1:3" ht="19.2">
      <c r="A45725" s="2"/>
      <c r="B45725" s="2"/>
      <c r="C45725" s="2"/>
    </row>
    <row r="45726" spans="1:3" ht="19.2">
      <c r="A45726" s="2"/>
      <c r="B45726" s="2"/>
      <c r="C45726" s="2"/>
    </row>
    <row r="45727" spans="1:3" ht="19.2">
      <c r="A45727" s="2"/>
      <c r="B45727" s="2"/>
      <c r="C45727" s="2"/>
    </row>
    <row r="45728" spans="1:3" ht="19.2">
      <c r="A45728" s="2"/>
      <c r="B45728" s="2"/>
      <c r="C45728" s="2"/>
    </row>
    <row r="45729" spans="1:3" ht="19.2">
      <c r="A45729" s="2"/>
      <c r="B45729" s="2"/>
      <c r="C45729" s="2"/>
    </row>
    <row r="45730" spans="1:3" ht="19.2">
      <c r="A45730" s="2"/>
      <c r="B45730" s="2"/>
      <c r="C45730" s="2"/>
    </row>
    <row r="45731" spans="1:3" ht="19.2">
      <c r="A45731" s="2"/>
      <c r="B45731" s="2"/>
      <c r="C45731" s="2"/>
    </row>
    <row r="45732" spans="1:3" ht="19.2">
      <c r="A45732" s="2"/>
      <c r="B45732" s="2"/>
      <c r="C45732" s="2"/>
    </row>
    <row r="45733" spans="1:3" ht="19.2">
      <c r="A45733" s="2"/>
      <c r="B45733" s="2"/>
      <c r="C45733" s="2"/>
    </row>
    <row r="45734" spans="1:3" ht="19.2">
      <c r="A45734" s="2"/>
      <c r="B45734" s="2"/>
      <c r="C45734" s="2"/>
    </row>
    <row r="45735" spans="1:3" ht="19.2">
      <c r="A45735" s="2"/>
      <c r="B45735" s="2"/>
      <c r="C45735" s="2"/>
    </row>
    <row r="45736" spans="1:3" ht="19.2">
      <c r="A45736" s="2"/>
      <c r="B45736" s="2"/>
      <c r="C45736" s="2"/>
    </row>
    <row r="45737" spans="1:3" ht="19.2">
      <c r="A45737" s="2"/>
      <c r="B45737" s="2"/>
      <c r="C45737" s="2"/>
    </row>
    <row r="45738" spans="1:3" ht="19.2">
      <c r="A45738" s="2"/>
      <c r="B45738" s="2"/>
      <c r="C45738" s="2"/>
    </row>
    <row r="45739" spans="1:3" ht="19.2">
      <c r="A45739" s="2"/>
      <c r="B45739" s="2"/>
      <c r="C45739" s="2"/>
    </row>
    <row r="45740" spans="1:3" ht="19.2">
      <c r="A45740" s="2"/>
      <c r="B45740" s="2"/>
      <c r="C45740" s="2"/>
    </row>
    <row r="45741" spans="1:3" ht="19.2">
      <c r="A45741" s="2"/>
      <c r="B45741" s="2"/>
      <c r="C45741" s="2"/>
    </row>
    <row r="45742" spans="1:3" ht="19.2">
      <c r="A45742" s="2"/>
      <c r="B45742" s="2"/>
      <c r="C45742" s="2"/>
    </row>
    <row r="45743" spans="1:3" ht="19.2">
      <c r="A45743" s="2"/>
      <c r="B45743" s="2"/>
      <c r="C45743" s="2"/>
    </row>
    <row r="45744" spans="1:3" ht="19.2">
      <c r="A45744" s="2"/>
      <c r="B45744" s="2"/>
      <c r="C45744" s="2"/>
    </row>
    <row r="45745" spans="1:3" ht="19.2">
      <c r="A45745" s="2"/>
      <c r="B45745" s="2"/>
      <c r="C45745" s="2"/>
    </row>
    <row r="45746" spans="1:3" ht="19.2">
      <c r="A45746" s="2"/>
      <c r="B45746" s="2"/>
      <c r="C45746" s="2"/>
    </row>
    <row r="45747" spans="1:3" ht="19.2">
      <c r="A45747" s="2"/>
      <c r="B45747" s="2"/>
      <c r="C45747" s="2"/>
    </row>
    <row r="45748" spans="1:3" ht="19.2">
      <c r="A45748" s="2"/>
      <c r="B45748" s="2"/>
      <c r="C45748" s="2"/>
    </row>
    <row r="45749" spans="1:3" ht="19.2">
      <c r="A45749" s="2"/>
      <c r="B45749" s="2"/>
      <c r="C45749" s="2"/>
    </row>
    <row r="45750" spans="1:3" ht="19.2">
      <c r="A45750" s="2"/>
      <c r="B45750" s="2"/>
      <c r="C45750" s="2"/>
    </row>
    <row r="45751" spans="1:3" ht="19.2">
      <c r="A45751" s="2"/>
      <c r="B45751" s="2"/>
      <c r="C45751" s="2"/>
    </row>
    <row r="45752" spans="1:3" ht="19.2">
      <c r="A45752" s="2"/>
      <c r="B45752" s="2"/>
      <c r="C45752" s="2"/>
    </row>
    <row r="45753" spans="1:3" ht="19.2">
      <c r="A45753" s="2"/>
      <c r="B45753" s="2"/>
      <c r="C45753" s="2"/>
    </row>
    <row r="45754" spans="1:3" ht="19.2">
      <c r="A45754" s="2"/>
      <c r="B45754" s="2"/>
      <c r="C45754" s="2"/>
    </row>
    <row r="45755" spans="1:3" ht="19.2">
      <c r="A45755" s="2"/>
      <c r="B45755" s="2"/>
      <c r="C45755" s="2"/>
    </row>
    <row r="45756" spans="1:3" ht="19.2">
      <c r="A45756" s="2"/>
      <c r="B45756" s="2"/>
      <c r="C45756" s="2"/>
    </row>
    <row r="45757" spans="1:3" ht="19.2">
      <c r="A45757" s="2"/>
      <c r="B45757" s="2"/>
      <c r="C45757" s="2"/>
    </row>
    <row r="45758" spans="1:3" ht="19.2">
      <c r="A45758" s="2"/>
      <c r="B45758" s="2"/>
      <c r="C45758" s="2"/>
    </row>
    <row r="45759" spans="1:3" ht="19.2">
      <c r="A45759" s="2"/>
      <c r="B45759" s="2"/>
      <c r="C45759" s="2"/>
    </row>
    <row r="45760" spans="1:3" ht="19.2">
      <c r="A45760" s="2"/>
      <c r="B45760" s="2"/>
      <c r="C45760" s="2"/>
    </row>
    <row r="45761" spans="1:3" ht="19.2">
      <c r="A45761" s="2"/>
      <c r="B45761" s="2"/>
      <c r="C45761" s="2"/>
    </row>
    <row r="45762" spans="1:3" ht="19.2">
      <c r="A45762" s="2"/>
      <c r="B45762" s="2"/>
      <c r="C45762" s="2"/>
    </row>
    <row r="45763" spans="1:3" ht="19.2">
      <c r="A45763" s="2"/>
      <c r="B45763" s="2"/>
      <c r="C45763" s="2"/>
    </row>
    <row r="45764" spans="1:3" ht="19.2">
      <c r="A45764" s="2"/>
      <c r="B45764" s="2"/>
      <c r="C45764" s="2"/>
    </row>
    <row r="45765" spans="1:3" ht="19.2">
      <c r="A45765" s="2"/>
      <c r="B45765" s="2"/>
      <c r="C45765" s="2"/>
    </row>
    <row r="45766" spans="1:3" ht="19.2">
      <c r="A45766" s="2"/>
      <c r="B45766" s="2"/>
      <c r="C45766" s="2"/>
    </row>
    <row r="45767" spans="1:3" ht="19.2">
      <c r="A45767" s="2"/>
      <c r="B45767" s="2"/>
      <c r="C45767" s="2"/>
    </row>
    <row r="45768" spans="1:3" ht="19.2">
      <c r="A45768" s="2"/>
      <c r="B45768" s="2"/>
      <c r="C45768" s="2"/>
    </row>
    <row r="45769" spans="1:3" ht="19.2">
      <c r="A45769" s="2"/>
      <c r="B45769" s="2"/>
      <c r="C45769" s="2"/>
    </row>
    <row r="45770" spans="1:3" ht="19.2">
      <c r="A45770" s="2"/>
      <c r="B45770" s="2"/>
      <c r="C45770" s="2"/>
    </row>
    <row r="45771" spans="1:3" ht="19.2">
      <c r="A45771" s="2"/>
      <c r="B45771" s="2"/>
      <c r="C45771" s="2"/>
    </row>
    <row r="45772" spans="1:3" ht="19.2">
      <c r="A45772" s="2"/>
      <c r="B45772" s="2"/>
      <c r="C45772" s="2"/>
    </row>
    <row r="45773" spans="1:3" ht="19.2">
      <c r="A45773" s="2"/>
      <c r="B45773" s="2"/>
      <c r="C45773" s="2"/>
    </row>
    <row r="45774" spans="1:3" ht="19.2">
      <c r="A45774" s="2"/>
      <c r="B45774" s="2"/>
      <c r="C45774" s="2"/>
    </row>
    <row r="45775" spans="1:3" ht="19.2">
      <c r="A45775" s="2"/>
      <c r="B45775" s="2"/>
      <c r="C45775" s="2"/>
    </row>
    <row r="45776" spans="1:3" ht="19.2">
      <c r="A45776" s="2"/>
      <c r="B45776" s="2"/>
      <c r="C45776" s="2"/>
    </row>
    <row r="45777" spans="1:3" ht="19.2">
      <c r="A45777" s="2"/>
      <c r="B45777" s="2"/>
      <c r="C45777" s="2"/>
    </row>
    <row r="45778" spans="1:3" ht="19.2">
      <c r="A45778" s="2"/>
      <c r="B45778" s="2"/>
      <c r="C45778" s="2"/>
    </row>
    <row r="45779" spans="1:3" ht="19.2">
      <c r="A45779" s="2"/>
      <c r="B45779" s="2"/>
      <c r="C45779" s="2"/>
    </row>
    <row r="45780" spans="1:3" ht="19.2">
      <c r="A45780" s="2"/>
      <c r="B45780" s="2"/>
      <c r="C45780" s="2"/>
    </row>
    <row r="45781" spans="1:3" ht="19.2">
      <c r="A45781" s="2"/>
      <c r="B45781" s="2"/>
      <c r="C45781" s="2"/>
    </row>
    <row r="45782" spans="1:3" ht="19.2">
      <c r="A45782" s="2"/>
      <c r="B45782" s="2"/>
      <c r="C45782" s="2"/>
    </row>
    <row r="45783" spans="1:3" ht="19.2">
      <c r="A45783" s="2"/>
      <c r="B45783" s="2"/>
      <c r="C45783" s="2"/>
    </row>
    <row r="45784" spans="1:3" ht="19.2">
      <c r="A45784" s="2"/>
      <c r="B45784" s="2"/>
      <c r="C45784" s="2"/>
    </row>
    <row r="45785" spans="1:3" ht="19.2">
      <c r="A45785" s="2"/>
      <c r="B45785" s="2"/>
      <c r="C45785" s="2"/>
    </row>
    <row r="45786" spans="1:3" ht="19.2">
      <c r="A45786" s="2"/>
      <c r="B45786" s="2"/>
      <c r="C45786" s="2"/>
    </row>
    <row r="45787" spans="1:3" ht="19.2">
      <c r="A45787" s="2"/>
      <c r="B45787" s="2"/>
      <c r="C45787" s="2"/>
    </row>
    <row r="45788" spans="1:3" ht="19.2">
      <c r="A45788" s="2"/>
      <c r="B45788" s="2"/>
      <c r="C45788" s="2"/>
    </row>
    <row r="45789" spans="1:3" ht="19.2">
      <c r="A45789" s="2"/>
      <c r="B45789" s="2"/>
      <c r="C45789" s="2"/>
    </row>
    <row r="45790" spans="1:3" ht="19.2">
      <c r="A45790" s="2"/>
      <c r="B45790" s="2"/>
      <c r="C45790" s="2"/>
    </row>
    <row r="45791" spans="1:3" ht="19.2">
      <c r="A45791" s="2"/>
      <c r="B45791" s="2"/>
      <c r="C45791" s="2"/>
    </row>
    <row r="45792" spans="1:3" ht="19.2">
      <c r="A45792" s="2"/>
      <c r="B45792" s="2"/>
      <c r="C45792" s="2"/>
    </row>
    <row r="45793" spans="1:3" ht="19.2">
      <c r="A45793" s="2"/>
      <c r="B45793" s="2"/>
      <c r="C45793" s="2"/>
    </row>
    <row r="45794" spans="1:3" ht="19.2">
      <c r="A45794" s="2"/>
      <c r="B45794" s="2"/>
      <c r="C45794" s="2"/>
    </row>
    <row r="45795" spans="1:3" ht="19.2">
      <c r="A45795" s="2"/>
      <c r="B45795" s="2"/>
      <c r="C45795" s="2"/>
    </row>
    <row r="45796" spans="1:3" ht="19.2">
      <c r="A45796" s="2"/>
      <c r="B45796" s="2"/>
      <c r="C45796" s="2"/>
    </row>
    <row r="45797" spans="1:3" ht="19.2">
      <c r="A45797" s="2"/>
      <c r="B45797" s="2"/>
      <c r="C45797" s="2"/>
    </row>
    <row r="45798" spans="1:3" ht="19.2">
      <c r="A45798" s="2"/>
      <c r="B45798" s="2"/>
      <c r="C45798" s="2"/>
    </row>
    <row r="45799" spans="1:3" ht="19.2">
      <c r="A45799" s="2"/>
      <c r="B45799" s="2"/>
      <c r="C45799" s="2"/>
    </row>
    <row r="45800" spans="1:3" ht="19.2">
      <c r="A45800" s="2"/>
      <c r="B45800" s="2"/>
      <c r="C45800" s="2"/>
    </row>
    <row r="45801" spans="1:3" ht="19.2">
      <c r="A45801" s="2"/>
      <c r="B45801" s="2"/>
      <c r="C45801" s="2"/>
    </row>
    <row r="45802" spans="1:3" ht="19.2">
      <c r="A45802" s="2"/>
      <c r="B45802" s="2"/>
      <c r="C45802" s="2"/>
    </row>
    <row r="45803" spans="1:3" ht="19.2">
      <c r="A45803" s="2"/>
      <c r="B45803" s="2"/>
      <c r="C45803" s="2"/>
    </row>
    <row r="45804" spans="1:3" ht="19.2">
      <c r="A45804" s="2"/>
      <c r="B45804" s="2"/>
      <c r="C45804" s="2"/>
    </row>
    <row r="45805" spans="1:3" ht="19.2">
      <c r="A45805" s="2"/>
      <c r="B45805" s="2"/>
      <c r="C45805" s="2"/>
    </row>
    <row r="45806" spans="1:3" ht="19.2">
      <c r="A45806" s="2"/>
      <c r="B45806" s="2"/>
      <c r="C45806" s="2"/>
    </row>
    <row r="45807" spans="1:3" ht="19.2">
      <c r="A45807" s="2"/>
      <c r="B45807" s="2"/>
      <c r="C45807" s="2"/>
    </row>
    <row r="45808" spans="1:3" ht="19.2">
      <c r="A45808" s="2"/>
      <c r="B45808" s="2"/>
      <c r="C45808" s="2"/>
    </row>
    <row r="45809" spans="1:3" ht="19.2">
      <c r="A45809" s="2"/>
      <c r="B45809" s="2"/>
      <c r="C45809" s="2"/>
    </row>
    <row r="45810" spans="1:3" ht="19.2">
      <c r="A45810" s="2"/>
      <c r="B45810" s="2"/>
      <c r="C45810" s="2"/>
    </row>
    <row r="45811" spans="1:3" ht="19.2">
      <c r="A45811" s="2"/>
      <c r="B45811" s="2"/>
      <c r="C45811" s="2"/>
    </row>
    <row r="45812" spans="1:3" ht="19.2">
      <c r="A45812" s="2"/>
      <c r="B45812" s="2"/>
      <c r="C45812" s="2"/>
    </row>
    <row r="45813" spans="1:3" ht="19.2">
      <c r="A45813" s="2"/>
      <c r="B45813" s="2"/>
      <c r="C45813" s="2"/>
    </row>
    <row r="45814" spans="1:3" ht="19.2">
      <c r="A45814" s="2"/>
      <c r="B45814" s="2"/>
      <c r="C45814" s="2"/>
    </row>
    <row r="45815" spans="1:3" ht="19.2">
      <c r="A45815" s="2"/>
      <c r="B45815" s="2"/>
      <c r="C45815" s="2"/>
    </row>
    <row r="45816" spans="1:3" ht="19.2">
      <c r="A45816" s="2"/>
      <c r="B45816" s="2"/>
      <c r="C45816" s="2"/>
    </row>
    <row r="45817" spans="1:3" ht="19.2">
      <c r="A45817" s="2"/>
      <c r="B45817" s="2"/>
      <c r="C45817" s="2"/>
    </row>
    <row r="45818" spans="1:3" ht="19.2">
      <c r="A45818" s="2"/>
      <c r="B45818" s="2"/>
      <c r="C45818" s="2"/>
    </row>
    <row r="45819" spans="1:3" ht="19.2">
      <c r="A45819" s="2"/>
      <c r="B45819" s="2"/>
      <c r="C45819" s="2"/>
    </row>
    <row r="45820" spans="1:3" ht="19.2">
      <c r="A45820" s="2"/>
      <c r="B45820" s="2"/>
      <c r="C45820" s="2"/>
    </row>
    <row r="45821" spans="1:3" ht="19.2">
      <c r="A45821" s="2"/>
      <c r="B45821" s="2"/>
      <c r="C45821" s="2"/>
    </row>
    <row r="45822" spans="1:3" ht="19.2">
      <c r="A45822" s="2"/>
      <c r="B45822" s="2"/>
      <c r="C45822" s="2"/>
    </row>
    <row r="45823" spans="1:3" ht="19.2">
      <c r="A45823" s="2"/>
      <c r="B45823" s="2"/>
      <c r="C45823" s="2"/>
    </row>
    <row r="45824" spans="1:3" ht="19.2">
      <c r="A45824" s="2"/>
      <c r="B45824" s="2"/>
      <c r="C45824" s="2"/>
    </row>
    <row r="45825" spans="1:3" ht="19.2">
      <c r="A45825" s="2"/>
      <c r="B45825" s="2"/>
      <c r="C45825" s="2"/>
    </row>
    <row r="45826" spans="1:3" ht="19.2">
      <c r="A45826" s="2"/>
      <c r="B45826" s="2"/>
      <c r="C45826" s="2"/>
    </row>
    <row r="45827" spans="1:3" ht="19.2">
      <c r="A45827" s="2"/>
      <c r="B45827" s="2"/>
      <c r="C45827" s="2"/>
    </row>
    <row r="45828" spans="1:3" ht="19.2">
      <c r="A45828" s="2"/>
      <c r="B45828" s="2"/>
      <c r="C45828" s="2"/>
    </row>
    <row r="45829" spans="1:3" ht="19.2">
      <c r="A45829" s="2"/>
      <c r="B45829" s="2"/>
      <c r="C45829" s="2"/>
    </row>
    <row r="45830" spans="1:3" ht="19.2">
      <c r="A45830" s="2"/>
      <c r="B45830" s="2"/>
      <c r="C45830" s="2"/>
    </row>
    <row r="45831" spans="1:3" ht="19.2">
      <c r="A45831" s="2"/>
      <c r="B45831" s="2"/>
      <c r="C45831" s="2"/>
    </row>
    <row r="45832" spans="1:3" ht="19.2">
      <c r="A45832" s="2"/>
      <c r="B45832" s="2"/>
      <c r="C45832" s="2"/>
    </row>
    <row r="45833" spans="1:3" ht="19.2">
      <c r="A45833" s="2"/>
      <c r="B45833" s="2"/>
      <c r="C45833" s="2"/>
    </row>
    <row r="45834" spans="1:3" ht="19.2">
      <c r="A45834" s="2"/>
      <c r="B45834" s="2"/>
      <c r="C45834" s="2"/>
    </row>
    <row r="45835" spans="1:3" ht="19.2">
      <c r="A45835" s="2"/>
      <c r="B45835" s="2"/>
      <c r="C45835" s="2"/>
    </row>
    <row r="45836" spans="1:3" ht="19.2">
      <c r="A45836" s="2"/>
      <c r="B45836" s="2"/>
      <c r="C45836" s="2"/>
    </row>
    <row r="45837" spans="1:3" ht="19.2">
      <c r="A45837" s="2"/>
      <c r="B45837" s="2"/>
      <c r="C45837" s="2"/>
    </row>
    <row r="45838" spans="1:3" ht="19.2">
      <c r="A45838" s="2"/>
      <c r="B45838" s="2"/>
      <c r="C45838" s="2"/>
    </row>
    <row r="45839" spans="1:3" ht="19.2">
      <c r="A45839" s="2"/>
      <c r="B45839" s="2"/>
      <c r="C45839" s="2"/>
    </row>
    <row r="45840" spans="1:3" ht="19.2">
      <c r="A45840" s="2"/>
      <c r="B45840" s="2"/>
      <c r="C45840" s="2"/>
    </row>
    <row r="45841" spans="1:3" ht="19.2">
      <c r="A45841" s="2"/>
      <c r="B45841" s="2"/>
      <c r="C45841" s="2"/>
    </row>
    <row r="45842" spans="1:3" ht="19.2">
      <c r="A45842" s="2"/>
      <c r="B45842" s="2"/>
      <c r="C45842" s="2"/>
    </row>
    <row r="45843" spans="1:3" ht="19.2">
      <c r="A45843" s="2"/>
      <c r="B45843" s="2"/>
      <c r="C45843" s="2"/>
    </row>
    <row r="45844" spans="1:3" ht="19.2">
      <c r="A45844" s="2"/>
      <c r="B45844" s="2"/>
      <c r="C45844" s="2"/>
    </row>
    <row r="45845" spans="1:3" ht="19.2">
      <c r="A45845" s="2"/>
      <c r="B45845" s="2"/>
      <c r="C45845" s="2"/>
    </row>
    <row r="45846" spans="1:3" ht="19.2">
      <c r="A45846" s="2"/>
      <c r="B45846" s="2"/>
      <c r="C45846" s="2"/>
    </row>
    <row r="45847" spans="1:3" ht="19.2">
      <c r="A45847" s="2"/>
      <c r="B45847" s="2"/>
      <c r="C45847" s="2"/>
    </row>
    <row r="45848" spans="1:3" ht="19.2">
      <c r="A45848" s="2"/>
      <c r="B45848" s="2"/>
      <c r="C45848" s="2"/>
    </row>
    <row r="45849" spans="1:3" ht="19.2">
      <c r="A45849" s="2"/>
      <c r="B45849" s="2"/>
      <c r="C45849" s="2"/>
    </row>
    <row r="45850" spans="1:3" ht="19.2">
      <c r="A45850" s="2"/>
      <c r="B45850" s="2"/>
      <c r="C45850" s="2"/>
    </row>
    <row r="45851" spans="1:3" ht="19.2">
      <c r="A45851" s="2"/>
      <c r="B45851" s="2"/>
      <c r="C45851" s="2"/>
    </row>
    <row r="45852" spans="1:3" ht="19.2">
      <c r="A45852" s="2"/>
      <c r="B45852" s="2"/>
      <c r="C45852" s="2"/>
    </row>
    <row r="45853" spans="1:3" ht="19.2">
      <c r="A45853" s="2"/>
      <c r="B45853" s="2"/>
      <c r="C45853" s="2"/>
    </row>
    <row r="45854" spans="1:3" ht="19.2">
      <c r="A45854" s="2"/>
      <c r="B45854" s="2"/>
      <c r="C45854" s="2"/>
    </row>
    <row r="45855" spans="1:3" ht="19.2">
      <c r="A45855" s="2"/>
      <c r="B45855" s="2"/>
      <c r="C45855" s="2"/>
    </row>
    <row r="45856" spans="1:3" ht="19.2">
      <c r="A45856" s="2"/>
      <c r="B45856" s="2"/>
      <c r="C45856" s="2"/>
    </row>
    <row r="45857" spans="1:3" ht="19.2">
      <c r="A45857" s="2"/>
      <c r="B45857" s="2"/>
      <c r="C45857" s="2"/>
    </row>
    <row r="45858" spans="1:3" ht="19.2">
      <c r="A45858" s="2"/>
      <c r="B45858" s="2"/>
      <c r="C45858" s="2"/>
    </row>
    <row r="45859" spans="1:3" ht="19.2">
      <c r="A45859" s="2"/>
      <c r="B45859" s="2"/>
      <c r="C45859" s="2"/>
    </row>
    <row r="45860" spans="1:3" ht="19.2">
      <c r="A45860" s="2"/>
      <c r="B45860" s="2"/>
      <c r="C45860" s="2"/>
    </row>
    <row r="45861" spans="1:3" ht="19.2">
      <c r="A45861" s="2"/>
      <c r="B45861" s="2"/>
      <c r="C45861" s="2"/>
    </row>
    <row r="45862" spans="1:3" ht="19.2">
      <c r="A45862" s="2"/>
      <c r="B45862" s="2"/>
      <c r="C45862" s="2"/>
    </row>
    <row r="45863" spans="1:3" ht="19.2">
      <c r="A45863" s="2"/>
      <c r="B45863" s="2"/>
      <c r="C45863" s="2"/>
    </row>
    <row r="45864" spans="1:3" ht="19.2">
      <c r="A45864" s="2"/>
      <c r="B45864" s="2"/>
      <c r="C45864" s="2"/>
    </row>
    <row r="45865" spans="1:3" ht="19.2">
      <c r="A45865" s="2"/>
      <c r="B45865" s="2"/>
      <c r="C45865" s="2"/>
    </row>
    <row r="45866" spans="1:3" ht="19.2">
      <c r="A45866" s="2"/>
      <c r="B45866" s="2"/>
      <c r="C45866" s="2"/>
    </row>
    <row r="45867" spans="1:3" ht="19.2">
      <c r="A45867" s="2"/>
      <c r="B45867" s="2"/>
      <c r="C45867" s="2"/>
    </row>
    <row r="45868" spans="1:3" ht="19.2">
      <c r="A45868" s="2"/>
      <c r="B45868" s="2"/>
      <c r="C45868" s="2"/>
    </row>
    <row r="45869" spans="1:3" ht="19.2">
      <c r="A45869" s="2"/>
      <c r="B45869" s="2"/>
      <c r="C45869" s="2"/>
    </row>
    <row r="45870" spans="1:3" ht="19.2">
      <c r="A45870" s="2"/>
      <c r="B45870" s="2"/>
      <c r="C45870" s="2"/>
    </row>
    <row r="45871" spans="1:3" ht="19.2">
      <c r="A45871" s="2"/>
      <c r="B45871" s="2"/>
      <c r="C45871" s="2"/>
    </row>
    <row r="45872" spans="1:3" ht="19.2">
      <c r="A45872" s="2"/>
      <c r="B45872" s="2"/>
      <c r="C45872" s="2"/>
    </row>
    <row r="45873" spans="1:3" ht="19.2">
      <c r="A45873" s="2"/>
      <c r="B45873" s="2"/>
      <c r="C45873" s="2"/>
    </row>
    <row r="45874" spans="1:3" ht="19.2">
      <c r="A45874" s="2"/>
      <c r="B45874" s="2"/>
      <c r="C45874" s="2"/>
    </row>
    <row r="45875" spans="1:3" ht="19.2">
      <c r="A45875" s="2"/>
      <c r="B45875" s="2"/>
      <c r="C45875" s="2"/>
    </row>
    <row r="45876" spans="1:3" ht="19.2">
      <c r="A45876" s="2"/>
      <c r="B45876" s="2"/>
      <c r="C45876" s="2"/>
    </row>
    <row r="45877" spans="1:3" ht="19.2">
      <c r="A45877" s="2"/>
      <c r="B45877" s="2"/>
      <c r="C45877" s="2"/>
    </row>
    <row r="45878" spans="1:3" ht="19.2">
      <c r="A45878" s="2"/>
      <c r="B45878" s="2"/>
      <c r="C45878" s="2"/>
    </row>
    <row r="45879" spans="1:3" ht="19.2">
      <c r="A45879" s="2"/>
      <c r="B45879" s="2"/>
      <c r="C45879" s="2"/>
    </row>
    <row r="45880" spans="1:3" ht="19.2">
      <c r="A45880" s="2"/>
      <c r="B45880" s="2"/>
      <c r="C45880" s="2"/>
    </row>
    <row r="45881" spans="1:3" ht="19.2">
      <c r="A45881" s="2"/>
      <c r="B45881" s="2"/>
      <c r="C45881" s="2"/>
    </row>
    <row r="45882" spans="1:3" ht="19.2">
      <c r="A45882" s="2"/>
      <c r="B45882" s="2"/>
      <c r="C45882" s="2"/>
    </row>
    <row r="45883" spans="1:3" ht="19.2">
      <c r="A45883" s="2"/>
      <c r="B45883" s="2"/>
      <c r="C45883" s="2"/>
    </row>
    <row r="45884" spans="1:3" ht="19.2">
      <c r="A45884" s="2"/>
      <c r="B45884" s="2"/>
      <c r="C45884" s="2"/>
    </row>
    <row r="45885" spans="1:3" ht="19.2">
      <c r="A45885" s="2"/>
      <c r="B45885" s="2"/>
      <c r="C45885" s="2"/>
    </row>
    <row r="45886" spans="1:3" ht="19.2">
      <c r="A45886" s="2"/>
      <c r="B45886" s="2"/>
      <c r="C45886" s="2"/>
    </row>
    <row r="45887" spans="1:3" ht="19.2">
      <c r="A45887" s="2"/>
      <c r="B45887" s="2"/>
      <c r="C45887" s="2"/>
    </row>
    <row r="45888" spans="1:3" ht="19.2">
      <c r="A45888" s="2"/>
      <c r="B45888" s="2"/>
      <c r="C45888" s="2"/>
    </row>
    <row r="45889" spans="1:3" ht="19.2">
      <c r="A45889" s="2"/>
      <c r="B45889" s="2"/>
      <c r="C45889" s="2"/>
    </row>
    <row r="45890" spans="1:3" ht="19.2">
      <c r="A45890" s="2"/>
      <c r="B45890" s="2"/>
      <c r="C45890" s="2"/>
    </row>
    <row r="45891" spans="1:3" ht="19.2">
      <c r="A45891" s="2"/>
      <c r="B45891" s="2"/>
      <c r="C45891" s="2"/>
    </row>
    <row r="45892" spans="1:3" ht="19.2">
      <c r="A45892" s="2"/>
      <c r="B45892" s="2"/>
      <c r="C45892" s="2"/>
    </row>
    <row r="45893" spans="1:3" ht="19.2">
      <c r="A45893" s="2"/>
      <c r="B45893" s="2"/>
      <c r="C45893" s="2"/>
    </row>
    <row r="45894" spans="1:3" ht="19.2">
      <c r="A45894" s="2"/>
      <c r="B45894" s="2"/>
      <c r="C45894" s="2"/>
    </row>
    <row r="45895" spans="1:3" ht="19.2">
      <c r="A45895" s="2"/>
      <c r="B45895" s="2"/>
      <c r="C45895" s="2"/>
    </row>
    <row r="45896" spans="1:3" ht="19.2">
      <c r="A45896" s="2"/>
      <c r="B45896" s="2"/>
      <c r="C45896" s="2"/>
    </row>
    <row r="45897" spans="1:3" ht="19.2">
      <c r="A45897" s="2"/>
      <c r="B45897" s="2"/>
      <c r="C45897" s="2"/>
    </row>
    <row r="45898" spans="1:3" ht="19.2">
      <c r="A45898" s="2"/>
      <c r="B45898" s="2"/>
      <c r="C45898" s="2"/>
    </row>
    <row r="45899" spans="1:3" ht="19.2">
      <c r="A45899" s="2"/>
      <c r="B45899" s="2"/>
      <c r="C45899" s="2"/>
    </row>
    <row r="45900" spans="1:3" ht="19.2">
      <c r="A45900" s="2"/>
      <c r="B45900" s="2"/>
      <c r="C45900" s="2"/>
    </row>
    <row r="45901" spans="1:3" ht="19.2">
      <c r="A45901" s="2"/>
      <c r="B45901" s="2"/>
      <c r="C45901" s="2"/>
    </row>
    <row r="45902" spans="1:3" ht="19.2">
      <c r="A45902" s="2"/>
      <c r="B45902" s="2"/>
      <c r="C45902" s="2"/>
    </row>
    <row r="45903" spans="1:3" ht="19.2">
      <c r="A45903" s="2"/>
      <c r="B45903" s="2"/>
      <c r="C45903" s="2"/>
    </row>
    <row r="45904" spans="1:3" ht="19.2">
      <c r="A45904" s="2"/>
      <c r="B45904" s="2"/>
      <c r="C45904" s="2"/>
    </row>
    <row r="45905" spans="1:3" ht="19.2">
      <c r="A45905" s="2"/>
      <c r="B45905" s="2"/>
      <c r="C45905" s="2"/>
    </row>
    <row r="45906" spans="1:3" ht="19.2">
      <c r="A45906" s="2"/>
      <c r="B45906" s="2"/>
      <c r="C45906" s="2"/>
    </row>
    <row r="45907" spans="1:3" ht="19.2">
      <c r="A45907" s="2"/>
      <c r="B45907" s="2"/>
      <c r="C45907" s="2"/>
    </row>
    <row r="45908" spans="1:3" ht="19.2">
      <c r="A45908" s="2"/>
      <c r="B45908" s="2"/>
      <c r="C45908" s="2"/>
    </row>
    <row r="45909" spans="1:3" ht="19.2">
      <c r="A45909" s="2"/>
      <c r="B45909" s="2"/>
      <c r="C45909" s="2"/>
    </row>
    <row r="45910" spans="1:3" ht="19.2">
      <c r="A45910" s="2"/>
      <c r="B45910" s="2"/>
      <c r="C45910" s="2"/>
    </row>
    <row r="45911" spans="1:3" ht="19.2">
      <c r="A45911" s="2"/>
      <c r="B45911" s="2"/>
      <c r="C45911" s="2"/>
    </row>
    <row r="45912" spans="1:3" ht="19.2">
      <c r="A45912" s="2"/>
      <c r="B45912" s="2"/>
      <c r="C45912" s="2"/>
    </row>
    <row r="45913" spans="1:3" ht="19.2">
      <c r="A45913" s="2"/>
      <c r="B45913" s="2"/>
      <c r="C45913" s="2"/>
    </row>
    <row r="45914" spans="1:3" ht="19.2">
      <c r="A45914" s="2"/>
      <c r="B45914" s="2"/>
      <c r="C45914" s="2"/>
    </row>
    <row r="45915" spans="1:3" ht="19.2">
      <c r="A45915" s="2"/>
      <c r="B45915" s="2"/>
      <c r="C45915" s="2"/>
    </row>
    <row r="45916" spans="1:3" ht="19.2">
      <c r="A45916" s="2"/>
      <c r="B45916" s="2"/>
      <c r="C45916" s="2"/>
    </row>
    <row r="45917" spans="1:3" ht="19.2">
      <c r="A45917" s="2"/>
      <c r="B45917" s="2"/>
      <c r="C45917" s="2"/>
    </row>
    <row r="45918" spans="1:3" ht="19.2">
      <c r="A45918" s="2"/>
      <c r="B45918" s="2"/>
      <c r="C45918" s="2"/>
    </row>
    <row r="45919" spans="1:3" ht="19.2">
      <c r="A45919" s="2"/>
      <c r="B45919" s="2"/>
      <c r="C45919" s="2"/>
    </row>
    <row r="45920" spans="1:3" ht="19.2">
      <c r="A45920" s="2"/>
      <c r="B45920" s="2"/>
      <c r="C45920" s="2"/>
    </row>
    <row r="45921" spans="1:3" ht="19.2">
      <c r="A45921" s="2"/>
      <c r="B45921" s="2"/>
      <c r="C45921" s="2"/>
    </row>
    <row r="45922" spans="1:3" ht="19.2">
      <c r="A45922" s="2"/>
      <c r="B45922" s="2"/>
      <c r="C45922" s="2"/>
    </row>
    <row r="45923" spans="1:3" ht="19.2">
      <c r="A45923" s="2"/>
      <c r="B45923" s="2"/>
      <c r="C45923" s="2"/>
    </row>
    <row r="45924" spans="1:3" ht="19.2">
      <c r="A45924" s="2"/>
      <c r="B45924" s="2"/>
      <c r="C45924" s="2"/>
    </row>
    <row r="45925" spans="1:3" ht="19.2">
      <c r="A45925" s="2"/>
      <c r="B45925" s="2"/>
      <c r="C45925" s="2"/>
    </row>
    <row r="45926" spans="1:3" ht="19.2">
      <c r="A45926" s="2"/>
      <c r="B45926" s="2"/>
      <c r="C45926" s="2"/>
    </row>
    <row r="45927" spans="1:3" ht="19.2">
      <c r="A45927" s="2"/>
      <c r="B45927" s="2"/>
      <c r="C45927" s="2"/>
    </row>
    <row r="45928" spans="1:3" ht="19.2">
      <c r="A45928" s="2"/>
      <c r="B45928" s="2"/>
      <c r="C45928" s="2"/>
    </row>
    <row r="45929" spans="1:3" ht="19.2">
      <c r="A45929" s="2"/>
      <c r="B45929" s="2"/>
      <c r="C45929" s="2"/>
    </row>
    <row r="45930" spans="1:3" ht="19.2">
      <c r="A45930" s="2"/>
      <c r="B45930" s="2"/>
      <c r="C45930" s="2"/>
    </row>
    <row r="45931" spans="1:3" ht="19.2">
      <c r="A45931" s="2"/>
      <c r="B45931" s="2"/>
      <c r="C45931" s="2"/>
    </row>
    <row r="45932" spans="1:3" ht="19.2">
      <c r="A45932" s="2"/>
      <c r="B45932" s="2"/>
      <c r="C45932" s="2"/>
    </row>
    <row r="45933" spans="1:3" ht="19.2">
      <c r="A45933" s="2"/>
      <c r="B45933" s="2"/>
      <c r="C45933" s="2"/>
    </row>
    <row r="45934" spans="1:3" ht="19.2">
      <c r="A45934" s="2"/>
      <c r="B45934" s="2"/>
      <c r="C45934" s="2"/>
    </row>
    <row r="45935" spans="1:3" ht="19.2">
      <c r="A45935" s="2"/>
      <c r="B45935" s="2"/>
      <c r="C45935" s="2"/>
    </row>
    <row r="45936" spans="1:3" ht="19.2">
      <c r="A45936" s="2"/>
      <c r="B45936" s="2"/>
      <c r="C45936" s="2"/>
    </row>
    <row r="45937" spans="1:3" ht="19.2">
      <c r="A45937" s="2"/>
      <c r="B45937" s="2"/>
      <c r="C45937" s="2"/>
    </row>
    <row r="45938" spans="1:3" ht="19.2">
      <c r="A45938" s="2"/>
      <c r="B45938" s="2"/>
      <c r="C45938" s="2"/>
    </row>
    <row r="45939" spans="1:3" ht="19.2">
      <c r="A45939" s="2"/>
      <c r="B45939" s="2"/>
      <c r="C45939" s="2"/>
    </row>
    <row r="45940" spans="1:3" ht="19.2">
      <c r="A45940" s="2"/>
      <c r="B45940" s="2"/>
      <c r="C45940" s="2"/>
    </row>
    <row r="45941" spans="1:3" ht="19.2">
      <c r="A45941" s="2"/>
      <c r="B45941" s="2"/>
      <c r="C45941" s="2"/>
    </row>
    <row r="45942" spans="1:3" ht="19.2">
      <c r="A45942" s="2"/>
      <c r="B45942" s="2"/>
      <c r="C45942" s="2"/>
    </row>
    <row r="45943" spans="1:3" ht="19.2">
      <c r="A45943" s="2"/>
      <c r="B45943" s="2"/>
      <c r="C45943" s="2"/>
    </row>
    <row r="45944" spans="1:3" ht="19.2">
      <c r="A45944" s="2"/>
      <c r="B45944" s="2"/>
      <c r="C45944" s="2"/>
    </row>
    <row r="45945" spans="1:3" ht="19.2">
      <c r="A45945" s="2"/>
      <c r="B45945" s="2"/>
      <c r="C45945" s="2"/>
    </row>
    <row r="45946" spans="1:3" ht="19.2">
      <c r="A45946" s="2"/>
      <c r="B45946" s="2"/>
      <c r="C45946" s="2"/>
    </row>
    <row r="45947" spans="1:3" ht="19.2">
      <c r="A45947" s="2"/>
      <c r="B45947" s="2"/>
      <c r="C45947" s="2"/>
    </row>
    <row r="45948" spans="1:3" ht="19.2">
      <c r="A45948" s="2"/>
      <c r="B45948" s="2"/>
      <c r="C45948" s="2"/>
    </row>
    <row r="45949" spans="1:3" ht="19.2">
      <c r="A45949" s="2"/>
      <c r="B45949" s="2"/>
      <c r="C45949" s="2"/>
    </row>
    <row r="45950" spans="1:3" ht="19.2">
      <c r="A45950" s="2"/>
      <c r="B45950" s="2"/>
      <c r="C45950" s="2"/>
    </row>
    <row r="45951" spans="1:3" ht="19.2">
      <c r="A45951" s="2"/>
      <c r="B45951" s="2"/>
      <c r="C45951" s="2"/>
    </row>
    <row r="45952" spans="1:3" ht="19.2">
      <c r="A45952" s="2"/>
      <c r="B45952" s="2"/>
      <c r="C45952" s="2"/>
    </row>
    <row r="45953" spans="1:3" ht="19.2">
      <c r="A45953" s="2"/>
      <c r="B45953" s="2"/>
      <c r="C45953" s="2"/>
    </row>
    <row r="45954" spans="1:3" ht="19.2">
      <c r="A45954" s="2"/>
      <c r="B45954" s="2"/>
      <c r="C45954" s="2"/>
    </row>
    <row r="45955" spans="1:3" ht="19.2">
      <c r="A45955" s="2"/>
      <c r="B45955" s="2"/>
      <c r="C45955" s="2"/>
    </row>
    <row r="45956" spans="1:3" ht="19.2">
      <c r="A45956" s="2"/>
      <c r="B45956" s="2"/>
      <c r="C45956" s="2"/>
    </row>
    <row r="45957" spans="1:3" ht="19.2">
      <c r="A45957" s="2"/>
      <c r="B45957" s="2"/>
      <c r="C45957" s="2"/>
    </row>
    <row r="45958" spans="1:3" ht="19.2">
      <c r="A45958" s="2"/>
      <c r="B45958" s="2"/>
      <c r="C45958" s="2"/>
    </row>
    <row r="45959" spans="1:3" ht="19.2">
      <c r="A45959" s="2"/>
      <c r="B45959" s="2"/>
      <c r="C45959" s="2"/>
    </row>
    <row r="45960" spans="1:3" ht="19.2">
      <c r="A45960" s="2"/>
      <c r="B45960" s="2"/>
      <c r="C45960" s="2"/>
    </row>
    <row r="45961" spans="1:3" ht="19.2">
      <c r="A45961" s="2"/>
      <c r="B45961" s="2"/>
      <c r="C45961" s="2"/>
    </row>
    <row r="45962" spans="1:3" ht="19.2">
      <c r="A45962" s="2"/>
      <c r="B45962" s="2"/>
      <c r="C45962" s="2"/>
    </row>
    <row r="45963" spans="1:3" ht="19.2">
      <c r="A45963" s="2"/>
      <c r="B45963" s="2"/>
      <c r="C45963" s="2"/>
    </row>
    <row r="45964" spans="1:3" ht="19.2">
      <c r="A45964" s="2"/>
      <c r="B45964" s="2"/>
      <c r="C45964" s="2"/>
    </row>
    <row r="45965" spans="1:3" ht="19.2">
      <c r="A45965" s="2"/>
      <c r="B45965" s="2"/>
      <c r="C45965" s="2"/>
    </row>
    <row r="45966" spans="1:3" ht="19.2">
      <c r="A45966" s="2"/>
      <c r="B45966" s="2"/>
      <c r="C45966" s="2"/>
    </row>
    <row r="45967" spans="1:3" ht="19.2">
      <c r="A45967" s="2"/>
      <c r="B45967" s="2"/>
      <c r="C45967" s="2"/>
    </row>
    <row r="45968" spans="1:3" ht="19.2">
      <c r="A45968" s="2"/>
      <c r="B45968" s="2"/>
      <c r="C45968" s="2"/>
    </row>
    <row r="45969" spans="1:3" ht="19.2">
      <c r="A45969" s="2"/>
      <c r="B45969" s="2"/>
      <c r="C45969" s="2"/>
    </row>
    <row r="45970" spans="1:3" ht="19.2">
      <c r="A45970" s="2"/>
      <c r="B45970" s="2"/>
      <c r="C45970" s="2"/>
    </row>
    <row r="45971" spans="1:3" ht="19.2">
      <c r="A45971" s="2"/>
      <c r="B45971" s="2"/>
      <c r="C45971" s="2"/>
    </row>
    <row r="45972" spans="1:3" ht="19.2">
      <c r="A45972" s="2"/>
      <c r="B45972" s="2"/>
      <c r="C45972" s="2"/>
    </row>
    <row r="45973" spans="1:3" ht="19.2">
      <c r="A45973" s="2"/>
      <c r="B45973" s="2"/>
      <c r="C45973" s="2"/>
    </row>
    <row r="45974" spans="1:3" ht="19.2">
      <c r="A45974" s="2"/>
      <c r="B45974" s="2"/>
      <c r="C45974" s="2"/>
    </row>
    <row r="45975" spans="1:3" ht="19.2">
      <c r="A45975" s="2"/>
      <c r="B45975" s="2"/>
      <c r="C45975" s="2"/>
    </row>
    <row r="45976" spans="1:3" ht="19.2">
      <c r="A45976" s="2"/>
      <c r="B45976" s="2"/>
      <c r="C45976" s="2"/>
    </row>
    <row r="45977" spans="1:3" ht="19.2">
      <c r="A45977" s="2"/>
      <c r="B45977" s="2"/>
      <c r="C45977" s="2"/>
    </row>
    <row r="45978" spans="1:3" ht="19.2">
      <c r="A45978" s="2"/>
      <c r="B45978" s="2"/>
      <c r="C45978" s="2"/>
    </row>
    <row r="45979" spans="1:3" ht="19.2">
      <c r="A45979" s="2"/>
      <c r="B45979" s="2"/>
      <c r="C45979" s="2"/>
    </row>
    <row r="45980" spans="1:3" ht="19.2">
      <c r="A45980" s="2"/>
      <c r="B45980" s="2"/>
      <c r="C45980" s="2"/>
    </row>
    <row r="45981" spans="1:3" ht="19.2">
      <c r="A45981" s="2"/>
      <c r="B45981" s="2"/>
      <c r="C45981" s="2"/>
    </row>
    <row r="45982" spans="1:3" ht="19.2">
      <c r="A45982" s="2"/>
      <c r="B45982" s="2"/>
      <c r="C45982" s="2"/>
    </row>
    <row r="45983" spans="1:3" ht="19.2">
      <c r="A45983" s="2"/>
      <c r="B45983" s="2"/>
      <c r="C45983" s="2"/>
    </row>
    <row r="45984" spans="1:3" ht="19.2">
      <c r="A45984" s="2"/>
      <c r="B45984" s="2"/>
      <c r="C45984" s="2"/>
    </row>
    <row r="45985" spans="1:3" ht="19.2">
      <c r="A45985" s="2"/>
      <c r="B45985" s="2"/>
      <c r="C45985" s="2"/>
    </row>
    <row r="45986" spans="1:3" ht="19.2">
      <c r="A45986" s="2"/>
      <c r="B45986" s="2"/>
      <c r="C45986" s="2"/>
    </row>
    <row r="45987" spans="1:3" ht="19.2">
      <c r="A45987" s="2"/>
      <c r="B45987" s="2"/>
      <c r="C45987" s="2"/>
    </row>
    <row r="45988" spans="1:3" ht="19.2">
      <c r="A45988" s="2"/>
      <c r="B45988" s="2"/>
      <c r="C45988" s="2"/>
    </row>
    <row r="45989" spans="1:3" ht="19.2">
      <c r="A45989" s="2"/>
      <c r="B45989" s="2"/>
      <c r="C45989" s="2"/>
    </row>
    <row r="45990" spans="1:3" ht="19.2">
      <c r="A45990" s="2"/>
      <c r="B45990" s="2"/>
      <c r="C45990" s="2"/>
    </row>
    <row r="45991" spans="1:3" ht="19.2">
      <c r="A45991" s="2"/>
      <c r="B45991" s="2"/>
      <c r="C45991" s="2"/>
    </row>
    <row r="45992" spans="1:3" ht="19.2">
      <c r="A45992" s="2"/>
      <c r="B45992" s="2"/>
      <c r="C45992" s="2"/>
    </row>
    <row r="45993" spans="1:3" ht="19.2">
      <c r="A45993" s="2"/>
      <c r="B45993" s="2"/>
      <c r="C45993" s="2"/>
    </row>
    <row r="45994" spans="1:3" ht="19.2">
      <c r="A45994" s="2"/>
      <c r="B45994" s="2"/>
      <c r="C45994" s="2"/>
    </row>
    <row r="45995" spans="1:3" ht="19.2">
      <c r="A45995" s="2"/>
      <c r="B45995" s="2"/>
      <c r="C45995" s="2"/>
    </row>
    <row r="45996" spans="1:3" ht="19.2">
      <c r="A45996" s="2"/>
      <c r="B45996" s="2"/>
      <c r="C45996" s="2"/>
    </row>
    <row r="45997" spans="1:3" ht="19.2">
      <c r="A45997" s="2"/>
      <c r="B45997" s="2"/>
      <c r="C45997" s="2"/>
    </row>
    <row r="45998" spans="1:3" ht="19.2">
      <c r="A45998" s="2"/>
      <c r="B45998" s="2"/>
      <c r="C45998" s="2"/>
    </row>
    <row r="45999" spans="1:3" ht="19.2">
      <c r="A45999" s="2"/>
      <c r="B45999" s="2"/>
      <c r="C45999" s="2"/>
    </row>
    <row r="46000" spans="1:3" ht="19.2">
      <c r="A46000" s="2"/>
      <c r="B46000" s="2"/>
      <c r="C46000" s="2"/>
    </row>
    <row r="46001" spans="1:3" ht="19.2">
      <c r="A46001" s="2"/>
      <c r="B46001" s="2"/>
      <c r="C46001" s="2"/>
    </row>
    <row r="46002" spans="1:3" ht="19.2">
      <c r="A46002" s="2"/>
      <c r="B46002" s="2"/>
      <c r="C46002" s="2"/>
    </row>
    <row r="46003" spans="1:3" ht="19.2">
      <c r="A46003" s="2"/>
      <c r="B46003" s="2"/>
      <c r="C46003" s="2"/>
    </row>
    <row r="46004" spans="1:3" ht="19.2">
      <c r="A46004" s="2"/>
      <c r="B46004" s="2"/>
      <c r="C46004" s="2"/>
    </row>
    <row r="46005" spans="1:3" ht="19.2">
      <c r="A46005" s="2"/>
      <c r="B46005" s="2"/>
      <c r="C46005" s="2"/>
    </row>
    <row r="46006" spans="1:3" ht="19.2">
      <c r="A46006" s="2"/>
      <c r="B46006" s="2"/>
      <c r="C46006" s="2"/>
    </row>
    <row r="46007" spans="1:3" ht="19.2">
      <c r="A46007" s="2"/>
      <c r="B46007" s="2"/>
      <c r="C46007" s="2"/>
    </row>
    <row r="46008" spans="1:3" ht="19.2">
      <c r="A46008" s="2"/>
      <c r="B46008" s="2"/>
      <c r="C46008" s="2"/>
    </row>
    <row r="46009" spans="1:3" ht="19.2">
      <c r="A46009" s="2"/>
      <c r="B46009" s="2"/>
      <c r="C46009" s="2"/>
    </row>
    <row r="46010" spans="1:3" ht="19.2">
      <c r="A46010" s="2"/>
      <c r="B46010" s="2"/>
      <c r="C46010" s="2"/>
    </row>
    <row r="46011" spans="1:3" ht="19.2">
      <c r="A46011" s="2"/>
      <c r="B46011" s="2"/>
      <c r="C46011" s="2"/>
    </row>
    <row r="46012" spans="1:3" ht="19.2">
      <c r="A46012" s="2"/>
      <c r="B46012" s="2"/>
      <c r="C46012" s="2"/>
    </row>
    <row r="46013" spans="1:3" ht="19.2">
      <c r="A46013" s="2"/>
      <c r="B46013" s="2"/>
      <c r="C46013" s="2"/>
    </row>
    <row r="46014" spans="1:3" ht="19.2">
      <c r="A46014" s="2"/>
      <c r="B46014" s="2"/>
      <c r="C46014" s="2"/>
    </row>
    <row r="46015" spans="1:3" ht="19.2">
      <c r="A46015" s="2"/>
      <c r="B46015" s="2"/>
      <c r="C46015" s="2"/>
    </row>
    <row r="46016" spans="1:3" ht="19.2">
      <c r="A46016" s="2"/>
      <c r="B46016" s="2"/>
      <c r="C46016" s="2"/>
    </row>
    <row r="46017" spans="1:3" ht="19.2">
      <c r="A46017" s="2"/>
      <c r="B46017" s="2"/>
      <c r="C46017" s="2"/>
    </row>
    <row r="46018" spans="1:3" ht="19.2">
      <c r="A46018" s="2"/>
      <c r="B46018" s="2"/>
      <c r="C46018" s="2"/>
    </row>
    <row r="46019" spans="1:3" ht="19.2">
      <c r="A46019" s="2"/>
      <c r="B46019" s="2"/>
      <c r="C46019" s="2"/>
    </row>
    <row r="46020" spans="1:3" ht="19.2">
      <c r="A46020" s="2"/>
      <c r="B46020" s="2"/>
      <c r="C46020" s="2"/>
    </row>
    <row r="46021" spans="1:3" ht="19.2">
      <c r="A46021" s="2"/>
      <c r="B46021" s="2"/>
      <c r="C46021" s="2"/>
    </row>
    <row r="46022" spans="1:3" ht="19.2">
      <c r="A46022" s="2"/>
      <c r="B46022" s="2"/>
      <c r="C46022" s="2"/>
    </row>
    <row r="46023" spans="1:3" ht="19.2">
      <c r="A46023" s="2"/>
      <c r="B46023" s="2"/>
      <c r="C46023" s="2"/>
    </row>
    <row r="46024" spans="1:3" ht="19.2">
      <c r="A46024" s="2"/>
      <c r="B46024" s="2"/>
      <c r="C46024" s="2"/>
    </row>
    <row r="46025" spans="1:3" ht="19.2">
      <c r="A46025" s="2"/>
      <c r="B46025" s="2"/>
      <c r="C46025" s="2"/>
    </row>
    <row r="46026" spans="1:3" ht="19.2">
      <c r="A46026" s="2"/>
      <c r="B46026" s="2"/>
      <c r="C46026" s="2"/>
    </row>
    <row r="46027" spans="1:3" ht="19.2">
      <c r="A46027" s="2"/>
      <c r="B46027" s="2"/>
      <c r="C46027" s="2"/>
    </row>
    <row r="46028" spans="1:3" ht="19.2">
      <c r="A46028" s="2"/>
      <c r="B46028" s="2"/>
      <c r="C46028" s="2"/>
    </row>
    <row r="46029" spans="1:3" ht="19.2">
      <c r="A46029" s="2"/>
      <c r="B46029" s="2"/>
      <c r="C46029" s="2"/>
    </row>
    <row r="46030" spans="1:3" ht="19.2">
      <c r="A46030" s="2"/>
      <c r="B46030" s="2"/>
      <c r="C46030" s="2"/>
    </row>
    <row r="46031" spans="1:3" ht="19.2">
      <c r="A46031" s="2"/>
      <c r="B46031" s="2"/>
      <c r="C46031" s="2"/>
    </row>
    <row r="46032" spans="1:3" ht="19.2">
      <c r="A46032" s="2"/>
      <c r="B46032" s="2"/>
      <c r="C46032" s="2"/>
    </row>
    <row r="46033" spans="1:3" ht="19.2">
      <c r="A46033" s="2"/>
      <c r="B46033" s="2"/>
      <c r="C46033" s="2"/>
    </row>
    <row r="46034" spans="1:3" ht="19.2">
      <c r="A46034" s="2"/>
      <c r="B46034" s="2"/>
      <c r="C46034" s="2"/>
    </row>
    <row r="46035" spans="1:3" ht="19.2">
      <c r="A46035" s="2"/>
      <c r="B46035" s="2"/>
      <c r="C46035" s="2"/>
    </row>
    <row r="46036" spans="1:3" ht="19.2">
      <c r="A46036" s="2"/>
      <c r="B46036" s="2"/>
      <c r="C46036" s="2"/>
    </row>
    <row r="46037" spans="1:3" ht="19.2">
      <c r="A46037" s="2"/>
      <c r="B46037" s="2"/>
      <c r="C46037" s="2"/>
    </row>
    <row r="46038" spans="1:3" ht="19.2">
      <c r="A46038" s="2"/>
      <c r="B46038" s="2"/>
      <c r="C46038" s="2"/>
    </row>
    <row r="46039" spans="1:3" ht="19.2">
      <c r="A46039" s="2"/>
      <c r="B46039" s="2"/>
      <c r="C46039" s="2"/>
    </row>
    <row r="46040" spans="1:3" ht="19.2">
      <c r="A46040" s="2"/>
      <c r="B46040" s="2"/>
      <c r="C46040" s="2"/>
    </row>
    <row r="46041" spans="1:3" ht="19.2">
      <c r="A46041" s="2"/>
      <c r="B46041" s="2"/>
      <c r="C46041" s="2"/>
    </row>
    <row r="46042" spans="1:3" ht="19.2">
      <c r="A46042" s="2"/>
      <c r="B46042" s="2"/>
      <c r="C46042" s="2"/>
    </row>
    <row r="46043" spans="1:3" ht="19.2">
      <c r="A46043" s="2"/>
      <c r="B46043" s="2"/>
      <c r="C46043" s="2"/>
    </row>
    <row r="46044" spans="1:3" ht="19.2">
      <c r="A46044" s="2"/>
      <c r="B46044" s="2"/>
      <c r="C46044" s="2"/>
    </row>
    <row r="46045" spans="1:3" ht="19.2">
      <c r="A46045" s="2"/>
      <c r="B46045" s="2"/>
      <c r="C46045" s="2"/>
    </row>
    <row r="46046" spans="1:3" ht="19.2">
      <c r="A46046" s="2"/>
      <c r="B46046" s="2"/>
      <c r="C46046" s="2"/>
    </row>
    <row r="46047" spans="1:3" ht="19.2">
      <c r="A46047" s="2"/>
      <c r="B46047" s="2"/>
      <c r="C46047" s="2"/>
    </row>
    <row r="46048" spans="1:3" ht="19.2">
      <c r="A46048" s="2"/>
      <c r="B46048" s="2"/>
      <c r="C46048" s="2"/>
    </row>
    <row r="46049" spans="1:3" ht="19.2">
      <c r="A46049" s="2"/>
      <c r="B46049" s="2"/>
      <c r="C46049" s="2"/>
    </row>
    <row r="46050" spans="1:3" ht="19.2">
      <c r="A46050" s="2"/>
      <c r="B46050" s="2"/>
      <c r="C46050" s="2"/>
    </row>
    <row r="46051" spans="1:3" ht="19.2">
      <c r="A46051" s="2"/>
      <c r="B46051" s="2"/>
      <c r="C46051" s="2"/>
    </row>
    <row r="46052" spans="1:3" ht="19.2">
      <c r="A46052" s="2"/>
      <c r="B46052" s="2"/>
      <c r="C46052" s="2"/>
    </row>
    <row r="46053" spans="1:3" ht="19.2">
      <c r="A46053" s="2"/>
      <c r="B46053" s="2"/>
      <c r="C46053" s="2"/>
    </row>
    <row r="46054" spans="1:3" ht="19.2">
      <c r="A46054" s="2"/>
      <c r="B46054" s="2"/>
      <c r="C46054" s="2"/>
    </row>
    <row r="46055" spans="1:3" ht="19.2">
      <c r="A46055" s="2"/>
      <c r="B46055" s="2"/>
      <c r="C46055" s="2"/>
    </row>
    <row r="46056" spans="1:3" ht="19.2">
      <c r="A46056" s="2"/>
      <c r="B46056" s="2"/>
      <c r="C46056" s="2"/>
    </row>
    <row r="46057" spans="1:3" ht="19.2">
      <c r="A46057" s="2"/>
      <c r="B46057" s="2"/>
      <c r="C46057" s="2"/>
    </row>
    <row r="46058" spans="1:3" ht="19.2">
      <c r="A46058" s="2"/>
      <c r="B46058" s="2"/>
      <c r="C46058" s="2"/>
    </row>
    <row r="46059" spans="1:3" ht="19.2">
      <c r="A46059" s="2"/>
      <c r="B46059" s="2"/>
      <c r="C46059" s="2"/>
    </row>
    <row r="46060" spans="1:3" ht="19.2">
      <c r="A46060" s="2"/>
      <c r="B46060" s="2"/>
      <c r="C46060" s="2"/>
    </row>
    <row r="46061" spans="1:3" ht="19.2">
      <c r="A46061" s="2"/>
      <c r="B46061" s="2"/>
      <c r="C46061" s="2"/>
    </row>
    <row r="46062" spans="1:3" ht="19.2">
      <c r="A46062" s="2"/>
      <c r="B46062" s="2"/>
      <c r="C46062" s="2"/>
    </row>
    <row r="46063" spans="1:3" ht="19.2">
      <c r="A46063" s="2"/>
      <c r="B46063" s="2"/>
      <c r="C46063" s="2"/>
    </row>
    <row r="46064" spans="1:3" ht="19.2">
      <c r="A46064" s="2"/>
      <c r="B46064" s="2"/>
      <c r="C46064" s="2"/>
    </row>
    <row r="46065" spans="1:3" ht="19.2">
      <c r="A46065" s="2"/>
      <c r="B46065" s="2"/>
      <c r="C46065" s="2"/>
    </row>
    <row r="46066" spans="1:3" ht="19.2">
      <c r="A46066" s="2"/>
      <c r="B46066" s="2"/>
      <c r="C46066" s="2"/>
    </row>
    <row r="46067" spans="1:3" ht="19.2">
      <c r="A46067" s="2"/>
      <c r="B46067" s="2"/>
      <c r="C46067" s="2"/>
    </row>
    <row r="46068" spans="1:3" ht="19.2">
      <c r="A46068" s="2"/>
      <c r="B46068" s="2"/>
      <c r="C46068" s="2"/>
    </row>
    <row r="46069" spans="1:3" ht="19.2">
      <c r="A46069" s="2"/>
      <c r="B46069" s="2"/>
      <c r="C46069" s="2"/>
    </row>
    <row r="46070" spans="1:3" ht="19.2">
      <c r="A46070" s="2"/>
      <c r="B46070" s="2"/>
      <c r="C46070" s="2"/>
    </row>
    <row r="46071" spans="1:3" ht="19.2">
      <c r="A46071" s="2"/>
      <c r="B46071" s="2"/>
      <c r="C46071" s="2"/>
    </row>
    <row r="46072" spans="1:3" ht="19.2">
      <c r="A46072" s="2"/>
      <c r="B46072" s="2"/>
      <c r="C46072" s="2"/>
    </row>
    <row r="46073" spans="1:3" ht="19.2">
      <c r="A46073" s="2"/>
      <c r="B46073" s="2"/>
      <c r="C46073" s="2"/>
    </row>
    <row r="46074" spans="1:3" ht="19.2">
      <c r="A46074" s="2"/>
      <c r="B46074" s="2"/>
      <c r="C46074" s="2"/>
    </row>
    <row r="46075" spans="1:3" ht="19.2">
      <c r="A46075" s="2"/>
      <c r="B46075" s="2"/>
      <c r="C46075" s="2"/>
    </row>
    <row r="46076" spans="1:3" ht="19.2">
      <c r="A46076" s="2"/>
      <c r="B46076" s="2"/>
      <c r="C46076" s="2"/>
    </row>
    <row r="46077" spans="1:3" ht="19.2">
      <c r="A46077" s="2"/>
      <c r="B46077" s="2"/>
      <c r="C46077" s="2"/>
    </row>
    <row r="46078" spans="1:3" ht="19.2">
      <c r="A46078" s="2"/>
      <c r="B46078" s="2"/>
      <c r="C46078" s="2"/>
    </row>
    <row r="46079" spans="1:3" ht="19.2">
      <c r="A46079" s="2"/>
      <c r="B46079" s="2"/>
      <c r="C46079" s="2"/>
    </row>
    <row r="46080" spans="1:3" ht="19.2">
      <c r="A46080" s="2"/>
      <c r="B46080" s="2"/>
      <c r="C46080" s="2"/>
    </row>
    <row r="46081" spans="1:3" ht="19.2">
      <c r="A46081" s="2"/>
      <c r="B46081" s="2"/>
      <c r="C46081" s="2"/>
    </row>
    <row r="46082" spans="1:3" ht="19.2">
      <c r="A46082" s="2"/>
      <c r="B46082" s="2"/>
      <c r="C46082" s="2"/>
    </row>
    <row r="46083" spans="1:3" ht="19.2">
      <c r="A46083" s="2"/>
      <c r="B46083" s="2"/>
      <c r="C46083" s="2"/>
    </row>
    <row r="46084" spans="1:3" ht="19.2">
      <c r="A46084" s="2"/>
      <c r="B46084" s="2"/>
      <c r="C46084" s="2"/>
    </row>
    <row r="46085" spans="1:3" ht="19.2">
      <c r="A46085" s="2"/>
      <c r="B46085" s="2"/>
      <c r="C46085" s="2"/>
    </row>
    <row r="46086" spans="1:3" ht="19.2">
      <c r="A46086" s="2"/>
      <c r="B46086" s="2"/>
      <c r="C46086" s="2"/>
    </row>
    <row r="46087" spans="1:3" ht="19.2">
      <c r="A46087" s="2"/>
      <c r="B46087" s="2"/>
      <c r="C46087" s="2"/>
    </row>
    <row r="46088" spans="1:3" ht="19.2">
      <c r="A46088" s="2"/>
      <c r="B46088" s="2"/>
      <c r="C46088" s="2"/>
    </row>
    <row r="46089" spans="1:3" ht="19.2">
      <c r="A46089" s="2"/>
      <c r="B46089" s="2"/>
      <c r="C46089" s="2"/>
    </row>
    <row r="46090" spans="1:3" ht="19.2">
      <c r="A46090" s="2"/>
      <c r="B46090" s="2"/>
      <c r="C46090" s="2"/>
    </row>
    <row r="46091" spans="1:3" ht="19.2">
      <c r="A46091" s="2"/>
      <c r="B46091" s="2"/>
      <c r="C46091" s="2"/>
    </row>
    <row r="46092" spans="1:3" ht="19.2">
      <c r="A46092" s="2"/>
      <c r="B46092" s="2"/>
      <c r="C46092" s="2"/>
    </row>
    <row r="46093" spans="1:3" ht="19.2">
      <c r="A46093" s="2"/>
      <c r="B46093" s="2"/>
      <c r="C46093" s="2"/>
    </row>
    <row r="46094" spans="1:3" ht="19.2">
      <c r="A46094" s="2"/>
      <c r="B46094" s="2"/>
      <c r="C46094" s="2"/>
    </row>
    <row r="46095" spans="1:3" ht="19.2">
      <c r="A46095" s="2"/>
      <c r="B46095" s="2"/>
      <c r="C46095" s="2"/>
    </row>
    <row r="46096" spans="1:3" ht="19.2">
      <c r="A46096" s="2"/>
      <c r="B46096" s="2"/>
      <c r="C46096" s="2"/>
    </row>
    <row r="46097" spans="1:3" ht="19.2">
      <c r="A46097" s="2"/>
      <c r="B46097" s="2"/>
      <c r="C46097" s="2"/>
    </row>
    <row r="46098" spans="1:3" ht="19.2">
      <c r="A46098" s="2"/>
      <c r="B46098" s="2"/>
      <c r="C46098" s="2"/>
    </row>
    <row r="46099" spans="1:3" ht="19.2">
      <c r="A46099" s="2"/>
      <c r="B46099" s="2"/>
      <c r="C46099" s="2"/>
    </row>
    <row r="46100" spans="1:3" ht="19.2">
      <c r="A46100" s="2"/>
      <c r="B46100" s="2"/>
      <c r="C46100" s="2"/>
    </row>
    <row r="46101" spans="1:3" ht="19.2">
      <c r="A46101" s="2"/>
      <c r="B46101" s="2"/>
      <c r="C46101" s="2"/>
    </row>
    <row r="46102" spans="1:3" ht="19.2">
      <c r="A46102" s="2"/>
      <c r="B46102" s="2"/>
      <c r="C46102" s="2"/>
    </row>
    <row r="46103" spans="1:3" ht="19.2">
      <c r="A46103" s="2"/>
      <c r="B46103" s="2"/>
      <c r="C46103" s="2"/>
    </row>
    <row r="46104" spans="1:3" ht="19.2">
      <c r="A46104" s="2"/>
      <c r="B46104" s="2"/>
      <c r="C46104" s="2"/>
    </row>
    <row r="46105" spans="1:3" ht="19.2">
      <c r="A46105" s="2"/>
      <c r="B46105" s="2"/>
      <c r="C46105" s="2"/>
    </row>
    <row r="46106" spans="1:3" ht="19.2">
      <c r="A46106" s="2"/>
      <c r="B46106" s="2"/>
      <c r="C46106" s="2"/>
    </row>
    <row r="46107" spans="1:3" ht="19.2">
      <c r="A46107" s="2"/>
      <c r="B46107" s="2"/>
      <c r="C46107" s="2"/>
    </row>
    <row r="46108" spans="1:3" ht="19.2">
      <c r="A46108" s="2"/>
      <c r="B46108" s="2"/>
      <c r="C46108" s="2"/>
    </row>
    <row r="46109" spans="1:3" ht="19.2">
      <c r="A46109" s="2"/>
      <c r="B46109" s="2"/>
      <c r="C46109" s="2"/>
    </row>
    <row r="46110" spans="1:3" ht="19.2">
      <c r="A46110" s="2"/>
      <c r="B46110" s="2"/>
      <c r="C46110" s="2"/>
    </row>
    <row r="46111" spans="1:3" ht="19.2">
      <c r="A46111" s="2"/>
      <c r="B46111" s="2"/>
      <c r="C46111" s="2"/>
    </row>
    <row r="46112" spans="1:3" ht="19.2">
      <c r="A46112" s="2"/>
      <c r="B46112" s="2"/>
      <c r="C46112" s="2"/>
    </row>
    <row r="46113" spans="1:3" ht="19.2">
      <c r="A46113" s="2"/>
      <c r="B46113" s="2"/>
      <c r="C46113" s="2"/>
    </row>
    <row r="46114" spans="1:3" ht="19.2">
      <c r="A46114" s="2"/>
      <c r="B46114" s="2"/>
      <c r="C46114" s="2"/>
    </row>
    <row r="46115" spans="1:3" ht="19.2">
      <c r="A46115" s="2"/>
      <c r="B46115" s="2"/>
      <c r="C46115" s="2"/>
    </row>
    <row r="46116" spans="1:3" ht="19.2">
      <c r="A46116" s="2"/>
      <c r="B46116" s="2"/>
      <c r="C46116" s="2"/>
    </row>
    <row r="46117" spans="1:3" ht="19.2">
      <c r="A46117" s="2"/>
      <c r="B46117" s="2"/>
      <c r="C46117" s="2"/>
    </row>
    <row r="46118" spans="1:3" ht="19.2">
      <c r="A46118" s="2"/>
      <c r="B46118" s="2"/>
      <c r="C46118" s="2"/>
    </row>
    <row r="46119" spans="1:3" ht="19.2">
      <c r="A46119" s="2"/>
      <c r="B46119" s="2"/>
      <c r="C46119" s="2"/>
    </row>
    <row r="46120" spans="1:3" ht="19.2">
      <c r="A46120" s="2"/>
      <c r="B46120" s="2"/>
      <c r="C46120" s="2"/>
    </row>
    <row r="46121" spans="1:3" ht="19.2">
      <c r="A46121" s="2"/>
      <c r="B46121" s="2"/>
      <c r="C46121" s="2"/>
    </row>
    <row r="46122" spans="1:3" ht="19.2">
      <c r="A46122" s="2"/>
      <c r="B46122" s="2"/>
      <c r="C46122" s="2"/>
    </row>
    <row r="46123" spans="1:3" ht="19.2">
      <c r="A46123" s="2"/>
      <c r="B46123" s="2"/>
      <c r="C46123" s="2"/>
    </row>
    <row r="46124" spans="1:3" ht="19.2">
      <c r="A46124" s="2"/>
      <c r="B46124" s="2"/>
      <c r="C46124" s="2"/>
    </row>
    <row r="46125" spans="1:3" ht="19.2">
      <c r="A46125" s="2"/>
      <c r="B46125" s="2"/>
      <c r="C46125" s="2"/>
    </row>
    <row r="46126" spans="1:3" ht="19.2">
      <c r="A46126" s="2"/>
      <c r="B46126" s="2"/>
      <c r="C46126" s="2"/>
    </row>
    <row r="46127" spans="1:3" ht="19.2">
      <c r="A46127" s="2"/>
      <c r="B46127" s="2"/>
      <c r="C46127" s="2"/>
    </row>
    <row r="46128" spans="1:3" ht="19.2">
      <c r="A46128" s="2"/>
      <c r="B46128" s="2"/>
      <c r="C46128" s="2"/>
    </row>
    <row r="46129" spans="1:3" ht="19.2">
      <c r="A46129" s="2"/>
      <c r="B46129" s="2"/>
      <c r="C46129" s="2"/>
    </row>
    <row r="46130" spans="1:3" ht="19.2">
      <c r="A46130" s="2"/>
      <c r="B46130" s="2"/>
      <c r="C46130" s="2"/>
    </row>
    <row r="46131" spans="1:3" ht="19.2">
      <c r="A46131" s="2"/>
      <c r="B46131" s="2"/>
      <c r="C46131" s="2"/>
    </row>
    <row r="46132" spans="1:3" ht="19.2">
      <c r="A46132" s="2"/>
      <c r="B46132" s="2"/>
      <c r="C46132" s="2"/>
    </row>
    <row r="46133" spans="1:3" ht="19.2">
      <c r="A46133" s="2"/>
      <c r="B46133" s="2"/>
      <c r="C46133" s="2"/>
    </row>
    <row r="46134" spans="1:3" ht="19.2">
      <c r="A46134" s="2"/>
      <c r="B46134" s="2"/>
      <c r="C46134" s="2"/>
    </row>
    <row r="46135" spans="1:3" ht="19.2">
      <c r="A46135" s="2"/>
      <c r="B46135" s="2"/>
      <c r="C46135" s="2"/>
    </row>
    <row r="46136" spans="1:3" ht="19.2">
      <c r="A46136" s="2"/>
      <c r="B46136" s="2"/>
      <c r="C46136" s="2"/>
    </row>
    <row r="46137" spans="1:3" ht="19.2">
      <c r="A46137" s="2"/>
      <c r="B46137" s="2"/>
      <c r="C46137" s="2"/>
    </row>
    <row r="46138" spans="1:3" ht="19.2">
      <c r="A46138" s="2"/>
      <c r="B46138" s="2"/>
      <c r="C46138" s="2"/>
    </row>
    <row r="46139" spans="1:3" ht="19.2">
      <c r="A46139" s="2"/>
      <c r="B46139" s="2"/>
      <c r="C46139" s="2"/>
    </row>
    <row r="46140" spans="1:3" ht="19.2">
      <c r="A46140" s="2"/>
      <c r="B46140" s="2"/>
      <c r="C46140" s="2"/>
    </row>
    <row r="46141" spans="1:3" ht="19.2">
      <c r="A46141" s="2"/>
      <c r="B46141" s="2"/>
      <c r="C46141" s="2"/>
    </row>
    <row r="46142" spans="1:3" ht="19.2">
      <c r="A46142" s="2"/>
      <c r="B46142" s="2"/>
      <c r="C46142" s="2"/>
    </row>
    <row r="46143" spans="1:3" ht="19.2">
      <c r="A46143" s="2"/>
      <c r="B46143" s="2"/>
      <c r="C46143" s="2"/>
    </row>
    <row r="46144" spans="1:3" ht="19.2">
      <c r="A46144" s="2"/>
      <c r="B46144" s="2"/>
      <c r="C46144" s="2"/>
    </row>
    <row r="46145" spans="1:3" ht="19.2">
      <c r="A46145" s="2"/>
      <c r="B46145" s="2"/>
      <c r="C46145" s="2"/>
    </row>
    <row r="46146" spans="1:3" ht="19.2">
      <c r="A46146" s="2"/>
      <c r="B46146" s="2"/>
      <c r="C46146" s="2"/>
    </row>
    <row r="46147" spans="1:3" ht="19.2">
      <c r="A46147" s="2"/>
      <c r="B46147" s="2"/>
      <c r="C46147" s="2"/>
    </row>
    <row r="46148" spans="1:3" ht="19.2">
      <c r="A46148" s="2"/>
      <c r="B46148" s="2"/>
      <c r="C46148" s="2"/>
    </row>
    <row r="46149" spans="1:3" ht="19.2">
      <c r="A46149" s="2"/>
      <c r="B46149" s="2"/>
      <c r="C46149" s="2"/>
    </row>
    <row r="46150" spans="1:3" ht="19.2">
      <c r="A46150" s="2"/>
      <c r="B46150" s="2"/>
      <c r="C46150" s="2"/>
    </row>
    <row r="46151" spans="1:3" ht="19.2">
      <c r="A46151" s="2"/>
      <c r="B46151" s="2"/>
      <c r="C46151" s="2"/>
    </row>
    <row r="46152" spans="1:3" ht="19.2">
      <c r="A46152" s="2"/>
      <c r="B46152" s="2"/>
      <c r="C46152" s="2"/>
    </row>
    <row r="46153" spans="1:3" ht="19.2">
      <c r="A46153" s="2"/>
      <c r="B46153" s="2"/>
      <c r="C46153" s="2"/>
    </row>
    <row r="46154" spans="1:3" ht="19.2">
      <c r="A46154" s="2"/>
      <c r="B46154" s="2"/>
      <c r="C46154" s="2"/>
    </row>
    <row r="46155" spans="1:3" ht="19.2">
      <c r="A46155" s="2"/>
      <c r="B46155" s="2"/>
      <c r="C46155" s="2"/>
    </row>
    <row r="46156" spans="1:3" ht="19.2">
      <c r="A46156" s="2"/>
      <c r="B46156" s="2"/>
      <c r="C46156" s="2"/>
    </row>
    <row r="46157" spans="1:3" ht="19.2">
      <c r="A46157" s="2"/>
      <c r="B46157" s="2"/>
      <c r="C46157" s="2"/>
    </row>
    <row r="46158" spans="1:3" ht="19.2">
      <c r="A46158" s="2"/>
      <c r="B46158" s="2"/>
      <c r="C46158" s="2"/>
    </row>
    <row r="46159" spans="1:3" ht="19.2">
      <c r="A46159" s="2"/>
      <c r="B46159" s="2"/>
      <c r="C46159" s="2"/>
    </row>
    <row r="46160" spans="1:3" ht="19.2">
      <c r="A46160" s="2"/>
      <c r="B46160" s="2"/>
      <c r="C46160" s="2"/>
    </row>
    <row r="46161" spans="1:3" ht="19.2">
      <c r="A46161" s="2"/>
      <c r="B46161" s="2"/>
      <c r="C46161" s="2"/>
    </row>
    <row r="46162" spans="1:3" ht="19.2">
      <c r="A46162" s="2"/>
      <c r="B46162" s="2"/>
      <c r="C46162" s="2"/>
    </row>
    <row r="46163" spans="1:3" ht="19.2">
      <c r="A46163" s="2"/>
      <c r="B46163" s="2"/>
      <c r="C46163" s="2"/>
    </row>
    <row r="46164" spans="1:3" ht="19.2">
      <c r="A46164" s="2"/>
      <c r="B46164" s="2"/>
      <c r="C46164" s="2"/>
    </row>
    <row r="46165" spans="1:3" ht="19.2">
      <c r="A46165" s="2"/>
      <c r="B46165" s="2"/>
      <c r="C46165" s="2"/>
    </row>
    <row r="46166" spans="1:3" ht="19.2">
      <c r="A46166" s="2"/>
      <c r="B46166" s="2"/>
      <c r="C46166" s="2"/>
    </row>
    <row r="46167" spans="1:3" ht="19.2">
      <c r="A46167" s="2"/>
      <c r="B46167" s="2"/>
      <c r="C46167" s="2"/>
    </row>
    <row r="46168" spans="1:3" ht="19.2">
      <c r="A46168" s="2"/>
      <c r="B46168" s="2"/>
      <c r="C46168" s="2"/>
    </row>
    <row r="46169" spans="1:3" ht="19.2">
      <c r="A46169" s="2"/>
      <c r="B46169" s="2"/>
      <c r="C46169" s="2"/>
    </row>
    <row r="46170" spans="1:3" ht="19.2">
      <c r="A46170" s="2"/>
      <c r="B46170" s="2"/>
      <c r="C46170" s="2"/>
    </row>
    <row r="46171" spans="1:3" ht="19.2">
      <c r="A46171" s="2"/>
      <c r="B46171" s="2"/>
      <c r="C46171" s="2"/>
    </row>
    <row r="46172" spans="1:3" ht="19.2">
      <c r="A46172" s="2"/>
      <c r="B46172" s="2"/>
      <c r="C46172" s="2"/>
    </row>
    <row r="46173" spans="1:3" ht="19.2">
      <c r="A46173" s="2"/>
      <c r="B46173" s="2"/>
      <c r="C46173" s="2"/>
    </row>
    <row r="46174" spans="1:3" ht="19.2">
      <c r="A46174" s="2"/>
      <c r="B46174" s="2"/>
      <c r="C46174" s="2"/>
    </row>
    <row r="46175" spans="1:3" ht="19.2">
      <c r="A46175" s="2"/>
      <c r="B46175" s="2"/>
      <c r="C46175" s="2"/>
    </row>
    <row r="46176" spans="1:3" ht="19.2">
      <c r="A46176" s="2"/>
      <c r="B46176" s="2"/>
      <c r="C46176" s="2"/>
    </row>
    <row r="46177" spans="1:3" ht="19.2">
      <c r="A46177" s="2"/>
      <c r="B46177" s="2"/>
      <c r="C46177" s="2"/>
    </row>
    <row r="46178" spans="1:3" ht="19.2">
      <c r="A46178" s="2"/>
      <c r="B46178" s="2"/>
      <c r="C46178" s="2"/>
    </row>
    <row r="46179" spans="1:3" ht="19.2">
      <c r="A46179" s="2"/>
      <c r="B46179" s="2"/>
      <c r="C46179" s="2"/>
    </row>
    <row r="46180" spans="1:3" ht="19.2">
      <c r="A46180" s="2"/>
      <c r="B46180" s="2"/>
      <c r="C46180" s="2"/>
    </row>
    <row r="46181" spans="1:3" ht="19.2">
      <c r="A46181" s="2"/>
      <c r="B46181" s="2"/>
      <c r="C46181" s="2"/>
    </row>
    <row r="46182" spans="1:3" ht="19.2">
      <c r="A46182" s="2"/>
      <c r="B46182" s="2"/>
      <c r="C46182" s="2"/>
    </row>
    <row r="46183" spans="1:3" ht="19.2">
      <c r="A46183" s="2"/>
      <c r="B46183" s="2"/>
      <c r="C46183" s="2"/>
    </row>
    <row r="46184" spans="1:3" ht="19.2">
      <c r="A46184" s="2"/>
      <c r="B46184" s="2"/>
      <c r="C46184" s="2"/>
    </row>
    <row r="46185" spans="1:3" ht="19.2">
      <c r="A46185" s="2"/>
      <c r="B46185" s="2"/>
      <c r="C46185" s="2"/>
    </row>
    <row r="46186" spans="1:3" ht="19.2">
      <c r="A46186" s="2"/>
      <c r="B46186" s="2"/>
      <c r="C46186" s="2"/>
    </row>
    <row r="46187" spans="1:3" ht="19.2">
      <c r="A46187" s="2"/>
      <c r="B46187" s="2"/>
      <c r="C46187" s="2"/>
    </row>
    <row r="46188" spans="1:3" ht="19.2">
      <c r="A46188" s="2"/>
      <c r="B46188" s="2"/>
      <c r="C46188" s="2"/>
    </row>
    <row r="46189" spans="1:3" ht="19.2">
      <c r="A46189" s="2"/>
      <c r="B46189" s="2"/>
      <c r="C46189" s="2"/>
    </row>
    <row r="46190" spans="1:3" ht="19.2">
      <c r="A46190" s="2"/>
      <c r="B46190" s="2"/>
      <c r="C46190" s="2"/>
    </row>
    <row r="46191" spans="1:3" ht="19.2">
      <c r="A46191" s="2"/>
      <c r="B46191" s="2"/>
      <c r="C46191" s="2"/>
    </row>
    <row r="46192" spans="1:3" ht="19.2">
      <c r="A46192" s="2"/>
      <c r="B46192" s="2"/>
      <c r="C46192" s="2"/>
    </row>
    <row r="46193" spans="1:3" ht="19.2">
      <c r="A46193" s="2"/>
      <c r="B46193" s="2"/>
      <c r="C46193" s="2"/>
    </row>
    <row r="46194" spans="1:3" ht="19.2">
      <c r="A46194" s="2"/>
      <c r="B46194" s="2"/>
      <c r="C46194" s="2"/>
    </row>
    <row r="46195" spans="1:3" ht="19.2">
      <c r="A46195" s="2"/>
      <c r="B46195" s="2"/>
      <c r="C46195" s="2"/>
    </row>
    <row r="46196" spans="1:3" ht="19.2">
      <c r="A46196" s="2"/>
      <c r="B46196" s="2"/>
      <c r="C46196" s="2"/>
    </row>
    <row r="46197" spans="1:3" ht="19.2">
      <c r="A46197" s="2"/>
      <c r="B46197" s="2"/>
      <c r="C46197" s="2"/>
    </row>
    <row r="46198" spans="1:3" ht="19.2">
      <c r="A46198" s="2"/>
      <c r="B46198" s="2"/>
      <c r="C46198" s="2"/>
    </row>
    <row r="46199" spans="1:3" ht="19.2">
      <c r="A46199" s="2"/>
      <c r="B46199" s="2"/>
      <c r="C46199" s="2"/>
    </row>
    <row r="46200" spans="1:3" ht="19.2">
      <c r="A46200" s="2"/>
      <c r="B46200" s="2"/>
      <c r="C46200" s="2"/>
    </row>
    <row r="46201" spans="1:3" ht="19.2">
      <c r="A46201" s="2"/>
      <c r="B46201" s="2"/>
      <c r="C46201" s="2"/>
    </row>
    <row r="46202" spans="1:3" ht="19.2">
      <c r="A46202" s="2"/>
      <c r="B46202" s="2"/>
      <c r="C46202" s="2"/>
    </row>
    <row r="46203" spans="1:3" ht="19.2">
      <c r="A46203" s="2"/>
      <c r="B46203" s="2"/>
      <c r="C46203" s="2"/>
    </row>
    <row r="46204" spans="1:3" ht="19.2">
      <c r="A46204" s="2"/>
      <c r="B46204" s="2"/>
      <c r="C46204" s="2"/>
    </row>
    <row r="46205" spans="1:3" ht="19.2">
      <c r="A46205" s="2"/>
      <c r="B46205" s="2"/>
      <c r="C46205" s="2"/>
    </row>
    <row r="46206" spans="1:3" ht="19.2">
      <c r="A46206" s="2"/>
      <c r="B46206" s="2"/>
      <c r="C46206" s="2"/>
    </row>
    <row r="46207" spans="1:3" ht="19.2">
      <c r="A46207" s="2"/>
      <c r="B46207" s="2"/>
      <c r="C46207" s="2"/>
    </row>
    <row r="46208" spans="1:3" ht="19.2">
      <c r="A46208" s="2"/>
      <c r="B46208" s="2"/>
      <c r="C46208" s="2"/>
    </row>
    <row r="46209" spans="1:3" ht="19.2">
      <c r="A46209" s="2"/>
      <c r="B46209" s="2"/>
      <c r="C46209" s="2"/>
    </row>
    <row r="46210" spans="1:3" ht="19.2">
      <c r="A46210" s="2"/>
      <c r="B46210" s="2"/>
      <c r="C46210" s="2"/>
    </row>
    <row r="46211" spans="1:3" ht="19.2">
      <c r="A46211" s="2"/>
      <c r="B46211" s="2"/>
      <c r="C46211" s="2"/>
    </row>
    <row r="46212" spans="1:3" ht="19.2">
      <c r="A46212" s="2"/>
      <c r="B46212" s="2"/>
      <c r="C46212" s="2"/>
    </row>
    <row r="46213" spans="1:3" ht="19.2">
      <c r="A46213" s="2"/>
      <c r="B46213" s="2"/>
      <c r="C46213" s="2"/>
    </row>
    <row r="46214" spans="1:3" ht="19.2">
      <c r="A46214" s="2"/>
      <c r="B46214" s="2"/>
      <c r="C46214" s="2"/>
    </row>
    <row r="46215" spans="1:3" ht="19.2">
      <c r="A46215" s="2"/>
      <c r="B46215" s="2"/>
      <c r="C46215" s="2"/>
    </row>
    <row r="46216" spans="1:3" ht="19.2">
      <c r="A46216" s="2"/>
      <c r="B46216" s="2"/>
      <c r="C46216" s="2"/>
    </row>
    <row r="46217" spans="1:3" ht="19.2">
      <c r="A46217" s="2"/>
      <c r="B46217" s="2"/>
      <c r="C46217" s="2"/>
    </row>
    <row r="46218" spans="1:3" ht="19.2">
      <c r="A46218" s="2"/>
      <c r="B46218" s="2"/>
      <c r="C46218" s="2"/>
    </row>
    <row r="46219" spans="1:3" ht="19.2">
      <c r="A46219" s="2"/>
      <c r="B46219" s="2"/>
      <c r="C46219" s="2"/>
    </row>
    <row r="46220" spans="1:3" ht="19.2">
      <c r="A46220" s="2"/>
      <c r="B46220" s="2"/>
      <c r="C46220" s="2"/>
    </row>
    <row r="46221" spans="1:3" ht="19.2">
      <c r="A46221" s="2"/>
      <c r="B46221" s="2"/>
      <c r="C46221" s="2"/>
    </row>
    <row r="46222" spans="1:3" ht="19.2">
      <c r="A46222" s="2"/>
      <c r="B46222" s="2"/>
      <c r="C46222" s="2"/>
    </row>
    <row r="46223" spans="1:3" ht="19.2">
      <c r="A46223" s="2"/>
      <c r="B46223" s="2"/>
      <c r="C46223" s="2"/>
    </row>
    <row r="46224" spans="1:3" ht="19.2">
      <c r="A46224" s="2"/>
      <c r="B46224" s="2"/>
      <c r="C46224" s="2"/>
    </row>
    <row r="46225" spans="1:3" ht="19.2">
      <c r="A46225" s="2"/>
      <c r="B46225" s="2"/>
      <c r="C46225" s="2"/>
    </row>
    <row r="46226" spans="1:3" ht="19.2">
      <c r="A46226" s="2"/>
      <c r="B46226" s="2"/>
      <c r="C46226" s="2"/>
    </row>
    <row r="46227" spans="1:3" ht="19.2">
      <c r="A46227" s="2"/>
      <c r="B46227" s="2"/>
      <c r="C46227" s="2"/>
    </row>
    <row r="46228" spans="1:3" ht="19.2">
      <c r="A46228" s="2"/>
      <c r="B46228" s="2"/>
      <c r="C46228" s="2"/>
    </row>
    <row r="46229" spans="1:3" ht="19.2">
      <c r="A46229" s="2"/>
      <c r="B46229" s="2"/>
      <c r="C46229" s="2"/>
    </row>
    <row r="46230" spans="1:3" ht="19.2">
      <c r="A46230" s="2"/>
      <c r="B46230" s="2"/>
      <c r="C46230" s="2"/>
    </row>
    <row r="46231" spans="1:3" ht="19.2">
      <c r="A46231" s="2"/>
      <c r="B46231" s="2"/>
      <c r="C46231" s="2"/>
    </row>
    <row r="46232" spans="1:3" ht="19.2">
      <c r="A46232" s="2"/>
      <c r="B46232" s="2"/>
      <c r="C46232" s="2"/>
    </row>
    <row r="46233" spans="1:3" ht="19.2">
      <c r="A46233" s="2"/>
      <c r="B46233" s="2"/>
      <c r="C46233" s="2"/>
    </row>
    <row r="46234" spans="1:3" ht="19.2">
      <c r="A46234" s="2"/>
      <c r="B46234" s="2"/>
      <c r="C46234" s="2"/>
    </row>
    <row r="46235" spans="1:3" ht="19.2">
      <c r="A46235" s="2"/>
      <c r="B46235" s="2"/>
      <c r="C46235" s="2"/>
    </row>
    <row r="46236" spans="1:3" ht="19.2">
      <c r="A46236" s="2"/>
      <c r="B46236" s="2"/>
      <c r="C46236" s="2"/>
    </row>
    <row r="46237" spans="1:3" ht="19.2">
      <c r="A46237" s="2"/>
      <c r="B46237" s="2"/>
      <c r="C46237" s="2"/>
    </row>
    <row r="46238" spans="1:3" ht="19.2">
      <c r="A46238" s="2"/>
      <c r="B46238" s="2"/>
      <c r="C46238" s="2"/>
    </row>
    <row r="46239" spans="1:3" ht="19.2">
      <c r="A46239" s="2"/>
      <c r="B46239" s="2"/>
      <c r="C46239" s="2"/>
    </row>
    <row r="46240" spans="1:3" ht="19.2">
      <c r="A46240" s="2"/>
      <c r="B46240" s="2"/>
      <c r="C46240" s="2"/>
    </row>
    <row r="46241" spans="1:3" ht="19.2">
      <c r="A46241" s="2"/>
      <c r="B46241" s="2"/>
      <c r="C46241" s="2"/>
    </row>
    <row r="46242" spans="1:3" ht="19.2">
      <c r="A46242" s="2"/>
      <c r="B46242" s="2"/>
      <c r="C46242" s="2"/>
    </row>
    <row r="46243" spans="1:3" ht="19.2">
      <c r="A46243" s="2"/>
      <c r="B46243" s="2"/>
      <c r="C46243" s="2"/>
    </row>
    <row r="46244" spans="1:3" ht="19.2">
      <c r="A46244" s="2"/>
      <c r="B46244" s="2"/>
      <c r="C46244" s="2"/>
    </row>
    <row r="46245" spans="1:3" ht="19.2">
      <c r="A46245" s="2"/>
      <c r="B46245" s="2"/>
      <c r="C46245" s="2"/>
    </row>
    <row r="46246" spans="1:3" ht="19.2">
      <c r="A46246" s="2"/>
      <c r="B46246" s="2"/>
      <c r="C46246" s="2"/>
    </row>
    <row r="46247" spans="1:3" ht="19.2">
      <c r="A46247" s="2"/>
      <c r="B46247" s="2"/>
      <c r="C46247" s="2"/>
    </row>
    <row r="46248" spans="1:3" ht="19.2">
      <c r="A46248" s="2"/>
      <c r="B46248" s="2"/>
      <c r="C46248" s="2"/>
    </row>
    <row r="46249" spans="1:3" ht="19.2">
      <c r="A46249" s="2"/>
      <c r="B46249" s="2"/>
      <c r="C46249" s="2"/>
    </row>
    <row r="46250" spans="1:3" ht="19.2">
      <c r="A46250" s="2"/>
      <c r="B46250" s="2"/>
      <c r="C46250" s="2"/>
    </row>
    <row r="46251" spans="1:3" ht="19.2">
      <c r="A46251" s="2"/>
      <c r="B46251" s="2"/>
      <c r="C46251" s="2"/>
    </row>
    <row r="46252" spans="1:3" ht="19.2">
      <c r="A46252" s="2"/>
      <c r="B46252" s="2"/>
      <c r="C46252" s="2"/>
    </row>
    <row r="46253" spans="1:3" ht="19.2">
      <c r="A46253" s="2"/>
      <c r="B46253" s="2"/>
      <c r="C46253" s="2"/>
    </row>
    <row r="46254" spans="1:3" ht="19.2">
      <c r="A46254" s="2"/>
      <c r="B46254" s="2"/>
      <c r="C46254" s="2"/>
    </row>
    <row r="46255" spans="1:3" ht="19.2">
      <c r="A46255" s="2"/>
      <c r="B46255" s="2"/>
      <c r="C46255" s="2"/>
    </row>
    <row r="46256" spans="1:3" ht="19.2">
      <c r="A46256" s="2"/>
      <c r="B46256" s="2"/>
      <c r="C46256" s="2"/>
    </row>
    <row r="46257" spans="1:3" ht="19.2">
      <c r="A46257" s="2"/>
      <c r="B46257" s="2"/>
      <c r="C46257" s="2"/>
    </row>
    <row r="46258" spans="1:3" ht="19.2">
      <c r="A46258" s="2"/>
      <c r="B46258" s="2"/>
      <c r="C46258" s="2"/>
    </row>
    <row r="46259" spans="1:3" ht="19.2">
      <c r="A46259" s="2"/>
      <c r="B46259" s="2"/>
      <c r="C46259" s="2"/>
    </row>
    <row r="46260" spans="1:3" ht="19.2">
      <c r="A46260" s="2"/>
      <c r="B46260" s="2"/>
      <c r="C46260" s="2"/>
    </row>
    <row r="46261" spans="1:3" ht="19.2">
      <c r="A46261" s="2"/>
      <c r="B46261" s="2"/>
      <c r="C46261" s="2"/>
    </row>
    <row r="46262" spans="1:3" ht="19.2">
      <c r="A46262" s="2"/>
      <c r="B46262" s="2"/>
      <c r="C46262" s="2"/>
    </row>
    <row r="46263" spans="1:3" ht="19.2">
      <c r="A46263" s="2"/>
      <c r="B46263" s="2"/>
      <c r="C46263" s="2"/>
    </row>
    <row r="46264" spans="1:3" ht="19.2">
      <c r="A46264" s="2"/>
      <c r="B46264" s="2"/>
      <c r="C46264" s="2"/>
    </row>
    <row r="46265" spans="1:3" ht="19.2">
      <c r="A46265" s="2"/>
      <c r="B46265" s="2"/>
      <c r="C46265" s="2"/>
    </row>
    <row r="46266" spans="1:3" ht="19.2">
      <c r="A46266" s="2"/>
      <c r="B46266" s="2"/>
      <c r="C46266" s="2"/>
    </row>
    <row r="46267" spans="1:3" ht="19.2">
      <c r="A46267" s="2"/>
      <c r="B46267" s="2"/>
      <c r="C46267" s="2"/>
    </row>
    <row r="46268" spans="1:3" ht="19.2">
      <c r="A46268" s="2"/>
      <c r="B46268" s="2"/>
      <c r="C46268" s="2"/>
    </row>
    <row r="46269" spans="1:3" ht="19.2">
      <c r="A46269" s="2"/>
      <c r="B46269" s="2"/>
      <c r="C46269" s="2"/>
    </row>
    <row r="46270" spans="1:3" ht="19.2">
      <c r="A46270" s="2"/>
      <c r="B46270" s="2"/>
      <c r="C46270" s="2"/>
    </row>
    <row r="46271" spans="1:3" ht="19.2">
      <c r="A46271" s="2"/>
      <c r="B46271" s="2"/>
      <c r="C46271" s="2"/>
    </row>
    <row r="46272" spans="1:3" ht="19.2">
      <c r="A46272" s="2"/>
      <c r="B46272" s="2"/>
      <c r="C46272" s="2"/>
    </row>
    <row r="46273" spans="1:3" ht="19.2">
      <c r="A46273" s="2"/>
      <c r="B46273" s="2"/>
      <c r="C46273" s="2"/>
    </row>
    <row r="46274" spans="1:3" ht="19.2">
      <c r="A46274" s="2"/>
      <c r="B46274" s="2"/>
      <c r="C46274" s="2"/>
    </row>
    <row r="46275" spans="1:3" ht="19.2">
      <c r="A46275" s="2"/>
      <c r="B46275" s="2"/>
      <c r="C46275" s="2"/>
    </row>
    <row r="46276" spans="1:3" ht="19.2">
      <c r="A46276" s="2"/>
      <c r="B46276" s="2"/>
      <c r="C46276" s="2"/>
    </row>
    <row r="46277" spans="1:3" ht="19.2">
      <c r="A46277" s="2"/>
      <c r="B46277" s="2"/>
      <c r="C46277" s="2"/>
    </row>
    <row r="46278" spans="1:3" ht="19.2">
      <c r="A46278" s="2"/>
      <c r="B46278" s="2"/>
      <c r="C46278" s="2"/>
    </row>
    <row r="46279" spans="1:3" ht="19.2">
      <c r="A46279" s="2"/>
      <c r="B46279" s="2"/>
      <c r="C46279" s="2"/>
    </row>
    <row r="46280" spans="1:3" ht="19.2">
      <c r="A46280" s="2"/>
      <c r="B46280" s="2"/>
      <c r="C46280" s="2"/>
    </row>
    <row r="46281" spans="1:3" ht="19.2">
      <c r="A46281" s="2"/>
      <c r="B46281" s="2"/>
      <c r="C46281" s="2"/>
    </row>
    <row r="46282" spans="1:3" ht="19.2">
      <c r="A46282" s="2"/>
      <c r="B46282" s="2"/>
      <c r="C46282" s="2"/>
    </row>
    <row r="46283" spans="1:3" ht="19.2">
      <c r="A46283" s="2"/>
      <c r="B46283" s="2"/>
      <c r="C46283" s="2"/>
    </row>
    <row r="46284" spans="1:3" ht="19.2">
      <c r="A46284" s="2"/>
      <c r="B46284" s="2"/>
      <c r="C46284" s="2"/>
    </row>
    <row r="46285" spans="1:3" ht="19.2">
      <c r="A46285" s="2"/>
      <c r="B46285" s="2"/>
      <c r="C46285" s="2"/>
    </row>
    <row r="46286" spans="1:3" ht="19.2">
      <c r="A46286" s="2"/>
      <c r="B46286" s="2"/>
      <c r="C46286" s="2"/>
    </row>
    <row r="46287" spans="1:3" ht="19.2">
      <c r="A46287" s="2"/>
      <c r="B46287" s="2"/>
      <c r="C46287" s="2"/>
    </row>
    <row r="46288" spans="1:3" ht="19.2">
      <c r="A46288" s="2"/>
      <c r="B46288" s="2"/>
      <c r="C46288" s="2"/>
    </row>
    <row r="46289" spans="1:3" ht="19.2">
      <c r="A46289" s="2"/>
      <c r="B46289" s="2"/>
      <c r="C46289" s="2"/>
    </row>
    <row r="46290" spans="1:3" ht="19.2">
      <c r="A46290" s="2"/>
      <c r="B46290" s="2"/>
      <c r="C46290" s="2"/>
    </row>
    <row r="46291" spans="1:3" ht="19.2">
      <c r="A46291" s="2"/>
      <c r="B46291" s="2"/>
      <c r="C46291" s="2"/>
    </row>
    <row r="46292" spans="1:3" ht="19.2">
      <c r="A46292" s="2"/>
      <c r="B46292" s="2"/>
      <c r="C46292" s="2"/>
    </row>
    <row r="46293" spans="1:3" ht="19.2">
      <c r="A46293" s="2"/>
      <c r="B46293" s="2"/>
      <c r="C46293" s="2"/>
    </row>
    <row r="46294" spans="1:3" ht="19.2">
      <c r="A46294" s="2"/>
      <c r="B46294" s="2"/>
      <c r="C46294" s="2"/>
    </row>
    <row r="46295" spans="1:3" ht="19.2">
      <c r="A46295" s="2"/>
      <c r="B46295" s="2"/>
      <c r="C46295" s="2"/>
    </row>
    <row r="46296" spans="1:3" ht="19.2">
      <c r="A46296" s="2"/>
      <c r="B46296" s="2"/>
      <c r="C46296" s="2"/>
    </row>
    <row r="46297" spans="1:3" ht="19.2">
      <c r="A46297" s="2"/>
      <c r="B46297" s="2"/>
      <c r="C46297" s="2"/>
    </row>
    <row r="46298" spans="1:3" ht="19.2">
      <c r="A46298" s="2"/>
      <c r="B46298" s="2"/>
      <c r="C46298" s="2"/>
    </row>
    <row r="46299" spans="1:3" ht="19.2">
      <c r="A46299" s="2"/>
      <c r="B46299" s="2"/>
      <c r="C46299" s="2"/>
    </row>
    <row r="46300" spans="1:3" ht="19.2">
      <c r="A46300" s="2"/>
      <c r="B46300" s="2"/>
      <c r="C46300" s="2"/>
    </row>
    <row r="46301" spans="1:3" ht="19.2">
      <c r="A46301" s="2"/>
      <c r="B46301" s="2"/>
      <c r="C46301" s="2"/>
    </row>
    <row r="46302" spans="1:3" ht="19.2">
      <c r="A46302" s="2"/>
      <c r="B46302" s="2"/>
      <c r="C46302" s="2"/>
    </row>
    <row r="46303" spans="1:3" ht="19.2">
      <c r="A46303" s="2"/>
      <c r="B46303" s="2"/>
      <c r="C46303" s="2"/>
    </row>
    <row r="46304" spans="1:3" ht="19.2">
      <c r="A46304" s="2"/>
      <c r="B46304" s="2"/>
      <c r="C46304" s="2"/>
    </row>
    <row r="46305" spans="1:3" ht="19.2">
      <c r="A46305" s="2"/>
      <c r="B46305" s="2"/>
      <c r="C46305" s="2"/>
    </row>
    <row r="46306" spans="1:3" ht="19.2">
      <c r="A46306" s="2"/>
      <c r="B46306" s="2"/>
      <c r="C46306" s="2"/>
    </row>
    <row r="46307" spans="1:3" ht="19.2">
      <c r="A46307" s="2"/>
      <c r="B46307" s="2"/>
      <c r="C46307" s="2"/>
    </row>
    <row r="46308" spans="1:3" ht="19.2">
      <c r="A46308" s="2"/>
      <c r="B46308" s="2"/>
      <c r="C46308" s="2"/>
    </row>
    <row r="46309" spans="1:3" ht="19.2">
      <c r="A46309" s="2"/>
      <c r="B46309" s="2"/>
      <c r="C46309" s="2"/>
    </row>
    <row r="46310" spans="1:3" ht="19.2">
      <c r="A46310" s="2"/>
      <c r="B46310" s="2"/>
      <c r="C46310" s="2"/>
    </row>
    <row r="46311" spans="1:3" ht="19.2">
      <c r="A46311" s="2"/>
      <c r="B46311" s="2"/>
      <c r="C46311" s="2"/>
    </row>
    <row r="46312" spans="1:3" ht="19.2">
      <c r="A46312" s="2"/>
      <c r="B46312" s="2"/>
      <c r="C46312" s="2"/>
    </row>
    <row r="46313" spans="1:3" ht="19.2">
      <c r="A46313" s="2"/>
      <c r="B46313" s="2"/>
      <c r="C46313" s="2"/>
    </row>
    <row r="46314" spans="1:3" ht="19.2">
      <c r="A46314" s="2"/>
      <c r="B46314" s="2"/>
      <c r="C46314" s="2"/>
    </row>
    <row r="46315" spans="1:3" ht="19.2">
      <c r="A46315" s="2"/>
      <c r="B46315" s="2"/>
      <c r="C46315" s="2"/>
    </row>
    <row r="46316" spans="1:3" ht="19.2">
      <c r="A46316" s="2"/>
      <c r="B46316" s="2"/>
      <c r="C46316" s="2"/>
    </row>
    <row r="46317" spans="1:3" ht="19.2">
      <c r="A46317" s="2"/>
      <c r="B46317" s="2"/>
      <c r="C46317" s="2"/>
    </row>
    <row r="46318" spans="1:3" ht="19.2">
      <c r="A46318" s="2"/>
      <c r="B46318" s="2"/>
      <c r="C46318" s="2"/>
    </row>
    <row r="46319" spans="1:3" ht="19.2">
      <c r="A46319" s="2"/>
      <c r="B46319" s="2"/>
      <c r="C46319" s="2"/>
    </row>
    <row r="46320" spans="1:3" ht="19.2">
      <c r="A46320" s="2"/>
      <c r="B46320" s="2"/>
      <c r="C46320" s="2"/>
    </row>
    <row r="46321" spans="1:3" ht="19.2">
      <c r="A46321" s="2"/>
      <c r="B46321" s="2"/>
      <c r="C46321" s="2"/>
    </row>
    <row r="46322" spans="1:3" ht="19.2">
      <c r="A46322" s="2"/>
      <c r="B46322" s="2"/>
      <c r="C46322" s="2"/>
    </row>
    <row r="46323" spans="1:3" ht="19.2">
      <c r="A46323" s="2"/>
      <c r="B46323" s="2"/>
      <c r="C46323" s="2"/>
    </row>
    <row r="46324" spans="1:3" ht="19.2">
      <c r="A46324" s="2"/>
      <c r="B46324" s="2"/>
      <c r="C46324" s="2"/>
    </row>
    <row r="46325" spans="1:3" ht="19.2">
      <c r="A46325" s="2"/>
      <c r="B46325" s="2"/>
      <c r="C46325" s="2"/>
    </row>
    <row r="46326" spans="1:3" ht="19.2">
      <c r="A46326" s="2"/>
      <c r="B46326" s="2"/>
      <c r="C46326" s="2"/>
    </row>
    <row r="46327" spans="1:3" ht="19.2">
      <c r="A46327" s="2"/>
      <c r="B46327" s="2"/>
      <c r="C46327" s="2"/>
    </row>
    <row r="46328" spans="1:3" ht="19.2">
      <c r="A46328" s="2"/>
      <c r="B46328" s="2"/>
      <c r="C46328" s="2"/>
    </row>
    <row r="46329" spans="1:3" ht="19.2">
      <c r="A46329" s="2"/>
      <c r="B46329" s="2"/>
      <c r="C46329" s="2"/>
    </row>
    <row r="46330" spans="1:3" ht="19.2">
      <c r="A46330" s="2"/>
      <c r="B46330" s="2"/>
      <c r="C46330" s="2"/>
    </row>
    <row r="46331" spans="1:3" ht="19.2">
      <c r="A46331" s="2"/>
      <c r="B46331" s="2"/>
      <c r="C46331" s="2"/>
    </row>
    <row r="46332" spans="1:3" ht="19.2">
      <c r="A46332" s="2"/>
      <c r="B46332" s="2"/>
      <c r="C46332" s="2"/>
    </row>
    <row r="46333" spans="1:3" ht="19.2">
      <c r="A46333" s="2"/>
      <c r="B46333" s="2"/>
      <c r="C46333" s="2"/>
    </row>
    <row r="46334" spans="1:3" ht="19.2">
      <c r="A46334" s="2"/>
      <c r="B46334" s="2"/>
      <c r="C46334" s="2"/>
    </row>
    <row r="46335" spans="1:3" ht="19.2">
      <c r="A46335" s="2"/>
      <c r="B46335" s="2"/>
      <c r="C46335" s="2"/>
    </row>
    <row r="46336" spans="1:3" ht="19.2">
      <c r="A46336" s="2"/>
      <c r="B46336" s="2"/>
      <c r="C46336" s="2"/>
    </row>
    <row r="46337" spans="1:3" ht="19.2">
      <c r="A46337" s="2"/>
      <c r="B46337" s="2"/>
      <c r="C46337" s="2"/>
    </row>
    <row r="46338" spans="1:3" ht="19.2">
      <c r="A46338" s="2"/>
      <c r="B46338" s="2"/>
      <c r="C46338" s="2"/>
    </row>
    <row r="46339" spans="1:3" ht="19.2">
      <c r="A46339" s="2"/>
      <c r="B46339" s="2"/>
      <c r="C46339" s="2"/>
    </row>
    <row r="46340" spans="1:3" ht="19.2">
      <c r="A46340" s="2"/>
      <c r="B46340" s="2"/>
      <c r="C46340" s="2"/>
    </row>
    <row r="46341" spans="1:3" ht="19.2">
      <c r="A46341" s="2"/>
      <c r="B46341" s="2"/>
      <c r="C46341" s="2"/>
    </row>
    <row r="46342" spans="1:3" ht="19.2">
      <c r="A46342" s="2"/>
      <c r="B46342" s="2"/>
      <c r="C46342" s="2"/>
    </row>
    <row r="46343" spans="1:3" ht="19.2">
      <c r="A46343" s="2"/>
      <c r="B46343" s="2"/>
      <c r="C46343" s="2"/>
    </row>
    <row r="46344" spans="1:3" ht="19.2">
      <c r="A46344" s="2"/>
      <c r="B46344" s="2"/>
      <c r="C46344" s="2"/>
    </row>
    <row r="46345" spans="1:3" ht="19.2">
      <c r="A46345" s="2"/>
      <c r="B46345" s="2"/>
      <c r="C46345" s="2"/>
    </row>
    <row r="46346" spans="1:3" ht="19.2">
      <c r="A46346" s="2"/>
      <c r="B46346" s="2"/>
      <c r="C46346" s="2"/>
    </row>
    <row r="46347" spans="1:3" ht="19.2">
      <c r="A46347" s="2"/>
      <c r="B46347" s="2"/>
      <c r="C46347" s="2"/>
    </row>
    <row r="46348" spans="1:3" ht="19.2">
      <c r="A46348" s="2"/>
      <c r="B46348" s="2"/>
      <c r="C46348" s="2"/>
    </row>
    <row r="46349" spans="1:3" ht="19.2">
      <c r="A46349" s="2"/>
      <c r="B46349" s="2"/>
      <c r="C46349" s="2"/>
    </row>
    <row r="46350" spans="1:3" ht="19.2">
      <c r="A46350" s="2"/>
      <c r="B46350" s="2"/>
      <c r="C46350" s="2"/>
    </row>
    <row r="46351" spans="1:3" ht="19.2">
      <c r="A46351" s="2"/>
      <c r="B46351" s="2"/>
      <c r="C46351" s="2"/>
    </row>
    <row r="46352" spans="1:3" ht="19.2">
      <c r="A46352" s="2"/>
      <c r="B46352" s="2"/>
      <c r="C46352" s="2"/>
    </row>
    <row r="46353" spans="1:3" ht="19.2">
      <c r="A46353" s="2"/>
      <c r="B46353" s="2"/>
      <c r="C46353" s="2"/>
    </row>
    <row r="46354" spans="1:3" ht="19.2">
      <c r="A46354" s="2"/>
      <c r="B46354" s="2"/>
      <c r="C46354" s="2"/>
    </row>
    <row r="46355" spans="1:3" ht="19.2">
      <c r="A46355" s="2"/>
      <c r="B46355" s="2"/>
      <c r="C46355" s="2"/>
    </row>
    <row r="46356" spans="1:3" ht="19.2">
      <c r="A46356" s="2"/>
      <c r="B46356" s="2"/>
      <c r="C46356" s="2"/>
    </row>
    <row r="46357" spans="1:3" ht="19.2">
      <c r="A46357" s="2"/>
      <c r="B46357" s="2"/>
      <c r="C46357" s="2"/>
    </row>
    <row r="46358" spans="1:3" ht="19.2">
      <c r="A46358" s="2"/>
      <c r="B46358" s="2"/>
      <c r="C46358" s="2"/>
    </row>
    <row r="46359" spans="1:3" ht="19.2">
      <c r="A46359" s="2"/>
      <c r="B46359" s="2"/>
      <c r="C46359" s="2"/>
    </row>
    <row r="46360" spans="1:3" ht="19.2">
      <c r="A46360" s="2"/>
      <c r="B46360" s="2"/>
      <c r="C46360" s="2"/>
    </row>
    <row r="46361" spans="1:3" ht="19.2">
      <c r="A46361" s="2"/>
      <c r="B46361" s="2"/>
      <c r="C46361" s="2"/>
    </row>
    <row r="46362" spans="1:3" ht="19.2">
      <c r="A46362" s="2"/>
      <c r="B46362" s="2"/>
      <c r="C46362" s="2"/>
    </row>
    <row r="46363" spans="1:3" ht="19.2">
      <c r="A46363" s="2"/>
      <c r="B46363" s="2"/>
      <c r="C46363" s="2"/>
    </row>
    <row r="46364" spans="1:3" ht="19.2">
      <c r="A46364" s="2"/>
      <c r="B46364" s="2"/>
      <c r="C46364" s="2"/>
    </row>
    <row r="46365" spans="1:3" ht="19.2">
      <c r="A46365" s="2"/>
      <c r="B46365" s="2"/>
      <c r="C46365" s="2"/>
    </row>
    <row r="46366" spans="1:3" ht="19.2">
      <c r="A46366" s="2"/>
      <c r="B46366" s="2"/>
      <c r="C46366" s="2"/>
    </row>
    <row r="46367" spans="1:3" ht="19.2">
      <c r="A46367" s="2"/>
      <c r="B46367" s="2"/>
      <c r="C46367" s="2"/>
    </row>
    <row r="46368" spans="1:3" ht="19.2">
      <c r="A46368" s="2"/>
      <c r="B46368" s="2"/>
      <c r="C46368" s="2"/>
    </row>
    <row r="46369" spans="1:3" ht="19.2">
      <c r="A46369" s="2"/>
      <c r="B46369" s="2"/>
      <c r="C46369" s="2"/>
    </row>
    <row r="46370" spans="1:3" ht="19.2">
      <c r="A46370" s="2"/>
      <c r="B46370" s="2"/>
      <c r="C46370" s="2"/>
    </row>
    <row r="46371" spans="1:3" ht="19.2">
      <c r="A46371" s="2"/>
      <c r="B46371" s="2"/>
      <c r="C46371" s="2"/>
    </row>
    <row r="46372" spans="1:3" ht="19.2">
      <c r="A46372" s="2"/>
      <c r="B46372" s="2"/>
      <c r="C46372" s="2"/>
    </row>
    <row r="46373" spans="1:3" ht="19.2">
      <c r="A46373" s="2"/>
      <c r="B46373" s="2"/>
      <c r="C46373" s="2"/>
    </row>
    <row r="46374" spans="1:3" ht="19.2">
      <c r="A46374" s="2"/>
      <c r="B46374" s="2"/>
      <c r="C46374" s="2"/>
    </row>
    <row r="46375" spans="1:3" ht="19.2">
      <c r="A46375" s="2"/>
      <c r="B46375" s="2"/>
      <c r="C46375" s="2"/>
    </row>
    <row r="46376" spans="1:3" ht="19.2">
      <c r="A46376" s="2"/>
      <c r="B46376" s="2"/>
      <c r="C46376" s="2"/>
    </row>
    <row r="46377" spans="1:3" ht="19.2">
      <c r="A46377" s="2"/>
      <c r="B46377" s="2"/>
      <c r="C46377" s="2"/>
    </row>
    <row r="46378" spans="1:3" ht="19.2">
      <c r="A46378" s="2"/>
      <c r="B46378" s="2"/>
      <c r="C46378" s="2"/>
    </row>
    <row r="46379" spans="1:3" ht="19.2">
      <c r="A46379" s="2"/>
      <c r="B46379" s="2"/>
      <c r="C46379" s="2"/>
    </row>
    <row r="46380" spans="1:3" ht="19.2">
      <c r="A46380" s="2"/>
      <c r="B46380" s="2"/>
      <c r="C46380" s="2"/>
    </row>
    <row r="46381" spans="1:3" ht="19.2">
      <c r="A46381" s="2"/>
      <c r="B46381" s="2"/>
      <c r="C46381" s="2"/>
    </row>
    <row r="46382" spans="1:3" ht="19.2">
      <c r="A46382" s="2"/>
      <c r="B46382" s="2"/>
      <c r="C46382" s="2"/>
    </row>
    <row r="46383" spans="1:3" ht="19.2">
      <c r="A46383" s="2"/>
      <c r="B46383" s="2"/>
      <c r="C46383" s="2"/>
    </row>
    <row r="46384" spans="1:3" ht="19.2">
      <c r="A46384" s="2"/>
      <c r="B46384" s="2"/>
      <c r="C46384" s="2"/>
    </row>
    <row r="46385" spans="1:3" ht="19.2">
      <c r="A46385" s="2"/>
      <c r="B46385" s="2"/>
      <c r="C46385" s="2"/>
    </row>
    <row r="46386" spans="1:3" ht="19.2">
      <c r="A46386" s="2"/>
      <c r="B46386" s="2"/>
      <c r="C46386" s="2"/>
    </row>
    <row r="46387" spans="1:3" ht="19.2">
      <c r="A46387" s="2"/>
      <c r="B46387" s="2"/>
      <c r="C46387" s="2"/>
    </row>
    <row r="46388" spans="1:3" ht="19.2">
      <c r="A46388" s="2"/>
      <c r="B46388" s="2"/>
      <c r="C46388" s="2"/>
    </row>
    <row r="46389" spans="1:3" ht="19.2">
      <c r="A46389" s="2"/>
      <c r="B46389" s="2"/>
      <c r="C46389" s="2"/>
    </row>
    <row r="46390" spans="1:3" ht="19.2">
      <c r="A46390" s="2"/>
      <c r="B46390" s="2"/>
      <c r="C46390" s="2"/>
    </row>
    <row r="46391" spans="1:3" ht="19.2">
      <c r="A46391" s="2"/>
      <c r="B46391" s="2"/>
      <c r="C46391" s="2"/>
    </row>
    <row r="46392" spans="1:3" ht="19.2">
      <c r="A46392" s="2"/>
      <c r="B46392" s="2"/>
      <c r="C46392" s="2"/>
    </row>
    <row r="46393" spans="1:3" ht="19.2">
      <c r="A46393" s="2"/>
      <c r="B46393" s="2"/>
      <c r="C46393" s="2"/>
    </row>
    <row r="46394" spans="1:3" ht="19.2">
      <c r="A46394" s="2"/>
      <c r="B46394" s="2"/>
      <c r="C46394" s="2"/>
    </row>
    <row r="46395" spans="1:3" ht="19.2">
      <c r="A46395" s="2"/>
      <c r="B46395" s="2"/>
      <c r="C46395" s="2"/>
    </row>
    <row r="46396" spans="1:3" ht="19.2">
      <c r="A46396" s="2"/>
      <c r="B46396" s="2"/>
      <c r="C46396" s="2"/>
    </row>
    <row r="46397" spans="1:3" ht="19.2">
      <c r="A46397" s="2"/>
      <c r="B46397" s="2"/>
      <c r="C46397" s="2"/>
    </row>
    <row r="46398" spans="1:3" ht="19.2">
      <c r="A46398" s="2"/>
      <c r="B46398" s="2"/>
      <c r="C46398" s="2"/>
    </row>
    <row r="46399" spans="1:3" ht="19.2">
      <c r="A46399" s="2"/>
      <c r="B46399" s="2"/>
      <c r="C46399" s="2"/>
    </row>
    <row r="46400" spans="1:3" ht="19.2">
      <c r="A46400" s="2"/>
      <c r="B46400" s="2"/>
      <c r="C46400" s="2"/>
    </row>
    <row r="46401" spans="1:3" ht="19.2">
      <c r="A46401" s="2"/>
      <c r="B46401" s="2"/>
      <c r="C46401" s="2"/>
    </row>
    <row r="46402" spans="1:3" ht="19.2">
      <c r="A46402" s="2"/>
      <c r="B46402" s="2"/>
      <c r="C46402" s="2"/>
    </row>
    <row r="46403" spans="1:3" ht="19.2">
      <c r="A46403" s="2"/>
      <c r="B46403" s="2"/>
      <c r="C46403" s="2"/>
    </row>
    <row r="46404" spans="1:3" ht="19.2">
      <c r="A46404" s="2"/>
      <c r="B46404" s="2"/>
      <c r="C46404" s="2"/>
    </row>
    <row r="46405" spans="1:3" ht="19.2">
      <c r="A46405" s="2"/>
      <c r="B46405" s="2"/>
      <c r="C46405" s="2"/>
    </row>
    <row r="46406" spans="1:3" ht="19.2">
      <c r="A46406" s="2"/>
      <c r="B46406" s="2"/>
      <c r="C46406" s="2"/>
    </row>
    <row r="46407" spans="1:3" ht="19.2">
      <c r="A46407" s="2"/>
      <c r="B46407" s="2"/>
      <c r="C46407" s="2"/>
    </row>
    <row r="46408" spans="1:3" ht="19.2">
      <c r="A46408" s="2"/>
      <c r="B46408" s="2"/>
      <c r="C46408" s="2"/>
    </row>
    <row r="46409" spans="1:3" ht="19.2">
      <c r="A46409" s="2"/>
      <c r="B46409" s="2"/>
      <c r="C46409" s="2"/>
    </row>
    <row r="46410" spans="1:3" ht="19.2">
      <c r="A46410" s="2"/>
      <c r="B46410" s="2"/>
      <c r="C46410" s="2"/>
    </row>
    <row r="46411" spans="1:3" ht="19.2">
      <c r="A46411" s="2"/>
      <c r="B46411" s="2"/>
      <c r="C46411" s="2"/>
    </row>
    <row r="46412" spans="1:3" ht="19.2">
      <c r="A46412" s="2"/>
      <c r="B46412" s="2"/>
      <c r="C46412" s="2"/>
    </row>
    <row r="46413" spans="1:3" ht="19.2">
      <c r="A46413" s="2"/>
      <c r="B46413" s="2"/>
      <c r="C46413" s="2"/>
    </row>
    <row r="46414" spans="1:3" ht="19.2">
      <c r="A46414" s="2"/>
      <c r="B46414" s="2"/>
      <c r="C46414" s="2"/>
    </row>
    <row r="46415" spans="1:3" ht="19.2">
      <c r="A46415" s="2"/>
      <c r="B46415" s="2"/>
      <c r="C46415" s="2"/>
    </row>
    <row r="46416" spans="1:3" ht="19.2">
      <c r="A46416" s="2"/>
      <c r="B46416" s="2"/>
      <c r="C46416" s="2"/>
    </row>
    <row r="46417" spans="1:3" ht="19.2">
      <c r="A46417" s="2"/>
      <c r="B46417" s="2"/>
      <c r="C46417" s="2"/>
    </row>
    <row r="46418" spans="1:3" ht="19.2">
      <c r="A46418" s="2"/>
      <c r="B46418" s="2"/>
      <c r="C46418" s="2"/>
    </row>
    <row r="46419" spans="1:3" ht="19.2">
      <c r="A46419" s="2"/>
      <c r="B46419" s="2"/>
      <c r="C46419" s="2"/>
    </row>
    <row r="46420" spans="1:3" ht="19.2">
      <c r="A46420" s="2"/>
      <c r="B46420" s="2"/>
      <c r="C46420" s="2"/>
    </row>
    <row r="46421" spans="1:3" ht="19.2">
      <c r="A46421" s="2"/>
      <c r="B46421" s="2"/>
      <c r="C46421" s="2"/>
    </row>
    <row r="46422" spans="1:3" ht="19.2">
      <c r="A46422" s="2"/>
      <c r="B46422" s="2"/>
      <c r="C46422" s="2"/>
    </row>
    <row r="46423" spans="1:3" ht="19.2">
      <c r="A46423" s="2"/>
      <c r="B46423" s="2"/>
      <c r="C46423" s="2"/>
    </row>
    <row r="46424" spans="1:3" ht="19.2">
      <c r="A46424" s="2"/>
      <c r="B46424" s="2"/>
      <c r="C46424" s="2"/>
    </row>
    <row r="46425" spans="1:3" ht="19.2">
      <c r="A46425" s="2"/>
      <c r="B46425" s="2"/>
      <c r="C46425" s="2"/>
    </row>
    <row r="46426" spans="1:3" ht="19.2">
      <c r="A46426" s="2"/>
      <c r="B46426" s="2"/>
      <c r="C46426" s="2"/>
    </row>
    <row r="46427" spans="1:3" ht="19.2">
      <c r="A46427" s="2"/>
      <c r="B46427" s="2"/>
      <c r="C46427" s="2"/>
    </row>
    <row r="46428" spans="1:3" ht="19.2">
      <c r="A46428" s="2"/>
      <c r="B46428" s="2"/>
      <c r="C46428" s="2"/>
    </row>
    <row r="46429" spans="1:3" ht="19.2">
      <c r="A46429" s="2"/>
      <c r="B46429" s="2"/>
      <c r="C46429" s="2"/>
    </row>
    <row r="46430" spans="1:3" ht="19.2">
      <c r="A46430" s="2"/>
      <c r="B46430" s="2"/>
      <c r="C46430" s="2"/>
    </row>
    <row r="46431" spans="1:3" ht="19.2">
      <c r="A46431" s="2"/>
      <c r="B46431" s="2"/>
      <c r="C46431" s="2"/>
    </row>
    <row r="46432" spans="1:3" ht="19.2">
      <c r="A46432" s="2"/>
      <c r="B46432" s="2"/>
      <c r="C46432" s="2"/>
    </row>
    <row r="46433" spans="1:3" ht="19.2">
      <c r="A46433" s="2"/>
      <c r="B46433" s="2"/>
      <c r="C46433" s="2"/>
    </row>
    <row r="46434" spans="1:3" ht="19.2">
      <c r="A46434" s="2"/>
      <c r="B46434" s="2"/>
      <c r="C46434" s="2"/>
    </row>
    <row r="46435" spans="1:3" ht="19.2">
      <c r="A46435" s="2"/>
      <c r="B46435" s="2"/>
      <c r="C46435" s="2"/>
    </row>
    <row r="46436" spans="1:3" ht="19.2">
      <c r="A46436" s="2"/>
      <c r="B46436" s="2"/>
      <c r="C46436" s="2"/>
    </row>
    <row r="46437" spans="1:3" ht="19.2">
      <c r="A46437" s="2"/>
      <c r="B46437" s="2"/>
      <c r="C46437" s="2"/>
    </row>
    <row r="46438" spans="1:3" ht="19.2">
      <c r="A46438" s="2"/>
      <c r="B46438" s="2"/>
      <c r="C46438" s="2"/>
    </row>
    <row r="46439" spans="1:3" ht="19.2">
      <c r="A46439" s="2"/>
      <c r="B46439" s="2"/>
      <c r="C46439" s="2"/>
    </row>
    <row r="46440" spans="1:3" ht="19.2">
      <c r="A46440" s="2"/>
      <c r="B46440" s="2"/>
      <c r="C46440" s="2"/>
    </row>
    <row r="46441" spans="1:3" ht="19.2">
      <c r="A46441" s="2"/>
      <c r="B46441" s="2"/>
      <c r="C46441" s="2"/>
    </row>
    <row r="46442" spans="1:3" ht="19.2">
      <c r="A46442" s="2"/>
      <c r="B46442" s="2"/>
      <c r="C46442" s="2"/>
    </row>
    <row r="46443" spans="1:3" ht="19.2">
      <c r="A46443" s="2"/>
      <c r="B46443" s="2"/>
      <c r="C46443" s="2"/>
    </row>
    <row r="46444" spans="1:3" ht="19.2">
      <c r="A46444" s="2"/>
      <c r="B46444" s="2"/>
      <c r="C46444" s="2"/>
    </row>
    <row r="46445" spans="1:3" ht="19.2">
      <c r="A46445" s="2"/>
      <c r="B46445" s="2"/>
      <c r="C46445" s="2"/>
    </row>
    <row r="46446" spans="1:3" ht="19.2">
      <c r="A46446" s="2"/>
      <c r="B46446" s="2"/>
      <c r="C46446" s="2"/>
    </row>
    <row r="46447" spans="1:3" ht="19.2">
      <c r="A46447" s="2"/>
      <c r="B46447" s="2"/>
      <c r="C46447" s="2"/>
    </row>
    <row r="46448" spans="1:3" ht="19.2">
      <c r="A46448" s="2"/>
      <c r="B46448" s="2"/>
      <c r="C46448" s="2"/>
    </row>
    <row r="46449" spans="1:3" ht="19.2">
      <c r="A46449" s="2"/>
      <c r="B46449" s="2"/>
      <c r="C46449" s="2"/>
    </row>
    <row r="46450" spans="1:3" ht="19.2">
      <c r="A46450" s="2"/>
      <c r="B46450" s="2"/>
      <c r="C46450" s="2"/>
    </row>
    <row r="46451" spans="1:3" ht="19.2">
      <c r="A46451" s="2"/>
      <c r="B46451" s="2"/>
      <c r="C46451" s="2"/>
    </row>
    <row r="46452" spans="1:3" ht="19.2">
      <c r="A46452" s="2"/>
      <c r="B46452" s="2"/>
      <c r="C46452" s="2"/>
    </row>
    <row r="46453" spans="1:3" ht="19.2">
      <c r="A46453" s="2"/>
      <c r="B46453" s="2"/>
      <c r="C46453" s="2"/>
    </row>
    <row r="46454" spans="1:3" ht="19.2">
      <c r="A46454" s="2"/>
      <c r="B46454" s="2"/>
      <c r="C46454" s="2"/>
    </row>
    <row r="46455" spans="1:3" ht="19.2">
      <c r="A46455" s="2"/>
      <c r="B46455" s="2"/>
      <c r="C46455" s="2"/>
    </row>
    <row r="46456" spans="1:3" ht="19.2">
      <c r="A46456" s="2"/>
      <c r="B46456" s="2"/>
      <c r="C46456" s="2"/>
    </row>
    <row r="46457" spans="1:3" ht="19.2">
      <c r="A46457" s="2"/>
      <c r="B46457" s="2"/>
      <c r="C46457" s="2"/>
    </row>
    <row r="46458" spans="1:3" ht="19.2">
      <c r="A46458" s="2"/>
      <c r="B46458" s="2"/>
      <c r="C46458" s="2"/>
    </row>
    <row r="46459" spans="1:3" ht="19.2">
      <c r="A46459" s="2"/>
      <c r="B46459" s="2"/>
      <c r="C46459" s="2"/>
    </row>
    <row r="46460" spans="1:3" ht="19.2">
      <c r="A46460" s="2"/>
      <c r="B46460" s="2"/>
      <c r="C46460" s="2"/>
    </row>
    <row r="46461" spans="1:3" ht="19.2">
      <c r="A46461" s="2"/>
      <c r="B46461" s="2"/>
      <c r="C46461" s="2"/>
    </row>
    <row r="46462" spans="1:3" ht="19.2">
      <c r="A46462" s="2"/>
      <c r="B46462" s="2"/>
      <c r="C46462" s="2"/>
    </row>
    <row r="46463" spans="1:3" ht="19.2">
      <c r="A46463" s="2"/>
      <c r="B46463" s="2"/>
      <c r="C46463" s="2"/>
    </row>
    <row r="46464" spans="1:3" ht="19.2">
      <c r="A46464" s="2"/>
      <c r="B46464" s="2"/>
      <c r="C46464" s="2"/>
    </row>
    <row r="46465" spans="1:3" ht="19.2">
      <c r="A46465" s="2"/>
      <c r="B46465" s="2"/>
      <c r="C46465" s="2"/>
    </row>
    <row r="46466" spans="1:3" ht="19.2">
      <c r="A46466" s="2"/>
      <c r="B46466" s="2"/>
      <c r="C46466" s="2"/>
    </row>
    <row r="46467" spans="1:3" ht="19.2">
      <c r="A46467" s="2"/>
      <c r="B46467" s="2"/>
      <c r="C46467" s="2"/>
    </row>
    <row r="46468" spans="1:3" ht="19.2">
      <c r="A46468" s="2"/>
      <c r="B46468" s="2"/>
      <c r="C46468" s="2"/>
    </row>
    <row r="46469" spans="1:3" ht="19.2">
      <c r="A46469" s="2"/>
      <c r="B46469" s="2"/>
      <c r="C46469" s="2"/>
    </row>
    <row r="46470" spans="1:3" ht="19.2">
      <c r="A46470" s="2"/>
      <c r="B46470" s="2"/>
      <c r="C46470" s="2"/>
    </row>
    <row r="46471" spans="1:3" ht="19.2">
      <c r="A46471" s="2"/>
      <c r="B46471" s="2"/>
      <c r="C46471" s="2"/>
    </row>
    <row r="46472" spans="1:3" ht="19.2">
      <c r="A46472" s="2"/>
      <c r="B46472" s="2"/>
      <c r="C46472" s="2"/>
    </row>
    <row r="46473" spans="1:3" ht="19.2">
      <c r="A46473" s="2"/>
      <c r="B46473" s="2"/>
      <c r="C46473" s="2"/>
    </row>
    <row r="46474" spans="1:3" ht="19.2">
      <c r="A46474" s="2"/>
      <c r="B46474" s="2"/>
      <c r="C46474" s="2"/>
    </row>
    <row r="46475" spans="1:3" ht="19.2">
      <c r="A46475" s="2"/>
      <c r="B46475" s="2"/>
      <c r="C46475" s="2"/>
    </row>
    <row r="46476" spans="1:3" ht="19.2">
      <c r="A46476" s="2"/>
      <c r="B46476" s="2"/>
      <c r="C46476" s="2"/>
    </row>
    <row r="46477" spans="1:3" ht="19.2">
      <c r="A46477" s="2"/>
      <c r="B46477" s="2"/>
      <c r="C46477" s="2"/>
    </row>
    <row r="46478" spans="1:3" ht="19.2">
      <c r="A46478" s="2"/>
      <c r="B46478" s="2"/>
      <c r="C46478" s="2"/>
    </row>
    <row r="46479" spans="1:3" ht="19.2">
      <c r="A46479" s="2"/>
      <c r="B46479" s="2"/>
      <c r="C46479" s="2"/>
    </row>
    <row r="46480" spans="1:3" ht="19.2">
      <c r="A46480" s="2"/>
      <c r="B46480" s="2"/>
      <c r="C46480" s="2"/>
    </row>
    <row r="46481" spans="1:3" ht="19.2">
      <c r="A46481" s="2"/>
      <c r="B46481" s="2"/>
      <c r="C46481" s="2"/>
    </row>
    <row r="46482" spans="1:3" ht="19.2">
      <c r="A46482" s="2"/>
      <c r="B46482" s="2"/>
      <c r="C46482" s="2"/>
    </row>
    <row r="46483" spans="1:3" ht="19.2">
      <c r="A46483" s="2"/>
      <c r="B46483" s="2"/>
      <c r="C46483" s="2"/>
    </row>
    <row r="46484" spans="1:3" ht="19.2">
      <c r="A46484" s="2"/>
      <c r="B46484" s="2"/>
      <c r="C46484" s="2"/>
    </row>
    <row r="46485" spans="1:3" ht="19.2">
      <c r="A46485" s="2"/>
      <c r="B46485" s="2"/>
      <c r="C46485" s="2"/>
    </row>
    <row r="46486" spans="1:3" ht="19.2">
      <c r="A46486" s="2"/>
      <c r="B46486" s="2"/>
      <c r="C46486" s="2"/>
    </row>
    <row r="46487" spans="1:3" ht="19.2">
      <c r="A46487" s="2"/>
      <c r="B46487" s="2"/>
      <c r="C46487" s="2"/>
    </row>
    <row r="46488" spans="1:3" ht="19.2">
      <c r="A46488" s="2"/>
      <c r="B46488" s="2"/>
      <c r="C46488" s="2"/>
    </row>
    <row r="46489" spans="1:3" ht="19.2">
      <c r="A46489" s="2"/>
      <c r="B46489" s="2"/>
      <c r="C46489" s="2"/>
    </row>
    <row r="46490" spans="1:3" ht="19.2">
      <c r="A46490" s="2"/>
      <c r="B46490" s="2"/>
      <c r="C46490" s="2"/>
    </row>
    <row r="46491" spans="1:3" ht="19.2">
      <c r="A46491" s="2"/>
      <c r="B46491" s="2"/>
      <c r="C46491" s="2"/>
    </row>
    <row r="46492" spans="1:3" ht="19.2">
      <c r="A46492" s="2"/>
      <c r="B46492" s="2"/>
      <c r="C46492" s="2"/>
    </row>
    <row r="46493" spans="1:3" ht="19.2">
      <c r="A46493" s="2"/>
      <c r="B46493" s="2"/>
      <c r="C46493" s="2"/>
    </row>
    <row r="46494" spans="1:3" ht="19.2">
      <c r="A46494" s="2"/>
      <c r="B46494" s="2"/>
      <c r="C46494" s="2"/>
    </row>
    <row r="46495" spans="1:3" ht="19.2">
      <c r="A46495" s="2"/>
      <c r="B46495" s="2"/>
      <c r="C46495" s="2"/>
    </row>
    <row r="46496" spans="1:3" ht="19.2">
      <c r="A46496" s="2"/>
      <c r="B46496" s="2"/>
      <c r="C46496" s="2"/>
    </row>
    <row r="46497" spans="1:3" ht="19.2">
      <c r="A46497" s="2"/>
      <c r="B46497" s="2"/>
      <c r="C46497" s="2"/>
    </row>
    <row r="46498" spans="1:3" ht="19.2">
      <c r="A46498" s="2"/>
      <c r="B46498" s="2"/>
      <c r="C46498" s="2"/>
    </row>
    <row r="46499" spans="1:3" ht="19.2">
      <c r="A46499" s="2"/>
      <c r="B46499" s="2"/>
      <c r="C46499" s="2"/>
    </row>
    <row r="46500" spans="1:3" ht="19.2">
      <c r="A46500" s="2"/>
      <c r="B46500" s="2"/>
      <c r="C46500" s="2"/>
    </row>
    <row r="46501" spans="1:3" ht="19.2">
      <c r="A46501" s="2"/>
      <c r="B46501" s="2"/>
      <c r="C46501" s="2"/>
    </row>
    <row r="46502" spans="1:3" ht="19.2">
      <c r="A46502" s="2"/>
      <c r="B46502" s="2"/>
      <c r="C46502" s="2"/>
    </row>
    <row r="46503" spans="1:3" ht="19.2">
      <c r="A46503" s="2"/>
      <c r="B46503" s="2"/>
      <c r="C46503" s="2"/>
    </row>
    <row r="46504" spans="1:3" ht="19.2">
      <c r="A46504" s="2"/>
      <c r="B46504" s="2"/>
      <c r="C46504" s="2"/>
    </row>
    <row r="46505" spans="1:3" ht="19.2">
      <c r="A46505" s="2"/>
      <c r="B46505" s="2"/>
      <c r="C46505" s="2"/>
    </row>
    <row r="46506" spans="1:3" ht="19.2">
      <c r="A46506" s="2"/>
      <c r="B46506" s="2"/>
      <c r="C46506" s="2"/>
    </row>
    <row r="46507" spans="1:3" ht="19.2">
      <c r="A46507" s="2"/>
      <c r="B46507" s="2"/>
      <c r="C46507" s="2"/>
    </row>
    <row r="46508" spans="1:3" ht="19.2">
      <c r="A46508" s="2"/>
      <c r="B46508" s="2"/>
      <c r="C46508" s="2"/>
    </row>
    <row r="46509" spans="1:3" ht="19.2">
      <c r="A46509" s="2"/>
      <c r="B46509" s="2"/>
      <c r="C46509" s="2"/>
    </row>
    <row r="46510" spans="1:3" ht="19.2">
      <c r="A46510" s="2"/>
      <c r="B46510" s="2"/>
      <c r="C46510" s="2"/>
    </row>
    <row r="46511" spans="1:3" ht="19.2">
      <c r="A46511" s="2"/>
      <c r="B46511" s="2"/>
      <c r="C46511" s="2"/>
    </row>
    <row r="46512" spans="1:3" ht="19.2">
      <c r="A46512" s="2"/>
      <c r="B46512" s="2"/>
      <c r="C46512" s="2"/>
    </row>
    <row r="46513" spans="1:3" ht="19.2">
      <c r="A46513" s="2"/>
      <c r="B46513" s="2"/>
      <c r="C46513" s="2"/>
    </row>
    <row r="46514" spans="1:3" ht="19.2">
      <c r="A46514" s="2"/>
      <c r="B46514" s="2"/>
      <c r="C46514" s="2"/>
    </row>
    <row r="46515" spans="1:3" ht="19.2">
      <c r="A46515" s="2"/>
      <c r="B46515" s="2"/>
      <c r="C46515" s="2"/>
    </row>
    <row r="46516" spans="1:3" ht="19.2">
      <c r="A46516" s="2"/>
      <c r="B46516" s="2"/>
      <c r="C46516" s="2"/>
    </row>
    <row r="46517" spans="1:3" ht="19.2">
      <c r="A46517" s="2"/>
      <c r="B46517" s="2"/>
      <c r="C46517" s="2"/>
    </row>
    <row r="46518" spans="1:3" ht="19.2">
      <c r="A46518" s="2"/>
      <c r="B46518" s="2"/>
      <c r="C46518" s="2"/>
    </row>
    <row r="46519" spans="1:3" ht="19.2">
      <c r="A46519" s="2"/>
      <c r="B46519" s="2"/>
      <c r="C46519" s="2"/>
    </row>
    <row r="46520" spans="1:3" ht="19.2">
      <c r="A46520" s="2"/>
      <c r="B46520" s="2"/>
      <c r="C46520" s="2"/>
    </row>
    <row r="46521" spans="1:3" ht="19.2">
      <c r="A46521" s="2"/>
      <c r="B46521" s="2"/>
      <c r="C46521" s="2"/>
    </row>
    <row r="46522" spans="1:3" ht="19.2">
      <c r="A46522" s="2"/>
      <c r="B46522" s="2"/>
      <c r="C46522" s="2"/>
    </row>
    <row r="46523" spans="1:3" ht="19.2">
      <c r="A46523" s="2"/>
      <c r="B46523" s="2"/>
      <c r="C46523" s="2"/>
    </row>
    <row r="46524" spans="1:3" ht="19.2">
      <c r="A46524" s="2"/>
      <c r="B46524" s="2"/>
      <c r="C46524" s="2"/>
    </row>
    <row r="46525" spans="1:3" ht="19.2">
      <c r="A46525" s="2"/>
      <c r="B46525" s="2"/>
      <c r="C46525" s="2"/>
    </row>
    <row r="46526" spans="1:3" ht="19.2">
      <c r="A46526" s="2"/>
      <c r="B46526" s="2"/>
      <c r="C46526" s="2"/>
    </row>
    <row r="46527" spans="1:3" ht="19.2">
      <c r="A46527" s="2"/>
      <c r="B46527" s="2"/>
      <c r="C46527" s="2"/>
    </row>
    <row r="46528" spans="1:3" ht="19.2">
      <c r="A46528" s="2"/>
      <c r="B46528" s="2"/>
      <c r="C46528" s="2"/>
    </row>
    <row r="46529" spans="1:3" ht="19.2">
      <c r="A46529" s="2"/>
      <c r="B46529" s="2"/>
      <c r="C46529" s="2"/>
    </row>
    <row r="46530" spans="1:3" ht="19.2">
      <c r="A46530" s="2"/>
      <c r="B46530" s="2"/>
      <c r="C46530" s="2"/>
    </row>
    <row r="46531" spans="1:3" ht="19.2">
      <c r="A46531" s="2"/>
      <c r="B46531" s="2"/>
      <c r="C46531" s="2"/>
    </row>
    <row r="46532" spans="1:3" ht="19.2">
      <c r="A46532" s="2"/>
      <c r="B46532" s="2"/>
      <c r="C46532" s="2"/>
    </row>
    <row r="46533" spans="1:3" ht="19.2">
      <c r="A46533" s="2"/>
      <c r="B46533" s="2"/>
      <c r="C46533" s="2"/>
    </row>
    <row r="46534" spans="1:3" ht="19.2">
      <c r="A46534" s="2"/>
      <c r="B46534" s="2"/>
      <c r="C46534" s="2"/>
    </row>
    <row r="46535" spans="1:3" ht="19.2">
      <c r="A46535" s="2"/>
      <c r="B46535" s="2"/>
      <c r="C46535" s="2"/>
    </row>
    <row r="46536" spans="1:3" ht="19.2">
      <c r="A46536" s="2"/>
      <c r="B46536" s="2"/>
      <c r="C46536" s="2"/>
    </row>
    <row r="46537" spans="1:3" ht="19.2">
      <c r="A46537" s="2"/>
      <c r="B46537" s="2"/>
      <c r="C46537" s="2"/>
    </row>
    <row r="46538" spans="1:3" ht="19.2">
      <c r="A46538" s="2"/>
      <c r="B46538" s="2"/>
      <c r="C46538" s="2"/>
    </row>
    <row r="46539" spans="1:3" ht="19.2">
      <c r="A46539" s="2"/>
      <c r="B46539" s="2"/>
      <c r="C46539" s="2"/>
    </row>
    <row r="46540" spans="1:3" ht="19.2">
      <c r="A46540" s="2"/>
      <c r="B46540" s="2"/>
      <c r="C46540" s="2"/>
    </row>
    <row r="46541" spans="1:3" ht="19.2">
      <c r="A46541" s="2"/>
      <c r="B46541" s="2"/>
      <c r="C46541" s="2"/>
    </row>
    <row r="46542" spans="1:3" ht="19.2">
      <c r="A46542" s="2"/>
      <c r="B46542" s="2"/>
      <c r="C46542" s="2"/>
    </row>
    <row r="46543" spans="1:3" ht="19.2">
      <c r="A46543" s="2"/>
      <c r="B46543" s="2"/>
      <c r="C46543" s="2"/>
    </row>
    <row r="46544" spans="1:3" ht="19.2">
      <c r="A46544" s="2"/>
      <c r="B46544" s="2"/>
      <c r="C46544" s="2"/>
    </row>
    <row r="46545" spans="1:3" ht="19.2">
      <c r="A46545" s="2"/>
      <c r="B46545" s="2"/>
      <c r="C46545" s="2"/>
    </row>
    <row r="46546" spans="1:3" ht="19.2">
      <c r="A46546" s="2"/>
      <c r="B46546" s="2"/>
      <c r="C46546" s="2"/>
    </row>
    <row r="46547" spans="1:3" ht="19.2">
      <c r="A46547" s="2"/>
      <c r="B46547" s="2"/>
      <c r="C46547" s="2"/>
    </row>
    <row r="46548" spans="1:3" ht="19.2">
      <c r="A46548" s="2"/>
      <c r="B46548" s="2"/>
      <c r="C46548" s="2"/>
    </row>
    <row r="46549" spans="1:3" ht="19.2">
      <c r="A46549" s="2"/>
      <c r="B46549" s="2"/>
      <c r="C46549" s="2"/>
    </row>
    <row r="46550" spans="1:3" ht="19.2">
      <c r="A46550" s="2"/>
      <c r="B46550" s="2"/>
      <c r="C46550" s="2"/>
    </row>
    <row r="46551" spans="1:3" ht="19.2">
      <c r="A46551" s="2"/>
      <c r="B46551" s="2"/>
      <c r="C46551" s="2"/>
    </row>
    <row r="46552" spans="1:3" ht="19.2">
      <c r="A46552" s="2"/>
      <c r="B46552" s="2"/>
      <c r="C46552" s="2"/>
    </row>
    <row r="46553" spans="1:3" ht="19.2">
      <c r="A46553" s="2"/>
      <c r="B46553" s="2"/>
      <c r="C46553" s="2"/>
    </row>
    <row r="46554" spans="1:3" ht="19.2">
      <c r="A46554" s="2"/>
      <c r="B46554" s="2"/>
      <c r="C46554" s="2"/>
    </row>
    <row r="46555" spans="1:3" ht="19.2">
      <c r="A46555" s="2"/>
      <c r="B46555" s="2"/>
      <c r="C46555" s="2"/>
    </row>
    <row r="46556" spans="1:3" ht="19.2">
      <c r="A46556" s="2"/>
      <c r="B46556" s="2"/>
      <c r="C46556" s="2"/>
    </row>
    <row r="46557" spans="1:3" ht="19.2">
      <c r="A46557" s="2"/>
      <c r="B46557" s="2"/>
      <c r="C46557" s="2"/>
    </row>
    <row r="46558" spans="1:3" ht="19.2">
      <c r="A46558" s="2"/>
      <c r="B46558" s="2"/>
      <c r="C46558" s="2"/>
    </row>
    <row r="46559" spans="1:3" ht="19.2">
      <c r="A46559" s="2"/>
      <c r="B46559" s="2"/>
      <c r="C46559" s="2"/>
    </row>
    <row r="46560" spans="1:3" ht="19.2">
      <c r="A46560" s="2"/>
      <c r="B46560" s="2"/>
      <c r="C46560" s="2"/>
    </row>
    <row r="46561" spans="1:3" ht="19.2">
      <c r="A46561" s="2"/>
      <c r="B46561" s="2"/>
      <c r="C46561" s="2"/>
    </row>
    <row r="46562" spans="1:3" ht="19.2">
      <c r="A46562" s="2"/>
      <c r="B46562" s="2"/>
      <c r="C46562" s="2"/>
    </row>
    <row r="46563" spans="1:3" ht="19.2">
      <c r="A46563" s="2"/>
      <c r="B46563" s="2"/>
      <c r="C46563" s="2"/>
    </row>
    <row r="46564" spans="1:3" ht="19.2">
      <c r="A46564" s="2"/>
      <c r="B46564" s="2"/>
      <c r="C46564" s="2"/>
    </row>
    <row r="46565" spans="1:3" ht="19.2">
      <c r="A46565" s="2"/>
      <c r="B46565" s="2"/>
      <c r="C46565" s="2"/>
    </row>
    <row r="46566" spans="1:3" ht="19.2">
      <c r="A46566" s="2"/>
      <c r="B46566" s="2"/>
      <c r="C46566" s="2"/>
    </row>
    <row r="46567" spans="1:3" ht="19.2">
      <c r="A46567" s="2"/>
      <c r="B46567" s="2"/>
      <c r="C46567" s="2"/>
    </row>
    <row r="46568" spans="1:3" ht="19.2">
      <c r="A46568" s="2"/>
      <c r="B46568" s="2"/>
      <c r="C46568" s="2"/>
    </row>
    <row r="46569" spans="1:3" ht="19.2">
      <c r="A46569" s="2"/>
      <c r="B46569" s="2"/>
      <c r="C46569" s="2"/>
    </row>
    <row r="46570" spans="1:3" ht="19.2">
      <c r="A46570" s="2"/>
      <c r="B46570" s="2"/>
      <c r="C46570" s="2"/>
    </row>
    <row r="46571" spans="1:3" ht="19.2">
      <c r="A46571" s="2"/>
      <c r="B46571" s="2"/>
      <c r="C46571" s="2"/>
    </row>
    <row r="46572" spans="1:3" ht="19.2">
      <c r="A46572" s="2"/>
      <c r="B46572" s="2"/>
      <c r="C46572" s="2"/>
    </row>
    <row r="46573" spans="1:3" ht="19.2">
      <c r="A46573" s="2"/>
      <c r="B46573" s="2"/>
      <c r="C46573" s="2"/>
    </row>
    <row r="46574" spans="1:3" ht="19.2">
      <c r="A46574" s="2"/>
      <c r="B46574" s="2"/>
      <c r="C46574" s="2"/>
    </row>
    <row r="46575" spans="1:3" ht="19.2">
      <c r="A46575" s="2"/>
      <c r="B46575" s="2"/>
      <c r="C46575" s="2"/>
    </row>
    <row r="46576" spans="1:3" ht="19.2">
      <c r="A46576" s="2"/>
      <c r="B46576" s="2"/>
      <c r="C46576" s="2"/>
    </row>
    <row r="46577" spans="1:3" ht="19.2">
      <c r="A46577" s="2"/>
      <c r="B46577" s="2"/>
      <c r="C46577" s="2"/>
    </row>
    <row r="46578" spans="1:3" ht="19.2">
      <c r="A46578" s="2"/>
      <c r="B46578" s="2"/>
      <c r="C46578" s="2"/>
    </row>
    <row r="46579" spans="1:3" ht="19.2">
      <c r="A46579" s="2"/>
      <c r="B46579" s="2"/>
      <c r="C46579" s="2"/>
    </row>
    <row r="46580" spans="1:3" ht="19.2">
      <c r="A46580" s="2"/>
      <c r="B46580" s="2"/>
      <c r="C46580" s="2"/>
    </row>
    <row r="46581" spans="1:3" ht="19.2">
      <c r="A46581" s="2"/>
      <c r="B46581" s="2"/>
      <c r="C46581" s="2"/>
    </row>
    <row r="46582" spans="1:3" ht="19.2">
      <c r="A46582" s="2"/>
      <c r="B46582" s="2"/>
      <c r="C46582" s="2"/>
    </row>
    <row r="46583" spans="1:3" ht="19.2">
      <c r="A46583" s="2"/>
      <c r="B46583" s="2"/>
      <c r="C46583" s="2"/>
    </row>
    <row r="46584" spans="1:3" ht="19.2">
      <c r="A46584" s="2"/>
      <c r="B46584" s="2"/>
      <c r="C46584" s="2"/>
    </row>
    <row r="46585" spans="1:3" ht="19.2">
      <c r="A46585" s="2"/>
      <c r="B46585" s="2"/>
      <c r="C46585" s="2"/>
    </row>
    <row r="46586" spans="1:3" ht="19.2">
      <c r="A46586" s="2"/>
      <c r="B46586" s="2"/>
      <c r="C46586" s="2"/>
    </row>
    <row r="46587" spans="1:3" ht="19.2">
      <c r="A46587" s="2"/>
      <c r="B46587" s="2"/>
      <c r="C46587" s="2"/>
    </row>
    <row r="46588" spans="1:3" ht="19.2">
      <c r="A46588" s="2"/>
      <c r="B46588" s="2"/>
      <c r="C46588" s="2"/>
    </row>
    <row r="46589" spans="1:3" ht="19.2">
      <c r="A46589" s="2"/>
      <c r="B46589" s="2"/>
      <c r="C46589" s="2"/>
    </row>
    <row r="46590" spans="1:3" ht="19.2">
      <c r="A46590" s="2"/>
      <c r="B46590" s="2"/>
      <c r="C46590" s="2"/>
    </row>
    <row r="46591" spans="1:3" ht="19.2">
      <c r="A46591" s="2"/>
      <c r="B46591" s="2"/>
      <c r="C46591" s="2"/>
    </row>
    <row r="46592" spans="1:3" ht="19.2">
      <c r="A46592" s="2"/>
      <c r="B46592" s="2"/>
      <c r="C46592" s="2"/>
    </row>
    <row r="46593" spans="1:3" ht="19.2">
      <c r="A46593" s="2"/>
      <c r="B46593" s="2"/>
      <c r="C46593" s="2"/>
    </row>
    <row r="46594" spans="1:3" ht="19.2">
      <c r="A46594" s="2"/>
      <c r="B46594" s="2"/>
      <c r="C46594" s="2"/>
    </row>
    <row r="46595" spans="1:3" ht="19.2">
      <c r="A46595" s="2"/>
      <c r="B46595" s="2"/>
      <c r="C46595" s="2"/>
    </row>
    <row r="46596" spans="1:3" ht="19.2">
      <c r="A46596" s="2"/>
      <c r="B46596" s="2"/>
      <c r="C46596" s="2"/>
    </row>
    <row r="46597" spans="1:3" ht="19.2">
      <c r="A46597" s="2"/>
      <c r="B46597" s="2"/>
      <c r="C46597" s="2"/>
    </row>
    <row r="46598" spans="1:3" ht="19.2">
      <c r="A46598" s="2"/>
      <c r="B46598" s="2"/>
      <c r="C46598" s="2"/>
    </row>
    <row r="46599" spans="1:3" ht="19.2">
      <c r="A46599" s="2"/>
      <c r="B46599" s="2"/>
      <c r="C46599" s="2"/>
    </row>
    <row r="46600" spans="1:3" ht="19.2">
      <c r="A46600" s="2"/>
      <c r="B46600" s="2"/>
      <c r="C46600" s="2"/>
    </row>
    <row r="46601" spans="1:3" ht="19.2">
      <c r="A46601" s="2"/>
      <c r="B46601" s="2"/>
      <c r="C46601" s="2"/>
    </row>
    <row r="46602" spans="1:3" ht="19.2">
      <c r="A46602" s="2"/>
      <c r="B46602" s="2"/>
      <c r="C46602" s="2"/>
    </row>
    <row r="46603" spans="1:3" ht="19.2">
      <c r="A46603" s="2"/>
      <c r="B46603" s="2"/>
      <c r="C46603" s="2"/>
    </row>
    <row r="46604" spans="1:3" ht="19.2">
      <c r="A46604" s="2"/>
      <c r="B46604" s="2"/>
      <c r="C46604" s="2"/>
    </row>
    <row r="46605" spans="1:3" ht="19.2">
      <c r="A46605" s="2"/>
      <c r="B46605" s="2"/>
      <c r="C46605" s="2"/>
    </row>
    <row r="46606" spans="1:3" ht="19.2">
      <c r="A46606" s="2"/>
      <c r="B46606" s="2"/>
      <c r="C46606" s="2"/>
    </row>
    <row r="46607" spans="1:3" ht="19.2">
      <c r="A46607" s="2"/>
      <c r="B46607" s="2"/>
      <c r="C46607" s="2"/>
    </row>
    <row r="46608" spans="1:3" ht="19.2">
      <c r="A46608" s="2"/>
      <c r="B46608" s="2"/>
      <c r="C46608" s="2"/>
    </row>
    <row r="46609" spans="1:3" ht="19.2">
      <c r="A46609" s="2"/>
      <c r="B46609" s="2"/>
      <c r="C46609" s="2"/>
    </row>
    <row r="46610" spans="1:3" ht="19.2">
      <c r="A46610" s="2"/>
      <c r="B46610" s="2"/>
      <c r="C46610" s="2"/>
    </row>
    <row r="46611" spans="1:3" ht="19.2">
      <c r="A46611" s="2"/>
      <c r="B46611" s="2"/>
      <c r="C46611" s="2"/>
    </row>
    <row r="46612" spans="1:3" ht="19.2">
      <c r="A46612" s="2"/>
      <c r="B46612" s="2"/>
      <c r="C46612" s="2"/>
    </row>
    <row r="46613" spans="1:3" ht="19.2">
      <c r="A46613" s="2"/>
      <c r="B46613" s="2"/>
      <c r="C46613" s="2"/>
    </row>
    <row r="46614" spans="1:3" ht="19.2">
      <c r="A46614" s="2"/>
      <c r="B46614" s="2"/>
      <c r="C46614" s="2"/>
    </row>
    <row r="46615" spans="1:3" ht="19.2">
      <c r="A46615" s="2"/>
      <c r="B46615" s="2"/>
      <c r="C46615" s="2"/>
    </row>
    <row r="46616" spans="1:3" ht="19.2">
      <c r="A46616" s="2"/>
      <c r="B46616" s="2"/>
      <c r="C46616" s="2"/>
    </row>
    <row r="46617" spans="1:3" ht="19.2">
      <c r="A46617" s="2"/>
      <c r="B46617" s="2"/>
      <c r="C46617" s="2"/>
    </row>
    <row r="46618" spans="1:3" ht="19.2">
      <c r="A46618" s="2"/>
      <c r="B46618" s="2"/>
      <c r="C46618" s="2"/>
    </row>
    <row r="46619" spans="1:3" ht="19.2">
      <c r="A46619" s="2"/>
      <c r="B46619" s="2"/>
      <c r="C46619" s="2"/>
    </row>
    <row r="46620" spans="1:3" ht="19.2">
      <c r="A46620" s="2"/>
      <c r="B46620" s="2"/>
      <c r="C46620" s="2"/>
    </row>
    <row r="46621" spans="1:3" ht="19.2">
      <c r="A46621" s="2"/>
      <c r="B46621" s="2"/>
      <c r="C46621" s="2"/>
    </row>
    <row r="46622" spans="1:3" ht="19.2">
      <c r="A46622" s="2"/>
      <c r="B46622" s="2"/>
      <c r="C46622" s="2"/>
    </row>
    <row r="46623" spans="1:3" ht="19.2">
      <c r="A46623" s="2"/>
      <c r="B46623" s="2"/>
      <c r="C46623" s="2"/>
    </row>
    <row r="46624" spans="1:3" ht="19.2">
      <c r="A46624" s="2"/>
      <c r="B46624" s="2"/>
      <c r="C46624" s="2"/>
    </row>
    <row r="46625" spans="1:3" ht="19.2">
      <c r="A46625" s="2"/>
      <c r="B46625" s="2"/>
      <c r="C46625" s="2"/>
    </row>
    <row r="46626" spans="1:3" ht="19.2">
      <c r="A46626" s="2"/>
      <c r="B46626" s="2"/>
      <c r="C46626" s="2"/>
    </row>
    <row r="46627" spans="1:3" ht="19.2">
      <c r="A46627" s="2"/>
      <c r="B46627" s="2"/>
      <c r="C46627" s="2"/>
    </row>
    <row r="46628" spans="1:3" ht="19.2">
      <c r="A46628" s="2"/>
      <c r="B46628" s="2"/>
      <c r="C46628" s="2"/>
    </row>
    <row r="46629" spans="1:3" ht="19.2">
      <c r="A46629" s="2"/>
      <c r="B46629" s="2"/>
      <c r="C46629" s="2"/>
    </row>
    <row r="46630" spans="1:3" ht="19.2">
      <c r="A46630" s="2"/>
      <c r="B46630" s="2"/>
      <c r="C46630" s="2"/>
    </row>
    <row r="46631" spans="1:3" ht="19.2">
      <c r="A46631" s="2"/>
      <c r="B46631" s="2"/>
      <c r="C46631" s="2"/>
    </row>
    <row r="46632" spans="1:3" ht="19.2">
      <c r="A46632" s="2"/>
      <c r="B46632" s="2"/>
      <c r="C46632" s="2"/>
    </row>
    <row r="46633" spans="1:3" ht="19.2">
      <c r="A46633" s="2"/>
      <c r="B46633" s="2"/>
      <c r="C46633" s="2"/>
    </row>
    <row r="46634" spans="1:3" ht="19.2">
      <c r="A46634" s="2"/>
      <c r="B46634" s="2"/>
      <c r="C46634" s="2"/>
    </row>
    <row r="46635" spans="1:3" ht="19.2">
      <c r="A46635" s="2"/>
      <c r="B46635" s="2"/>
      <c r="C46635" s="2"/>
    </row>
    <row r="46636" spans="1:3" ht="19.2">
      <c r="A46636" s="2"/>
      <c r="B46636" s="2"/>
      <c r="C46636" s="2"/>
    </row>
    <row r="46637" spans="1:3" ht="19.2">
      <c r="A46637" s="2"/>
      <c r="B46637" s="2"/>
      <c r="C46637" s="2"/>
    </row>
    <row r="46638" spans="1:3" ht="19.2">
      <c r="A46638" s="2"/>
      <c r="B46638" s="2"/>
      <c r="C46638" s="2"/>
    </row>
    <row r="46639" spans="1:3" ht="19.2">
      <c r="A46639" s="2"/>
      <c r="B46639" s="2"/>
      <c r="C46639" s="2"/>
    </row>
    <row r="46640" spans="1:3" ht="19.2">
      <c r="A46640" s="2"/>
      <c r="B46640" s="2"/>
      <c r="C46640" s="2"/>
    </row>
    <row r="46641" spans="1:3" ht="19.2">
      <c r="A46641" s="2"/>
      <c r="B46641" s="2"/>
      <c r="C46641" s="2"/>
    </row>
    <row r="46642" spans="1:3" ht="19.2">
      <c r="A46642" s="2"/>
      <c r="B46642" s="2"/>
      <c r="C46642" s="2"/>
    </row>
    <row r="46643" spans="1:3" ht="19.2">
      <c r="A46643" s="2"/>
      <c r="B46643" s="2"/>
      <c r="C46643" s="2"/>
    </row>
    <row r="46644" spans="1:3" ht="19.2">
      <c r="A46644" s="2"/>
      <c r="B46644" s="2"/>
      <c r="C46644" s="2"/>
    </row>
    <row r="46645" spans="1:3" ht="19.2">
      <c r="A46645" s="2"/>
      <c r="B46645" s="2"/>
      <c r="C46645" s="2"/>
    </row>
    <row r="46646" spans="1:3" ht="19.2">
      <c r="A46646" s="2"/>
      <c r="B46646" s="2"/>
      <c r="C46646" s="2"/>
    </row>
    <row r="46647" spans="1:3" ht="19.2">
      <c r="A46647" s="2"/>
      <c r="B46647" s="2"/>
      <c r="C46647" s="2"/>
    </row>
    <row r="46648" spans="1:3" ht="19.2">
      <c r="A46648" s="2"/>
      <c r="B46648" s="2"/>
      <c r="C46648" s="2"/>
    </row>
    <row r="46649" spans="1:3" ht="19.2">
      <c r="A46649" s="2"/>
      <c r="B46649" s="2"/>
      <c r="C46649" s="2"/>
    </row>
    <row r="46650" spans="1:3" ht="19.2">
      <c r="A46650" s="2"/>
      <c r="B46650" s="2"/>
      <c r="C46650" s="2"/>
    </row>
    <row r="46651" spans="1:3" ht="19.2">
      <c r="A46651" s="2"/>
      <c r="B46651" s="2"/>
      <c r="C46651" s="2"/>
    </row>
    <row r="46652" spans="1:3" ht="19.2">
      <c r="A46652" s="2"/>
      <c r="B46652" s="2"/>
      <c r="C46652" s="2"/>
    </row>
    <row r="46653" spans="1:3" ht="19.2">
      <c r="A46653" s="2"/>
      <c r="B46653" s="2"/>
      <c r="C46653" s="2"/>
    </row>
    <row r="46654" spans="1:3" ht="19.2">
      <c r="A46654" s="2"/>
      <c r="B46654" s="2"/>
      <c r="C46654" s="2"/>
    </row>
    <row r="46655" spans="1:3" ht="19.2">
      <c r="A46655" s="2"/>
      <c r="B46655" s="2"/>
      <c r="C46655" s="2"/>
    </row>
    <row r="46656" spans="1:3" ht="19.2">
      <c r="A46656" s="2"/>
      <c r="B46656" s="2"/>
      <c r="C46656" s="2"/>
    </row>
    <row r="46657" spans="1:3" ht="19.2">
      <c r="A46657" s="2"/>
      <c r="B46657" s="2"/>
      <c r="C46657" s="2"/>
    </row>
    <row r="46658" spans="1:3" ht="19.2">
      <c r="A46658" s="2"/>
      <c r="B46658" s="2"/>
      <c r="C46658" s="2"/>
    </row>
    <row r="46659" spans="1:3" ht="19.2">
      <c r="A46659" s="2"/>
      <c r="B46659" s="2"/>
      <c r="C46659" s="2"/>
    </row>
    <row r="46660" spans="1:3" ht="19.2">
      <c r="A46660" s="2"/>
      <c r="B46660" s="2"/>
      <c r="C46660" s="2"/>
    </row>
    <row r="46661" spans="1:3" ht="19.2">
      <c r="A46661" s="2"/>
      <c r="B46661" s="2"/>
      <c r="C46661" s="2"/>
    </row>
    <row r="46662" spans="1:3" ht="19.2">
      <c r="A46662" s="2"/>
      <c r="B46662" s="2"/>
      <c r="C46662" s="2"/>
    </row>
    <row r="46663" spans="1:3" ht="19.2">
      <c r="A46663" s="2"/>
      <c r="B46663" s="2"/>
      <c r="C46663" s="2"/>
    </row>
    <row r="46664" spans="1:3" ht="19.2">
      <c r="A46664" s="2"/>
      <c r="B46664" s="2"/>
      <c r="C46664" s="2"/>
    </row>
    <row r="46665" spans="1:3" ht="19.2">
      <c r="A46665" s="2"/>
      <c r="B46665" s="2"/>
      <c r="C46665" s="2"/>
    </row>
    <row r="46666" spans="1:3" ht="19.2">
      <c r="A46666" s="2"/>
      <c r="B46666" s="2"/>
      <c r="C46666" s="2"/>
    </row>
    <row r="46667" spans="1:3" ht="19.2">
      <c r="A46667" s="2"/>
      <c r="B46667" s="2"/>
      <c r="C46667" s="2"/>
    </row>
    <row r="46668" spans="1:3" ht="19.2">
      <c r="A46668" s="2"/>
      <c r="B46668" s="2"/>
      <c r="C46668" s="2"/>
    </row>
    <row r="46669" spans="1:3" ht="19.2">
      <c r="A46669" s="2"/>
      <c r="B46669" s="2"/>
      <c r="C46669" s="2"/>
    </row>
    <row r="46670" spans="1:3" ht="19.2">
      <c r="A46670" s="2"/>
      <c r="B46670" s="2"/>
      <c r="C46670" s="2"/>
    </row>
    <row r="46671" spans="1:3" ht="19.2">
      <c r="A46671" s="2"/>
      <c r="B46671" s="2"/>
      <c r="C46671" s="2"/>
    </row>
    <row r="46672" spans="1:3" ht="19.2">
      <c r="A46672" s="2"/>
      <c r="B46672" s="2"/>
      <c r="C46672" s="2"/>
    </row>
    <row r="46673" spans="1:3" ht="19.2">
      <c r="A46673" s="2"/>
      <c r="B46673" s="2"/>
      <c r="C46673" s="2"/>
    </row>
    <row r="46674" spans="1:3" ht="19.2">
      <c r="A46674" s="2"/>
      <c r="B46674" s="2"/>
      <c r="C46674" s="2"/>
    </row>
    <row r="46675" spans="1:3" ht="19.2">
      <c r="A46675" s="2"/>
      <c r="B46675" s="2"/>
      <c r="C46675" s="2"/>
    </row>
    <row r="46676" spans="1:3" ht="19.2">
      <c r="A46676" s="2"/>
      <c r="B46676" s="2"/>
      <c r="C46676" s="2"/>
    </row>
    <row r="46677" spans="1:3" ht="19.2">
      <c r="A46677" s="2"/>
      <c r="B46677" s="2"/>
      <c r="C46677" s="2"/>
    </row>
    <row r="46678" spans="1:3" ht="19.2">
      <c r="A46678" s="2"/>
      <c r="B46678" s="2"/>
      <c r="C46678" s="2"/>
    </row>
    <row r="46679" spans="1:3" ht="19.2">
      <c r="A46679" s="2"/>
      <c r="B46679" s="2"/>
      <c r="C46679" s="2"/>
    </row>
    <row r="46680" spans="1:3" ht="19.2">
      <c r="A46680" s="2"/>
      <c r="B46680" s="2"/>
      <c r="C46680" s="2"/>
    </row>
    <row r="46681" spans="1:3" ht="19.2">
      <c r="A46681" s="2"/>
      <c r="B46681" s="2"/>
      <c r="C46681" s="2"/>
    </row>
    <row r="46682" spans="1:3" ht="19.2">
      <c r="A46682" s="2"/>
      <c r="B46682" s="2"/>
      <c r="C46682" s="2"/>
    </row>
    <row r="46683" spans="1:3" ht="19.2">
      <c r="A46683" s="2"/>
      <c r="B46683" s="2"/>
      <c r="C46683" s="2"/>
    </row>
    <row r="46684" spans="1:3" ht="19.2">
      <c r="A46684" s="2"/>
      <c r="B46684" s="2"/>
      <c r="C46684" s="2"/>
    </row>
    <row r="46685" spans="1:3" ht="19.2">
      <c r="A46685" s="2"/>
      <c r="B46685" s="2"/>
      <c r="C46685" s="2"/>
    </row>
    <row r="46686" spans="1:3" ht="19.2">
      <c r="A46686" s="2"/>
      <c r="B46686" s="2"/>
      <c r="C46686" s="2"/>
    </row>
    <row r="46687" spans="1:3" ht="19.2">
      <c r="A46687" s="2"/>
      <c r="B46687" s="2"/>
      <c r="C46687" s="2"/>
    </row>
    <row r="46688" spans="1:3" ht="19.2">
      <c r="A46688" s="2"/>
      <c r="B46688" s="2"/>
      <c r="C46688" s="2"/>
    </row>
    <row r="46689" spans="1:3" ht="19.2">
      <c r="A46689" s="2"/>
      <c r="B46689" s="2"/>
      <c r="C46689" s="2"/>
    </row>
    <row r="46690" spans="1:3" ht="19.2">
      <c r="A46690" s="2"/>
      <c r="B46690" s="2"/>
      <c r="C46690" s="2"/>
    </row>
    <row r="46691" spans="1:3" ht="19.2">
      <c r="A46691" s="2"/>
      <c r="B46691" s="2"/>
      <c r="C46691" s="2"/>
    </row>
    <row r="46692" spans="1:3" ht="19.2">
      <c r="A46692" s="2"/>
      <c r="B46692" s="2"/>
      <c r="C46692" s="2"/>
    </row>
    <row r="46693" spans="1:3" ht="19.2">
      <c r="A46693" s="2"/>
      <c r="B46693" s="2"/>
      <c r="C46693" s="2"/>
    </row>
    <row r="46694" spans="1:3" ht="19.2">
      <c r="A46694" s="2"/>
      <c r="B46694" s="2"/>
      <c r="C46694" s="2"/>
    </row>
    <row r="46695" spans="1:3" ht="19.2">
      <c r="A46695" s="2"/>
      <c r="B46695" s="2"/>
      <c r="C46695" s="2"/>
    </row>
    <row r="46696" spans="1:3" ht="19.2">
      <c r="A46696" s="2"/>
      <c r="B46696" s="2"/>
      <c r="C46696" s="2"/>
    </row>
    <row r="46697" spans="1:3" ht="19.2">
      <c r="A46697" s="2"/>
      <c r="B46697" s="2"/>
      <c r="C46697" s="2"/>
    </row>
    <row r="46698" spans="1:3" ht="19.2">
      <c r="A46698" s="2"/>
      <c r="B46698" s="2"/>
      <c r="C46698" s="2"/>
    </row>
    <row r="46699" spans="1:3" ht="19.2">
      <c r="A46699" s="2"/>
      <c r="B46699" s="2"/>
      <c r="C46699" s="2"/>
    </row>
    <row r="46700" spans="1:3" ht="19.2">
      <c r="A46700" s="2"/>
      <c r="B46700" s="2"/>
      <c r="C46700" s="2"/>
    </row>
    <row r="46701" spans="1:3" ht="19.2">
      <c r="A46701" s="2"/>
      <c r="B46701" s="2"/>
      <c r="C46701" s="2"/>
    </row>
    <row r="46702" spans="1:3" ht="19.2">
      <c r="A46702" s="2"/>
      <c r="B46702" s="2"/>
      <c r="C46702" s="2"/>
    </row>
    <row r="46703" spans="1:3" ht="19.2">
      <c r="A46703" s="2"/>
      <c r="B46703" s="2"/>
      <c r="C46703" s="2"/>
    </row>
    <row r="46704" spans="1:3" ht="19.2">
      <c r="A46704" s="2"/>
      <c r="B46704" s="2"/>
      <c r="C46704" s="2"/>
    </row>
    <row r="46705" spans="1:3" ht="19.2">
      <c r="A46705" s="2"/>
      <c r="B46705" s="2"/>
      <c r="C46705" s="2"/>
    </row>
    <row r="46706" spans="1:3" ht="19.2">
      <c r="A46706" s="2"/>
      <c r="B46706" s="2"/>
      <c r="C46706" s="2"/>
    </row>
    <row r="46707" spans="1:3" ht="19.2">
      <c r="A46707" s="2"/>
      <c r="B46707" s="2"/>
      <c r="C46707" s="2"/>
    </row>
    <row r="46708" spans="1:3" ht="19.2">
      <c r="A46708" s="2"/>
      <c r="B46708" s="2"/>
      <c r="C46708" s="2"/>
    </row>
    <row r="46709" spans="1:3" ht="19.2">
      <c r="A46709" s="2"/>
      <c r="B46709" s="2"/>
      <c r="C46709" s="2"/>
    </row>
    <row r="46710" spans="1:3" ht="19.2">
      <c r="A46710" s="2"/>
      <c r="B46710" s="2"/>
      <c r="C46710" s="2"/>
    </row>
    <row r="46711" spans="1:3" ht="19.2">
      <c r="A46711" s="2"/>
      <c r="B46711" s="2"/>
      <c r="C46711" s="2"/>
    </row>
    <row r="46712" spans="1:3" ht="19.2">
      <c r="A46712" s="2"/>
      <c r="B46712" s="2"/>
      <c r="C46712" s="2"/>
    </row>
    <row r="46713" spans="1:3" ht="19.2">
      <c r="A46713" s="2"/>
      <c r="B46713" s="2"/>
      <c r="C46713" s="2"/>
    </row>
    <row r="46714" spans="1:3" ht="19.2">
      <c r="A46714" s="2"/>
      <c r="B46714" s="2"/>
      <c r="C46714" s="2"/>
    </row>
    <row r="46715" spans="1:3" ht="19.2">
      <c r="A46715" s="2"/>
      <c r="B46715" s="2"/>
      <c r="C46715" s="2"/>
    </row>
    <row r="46716" spans="1:3" ht="19.2">
      <c r="A46716" s="2"/>
      <c r="B46716" s="2"/>
      <c r="C46716" s="2"/>
    </row>
    <row r="46717" spans="1:3" ht="19.2">
      <c r="A46717" s="2"/>
      <c r="B46717" s="2"/>
      <c r="C46717" s="2"/>
    </row>
    <row r="46718" spans="1:3" ht="19.2">
      <c r="A46718" s="2"/>
      <c r="B46718" s="2"/>
      <c r="C46718" s="2"/>
    </row>
    <row r="46719" spans="1:3" ht="19.2">
      <c r="A46719" s="2"/>
      <c r="B46719" s="2"/>
      <c r="C46719" s="2"/>
    </row>
    <row r="46720" spans="1:3" ht="19.2">
      <c r="A46720" s="2"/>
      <c r="B46720" s="2"/>
      <c r="C46720" s="2"/>
    </row>
    <row r="46721" spans="1:3" ht="19.2">
      <c r="A46721" s="2"/>
      <c r="B46721" s="2"/>
      <c r="C46721" s="2"/>
    </row>
    <row r="46722" spans="1:3" ht="19.2">
      <c r="A46722" s="2"/>
      <c r="B46722" s="2"/>
      <c r="C46722" s="2"/>
    </row>
    <row r="46723" spans="1:3" ht="19.2">
      <c r="A46723" s="2"/>
      <c r="B46723" s="2"/>
      <c r="C46723" s="2"/>
    </row>
    <row r="46724" spans="1:3" ht="19.2">
      <c r="A46724" s="2"/>
      <c r="B46724" s="2"/>
      <c r="C46724" s="2"/>
    </row>
    <row r="46725" spans="1:3" ht="19.2">
      <c r="A46725" s="2"/>
      <c r="B46725" s="2"/>
      <c r="C46725" s="2"/>
    </row>
    <row r="46726" spans="1:3" ht="19.2">
      <c r="A46726" s="2"/>
      <c r="B46726" s="2"/>
      <c r="C46726" s="2"/>
    </row>
    <row r="46727" spans="1:3" ht="19.2">
      <c r="A46727" s="2"/>
      <c r="B46727" s="2"/>
      <c r="C46727" s="2"/>
    </row>
    <row r="46728" spans="1:3" ht="19.2">
      <c r="A46728" s="2"/>
      <c r="B46728" s="2"/>
      <c r="C46728" s="2"/>
    </row>
    <row r="46729" spans="1:3" ht="19.2">
      <c r="A46729" s="2"/>
      <c r="B46729" s="2"/>
      <c r="C46729" s="2"/>
    </row>
    <row r="46730" spans="1:3" ht="19.2">
      <c r="A46730" s="2"/>
      <c r="B46730" s="2"/>
      <c r="C46730" s="2"/>
    </row>
    <row r="46731" spans="1:3" ht="19.2">
      <c r="A46731" s="2"/>
      <c r="B46731" s="2"/>
      <c r="C46731" s="2"/>
    </row>
    <row r="46732" spans="1:3" ht="19.2">
      <c r="A46732" s="2"/>
      <c r="B46732" s="2"/>
      <c r="C46732" s="2"/>
    </row>
    <row r="46733" spans="1:3" ht="19.2">
      <c r="A46733" s="2"/>
      <c r="B46733" s="2"/>
      <c r="C46733" s="2"/>
    </row>
    <row r="46734" spans="1:3" ht="19.2">
      <c r="A46734" s="2"/>
      <c r="B46734" s="2"/>
      <c r="C46734" s="2"/>
    </row>
    <row r="46735" spans="1:3" ht="19.2">
      <c r="A46735" s="2"/>
      <c r="B46735" s="2"/>
      <c r="C46735" s="2"/>
    </row>
    <row r="46736" spans="1:3" ht="19.2">
      <c r="A46736" s="2"/>
      <c r="B46736" s="2"/>
      <c r="C46736" s="2"/>
    </row>
    <row r="46737" spans="1:3" ht="19.2">
      <c r="A46737" s="2"/>
      <c r="B46737" s="2"/>
      <c r="C46737" s="2"/>
    </row>
    <row r="46738" spans="1:3" ht="19.2">
      <c r="A46738" s="2"/>
      <c r="B46738" s="2"/>
      <c r="C46738" s="2"/>
    </row>
    <row r="46739" spans="1:3" ht="19.2">
      <c r="A46739" s="2"/>
      <c r="B46739" s="2"/>
      <c r="C46739" s="2"/>
    </row>
    <row r="46740" spans="1:3" ht="19.2">
      <c r="A46740" s="2"/>
      <c r="B46740" s="2"/>
      <c r="C46740" s="2"/>
    </row>
    <row r="46741" spans="1:3" ht="19.2">
      <c r="A46741" s="2"/>
      <c r="B46741" s="2"/>
      <c r="C46741" s="2"/>
    </row>
    <row r="46742" spans="1:3" ht="19.2">
      <c r="A46742" s="2"/>
      <c r="B46742" s="2"/>
      <c r="C46742" s="2"/>
    </row>
    <row r="46743" spans="1:3" ht="19.2">
      <c r="A46743" s="2"/>
      <c r="B46743" s="2"/>
      <c r="C46743" s="2"/>
    </row>
    <row r="46744" spans="1:3" ht="19.2">
      <c r="A46744" s="2"/>
      <c r="B46744" s="2"/>
      <c r="C46744" s="2"/>
    </row>
    <row r="46745" spans="1:3" ht="19.2">
      <c r="A46745" s="2"/>
      <c r="B46745" s="2"/>
      <c r="C46745" s="2"/>
    </row>
    <row r="46746" spans="1:3" ht="19.2">
      <c r="A46746" s="2"/>
      <c r="B46746" s="2"/>
      <c r="C46746" s="2"/>
    </row>
    <row r="46747" spans="1:3" ht="19.2">
      <c r="A46747" s="2"/>
      <c r="B46747" s="2"/>
      <c r="C46747" s="2"/>
    </row>
    <row r="46748" spans="1:3" ht="19.2">
      <c r="A46748" s="2"/>
      <c r="B46748" s="2"/>
      <c r="C46748" s="2"/>
    </row>
    <row r="46749" spans="1:3" ht="19.2">
      <c r="A46749" s="2"/>
      <c r="B46749" s="2"/>
      <c r="C46749" s="2"/>
    </row>
    <row r="46750" spans="1:3" ht="19.2">
      <c r="A46750" s="2"/>
      <c r="B46750" s="2"/>
      <c r="C46750" s="2"/>
    </row>
    <row r="46751" spans="1:3" ht="19.2">
      <c r="A46751" s="2"/>
      <c r="B46751" s="2"/>
      <c r="C46751" s="2"/>
    </row>
    <row r="46752" spans="1:3" ht="19.2">
      <c r="A46752" s="2"/>
      <c r="B46752" s="2"/>
      <c r="C46752" s="2"/>
    </row>
    <row r="46753" spans="1:3" ht="19.2">
      <c r="A46753" s="2"/>
      <c r="B46753" s="2"/>
      <c r="C46753" s="2"/>
    </row>
    <row r="46754" spans="1:3" ht="19.2">
      <c r="A46754" s="2"/>
      <c r="B46754" s="2"/>
      <c r="C46754" s="2"/>
    </row>
    <row r="46755" spans="1:3" ht="19.2">
      <c r="A46755" s="2"/>
      <c r="B46755" s="2"/>
      <c r="C46755" s="2"/>
    </row>
    <row r="46756" spans="1:3" ht="19.2">
      <c r="A46756" s="2"/>
      <c r="B46756" s="2"/>
      <c r="C46756" s="2"/>
    </row>
    <row r="46757" spans="1:3" ht="19.2">
      <c r="A46757" s="2"/>
      <c r="B46757" s="2"/>
      <c r="C46757" s="2"/>
    </row>
    <row r="46758" spans="1:3" ht="19.2">
      <c r="A46758" s="2"/>
      <c r="B46758" s="2"/>
      <c r="C46758" s="2"/>
    </row>
    <row r="46759" spans="1:3" ht="19.2">
      <c r="A46759" s="2"/>
      <c r="B46759" s="2"/>
      <c r="C46759" s="2"/>
    </row>
    <row r="46760" spans="1:3" ht="19.2">
      <c r="A46760" s="2"/>
      <c r="B46760" s="2"/>
      <c r="C46760" s="2"/>
    </row>
    <row r="46761" spans="1:3" ht="19.2">
      <c r="A46761" s="2"/>
      <c r="B46761" s="2"/>
      <c r="C46761" s="2"/>
    </row>
    <row r="46762" spans="1:3" ht="19.2">
      <c r="A46762" s="2"/>
      <c r="B46762" s="2"/>
      <c r="C46762" s="2"/>
    </row>
    <row r="46763" spans="1:3" ht="19.2">
      <c r="A46763" s="2"/>
      <c r="B46763" s="2"/>
      <c r="C46763" s="2"/>
    </row>
    <row r="46764" spans="1:3" ht="19.2">
      <c r="A46764" s="2"/>
      <c r="B46764" s="2"/>
      <c r="C46764" s="2"/>
    </row>
    <row r="46765" spans="1:3" ht="19.2">
      <c r="A46765" s="2"/>
      <c r="B46765" s="2"/>
      <c r="C46765" s="2"/>
    </row>
    <row r="46766" spans="1:3" ht="19.2">
      <c r="A46766" s="2"/>
      <c r="B46766" s="2"/>
      <c r="C46766" s="2"/>
    </row>
    <row r="46767" spans="1:3" ht="19.2">
      <c r="A46767" s="2"/>
      <c r="B46767" s="2"/>
      <c r="C46767" s="2"/>
    </row>
    <row r="46768" spans="1:3" ht="19.2">
      <c r="A46768" s="2"/>
      <c r="B46768" s="2"/>
      <c r="C46768" s="2"/>
    </row>
    <row r="46769" spans="1:3" ht="19.2">
      <c r="A46769" s="2"/>
      <c r="B46769" s="2"/>
      <c r="C46769" s="2"/>
    </row>
    <row r="46770" spans="1:3" ht="19.2">
      <c r="A46770" s="2"/>
      <c r="B46770" s="2"/>
      <c r="C46770" s="2"/>
    </row>
    <row r="46771" spans="1:3" ht="19.2">
      <c r="A46771" s="2"/>
      <c r="B46771" s="2"/>
      <c r="C46771" s="2"/>
    </row>
    <row r="46772" spans="1:3" ht="19.2">
      <c r="A46772" s="2"/>
      <c r="B46772" s="2"/>
      <c r="C46772" s="2"/>
    </row>
    <row r="46773" spans="1:3" ht="19.2">
      <c r="A46773" s="2"/>
      <c r="B46773" s="2"/>
      <c r="C46773" s="2"/>
    </row>
    <row r="46774" spans="1:3" ht="19.2">
      <c r="A46774" s="2"/>
      <c r="B46774" s="2"/>
      <c r="C46774" s="2"/>
    </row>
    <row r="46775" spans="1:3" ht="19.2">
      <c r="A46775" s="2"/>
      <c r="B46775" s="2"/>
      <c r="C46775" s="2"/>
    </row>
    <row r="46776" spans="1:3" ht="19.2">
      <c r="A46776" s="2"/>
      <c r="B46776" s="2"/>
      <c r="C46776" s="2"/>
    </row>
    <row r="46777" spans="1:3" ht="19.2">
      <c r="A46777" s="2"/>
      <c r="B46777" s="2"/>
      <c r="C46777" s="2"/>
    </row>
    <row r="46778" spans="1:3" ht="19.2">
      <c r="A46778" s="2"/>
      <c r="B46778" s="2"/>
      <c r="C46778" s="2"/>
    </row>
    <row r="46779" spans="1:3" ht="19.2">
      <c r="A46779" s="2"/>
      <c r="B46779" s="2"/>
      <c r="C46779" s="2"/>
    </row>
    <row r="46780" spans="1:3" ht="19.2">
      <c r="A46780" s="2"/>
      <c r="B46780" s="2"/>
      <c r="C46780" s="2"/>
    </row>
    <row r="46781" spans="1:3" ht="19.2">
      <c r="A46781" s="2"/>
      <c r="B46781" s="2"/>
      <c r="C46781" s="2"/>
    </row>
    <row r="46782" spans="1:3" ht="19.2">
      <c r="A46782" s="2"/>
      <c r="B46782" s="2"/>
      <c r="C46782" s="2"/>
    </row>
    <row r="46783" spans="1:3" ht="19.2">
      <c r="A46783" s="2"/>
      <c r="B46783" s="2"/>
      <c r="C46783" s="2"/>
    </row>
    <row r="46784" spans="1:3" ht="19.2">
      <c r="A46784" s="2"/>
      <c r="B46784" s="2"/>
      <c r="C46784" s="2"/>
    </row>
    <row r="46785" spans="1:3" ht="19.2">
      <c r="A46785" s="2"/>
      <c r="B46785" s="2"/>
      <c r="C46785" s="2"/>
    </row>
    <row r="46786" spans="1:3" ht="19.2">
      <c r="A46786" s="2"/>
      <c r="B46786" s="2"/>
      <c r="C46786" s="2"/>
    </row>
    <row r="46787" spans="1:3" ht="19.2">
      <c r="A46787" s="2"/>
      <c r="B46787" s="2"/>
      <c r="C46787" s="2"/>
    </row>
    <row r="46788" spans="1:3" ht="19.2">
      <c r="A46788" s="2"/>
      <c r="B46788" s="2"/>
      <c r="C46788" s="2"/>
    </row>
    <row r="46789" spans="1:3" ht="19.2">
      <c r="A46789" s="2"/>
      <c r="B46789" s="2"/>
      <c r="C46789" s="2"/>
    </row>
    <row r="46790" spans="1:3" ht="19.2">
      <c r="A46790" s="2"/>
      <c r="B46790" s="2"/>
      <c r="C46790" s="2"/>
    </row>
    <row r="46791" spans="1:3" ht="19.2">
      <c r="A46791" s="2"/>
      <c r="B46791" s="2"/>
      <c r="C46791" s="2"/>
    </row>
    <row r="46792" spans="1:3" ht="19.2">
      <c r="A46792" s="2"/>
      <c r="B46792" s="2"/>
      <c r="C46792" s="2"/>
    </row>
    <row r="46793" spans="1:3" ht="19.2">
      <c r="A46793" s="2"/>
      <c r="B46793" s="2"/>
      <c r="C46793" s="2"/>
    </row>
    <row r="46794" spans="1:3" ht="19.2">
      <c r="A46794" s="2"/>
      <c r="B46794" s="2"/>
      <c r="C46794" s="2"/>
    </row>
    <row r="46795" spans="1:3" ht="19.2">
      <c r="A46795" s="2"/>
      <c r="B46795" s="2"/>
      <c r="C46795" s="2"/>
    </row>
    <row r="46796" spans="1:3" ht="19.2">
      <c r="A46796" s="2"/>
      <c r="B46796" s="2"/>
      <c r="C46796" s="2"/>
    </row>
    <row r="46797" spans="1:3" ht="19.2">
      <c r="A46797" s="2"/>
      <c r="B46797" s="2"/>
      <c r="C46797" s="2"/>
    </row>
    <row r="46798" spans="1:3" ht="19.2">
      <c r="A46798" s="2"/>
      <c r="B46798" s="2"/>
      <c r="C46798" s="2"/>
    </row>
    <row r="46799" spans="1:3" ht="19.2">
      <c r="A46799" s="2"/>
      <c r="B46799" s="2"/>
      <c r="C46799" s="2"/>
    </row>
    <row r="46800" spans="1:3" ht="19.2">
      <c r="A46800" s="2"/>
      <c r="B46800" s="2"/>
      <c r="C46800" s="2"/>
    </row>
    <row r="46801" spans="1:3" ht="19.2">
      <c r="A46801" s="2"/>
      <c r="B46801" s="2"/>
      <c r="C46801" s="2"/>
    </row>
    <row r="46802" spans="1:3" ht="19.2">
      <c r="A46802" s="2"/>
      <c r="B46802" s="2"/>
      <c r="C46802" s="2"/>
    </row>
    <row r="46803" spans="1:3" ht="19.2">
      <c r="A46803" s="2"/>
      <c r="B46803" s="2"/>
      <c r="C46803" s="2"/>
    </row>
    <row r="46804" spans="1:3" ht="19.2">
      <c r="A46804" s="2"/>
      <c r="B46804" s="2"/>
      <c r="C46804" s="2"/>
    </row>
    <row r="46805" spans="1:3" ht="19.2">
      <c r="A46805" s="2"/>
      <c r="B46805" s="2"/>
      <c r="C46805" s="2"/>
    </row>
    <row r="46806" spans="1:3" ht="19.2">
      <c r="A46806" s="2"/>
      <c r="B46806" s="2"/>
      <c r="C46806" s="2"/>
    </row>
    <row r="46807" spans="1:3" ht="19.2">
      <c r="A46807" s="2"/>
      <c r="B46807" s="2"/>
      <c r="C46807" s="2"/>
    </row>
    <row r="46808" spans="1:3" ht="19.2">
      <c r="A46808" s="2"/>
      <c r="B46808" s="2"/>
      <c r="C46808" s="2"/>
    </row>
    <row r="46809" spans="1:3" ht="19.2">
      <c r="A46809" s="2"/>
      <c r="B46809" s="2"/>
      <c r="C46809" s="2"/>
    </row>
    <row r="46810" spans="1:3" ht="19.2">
      <c r="A46810" s="2"/>
      <c r="B46810" s="2"/>
      <c r="C46810" s="2"/>
    </row>
    <row r="46811" spans="1:3" ht="19.2">
      <c r="A46811" s="2"/>
      <c r="B46811" s="2"/>
      <c r="C46811" s="2"/>
    </row>
    <row r="46812" spans="1:3" ht="19.2">
      <c r="A46812" s="2"/>
      <c r="B46812" s="2"/>
      <c r="C46812" s="2"/>
    </row>
    <row r="46813" spans="1:3" ht="19.2">
      <c r="A46813" s="2"/>
      <c r="B46813" s="2"/>
      <c r="C46813" s="2"/>
    </row>
    <row r="46814" spans="1:3" ht="19.2">
      <c r="A46814" s="2"/>
      <c r="B46814" s="2"/>
      <c r="C46814" s="2"/>
    </row>
    <row r="46815" spans="1:3" ht="19.2">
      <c r="A46815" s="2"/>
      <c r="B46815" s="2"/>
      <c r="C46815" s="2"/>
    </row>
    <row r="46816" spans="1:3" ht="19.2">
      <c r="A46816" s="2"/>
      <c r="B46816" s="2"/>
      <c r="C46816" s="2"/>
    </row>
    <row r="46817" spans="1:3" ht="19.2">
      <c r="A46817" s="2"/>
      <c r="B46817" s="2"/>
      <c r="C46817" s="2"/>
    </row>
    <row r="46818" spans="1:3" ht="19.2">
      <c r="A46818" s="2"/>
      <c r="B46818" s="2"/>
      <c r="C46818" s="2"/>
    </row>
    <row r="46819" spans="1:3" ht="19.2">
      <c r="A46819" s="2"/>
      <c r="B46819" s="2"/>
      <c r="C46819" s="2"/>
    </row>
    <row r="46820" spans="1:3" ht="19.2">
      <c r="A46820" s="2"/>
      <c r="B46820" s="2"/>
      <c r="C46820" s="2"/>
    </row>
    <row r="46821" spans="1:3" ht="19.2">
      <c r="A46821" s="2"/>
      <c r="B46821" s="2"/>
      <c r="C46821" s="2"/>
    </row>
    <row r="46822" spans="1:3" ht="19.2">
      <c r="A46822" s="2"/>
      <c r="B46822" s="2"/>
      <c r="C46822" s="2"/>
    </row>
    <row r="46823" spans="1:3" ht="19.2">
      <c r="A46823" s="2"/>
      <c r="B46823" s="2"/>
      <c r="C46823" s="2"/>
    </row>
    <row r="46824" spans="1:3" ht="19.2">
      <c r="A46824" s="2"/>
      <c r="B46824" s="2"/>
      <c r="C46824" s="2"/>
    </row>
    <row r="46825" spans="1:3" ht="19.2">
      <c r="A46825" s="2"/>
      <c r="B46825" s="2"/>
      <c r="C46825" s="2"/>
    </row>
    <row r="46826" spans="1:3" ht="19.2">
      <c r="A46826" s="2"/>
      <c r="B46826" s="2"/>
      <c r="C46826" s="2"/>
    </row>
    <row r="46827" spans="1:3" ht="19.2">
      <c r="A46827" s="2"/>
      <c r="B46827" s="2"/>
      <c r="C46827" s="2"/>
    </row>
    <row r="46828" spans="1:3" ht="19.2">
      <c r="A46828" s="2"/>
      <c r="B46828" s="2"/>
      <c r="C46828" s="2"/>
    </row>
    <row r="46829" spans="1:3" ht="19.2">
      <c r="A46829" s="2"/>
      <c r="B46829" s="2"/>
      <c r="C46829" s="2"/>
    </row>
    <row r="46830" spans="1:3" ht="19.2">
      <c r="A46830" s="2"/>
      <c r="B46830" s="2"/>
      <c r="C46830" s="2"/>
    </row>
    <row r="46831" spans="1:3" ht="19.2">
      <c r="A46831" s="2"/>
      <c r="B46831" s="2"/>
      <c r="C46831" s="2"/>
    </row>
    <row r="46832" spans="1:3" ht="19.2">
      <c r="A46832" s="2"/>
      <c r="B46832" s="2"/>
      <c r="C46832" s="2"/>
    </row>
    <row r="46833" spans="1:3" ht="19.2">
      <c r="A46833" s="2"/>
      <c r="B46833" s="2"/>
      <c r="C46833" s="2"/>
    </row>
    <row r="46834" spans="1:3" ht="19.2">
      <c r="A46834" s="2"/>
      <c r="B46834" s="2"/>
      <c r="C46834" s="2"/>
    </row>
    <row r="46835" spans="1:3" ht="19.2">
      <c r="A46835" s="2"/>
      <c r="B46835" s="2"/>
      <c r="C46835" s="2"/>
    </row>
    <row r="46836" spans="1:3" ht="19.2">
      <c r="A46836" s="2"/>
      <c r="B46836" s="2"/>
      <c r="C46836" s="2"/>
    </row>
    <row r="46837" spans="1:3" ht="19.2">
      <c r="A46837" s="2"/>
      <c r="B46837" s="2"/>
      <c r="C46837" s="2"/>
    </row>
    <row r="46838" spans="1:3" ht="19.2">
      <c r="A46838" s="2"/>
      <c r="B46838" s="2"/>
      <c r="C46838" s="2"/>
    </row>
    <row r="46839" spans="1:3" ht="19.2">
      <c r="A46839" s="2"/>
      <c r="B46839" s="2"/>
      <c r="C46839" s="2"/>
    </row>
    <row r="46840" spans="1:3" ht="19.2">
      <c r="A46840" s="2"/>
      <c r="B46840" s="2"/>
      <c r="C46840" s="2"/>
    </row>
    <row r="46841" spans="1:3" ht="19.2">
      <c r="A46841" s="2"/>
      <c r="B46841" s="2"/>
      <c r="C46841" s="2"/>
    </row>
    <row r="46842" spans="1:3" ht="19.2">
      <c r="A46842" s="2"/>
      <c r="B46842" s="2"/>
      <c r="C46842" s="2"/>
    </row>
    <row r="46843" spans="1:3" ht="19.2">
      <c r="A46843" s="2"/>
      <c r="B46843" s="2"/>
      <c r="C46843" s="2"/>
    </row>
    <row r="46844" spans="1:3" ht="19.2">
      <c r="A46844" s="2"/>
      <c r="B46844" s="2"/>
      <c r="C46844" s="2"/>
    </row>
    <row r="46845" spans="1:3" ht="19.2">
      <c r="A46845" s="2"/>
      <c r="B46845" s="2"/>
      <c r="C46845" s="2"/>
    </row>
    <row r="46846" spans="1:3" ht="19.2">
      <c r="A46846" s="2"/>
      <c r="B46846" s="2"/>
      <c r="C46846" s="2"/>
    </row>
    <row r="46847" spans="1:3" ht="19.2">
      <c r="A46847" s="2"/>
      <c r="B46847" s="2"/>
      <c r="C46847" s="2"/>
    </row>
    <row r="46848" spans="1:3" ht="19.2">
      <c r="A46848" s="2"/>
      <c r="B46848" s="2"/>
      <c r="C46848" s="2"/>
    </row>
    <row r="46849" spans="1:3" ht="19.2">
      <c r="A46849" s="2"/>
      <c r="B46849" s="2"/>
      <c r="C46849" s="2"/>
    </row>
    <row r="46850" spans="1:3" ht="19.2">
      <c r="A46850" s="2"/>
      <c r="B46850" s="2"/>
      <c r="C46850" s="2"/>
    </row>
    <row r="46851" spans="1:3" ht="19.2">
      <c r="A46851" s="2"/>
      <c r="B46851" s="2"/>
      <c r="C46851" s="2"/>
    </row>
    <row r="46852" spans="1:3" ht="19.2">
      <c r="A46852" s="2"/>
      <c r="B46852" s="2"/>
      <c r="C46852" s="2"/>
    </row>
    <row r="46853" spans="1:3" ht="19.2">
      <c r="A46853" s="2"/>
      <c r="B46853" s="2"/>
      <c r="C46853" s="2"/>
    </row>
    <row r="46854" spans="1:3" ht="19.2">
      <c r="A46854" s="2"/>
      <c r="B46854" s="2"/>
      <c r="C46854" s="2"/>
    </row>
    <row r="46855" spans="1:3" ht="19.2">
      <c r="A46855" s="2"/>
      <c r="B46855" s="2"/>
      <c r="C46855" s="2"/>
    </row>
    <row r="46856" spans="1:3" ht="19.2">
      <c r="A46856" s="2"/>
      <c r="B46856" s="2"/>
      <c r="C46856" s="2"/>
    </row>
    <row r="46857" spans="1:3" ht="19.2">
      <c r="A46857" s="2"/>
      <c r="B46857" s="2"/>
      <c r="C46857" s="2"/>
    </row>
    <row r="46858" spans="1:3" ht="19.2">
      <c r="A46858" s="2"/>
      <c r="B46858" s="2"/>
      <c r="C46858" s="2"/>
    </row>
    <row r="46859" spans="1:3" ht="19.2">
      <c r="A46859" s="2"/>
      <c r="B46859" s="2"/>
      <c r="C46859" s="2"/>
    </row>
    <row r="46860" spans="1:3" ht="19.2">
      <c r="A46860" s="2"/>
      <c r="B46860" s="2"/>
      <c r="C46860" s="2"/>
    </row>
    <row r="46861" spans="1:3" ht="19.2">
      <c r="A46861" s="2"/>
      <c r="B46861" s="2"/>
      <c r="C46861" s="2"/>
    </row>
    <row r="46862" spans="1:3" ht="19.2">
      <c r="A46862" s="2"/>
      <c r="B46862" s="2"/>
      <c r="C46862" s="2"/>
    </row>
    <row r="46863" spans="1:3" ht="19.2">
      <c r="A46863" s="2"/>
      <c r="B46863" s="2"/>
      <c r="C46863" s="2"/>
    </row>
    <row r="46864" spans="1:3" ht="19.2">
      <c r="A46864" s="2"/>
      <c r="B46864" s="2"/>
      <c r="C46864" s="2"/>
    </row>
    <row r="46865" spans="1:3" ht="19.2">
      <c r="A46865" s="2"/>
      <c r="B46865" s="2"/>
      <c r="C46865" s="2"/>
    </row>
    <row r="46866" spans="1:3" ht="19.2">
      <c r="A46866" s="2"/>
      <c r="B46866" s="2"/>
      <c r="C46866" s="2"/>
    </row>
    <row r="46867" spans="1:3" ht="19.2">
      <c r="A46867" s="2"/>
      <c r="B46867" s="2"/>
      <c r="C46867" s="2"/>
    </row>
    <row r="46868" spans="1:3" ht="19.2">
      <c r="A46868" s="2"/>
      <c r="B46868" s="2"/>
      <c r="C46868" s="2"/>
    </row>
    <row r="46869" spans="1:3" ht="19.2">
      <c r="A46869" s="2"/>
      <c r="B46869" s="2"/>
      <c r="C46869" s="2"/>
    </row>
    <row r="46870" spans="1:3" ht="19.2">
      <c r="A46870" s="2"/>
      <c r="B46870" s="2"/>
      <c r="C46870" s="2"/>
    </row>
    <row r="46871" spans="1:3" ht="19.2">
      <c r="A46871" s="2"/>
      <c r="B46871" s="2"/>
      <c r="C46871" s="2"/>
    </row>
    <row r="46872" spans="1:3" ht="19.2">
      <c r="A46872" s="2"/>
      <c r="B46872" s="2"/>
      <c r="C46872" s="2"/>
    </row>
    <row r="46873" spans="1:3" ht="19.2">
      <c r="A46873" s="2"/>
      <c r="B46873" s="2"/>
      <c r="C46873" s="2"/>
    </row>
    <row r="46874" spans="1:3" ht="19.2">
      <c r="A46874" s="2"/>
      <c r="B46874" s="2"/>
      <c r="C46874" s="2"/>
    </row>
    <row r="46875" spans="1:3" ht="19.2">
      <c r="A46875" s="2"/>
      <c r="B46875" s="2"/>
      <c r="C46875" s="2"/>
    </row>
    <row r="46876" spans="1:3" ht="19.2">
      <c r="A46876" s="2"/>
      <c r="B46876" s="2"/>
      <c r="C46876" s="2"/>
    </row>
    <row r="46877" spans="1:3" ht="19.2">
      <c r="A46877" s="2"/>
      <c r="B46877" s="2"/>
      <c r="C46877" s="2"/>
    </row>
    <row r="46878" spans="1:3" ht="19.2">
      <c r="A46878" s="2"/>
      <c r="B46878" s="2"/>
      <c r="C46878" s="2"/>
    </row>
    <row r="46879" spans="1:3" ht="19.2">
      <c r="A46879" s="2"/>
      <c r="B46879" s="2"/>
      <c r="C46879" s="2"/>
    </row>
    <row r="46880" spans="1:3" ht="19.2">
      <c r="A46880" s="2"/>
      <c r="B46880" s="2"/>
      <c r="C46880" s="2"/>
    </row>
    <row r="46881" spans="1:3" ht="19.2">
      <c r="A46881" s="2"/>
      <c r="B46881" s="2"/>
      <c r="C46881" s="2"/>
    </row>
    <row r="46882" spans="1:3" ht="19.2">
      <c r="A46882" s="2"/>
      <c r="B46882" s="2"/>
      <c r="C46882" s="2"/>
    </row>
    <row r="46883" spans="1:3" ht="19.2">
      <c r="A46883" s="2"/>
      <c r="B46883" s="2"/>
      <c r="C46883" s="2"/>
    </row>
    <row r="46884" spans="1:3" ht="19.2">
      <c r="A46884" s="2"/>
      <c r="B46884" s="2"/>
      <c r="C46884" s="2"/>
    </row>
    <row r="46885" spans="1:3" ht="19.2">
      <c r="A46885" s="2"/>
      <c r="B46885" s="2"/>
      <c r="C46885" s="2"/>
    </row>
    <row r="46886" spans="1:3" ht="19.2">
      <c r="A46886" s="2"/>
      <c r="B46886" s="2"/>
      <c r="C46886" s="2"/>
    </row>
    <row r="46887" spans="1:3" ht="19.2">
      <c r="A46887" s="2"/>
      <c r="B46887" s="2"/>
      <c r="C46887" s="2"/>
    </row>
    <row r="46888" spans="1:3" ht="19.2">
      <c r="A46888" s="2"/>
      <c r="B46888" s="2"/>
      <c r="C46888" s="2"/>
    </row>
    <row r="46889" spans="1:3" ht="19.2">
      <c r="A46889" s="2"/>
      <c r="B46889" s="2"/>
      <c r="C46889" s="2"/>
    </row>
    <row r="46890" spans="1:3" ht="19.2">
      <c r="A46890" s="2"/>
      <c r="B46890" s="2"/>
      <c r="C46890" s="2"/>
    </row>
    <row r="46891" spans="1:3" ht="19.2">
      <c r="A46891" s="2"/>
      <c r="B46891" s="2"/>
      <c r="C46891" s="2"/>
    </row>
    <row r="46892" spans="1:3" ht="19.2">
      <c r="A46892" s="2"/>
      <c r="B46892" s="2"/>
      <c r="C46892" s="2"/>
    </row>
    <row r="46893" spans="1:3" ht="19.2">
      <c r="A46893" s="2"/>
      <c r="B46893" s="2"/>
      <c r="C46893" s="2"/>
    </row>
    <row r="46894" spans="1:3" ht="19.2">
      <c r="A46894" s="2"/>
      <c r="B46894" s="2"/>
      <c r="C46894" s="2"/>
    </row>
    <row r="46895" spans="1:3" ht="19.2">
      <c r="A46895" s="2"/>
      <c r="B46895" s="2"/>
      <c r="C46895" s="2"/>
    </row>
    <row r="46896" spans="1:3" ht="19.2">
      <c r="A46896" s="2"/>
      <c r="B46896" s="2"/>
      <c r="C46896" s="2"/>
    </row>
    <row r="46897" spans="1:3" ht="19.2">
      <c r="A46897" s="2"/>
      <c r="B46897" s="2"/>
      <c r="C46897" s="2"/>
    </row>
    <row r="46898" spans="1:3" ht="19.2">
      <c r="A46898" s="2"/>
      <c r="B46898" s="2"/>
      <c r="C46898" s="2"/>
    </row>
    <row r="46899" spans="1:3" ht="19.2">
      <c r="A46899" s="2"/>
      <c r="B46899" s="2"/>
      <c r="C46899" s="2"/>
    </row>
    <row r="46900" spans="1:3" ht="19.2">
      <c r="A46900" s="2"/>
      <c r="B46900" s="2"/>
      <c r="C46900" s="2"/>
    </row>
    <row r="46901" spans="1:3" ht="19.2">
      <c r="A46901" s="2"/>
      <c r="B46901" s="2"/>
      <c r="C46901" s="2"/>
    </row>
    <row r="46902" spans="1:3" ht="19.2">
      <c r="A46902" s="2"/>
      <c r="B46902" s="2"/>
      <c r="C46902" s="2"/>
    </row>
    <row r="46903" spans="1:3" ht="19.2">
      <c r="A46903" s="2"/>
      <c r="B46903" s="2"/>
      <c r="C46903" s="2"/>
    </row>
    <row r="46904" spans="1:3" ht="19.2">
      <c r="A46904" s="2"/>
      <c r="B46904" s="2"/>
      <c r="C46904" s="2"/>
    </row>
    <row r="46905" spans="1:3" ht="19.2">
      <c r="A46905" s="2"/>
      <c r="B46905" s="2"/>
      <c r="C46905" s="2"/>
    </row>
    <row r="46906" spans="1:3" ht="19.2">
      <c r="A46906" s="2"/>
      <c r="B46906" s="2"/>
      <c r="C46906" s="2"/>
    </row>
    <row r="46907" spans="1:3" ht="19.2">
      <c r="A46907" s="2"/>
      <c r="B46907" s="2"/>
      <c r="C46907" s="2"/>
    </row>
    <row r="46908" spans="1:3" ht="19.2">
      <c r="A46908" s="2"/>
      <c r="B46908" s="2"/>
      <c r="C46908" s="2"/>
    </row>
    <row r="46909" spans="1:3" ht="19.2">
      <c r="A46909" s="2"/>
      <c r="B46909" s="2"/>
      <c r="C46909" s="2"/>
    </row>
    <row r="46910" spans="1:3" ht="19.2">
      <c r="A46910" s="2"/>
      <c r="B46910" s="2"/>
      <c r="C46910" s="2"/>
    </row>
    <row r="46911" spans="1:3" ht="19.2">
      <c r="A46911" s="2"/>
      <c r="B46911" s="2"/>
      <c r="C46911" s="2"/>
    </row>
    <row r="46912" spans="1:3" ht="19.2">
      <c r="A46912" s="2"/>
      <c r="B46912" s="2"/>
      <c r="C46912" s="2"/>
    </row>
    <row r="46913" spans="1:3" ht="19.2">
      <c r="A46913" s="2"/>
      <c r="B46913" s="2"/>
      <c r="C46913" s="2"/>
    </row>
    <row r="46914" spans="1:3" ht="19.2">
      <c r="A46914" s="2"/>
      <c r="B46914" s="2"/>
      <c r="C46914" s="2"/>
    </row>
    <row r="46915" spans="1:3" ht="19.2">
      <c r="A46915" s="2"/>
      <c r="B46915" s="2"/>
      <c r="C46915" s="2"/>
    </row>
    <row r="46916" spans="1:3" ht="19.2">
      <c r="A46916" s="2"/>
      <c r="B46916" s="2"/>
      <c r="C46916" s="2"/>
    </row>
    <row r="46917" spans="1:3" ht="19.2">
      <c r="A46917" s="2"/>
      <c r="B46917" s="2"/>
      <c r="C46917" s="2"/>
    </row>
    <row r="46918" spans="1:3" ht="19.2">
      <c r="A46918" s="2"/>
      <c r="B46918" s="2"/>
      <c r="C46918" s="2"/>
    </row>
    <row r="46919" spans="1:3" ht="19.2">
      <c r="A46919" s="2"/>
      <c r="B46919" s="2"/>
      <c r="C46919" s="2"/>
    </row>
    <row r="46920" spans="1:3" ht="19.2">
      <c r="A46920" s="2"/>
      <c r="B46920" s="2"/>
      <c r="C46920" s="2"/>
    </row>
    <row r="46921" spans="1:3" ht="19.2">
      <c r="A46921" s="2"/>
      <c r="B46921" s="2"/>
      <c r="C46921" s="2"/>
    </row>
    <row r="46922" spans="1:3" ht="19.2">
      <c r="A46922" s="2"/>
      <c r="B46922" s="2"/>
      <c r="C46922" s="2"/>
    </row>
    <row r="46923" spans="1:3" ht="19.2">
      <c r="A46923" s="2"/>
      <c r="B46923" s="2"/>
      <c r="C46923" s="2"/>
    </row>
    <row r="46924" spans="1:3" ht="19.2">
      <c r="A46924" s="2"/>
      <c r="B46924" s="2"/>
      <c r="C46924" s="2"/>
    </row>
    <row r="46925" spans="1:3" ht="19.2">
      <c r="A46925" s="2"/>
      <c r="B46925" s="2"/>
      <c r="C46925" s="2"/>
    </row>
    <row r="46926" spans="1:3" ht="19.2">
      <c r="A46926" s="2"/>
      <c r="B46926" s="2"/>
      <c r="C46926" s="2"/>
    </row>
    <row r="46927" spans="1:3" ht="19.2">
      <c r="A46927" s="2"/>
      <c r="B46927" s="2"/>
      <c r="C46927" s="2"/>
    </row>
    <row r="46928" spans="1:3" ht="19.2">
      <c r="A46928" s="2"/>
      <c r="B46928" s="2"/>
      <c r="C46928" s="2"/>
    </row>
    <row r="46929" spans="1:3" ht="19.2">
      <c r="A46929" s="2"/>
      <c r="B46929" s="2"/>
      <c r="C46929" s="2"/>
    </row>
    <row r="46930" spans="1:3" ht="19.2">
      <c r="A46930" s="2"/>
      <c r="B46930" s="2"/>
      <c r="C46930" s="2"/>
    </row>
    <row r="46931" spans="1:3" ht="19.2">
      <c r="A46931" s="2"/>
      <c r="B46931" s="2"/>
      <c r="C46931" s="2"/>
    </row>
    <row r="46932" spans="1:3" ht="19.2">
      <c r="A46932" s="2"/>
      <c r="B46932" s="2"/>
      <c r="C46932" s="2"/>
    </row>
    <row r="46933" spans="1:3" ht="19.2">
      <c r="A46933" s="2"/>
      <c r="B46933" s="2"/>
      <c r="C46933" s="2"/>
    </row>
    <row r="46934" spans="1:3" ht="19.2">
      <c r="A46934" s="2"/>
      <c r="B46934" s="2"/>
      <c r="C46934" s="2"/>
    </row>
    <row r="46935" spans="1:3" ht="19.2">
      <c r="A46935" s="2"/>
      <c r="B46935" s="2"/>
      <c r="C46935" s="2"/>
    </row>
    <row r="46936" spans="1:3" ht="19.2">
      <c r="A46936" s="2"/>
      <c r="B46936" s="2"/>
      <c r="C46936" s="2"/>
    </row>
    <row r="46937" spans="1:3" ht="19.2">
      <c r="A46937" s="2"/>
      <c r="B46937" s="2"/>
      <c r="C46937" s="2"/>
    </row>
    <row r="46938" spans="1:3" ht="19.2">
      <c r="A46938" s="2"/>
      <c r="B46938" s="2"/>
      <c r="C46938" s="2"/>
    </row>
    <row r="46939" spans="1:3" ht="19.2">
      <c r="A46939" s="2"/>
      <c r="B46939" s="2"/>
      <c r="C46939" s="2"/>
    </row>
    <row r="46940" spans="1:3" ht="19.2">
      <c r="A46940" s="2"/>
      <c r="B46940" s="2"/>
      <c r="C46940" s="2"/>
    </row>
    <row r="46941" spans="1:3" ht="19.2">
      <c r="A46941" s="2"/>
      <c r="B46941" s="2"/>
      <c r="C46941" s="2"/>
    </row>
    <row r="46942" spans="1:3" ht="19.2">
      <c r="A46942" s="2"/>
      <c r="B46942" s="2"/>
      <c r="C46942" s="2"/>
    </row>
    <row r="46943" spans="1:3" ht="19.2">
      <c r="A46943" s="2"/>
      <c r="B46943" s="2"/>
      <c r="C46943" s="2"/>
    </row>
    <row r="46944" spans="1:3" ht="19.2">
      <c r="A46944" s="2"/>
      <c r="B46944" s="2"/>
      <c r="C46944" s="2"/>
    </row>
    <row r="46945" spans="1:3" ht="19.2">
      <c r="A46945" s="2"/>
      <c r="B46945" s="2"/>
      <c r="C46945" s="2"/>
    </row>
    <row r="46946" spans="1:3" ht="19.2">
      <c r="A46946" s="2"/>
      <c r="B46946" s="2"/>
      <c r="C46946" s="2"/>
    </row>
    <row r="46947" spans="1:3" ht="19.2">
      <c r="A46947" s="2"/>
      <c r="B46947" s="2"/>
      <c r="C46947" s="2"/>
    </row>
    <row r="46948" spans="1:3" ht="19.2">
      <c r="A46948" s="2"/>
      <c r="B46948" s="2"/>
      <c r="C46948" s="2"/>
    </row>
    <row r="46949" spans="1:3" ht="19.2">
      <c r="A46949" s="2"/>
      <c r="B46949" s="2"/>
      <c r="C46949" s="2"/>
    </row>
    <row r="46950" spans="1:3" ht="19.2">
      <c r="A46950" s="2"/>
      <c r="B46950" s="2"/>
      <c r="C46950" s="2"/>
    </row>
    <row r="46951" spans="1:3" ht="19.2">
      <c r="A46951" s="2"/>
      <c r="B46951" s="2"/>
      <c r="C46951" s="2"/>
    </row>
    <row r="46952" spans="1:3" ht="19.2">
      <c r="A46952" s="2"/>
      <c r="B46952" s="2"/>
      <c r="C46952" s="2"/>
    </row>
    <row r="46953" spans="1:3" ht="19.2">
      <c r="A46953" s="2"/>
      <c r="B46953" s="2"/>
      <c r="C46953" s="2"/>
    </row>
    <row r="46954" spans="1:3" ht="19.2">
      <c r="A46954" s="2"/>
      <c r="B46954" s="2"/>
      <c r="C46954" s="2"/>
    </row>
    <row r="46955" spans="1:3" ht="19.2">
      <c r="A46955" s="2"/>
      <c r="B46955" s="2"/>
      <c r="C46955" s="2"/>
    </row>
    <row r="46956" spans="1:3" ht="19.2">
      <c r="A46956" s="2"/>
      <c r="B46956" s="2"/>
      <c r="C46956" s="2"/>
    </row>
    <row r="46957" spans="1:3" ht="19.2">
      <c r="A46957" s="2"/>
      <c r="B46957" s="2"/>
      <c r="C46957" s="2"/>
    </row>
    <row r="46958" spans="1:3" ht="19.2">
      <c r="A46958" s="2"/>
      <c r="B46958" s="2"/>
      <c r="C46958" s="2"/>
    </row>
    <row r="46959" spans="1:3" ht="19.2">
      <c r="A46959" s="2"/>
      <c r="B46959" s="2"/>
      <c r="C46959" s="2"/>
    </row>
    <row r="46960" spans="1:3" ht="19.2">
      <c r="A46960" s="2"/>
      <c r="B46960" s="2"/>
      <c r="C46960" s="2"/>
    </row>
    <row r="46961" spans="1:3" ht="19.2">
      <c r="A46961" s="2"/>
      <c r="B46961" s="2"/>
      <c r="C46961" s="2"/>
    </row>
    <row r="46962" spans="1:3" ht="19.2">
      <c r="A46962" s="2"/>
      <c r="B46962" s="2"/>
      <c r="C46962" s="2"/>
    </row>
    <row r="46963" spans="1:3" ht="19.2">
      <c r="A46963" s="2"/>
      <c r="B46963" s="2"/>
      <c r="C46963" s="2"/>
    </row>
    <row r="46964" spans="1:3" ht="19.2">
      <c r="A46964" s="2"/>
      <c r="B46964" s="2"/>
      <c r="C46964" s="2"/>
    </row>
    <row r="46965" spans="1:3" ht="19.2">
      <c r="A46965" s="2"/>
      <c r="B46965" s="2"/>
      <c r="C46965" s="2"/>
    </row>
    <row r="46966" spans="1:3" ht="19.2">
      <c r="A46966" s="2"/>
      <c r="B46966" s="2"/>
      <c r="C46966" s="2"/>
    </row>
    <row r="46967" spans="1:3" ht="19.2">
      <c r="A46967" s="2"/>
      <c r="B46967" s="2"/>
      <c r="C46967" s="2"/>
    </row>
    <row r="46968" spans="1:3" ht="19.2">
      <c r="A46968" s="2"/>
      <c r="B46968" s="2"/>
      <c r="C46968" s="2"/>
    </row>
    <row r="46969" spans="1:3" ht="19.2">
      <c r="A46969" s="2"/>
      <c r="B46969" s="2"/>
      <c r="C46969" s="2"/>
    </row>
    <row r="46970" spans="1:3" ht="19.2">
      <c r="A46970" s="2"/>
      <c r="B46970" s="2"/>
      <c r="C46970" s="2"/>
    </row>
    <row r="46971" spans="1:3" ht="19.2">
      <c r="A46971" s="2"/>
      <c r="B46971" s="2"/>
      <c r="C46971" s="2"/>
    </row>
    <row r="46972" spans="1:3" ht="19.2">
      <c r="A46972" s="2"/>
      <c r="B46972" s="2"/>
      <c r="C46972" s="2"/>
    </row>
    <row r="46973" spans="1:3" ht="19.2">
      <c r="A46973" s="2"/>
      <c r="B46973" s="2"/>
      <c r="C46973" s="2"/>
    </row>
    <row r="46974" spans="1:3" ht="19.2">
      <c r="A46974" s="2"/>
      <c r="B46974" s="2"/>
      <c r="C46974" s="2"/>
    </row>
    <row r="46975" spans="1:3" ht="19.2">
      <c r="A46975" s="2"/>
      <c r="B46975" s="2"/>
      <c r="C46975" s="2"/>
    </row>
    <row r="46976" spans="1:3" ht="19.2">
      <c r="A46976" s="2"/>
      <c r="B46976" s="2"/>
      <c r="C46976" s="2"/>
    </row>
    <row r="46977" spans="1:3" ht="19.2">
      <c r="A46977" s="2"/>
      <c r="B46977" s="2"/>
      <c r="C46977" s="2"/>
    </row>
    <row r="46978" spans="1:3" ht="19.2">
      <c r="A46978" s="2"/>
      <c r="B46978" s="2"/>
      <c r="C46978" s="2"/>
    </row>
    <row r="46979" spans="1:3" ht="19.2">
      <c r="A46979" s="2"/>
      <c r="B46979" s="2"/>
      <c r="C46979" s="2"/>
    </row>
    <row r="46980" spans="1:3" ht="19.2">
      <c r="A46980" s="2"/>
      <c r="B46980" s="2"/>
      <c r="C46980" s="2"/>
    </row>
    <row r="46981" spans="1:3" ht="19.2">
      <c r="A46981" s="2"/>
      <c r="B46981" s="2"/>
      <c r="C46981" s="2"/>
    </row>
    <row r="46982" spans="1:3" ht="19.2">
      <c r="A46982" s="2"/>
      <c r="B46982" s="2"/>
      <c r="C46982" s="2"/>
    </row>
    <row r="46983" spans="1:3" ht="19.2">
      <c r="A46983" s="2"/>
      <c r="B46983" s="2"/>
      <c r="C46983" s="2"/>
    </row>
    <row r="46984" spans="1:3" ht="19.2">
      <c r="A46984" s="2"/>
      <c r="B46984" s="2"/>
      <c r="C46984" s="2"/>
    </row>
    <row r="46985" spans="1:3" ht="19.2">
      <c r="A46985" s="2"/>
      <c r="B46985" s="2"/>
      <c r="C46985" s="2"/>
    </row>
    <row r="46986" spans="1:3" ht="19.2">
      <c r="A46986" s="2"/>
      <c r="B46986" s="2"/>
      <c r="C46986" s="2"/>
    </row>
    <row r="46987" spans="1:3" ht="19.2">
      <c r="A46987" s="2"/>
      <c r="B46987" s="2"/>
      <c r="C46987" s="2"/>
    </row>
    <row r="46988" spans="1:3" ht="19.2">
      <c r="A46988" s="2"/>
      <c r="B46988" s="2"/>
      <c r="C46988" s="2"/>
    </row>
    <row r="46989" spans="1:3" ht="19.2">
      <c r="A46989" s="2"/>
      <c r="B46989" s="2"/>
      <c r="C46989" s="2"/>
    </row>
    <row r="46990" spans="1:3" ht="19.2">
      <c r="A46990" s="2"/>
      <c r="B46990" s="2"/>
      <c r="C46990" s="2"/>
    </row>
    <row r="46991" spans="1:3" ht="19.2">
      <c r="A46991" s="2"/>
      <c r="B46991" s="2"/>
      <c r="C46991" s="2"/>
    </row>
    <row r="46992" spans="1:3" ht="19.2">
      <c r="A46992" s="2"/>
      <c r="B46992" s="2"/>
      <c r="C46992" s="2"/>
    </row>
    <row r="46993" spans="1:3" ht="19.2">
      <c r="A46993" s="2"/>
      <c r="B46993" s="2"/>
      <c r="C46993" s="2"/>
    </row>
    <row r="46994" spans="1:3" ht="19.2">
      <c r="A46994" s="2"/>
      <c r="B46994" s="2"/>
      <c r="C46994" s="2"/>
    </row>
    <row r="46995" spans="1:3" ht="19.2">
      <c r="A46995" s="2"/>
      <c r="B46995" s="2"/>
      <c r="C46995" s="2"/>
    </row>
    <row r="46996" spans="1:3" ht="19.2">
      <c r="A46996" s="2"/>
      <c r="B46996" s="2"/>
      <c r="C46996" s="2"/>
    </row>
    <row r="46997" spans="1:3" ht="19.2">
      <c r="A46997" s="2"/>
      <c r="B46997" s="2"/>
      <c r="C46997" s="2"/>
    </row>
    <row r="46998" spans="1:3" ht="19.2">
      <c r="A46998" s="2"/>
      <c r="B46998" s="2"/>
      <c r="C46998" s="2"/>
    </row>
    <row r="46999" spans="1:3" ht="19.2">
      <c r="A46999" s="2"/>
      <c r="B46999" s="2"/>
      <c r="C46999" s="2"/>
    </row>
    <row r="47000" spans="1:3" ht="19.2">
      <c r="A47000" s="2"/>
      <c r="B47000" s="2"/>
      <c r="C47000" s="2"/>
    </row>
    <row r="47001" spans="1:3" ht="19.2">
      <c r="A47001" s="2"/>
      <c r="B47001" s="2"/>
      <c r="C47001" s="2"/>
    </row>
    <row r="47002" spans="1:3" ht="19.2">
      <c r="A47002" s="2"/>
      <c r="B47002" s="2"/>
      <c r="C47002" s="2"/>
    </row>
    <row r="47003" spans="1:3" ht="19.2">
      <c r="A47003" s="2"/>
      <c r="B47003" s="2"/>
      <c r="C47003" s="2"/>
    </row>
    <row r="47004" spans="1:3" ht="19.2">
      <c r="A47004" s="2"/>
      <c r="B47004" s="2"/>
      <c r="C47004" s="2"/>
    </row>
    <row r="47005" spans="1:3" ht="19.2">
      <c r="A47005" s="2"/>
      <c r="B47005" s="2"/>
      <c r="C47005" s="2"/>
    </row>
    <row r="47006" spans="1:3" ht="19.2">
      <c r="A47006" s="2"/>
      <c r="B47006" s="2"/>
      <c r="C47006" s="2"/>
    </row>
    <row r="47007" spans="1:3" ht="19.2">
      <c r="A47007" s="2"/>
      <c r="B47007" s="2"/>
      <c r="C47007" s="2"/>
    </row>
    <row r="47008" spans="1:3" ht="19.2">
      <c r="A47008" s="2"/>
      <c r="B47008" s="2"/>
      <c r="C47008" s="2"/>
    </row>
    <row r="47009" spans="1:3" ht="19.2">
      <c r="A47009" s="2"/>
      <c r="B47009" s="2"/>
      <c r="C47009" s="2"/>
    </row>
    <row r="47010" spans="1:3" ht="19.2">
      <c r="A47010" s="2"/>
      <c r="B47010" s="2"/>
      <c r="C47010" s="2"/>
    </row>
    <row r="47011" spans="1:3" ht="19.2">
      <c r="A47011" s="2"/>
      <c r="B47011" s="2"/>
      <c r="C47011" s="2"/>
    </row>
    <row r="47012" spans="1:3" ht="19.2">
      <c r="A47012" s="2"/>
      <c r="B47012" s="2"/>
      <c r="C47012" s="2"/>
    </row>
    <row r="47013" spans="1:3" ht="19.2">
      <c r="A47013" s="2"/>
      <c r="B47013" s="2"/>
      <c r="C47013" s="2"/>
    </row>
    <row r="47014" spans="1:3" ht="19.2">
      <c r="A47014" s="2"/>
      <c r="B47014" s="2"/>
      <c r="C47014" s="2"/>
    </row>
    <row r="47015" spans="1:3" ht="19.2">
      <c r="A47015" s="2"/>
      <c r="B47015" s="2"/>
      <c r="C47015" s="2"/>
    </row>
    <row r="47016" spans="1:3" ht="19.2">
      <c r="A47016" s="2"/>
      <c r="B47016" s="2"/>
      <c r="C47016" s="2"/>
    </row>
    <row r="47017" spans="1:3" ht="19.2">
      <c r="A47017" s="2"/>
      <c r="B47017" s="2"/>
      <c r="C47017" s="2"/>
    </row>
    <row r="47018" spans="1:3" ht="19.2">
      <c r="A47018" s="2"/>
      <c r="B47018" s="2"/>
      <c r="C47018" s="2"/>
    </row>
    <row r="47019" spans="1:3" ht="19.2">
      <c r="A47019" s="2"/>
      <c r="B47019" s="2"/>
      <c r="C47019" s="2"/>
    </row>
    <row r="47020" spans="1:3" ht="19.2">
      <c r="A47020" s="2"/>
      <c r="B47020" s="2"/>
      <c r="C47020" s="2"/>
    </row>
    <row r="47021" spans="1:3" ht="19.2">
      <c r="A47021" s="2"/>
      <c r="B47021" s="2"/>
      <c r="C47021" s="2"/>
    </row>
    <row r="47022" spans="1:3" ht="19.2">
      <c r="A47022" s="2"/>
      <c r="B47022" s="2"/>
      <c r="C47022" s="2"/>
    </row>
    <row r="47023" spans="1:3" ht="19.2">
      <c r="A47023" s="2"/>
      <c r="B47023" s="2"/>
      <c r="C47023" s="2"/>
    </row>
    <row r="47024" spans="1:3" ht="19.2">
      <c r="A47024" s="2"/>
      <c r="B47024" s="2"/>
      <c r="C47024" s="2"/>
    </row>
    <row r="47025" spans="1:3" ht="19.2">
      <c r="A47025" s="2"/>
      <c r="B47025" s="2"/>
      <c r="C47025" s="2"/>
    </row>
    <row r="47026" spans="1:3" ht="19.2">
      <c r="A47026" s="2"/>
      <c r="B47026" s="2"/>
      <c r="C47026" s="2"/>
    </row>
    <row r="47027" spans="1:3" ht="19.2">
      <c r="A47027" s="2"/>
      <c r="B47027" s="2"/>
      <c r="C47027" s="2"/>
    </row>
    <row r="47028" spans="1:3" ht="19.2">
      <c r="A47028" s="2"/>
      <c r="B47028" s="2"/>
      <c r="C47028" s="2"/>
    </row>
    <row r="47029" spans="1:3" ht="19.2">
      <c r="A47029" s="2"/>
      <c r="B47029" s="2"/>
      <c r="C47029" s="2"/>
    </row>
    <row r="47030" spans="1:3" ht="19.2">
      <c r="A47030" s="2"/>
      <c r="B47030" s="2"/>
      <c r="C47030" s="2"/>
    </row>
    <row r="47031" spans="1:3" ht="19.2">
      <c r="A47031" s="2"/>
      <c r="B47031" s="2"/>
      <c r="C47031" s="2"/>
    </row>
    <row r="47032" spans="1:3" ht="19.2">
      <c r="A47032" s="2"/>
      <c r="B47032" s="2"/>
      <c r="C47032" s="2"/>
    </row>
    <row r="47033" spans="1:3" ht="19.2">
      <c r="A47033" s="2"/>
      <c r="B47033" s="2"/>
      <c r="C47033" s="2"/>
    </row>
    <row r="47034" spans="1:3" ht="19.2">
      <c r="A47034" s="2"/>
      <c r="B47034" s="2"/>
      <c r="C47034" s="2"/>
    </row>
    <row r="47035" spans="1:3" ht="19.2">
      <c r="A47035" s="2"/>
      <c r="B47035" s="2"/>
      <c r="C47035" s="2"/>
    </row>
    <row r="47036" spans="1:3" ht="19.2">
      <c r="A47036" s="2"/>
      <c r="B47036" s="2"/>
      <c r="C47036" s="2"/>
    </row>
    <row r="47037" spans="1:3" ht="19.2">
      <c r="A47037" s="2"/>
      <c r="B47037" s="2"/>
      <c r="C47037" s="2"/>
    </row>
    <row r="47038" spans="1:3" ht="19.2">
      <c r="A47038" s="2"/>
      <c r="B47038" s="2"/>
      <c r="C47038" s="2"/>
    </row>
    <row r="47039" spans="1:3" ht="19.2">
      <c r="A47039" s="2"/>
      <c r="B47039" s="2"/>
      <c r="C47039" s="2"/>
    </row>
    <row r="47040" spans="1:3" ht="19.2">
      <c r="A47040" s="2"/>
      <c r="B47040" s="2"/>
      <c r="C47040" s="2"/>
    </row>
    <row r="47041" spans="1:3" ht="19.2">
      <c r="A47041" s="2"/>
      <c r="B47041" s="2"/>
      <c r="C47041" s="2"/>
    </row>
    <row r="47042" spans="1:3" ht="19.2">
      <c r="A47042" s="2"/>
      <c r="B47042" s="2"/>
      <c r="C47042" s="2"/>
    </row>
    <row r="47043" spans="1:3" ht="19.2">
      <c r="A47043" s="2"/>
      <c r="B47043" s="2"/>
      <c r="C47043" s="2"/>
    </row>
    <row r="47044" spans="1:3" ht="19.2">
      <c r="A47044" s="2"/>
      <c r="B47044" s="2"/>
      <c r="C47044" s="2"/>
    </row>
    <row r="47045" spans="1:3" ht="19.2">
      <c r="A47045" s="2"/>
      <c r="B47045" s="2"/>
      <c r="C47045" s="2"/>
    </row>
    <row r="47046" spans="1:3" ht="19.2">
      <c r="A47046" s="2"/>
      <c r="B47046" s="2"/>
      <c r="C47046" s="2"/>
    </row>
    <row r="47047" spans="1:3" ht="19.2">
      <c r="A47047" s="2"/>
      <c r="B47047" s="2"/>
      <c r="C47047" s="2"/>
    </row>
    <row r="47048" spans="1:3" ht="19.2">
      <c r="A47048" s="2"/>
      <c r="B47048" s="2"/>
      <c r="C47048" s="2"/>
    </row>
    <row r="47049" spans="1:3" ht="19.2">
      <c r="A47049" s="2"/>
      <c r="B47049" s="2"/>
      <c r="C47049" s="2"/>
    </row>
    <row r="47050" spans="1:3" ht="19.2">
      <c r="A47050" s="2"/>
      <c r="B47050" s="2"/>
      <c r="C47050" s="2"/>
    </row>
    <row r="47051" spans="1:3" ht="19.2">
      <c r="A47051" s="2"/>
      <c r="B47051" s="2"/>
      <c r="C47051" s="2"/>
    </row>
    <row r="47052" spans="1:3" ht="19.2">
      <c r="A47052" s="2"/>
      <c r="B47052" s="2"/>
      <c r="C47052" s="2"/>
    </row>
    <row r="47053" spans="1:3" ht="19.2">
      <c r="A47053" s="2"/>
      <c r="B47053" s="2"/>
      <c r="C47053" s="2"/>
    </row>
    <row r="47054" spans="1:3" ht="19.2">
      <c r="A47054" s="2"/>
      <c r="B47054" s="2"/>
      <c r="C47054" s="2"/>
    </row>
    <row r="47055" spans="1:3" ht="19.2">
      <c r="A47055" s="2"/>
      <c r="B47055" s="2"/>
      <c r="C47055" s="2"/>
    </row>
    <row r="47056" spans="1:3" ht="19.2">
      <c r="A47056" s="2"/>
      <c r="B47056" s="2"/>
      <c r="C47056" s="2"/>
    </row>
    <row r="47057" spans="1:3" ht="19.2">
      <c r="A47057" s="2"/>
      <c r="B47057" s="2"/>
      <c r="C47057" s="2"/>
    </row>
    <row r="47058" spans="1:3" ht="19.2">
      <c r="A47058" s="2"/>
      <c r="B47058" s="2"/>
      <c r="C47058" s="2"/>
    </row>
    <row r="47059" spans="1:3" ht="19.2">
      <c r="A47059" s="2"/>
      <c r="B47059" s="2"/>
      <c r="C47059" s="2"/>
    </row>
    <row r="47060" spans="1:3" ht="19.2">
      <c r="A47060" s="2"/>
      <c r="B47060" s="2"/>
      <c r="C47060" s="2"/>
    </row>
    <row r="47061" spans="1:3" ht="19.2">
      <c r="A47061" s="2"/>
      <c r="B47061" s="2"/>
      <c r="C47061" s="2"/>
    </row>
    <row r="47062" spans="1:3" ht="19.2">
      <c r="A47062" s="2"/>
      <c r="B47062" s="2"/>
      <c r="C47062" s="2"/>
    </row>
    <row r="47063" spans="1:3" ht="19.2">
      <c r="A47063" s="2"/>
      <c r="B47063" s="2"/>
      <c r="C47063" s="2"/>
    </row>
    <row r="47064" spans="1:3" ht="19.2">
      <c r="A47064" s="2"/>
      <c r="B47064" s="2"/>
      <c r="C47064" s="2"/>
    </row>
    <row r="47065" spans="1:3" ht="19.2">
      <c r="A47065" s="2"/>
      <c r="B47065" s="2"/>
      <c r="C47065" s="2"/>
    </row>
    <row r="47066" spans="1:3" ht="19.2">
      <c r="A47066" s="2"/>
      <c r="B47066" s="2"/>
      <c r="C47066" s="2"/>
    </row>
    <row r="47067" spans="1:3" ht="19.2">
      <c r="A47067" s="2"/>
      <c r="B47067" s="2"/>
      <c r="C47067" s="2"/>
    </row>
    <row r="47068" spans="1:3" ht="19.2">
      <c r="A47068" s="2"/>
      <c r="B47068" s="2"/>
      <c r="C47068" s="2"/>
    </row>
    <row r="47069" spans="1:3" ht="19.2">
      <c r="A47069" s="2"/>
      <c r="B47069" s="2"/>
      <c r="C47069" s="2"/>
    </row>
    <row r="47070" spans="1:3" ht="19.2">
      <c r="A47070" s="2"/>
      <c r="B47070" s="2"/>
      <c r="C47070" s="2"/>
    </row>
    <row r="47071" spans="1:3" ht="19.2">
      <c r="A47071" s="2"/>
      <c r="B47071" s="2"/>
      <c r="C47071" s="2"/>
    </row>
    <row r="47072" spans="1:3" ht="19.2">
      <c r="A47072" s="2"/>
      <c r="B47072" s="2"/>
      <c r="C47072" s="2"/>
    </row>
    <row r="47073" spans="1:3" ht="19.2">
      <c r="A47073" s="2"/>
      <c r="B47073" s="2"/>
      <c r="C47073" s="2"/>
    </row>
    <row r="47074" spans="1:3" ht="19.2">
      <c r="A47074" s="2"/>
      <c r="B47074" s="2"/>
      <c r="C47074" s="2"/>
    </row>
    <row r="47075" spans="1:3" ht="19.2">
      <c r="A47075" s="2"/>
      <c r="B47075" s="2"/>
      <c r="C47075" s="2"/>
    </row>
    <row r="47076" spans="1:3" ht="19.2">
      <c r="A47076" s="2"/>
      <c r="B47076" s="2"/>
      <c r="C47076" s="2"/>
    </row>
    <row r="47077" spans="1:3" ht="19.2">
      <c r="A47077" s="2"/>
      <c r="B47077" s="2"/>
      <c r="C47077" s="2"/>
    </row>
    <row r="47078" spans="1:3" ht="19.2">
      <c r="A47078" s="2"/>
      <c r="B47078" s="2"/>
      <c r="C47078" s="2"/>
    </row>
    <row r="47079" spans="1:3" ht="19.2">
      <c r="A47079" s="2"/>
      <c r="B47079" s="2"/>
      <c r="C47079" s="2"/>
    </row>
    <row r="47080" spans="1:3" ht="19.2">
      <c r="A47080" s="2"/>
      <c r="B47080" s="2"/>
      <c r="C47080" s="2"/>
    </row>
    <row r="47081" spans="1:3" ht="19.2">
      <c r="A47081" s="2"/>
      <c r="B47081" s="2"/>
      <c r="C47081" s="2"/>
    </row>
    <row r="47082" spans="1:3" ht="19.2">
      <c r="A47082" s="2"/>
      <c r="B47082" s="2"/>
      <c r="C47082" s="2"/>
    </row>
    <row r="47083" spans="1:3" ht="19.2">
      <c r="A47083" s="2"/>
      <c r="B47083" s="2"/>
      <c r="C47083" s="2"/>
    </row>
    <row r="47084" spans="1:3" ht="19.2">
      <c r="A47084" s="2"/>
      <c r="B47084" s="2"/>
      <c r="C47084" s="2"/>
    </row>
    <row r="47085" spans="1:3" ht="19.2">
      <c r="A47085" s="2"/>
      <c r="B47085" s="2"/>
      <c r="C47085" s="2"/>
    </row>
    <row r="47086" spans="1:3" ht="19.2">
      <c r="A47086" s="2"/>
      <c r="B47086" s="2"/>
      <c r="C47086" s="2"/>
    </row>
    <row r="47087" spans="1:3" ht="19.2">
      <c r="A47087" s="2"/>
      <c r="B47087" s="2"/>
      <c r="C47087" s="2"/>
    </row>
    <row r="47088" spans="1:3" ht="19.2">
      <c r="A47088" s="2"/>
      <c r="B47088" s="2"/>
      <c r="C47088" s="2"/>
    </row>
    <row r="47089" spans="1:3" ht="19.2">
      <c r="A47089" s="2"/>
      <c r="B47089" s="2"/>
      <c r="C47089" s="2"/>
    </row>
    <row r="47090" spans="1:3" ht="19.2">
      <c r="A47090" s="2"/>
      <c r="B47090" s="2"/>
      <c r="C47090" s="2"/>
    </row>
    <row r="47091" spans="1:3" ht="19.2">
      <c r="A47091" s="2"/>
      <c r="B47091" s="2"/>
      <c r="C47091" s="2"/>
    </row>
    <row r="47092" spans="1:3" ht="19.2">
      <c r="A47092" s="2"/>
      <c r="B47092" s="2"/>
      <c r="C47092" s="2"/>
    </row>
    <row r="47093" spans="1:3" ht="19.2">
      <c r="A47093" s="2"/>
      <c r="B47093" s="2"/>
      <c r="C47093" s="2"/>
    </row>
    <row r="47094" spans="1:3" ht="19.2">
      <c r="A47094" s="2"/>
      <c r="B47094" s="2"/>
      <c r="C47094" s="2"/>
    </row>
    <row r="47095" spans="1:3" ht="19.2">
      <c r="A47095" s="2"/>
      <c r="B47095" s="2"/>
      <c r="C47095" s="2"/>
    </row>
    <row r="47096" spans="1:3" ht="19.2">
      <c r="A47096" s="2"/>
      <c r="B47096" s="2"/>
      <c r="C47096" s="2"/>
    </row>
    <row r="47097" spans="1:3" ht="19.2">
      <c r="A47097" s="2"/>
      <c r="B47097" s="2"/>
      <c r="C47097" s="2"/>
    </row>
    <row r="47098" spans="1:3" ht="19.2">
      <c r="A47098" s="2"/>
      <c r="B47098" s="2"/>
      <c r="C47098" s="2"/>
    </row>
    <row r="47099" spans="1:3" ht="19.2">
      <c r="A47099" s="2"/>
      <c r="B47099" s="2"/>
      <c r="C47099" s="2"/>
    </row>
    <row r="47100" spans="1:3" ht="19.2">
      <c r="A47100" s="2"/>
      <c r="B47100" s="2"/>
      <c r="C47100" s="2"/>
    </row>
    <row r="47101" spans="1:3" ht="19.2">
      <c r="A47101" s="2"/>
      <c r="B47101" s="2"/>
      <c r="C47101" s="2"/>
    </row>
    <row r="47102" spans="1:3" ht="19.2">
      <c r="A47102" s="2"/>
      <c r="B47102" s="2"/>
      <c r="C47102" s="2"/>
    </row>
    <row r="47103" spans="1:3" ht="19.2">
      <c r="A47103" s="2"/>
      <c r="B47103" s="2"/>
      <c r="C47103" s="2"/>
    </row>
    <row r="47104" spans="1:3" ht="19.2">
      <c r="A47104" s="2"/>
      <c r="B47104" s="2"/>
      <c r="C47104" s="2"/>
    </row>
    <row r="47105" spans="1:3" ht="19.2">
      <c r="A47105" s="2"/>
      <c r="B47105" s="2"/>
      <c r="C47105" s="2"/>
    </row>
    <row r="47106" spans="1:3" ht="19.2">
      <c r="A47106" s="2"/>
      <c r="B47106" s="2"/>
      <c r="C47106" s="2"/>
    </row>
    <row r="47107" spans="1:3" ht="19.2">
      <c r="A47107" s="2"/>
      <c r="B47107" s="2"/>
      <c r="C47107" s="2"/>
    </row>
    <row r="47108" spans="1:3" ht="19.2">
      <c r="A47108" s="2"/>
      <c r="B47108" s="2"/>
      <c r="C47108" s="2"/>
    </row>
    <row r="47109" spans="1:3" ht="19.2">
      <c r="A47109" s="2"/>
      <c r="B47109" s="2"/>
      <c r="C47109" s="2"/>
    </row>
    <row r="47110" spans="1:3" ht="19.2">
      <c r="A47110" s="2"/>
      <c r="B47110" s="2"/>
      <c r="C47110" s="2"/>
    </row>
    <row r="47111" spans="1:3" ht="19.2">
      <c r="A47111" s="2"/>
      <c r="B47111" s="2"/>
      <c r="C47111" s="2"/>
    </row>
    <row r="47112" spans="1:3" ht="19.2">
      <c r="A47112" s="2"/>
      <c r="B47112" s="2"/>
      <c r="C47112" s="2"/>
    </row>
    <row r="47113" spans="1:3" ht="19.2">
      <c r="A47113" s="2"/>
      <c r="B47113" s="2"/>
      <c r="C47113" s="2"/>
    </row>
    <row r="47114" spans="1:3" ht="19.2">
      <c r="A47114" s="2"/>
      <c r="B47114" s="2"/>
      <c r="C47114" s="2"/>
    </row>
    <row r="47115" spans="1:3" ht="19.2">
      <c r="A47115" s="2"/>
      <c r="B47115" s="2"/>
      <c r="C47115" s="2"/>
    </row>
    <row r="47116" spans="1:3" ht="19.2">
      <c r="A47116" s="2"/>
      <c r="B47116" s="2"/>
      <c r="C47116" s="2"/>
    </row>
    <row r="47117" spans="1:3" ht="19.2">
      <c r="A47117" s="2"/>
      <c r="B47117" s="2"/>
      <c r="C47117" s="2"/>
    </row>
    <row r="47118" spans="1:3" ht="19.2">
      <c r="A47118" s="2"/>
      <c r="B47118" s="2"/>
      <c r="C47118" s="2"/>
    </row>
    <row r="47119" spans="1:3" ht="19.2">
      <c r="A47119" s="2"/>
      <c r="B47119" s="2"/>
      <c r="C47119" s="2"/>
    </row>
    <row r="47120" spans="1:3" ht="19.2">
      <c r="A47120" s="2"/>
      <c r="B47120" s="2"/>
      <c r="C47120" s="2"/>
    </row>
    <row r="47121" spans="1:3" ht="19.2">
      <c r="A47121" s="2"/>
      <c r="B47121" s="2"/>
      <c r="C47121" s="2"/>
    </row>
    <row r="47122" spans="1:3" ht="19.2">
      <c r="A47122" s="2"/>
      <c r="B47122" s="2"/>
      <c r="C47122" s="2"/>
    </row>
    <row r="47123" spans="1:3" ht="19.2">
      <c r="A47123" s="2"/>
      <c r="B47123" s="2"/>
      <c r="C47123" s="2"/>
    </row>
    <row r="47124" spans="1:3" ht="19.2">
      <c r="A47124" s="2"/>
      <c r="B47124" s="2"/>
      <c r="C47124" s="2"/>
    </row>
    <row r="47125" spans="1:3" ht="19.2">
      <c r="A47125" s="2"/>
      <c r="B47125" s="2"/>
      <c r="C47125" s="2"/>
    </row>
    <row r="47126" spans="1:3" ht="19.2">
      <c r="A47126" s="2"/>
      <c r="B47126" s="2"/>
      <c r="C47126" s="2"/>
    </row>
    <row r="47127" spans="1:3" ht="19.2">
      <c r="A47127" s="2"/>
      <c r="B47127" s="2"/>
      <c r="C47127" s="2"/>
    </row>
    <row r="47128" spans="1:3" ht="19.2">
      <c r="A47128" s="2"/>
      <c r="B47128" s="2"/>
      <c r="C47128" s="2"/>
    </row>
    <row r="47129" spans="1:3" ht="19.2">
      <c r="A47129" s="2"/>
      <c r="B47129" s="2"/>
      <c r="C47129" s="2"/>
    </row>
    <row r="47130" spans="1:3" ht="19.2">
      <c r="A47130" s="2"/>
      <c r="B47130" s="2"/>
      <c r="C47130" s="2"/>
    </row>
    <row r="47131" spans="1:3" ht="19.2">
      <c r="A47131" s="2"/>
      <c r="B47131" s="2"/>
      <c r="C47131" s="2"/>
    </row>
    <row r="47132" spans="1:3" ht="19.2">
      <c r="A47132" s="2"/>
      <c r="B47132" s="2"/>
      <c r="C47132" s="2"/>
    </row>
    <row r="47133" spans="1:3" ht="19.2">
      <c r="A47133" s="2"/>
      <c r="B47133" s="2"/>
      <c r="C47133" s="2"/>
    </row>
    <row r="47134" spans="1:3" ht="19.2">
      <c r="A47134" s="2"/>
      <c r="B47134" s="2"/>
      <c r="C47134" s="2"/>
    </row>
    <row r="47135" spans="1:3" ht="19.2">
      <c r="A47135" s="2"/>
      <c r="B47135" s="2"/>
      <c r="C47135" s="2"/>
    </row>
    <row r="47136" spans="1:3" ht="19.2">
      <c r="A47136" s="2"/>
      <c r="B47136" s="2"/>
      <c r="C47136" s="2"/>
    </row>
    <row r="47137" spans="1:3" ht="19.2">
      <c r="A47137" s="2"/>
      <c r="B47137" s="2"/>
      <c r="C47137" s="2"/>
    </row>
    <row r="47138" spans="1:3" ht="19.2">
      <c r="A47138" s="2"/>
      <c r="B47138" s="2"/>
      <c r="C47138" s="2"/>
    </row>
    <row r="47139" spans="1:3" ht="19.2">
      <c r="A47139" s="2"/>
      <c r="B47139" s="2"/>
      <c r="C47139" s="2"/>
    </row>
    <row r="47140" spans="1:3" ht="19.2">
      <c r="A47140" s="2"/>
      <c r="B47140" s="2"/>
      <c r="C47140" s="2"/>
    </row>
    <row r="47141" spans="1:3" ht="19.2">
      <c r="A47141" s="2"/>
      <c r="B47141" s="2"/>
      <c r="C47141" s="2"/>
    </row>
    <row r="47142" spans="1:3" ht="19.2">
      <c r="A47142" s="2"/>
      <c r="B47142" s="2"/>
      <c r="C47142" s="2"/>
    </row>
    <row r="47143" spans="1:3" ht="19.2">
      <c r="A47143" s="2"/>
      <c r="B47143" s="2"/>
      <c r="C47143" s="2"/>
    </row>
    <row r="47144" spans="1:3" ht="19.2">
      <c r="A47144" s="2"/>
      <c r="B47144" s="2"/>
      <c r="C47144" s="2"/>
    </row>
    <row r="47145" spans="1:3" ht="19.2">
      <c r="A47145" s="2"/>
      <c r="B47145" s="2"/>
      <c r="C47145" s="2"/>
    </row>
    <row r="47146" spans="1:3" ht="19.2">
      <c r="A47146" s="2"/>
      <c r="B47146" s="2"/>
      <c r="C47146" s="2"/>
    </row>
    <row r="47147" spans="1:3" ht="19.2">
      <c r="A47147" s="2"/>
      <c r="B47147" s="2"/>
      <c r="C47147" s="2"/>
    </row>
    <row r="47148" spans="1:3" ht="19.2">
      <c r="A47148" s="2"/>
      <c r="B47148" s="2"/>
      <c r="C47148" s="2"/>
    </row>
    <row r="47149" spans="1:3" ht="19.2">
      <c r="A47149" s="2"/>
      <c r="B47149" s="2"/>
      <c r="C47149" s="2"/>
    </row>
    <row r="47150" spans="1:3" ht="19.2">
      <c r="A47150" s="2"/>
      <c r="B47150" s="2"/>
      <c r="C47150" s="2"/>
    </row>
    <row r="47151" spans="1:3" ht="19.2">
      <c r="A47151" s="2"/>
      <c r="B47151" s="2"/>
      <c r="C47151" s="2"/>
    </row>
    <row r="47152" spans="1:3" ht="19.2">
      <c r="A47152" s="2"/>
      <c r="B47152" s="2"/>
      <c r="C47152" s="2"/>
    </row>
    <row r="47153" spans="1:3" ht="19.2">
      <c r="A47153" s="2"/>
      <c r="B47153" s="2"/>
      <c r="C47153" s="2"/>
    </row>
    <row r="47154" spans="1:3" ht="19.2">
      <c r="A47154" s="2"/>
      <c r="B47154" s="2"/>
      <c r="C47154" s="2"/>
    </row>
    <row r="47155" spans="1:3" ht="19.2">
      <c r="A47155" s="2"/>
      <c r="B47155" s="2"/>
      <c r="C47155" s="2"/>
    </row>
    <row r="47156" spans="1:3" ht="19.2">
      <c r="A47156" s="2"/>
      <c r="B47156" s="2"/>
      <c r="C47156" s="2"/>
    </row>
    <row r="47157" spans="1:3" ht="19.2">
      <c r="A47157" s="2"/>
      <c r="B47157" s="2"/>
      <c r="C47157" s="2"/>
    </row>
    <row r="47158" spans="1:3" ht="19.2">
      <c r="A47158" s="2"/>
      <c r="B47158" s="2"/>
      <c r="C47158" s="2"/>
    </row>
    <row r="47159" spans="1:3" ht="19.2">
      <c r="A47159" s="2"/>
      <c r="B47159" s="2"/>
      <c r="C47159" s="2"/>
    </row>
    <row r="47160" spans="1:3" ht="19.2">
      <c r="A47160" s="2"/>
      <c r="B47160" s="2"/>
      <c r="C47160" s="2"/>
    </row>
    <row r="47161" spans="1:3" ht="19.2">
      <c r="A47161" s="2"/>
      <c r="B47161" s="2"/>
      <c r="C47161" s="2"/>
    </row>
    <row r="47162" spans="1:3" ht="19.2">
      <c r="A47162" s="2"/>
      <c r="B47162" s="2"/>
      <c r="C47162" s="2"/>
    </row>
    <row r="47163" spans="1:3" ht="19.2">
      <c r="A47163" s="2"/>
      <c r="B47163" s="2"/>
      <c r="C47163" s="2"/>
    </row>
    <row r="47164" spans="1:3" ht="19.2">
      <c r="A47164" s="2"/>
      <c r="B47164" s="2"/>
      <c r="C47164" s="2"/>
    </row>
    <row r="47165" spans="1:3" ht="19.2">
      <c r="A47165" s="2"/>
      <c r="B47165" s="2"/>
      <c r="C47165" s="2"/>
    </row>
    <row r="47166" spans="1:3" ht="19.2">
      <c r="A47166" s="2"/>
      <c r="B47166" s="2"/>
      <c r="C47166" s="2"/>
    </row>
    <row r="47167" spans="1:3" ht="19.2">
      <c r="A47167" s="2"/>
      <c r="B47167" s="2"/>
      <c r="C47167" s="2"/>
    </row>
    <row r="47168" spans="1:3" ht="19.2">
      <c r="A47168" s="2"/>
      <c r="B47168" s="2"/>
      <c r="C47168" s="2"/>
    </row>
    <row r="47169" spans="1:3" ht="19.2">
      <c r="A47169" s="2"/>
      <c r="B47169" s="2"/>
      <c r="C47169" s="2"/>
    </row>
    <row r="47170" spans="1:3" ht="19.2">
      <c r="A47170" s="2"/>
      <c r="B47170" s="2"/>
      <c r="C47170" s="2"/>
    </row>
    <row r="47171" spans="1:3" ht="19.2">
      <c r="A47171" s="2"/>
      <c r="B47171" s="2"/>
      <c r="C47171" s="2"/>
    </row>
    <row r="47172" spans="1:3" ht="19.2">
      <c r="A47172" s="2"/>
      <c r="B47172" s="2"/>
      <c r="C47172" s="2"/>
    </row>
    <row r="47173" spans="1:3" ht="19.2">
      <c r="A47173" s="2"/>
      <c r="B47173" s="2"/>
      <c r="C47173" s="2"/>
    </row>
    <row r="47174" spans="1:3" ht="19.2">
      <c r="A47174" s="2"/>
      <c r="B47174" s="2"/>
      <c r="C47174" s="2"/>
    </row>
    <row r="47175" spans="1:3" ht="19.2">
      <c r="A47175" s="2"/>
      <c r="B47175" s="2"/>
      <c r="C47175" s="2"/>
    </row>
    <row r="47176" spans="1:3" ht="19.2">
      <c r="A47176" s="2"/>
      <c r="B47176" s="2"/>
      <c r="C47176" s="2"/>
    </row>
    <row r="47177" spans="1:3" ht="19.2">
      <c r="A47177" s="2"/>
      <c r="B47177" s="2"/>
      <c r="C47177" s="2"/>
    </row>
    <row r="47178" spans="1:3" ht="19.2">
      <c r="A47178" s="2"/>
      <c r="B47178" s="2"/>
      <c r="C47178" s="2"/>
    </row>
    <row r="47179" spans="1:3" ht="19.2">
      <c r="A47179" s="2"/>
      <c r="B47179" s="2"/>
      <c r="C47179" s="2"/>
    </row>
    <row r="47180" spans="1:3" ht="19.2">
      <c r="A47180" s="2"/>
      <c r="B47180" s="2"/>
      <c r="C47180" s="2"/>
    </row>
    <row r="47181" spans="1:3" ht="19.2">
      <c r="A47181" s="2"/>
      <c r="B47181" s="2"/>
      <c r="C47181" s="2"/>
    </row>
    <row r="47182" spans="1:3" ht="19.2">
      <c r="A47182" s="2"/>
      <c r="B47182" s="2"/>
      <c r="C47182" s="2"/>
    </row>
    <row r="47183" spans="1:3" ht="19.2">
      <c r="A47183" s="2"/>
      <c r="B47183" s="2"/>
      <c r="C47183" s="2"/>
    </row>
    <row r="47184" spans="1:3" ht="19.2">
      <c r="A47184" s="2"/>
      <c r="B47184" s="2"/>
      <c r="C47184" s="2"/>
    </row>
    <row r="47185" spans="1:3" ht="19.2">
      <c r="A47185" s="2"/>
      <c r="B47185" s="2"/>
      <c r="C47185" s="2"/>
    </row>
    <row r="47186" spans="1:3" ht="19.2">
      <c r="A47186" s="2"/>
      <c r="B47186" s="2"/>
      <c r="C47186" s="2"/>
    </row>
    <row r="47187" spans="1:3" ht="19.2">
      <c r="A47187" s="2"/>
      <c r="B47187" s="2"/>
      <c r="C47187" s="2"/>
    </row>
    <row r="47188" spans="1:3" ht="19.2">
      <c r="A47188" s="2"/>
      <c r="B47188" s="2"/>
      <c r="C47188" s="2"/>
    </row>
    <row r="47189" spans="1:3" ht="19.2">
      <c r="A47189" s="2"/>
      <c r="B47189" s="2"/>
      <c r="C47189" s="2"/>
    </row>
    <row r="47190" spans="1:3" ht="19.2">
      <c r="A47190" s="2"/>
      <c r="B47190" s="2"/>
      <c r="C47190" s="2"/>
    </row>
    <row r="47191" spans="1:3" ht="19.2">
      <c r="A47191" s="2"/>
      <c r="B47191" s="2"/>
      <c r="C47191" s="2"/>
    </row>
    <row r="47192" spans="1:3" ht="19.2">
      <c r="A47192" s="2"/>
      <c r="B47192" s="2"/>
      <c r="C47192" s="2"/>
    </row>
    <row r="47193" spans="1:3" ht="19.2">
      <c r="A47193" s="2"/>
      <c r="B47193" s="2"/>
      <c r="C47193" s="2"/>
    </row>
    <row r="47194" spans="1:3" ht="19.2">
      <c r="A47194" s="2"/>
      <c r="B47194" s="2"/>
      <c r="C47194" s="2"/>
    </row>
    <row r="47195" spans="1:3" ht="19.2">
      <c r="A47195" s="2"/>
      <c r="B47195" s="2"/>
      <c r="C47195" s="2"/>
    </row>
    <row r="47196" spans="1:3" ht="19.2">
      <c r="A47196" s="2"/>
      <c r="B47196" s="2"/>
      <c r="C47196" s="2"/>
    </row>
    <row r="47197" spans="1:3" ht="19.2">
      <c r="A47197" s="2"/>
      <c r="B47197" s="2"/>
      <c r="C47197" s="2"/>
    </row>
    <row r="47198" spans="1:3" ht="19.2">
      <c r="A47198" s="2"/>
      <c r="B47198" s="2"/>
      <c r="C47198" s="2"/>
    </row>
    <row r="47199" spans="1:3" ht="19.2">
      <c r="A47199" s="2"/>
      <c r="B47199" s="2"/>
      <c r="C47199" s="2"/>
    </row>
    <row r="47200" spans="1:3" ht="19.2">
      <c r="A47200" s="2"/>
      <c r="B47200" s="2"/>
      <c r="C47200" s="2"/>
    </row>
    <row r="47201" spans="1:3" ht="19.2">
      <c r="A47201" s="2"/>
      <c r="B47201" s="2"/>
      <c r="C47201" s="2"/>
    </row>
    <row r="47202" spans="1:3" ht="19.2">
      <c r="A47202" s="2"/>
      <c r="B47202" s="2"/>
      <c r="C47202" s="2"/>
    </row>
    <row r="47203" spans="1:3" ht="19.2">
      <c r="A47203" s="2"/>
      <c r="B47203" s="2"/>
      <c r="C47203" s="2"/>
    </row>
    <row r="47204" spans="1:3" ht="19.2">
      <c r="A47204" s="2"/>
      <c r="B47204" s="2"/>
      <c r="C47204" s="2"/>
    </row>
    <row r="47205" spans="1:3" ht="19.2">
      <c r="A47205" s="2"/>
      <c r="B47205" s="2"/>
      <c r="C47205" s="2"/>
    </row>
    <row r="47206" spans="1:3" ht="19.2">
      <c r="A47206" s="2"/>
      <c r="B47206" s="2"/>
      <c r="C47206" s="2"/>
    </row>
    <row r="47207" spans="1:3" ht="19.2">
      <c r="A47207" s="2"/>
      <c r="B47207" s="2"/>
      <c r="C47207" s="2"/>
    </row>
    <row r="47208" spans="1:3" ht="19.2">
      <c r="A47208" s="2"/>
      <c r="B47208" s="2"/>
      <c r="C47208" s="2"/>
    </row>
    <row r="47209" spans="1:3" ht="19.2">
      <c r="A47209" s="2"/>
      <c r="B47209" s="2"/>
      <c r="C47209" s="2"/>
    </row>
    <row r="47210" spans="1:3" ht="19.2">
      <c r="A47210" s="2"/>
      <c r="B47210" s="2"/>
      <c r="C47210" s="2"/>
    </row>
    <row r="47211" spans="1:3" ht="19.2">
      <c r="A47211" s="2"/>
      <c r="B47211" s="2"/>
      <c r="C47211" s="2"/>
    </row>
    <row r="47212" spans="1:3" ht="19.2">
      <c r="A47212" s="2"/>
      <c r="B47212" s="2"/>
      <c r="C47212" s="2"/>
    </row>
    <row r="47213" spans="1:3" ht="19.2">
      <c r="A47213" s="2"/>
      <c r="B47213" s="2"/>
      <c r="C47213" s="2"/>
    </row>
    <row r="47214" spans="1:3" ht="19.2">
      <c r="A47214" s="2"/>
      <c r="B47214" s="2"/>
      <c r="C47214" s="2"/>
    </row>
    <row r="47215" spans="1:3" ht="19.2">
      <c r="A47215" s="2"/>
      <c r="B47215" s="2"/>
      <c r="C47215" s="2"/>
    </row>
    <row r="47216" spans="1:3" ht="19.2">
      <c r="A47216" s="2"/>
      <c r="B47216" s="2"/>
      <c r="C47216" s="2"/>
    </row>
    <row r="47217" spans="1:3" ht="19.2">
      <c r="A47217" s="2"/>
      <c r="B47217" s="2"/>
      <c r="C47217" s="2"/>
    </row>
    <row r="47218" spans="1:3" ht="19.2">
      <c r="A47218" s="2"/>
      <c r="B47218" s="2"/>
      <c r="C47218" s="2"/>
    </row>
    <row r="47219" spans="1:3" ht="19.2">
      <c r="A47219" s="2"/>
      <c r="B47219" s="2"/>
      <c r="C47219" s="2"/>
    </row>
    <row r="47220" spans="1:3" ht="19.2">
      <c r="A47220" s="2"/>
      <c r="B47220" s="2"/>
      <c r="C47220" s="2"/>
    </row>
    <row r="47221" spans="1:3" ht="19.2">
      <c r="A47221" s="2"/>
      <c r="B47221" s="2"/>
      <c r="C47221" s="2"/>
    </row>
    <row r="47222" spans="1:3" ht="19.2">
      <c r="A47222" s="2"/>
      <c r="B47222" s="2"/>
      <c r="C47222" s="2"/>
    </row>
    <row r="47223" spans="1:3" ht="19.2">
      <c r="A47223" s="2"/>
      <c r="B47223" s="2"/>
      <c r="C47223" s="2"/>
    </row>
    <row r="47224" spans="1:3" ht="19.2">
      <c r="A47224" s="2"/>
      <c r="B47224" s="2"/>
      <c r="C47224" s="2"/>
    </row>
    <row r="47225" spans="1:3" ht="19.2">
      <c r="A47225" s="2"/>
      <c r="B47225" s="2"/>
      <c r="C47225" s="2"/>
    </row>
    <row r="47226" spans="1:3" ht="19.2">
      <c r="A47226" s="2"/>
      <c r="B47226" s="2"/>
      <c r="C47226" s="2"/>
    </row>
    <row r="47227" spans="1:3" ht="19.2">
      <c r="A47227" s="2"/>
      <c r="B47227" s="2"/>
      <c r="C47227" s="2"/>
    </row>
    <row r="47228" spans="1:3" ht="19.2">
      <c r="A47228" s="2"/>
      <c r="B47228" s="2"/>
      <c r="C47228" s="2"/>
    </row>
    <row r="47229" spans="1:3" ht="19.2">
      <c r="A47229" s="2"/>
      <c r="B47229" s="2"/>
      <c r="C47229" s="2"/>
    </row>
    <row r="47230" spans="1:3" ht="19.2">
      <c r="A47230" s="2"/>
      <c r="B47230" s="2"/>
      <c r="C47230" s="2"/>
    </row>
    <row r="47231" spans="1:3" ht="19.2">
      <c r="A47231" s="2"/>
      <c r="B47231" s="2"/>
      <c r="C47231" s="2"/>
    </row>
    <row r="47232" spans="1:3" ht="19.2">
      <c r="A47232" s="2"/>
      <c r="B47232" s="2"/>
      <c r="C47232" s="2"/>
    </row>
    <row r="47233" spans="1:3" ht="19.2">
      <c r="A47233" s="2"/>
      <c r="B47233" s="2"/>
      <c r="C47233" s="2"/>
    </row>
    <row r="47234" spans="1:3" ht="19.2">
      <c r="A47234" s="2"/>
      <c r="B47234" s="2"/>
      <c r="C47234" s="2"/>
    </row>
    <row r="47235" spans="1:3" ht="19.2">
      <c r="A47235" s="2"/>
      <c r="B47235" s="2"/>
      <c r="C47235" s="2"/>
    </row>
    <row r="47236" spans="1:3" ht="19.2">
      <c r="A47236" s="2"/>
      <c r="B47236" s="2"/>
      <c r="C47236" s="2"/>
    </row>
    <row r="47237" spans="1:3" ht="19.2">
      <c r="A47237" s="2"/>
      <c r="B47237" s="2"/>
      <c r="C47237" s="2"/>
    </row>
    <row r="47238" spans="1:3" ht="19.2">
      <c r="A47238" s="2"/>
      <c r="B47238" s="2"/>
      <c r="C47238" s="2"/>
    </row>
    <row r="47239" spans="1:3" ht="19.2">
      <c r="A47239" s="2"/>
      <c r="B47239" s="2"/>
      <c r="C47239" s="2"/>
    </row>
    <row r="47240" spans="1:3" ht="19.2">
      <c r="A47240" s="2"/>
      <c r="B47240" s="2"/>
      <c r="C47240" s="2"/>
    </row>
    <row r="47241" spans="1:3" ht="19.2">
      <c r="A47241" s="2"/>
      <c r="B47241" s="2"/>
      <c r="C47241" s="2"/>
    </row>
    <row r="47242" spans="1:3" ht="19.2">
      <c r="A47242" s="2"/>
      <c r="B47242" s="2"/>
      <c r="C47242" s="2"/>
    </row>
    <row r="47243" spans="1:3" ht="19.2">
      <c r="A47243" s="2"/>
      <c r="B47243" s="2"/>
      <c r="C47243" s="2"/>
    </row>
    <row r="47244" spans="1:3" ht="19.2">
      <c r="A47244" s="2"/>
      <c r="B47244" s="2"/>
      <c r="C47244" s="2"/>
    </row>
    <row r="47245" spans="1:3" ht="19.2">
      <c r="A47245" s="2"/>
      <c r="B47245" s="2"/>
      <c r="C47245" s="2"/>
    </row>
    <row r="47246" spans="1:3" ht="19.2">
      <c r="A47246" s="2"/>
      <c r="B47246" s="2"/>
      <c r="C47246" s="2"/>
    </row>
    <row r="47247" spans="1:3" ht="19.2">
      <c r="A47247" s="2"/>
      <c r="B47247" s="2"/>
      <c r="C47247" s="2"/>
    </row>
    <row r="47248" spans="1:3" ht="19.2">
      <c r="A47248" s="2"/>
      <c r="B47248" s="2"/>
      <c r="C47248" s="2"/>
    </row>
    <row r="47249" spans="1:3" ht="19.2">
      <c r="A47249" s="2"/>
      <c r="B47249" s="2"/>
      <c r="C47249" s="2"/>
    </row>
    <row r="47250" spans="1:3" ht="19.2">
      <c r="A47250" s="2"/>
      <c r="B47250" s="2"/>
      <c r="C47250" s="2"/>
    </row>
    <row r="47251" spans="1:3" ht="19.2">
      <c r="A47251" s="2"/>
      <c r="B47251" s="2"/>
      <c r="C47251" s="2"/>
    </row>
    <row r="47252" spans="1:3" ht="19.2">
      <c r="A47252" s="2"/>
      <c r="B47252" s="2"/>
      <c r="C47252" s="2"/>
    </row>
    <row r="47253" spans="1:3" ht="19.2">
      <c r="A47253" s="2"/>
      <c r="B47253" s="2"/>
      <c r="C47253" s="2"/>
    </row>
    <row r="47254" spans="1:3" ht="19.2">
      <c r="A47254" s="2"/>
      <c r="B47254" s="2"/>
      <c r="C47254" s="2"/>
    </row>
    <row r="47255" spans="1:3" ht="19.2">
      <c r="A47255" s="2"/>
      <c r="B47255" s="2"/>
      <c r="C47255" s="2"/>
    </row>
    <row r="47256" spans="1:3" ht="19.2">
      <c r="A47256" s="2"/>
      <c r="B47256" s="2"/>
      <c r="C47256" s="2"/>
    </row>
    <row r="47257" spans="1:3" ht="19.2">
      <c r="A47257" s="2"/>
      <c r="B47257" s="2"/>
      <c r="C47257" s="2"/>
    </row>
    <row r="47258" spans="1:3" ht="19.2">
      <c r="A47258" s="2"/>
      <c r="B47258" s="2"/>
      <c r="C47258" s="2"/>
    </row>
    <row r="47259" spans="1:3" ht="19.2">
      <c r="A47259" s="2"/>
      <c r="B47259" s="2"/>
      <c r="C47259" s="2"/>
    </row>
    <row r="47260" spans="1:3" ht="19.2">
      <c r="A47260" s="2"/>
      <c r="B47260" s="2"/>
      <c r="C47260" s="2"/>
    </row>
    <row r="47261" spans="1:3" ht="19.2">
      <c r="A47261" s="2"/>
      <c r="B47261" s="2"/>
      <c r="C47261" s="2"/>
    </row>
    <row r="47262" spans="1:3" ht="19.2">
      <c r="A47262" s="2"/>
      <c r="B47262" s="2"/>
      <c r="C47262" s="2"/>
    </row>
    <row r="47263" spans="1:3" ht="19.2">
      <c r="A47263" s="2"/>
      <c r="B47263" s="2"/>
      <c r="C47263" s="2"/>
    </row>
    <row r="47264" spans="1:3" ht="19.2">
      <c r="A47264" s="2"/>
      <c r="B47264" s="2"/>
      <c r="C47264" s="2"/>
    </row>
    <row r="47265" spans="1:3" ht="19.2">
      <c r="A47265" s="2"/>
      <c r="B47265" s="2"/>
      <c r="C47265" s="2"/>
    </row>
    <row r="47266" spans="1:3" ht="19.2">
      <c r="A47266" s="2"/>
      <c r="B47266" s="2"/>
      <c r="C47266" s="2"/>
    </row>
    <row r="47267" spans="1:3" ht="19.2">
      <c r="A47267" s="2"/>
      <c r="B47267" s="2"/>
      <c r="C47267" s="2"/>
    </row>
    <row r="47268" spans="1:3" ht="19.2">
      <c r="A47268" s="2"/>
      <c r="B47268" s="2"/>
      <c r="C47268" s="2"/>
    </row>
    <row r="47269" spans="1:3" ht="19.2">
      <c r="A47269" s="2"/>
      <c r="B47269" s="2"/>
      <c r="C47269" s="2"/>
    </row>
    <row r="47270" spans="1:3" ht="19.2">
      <c r="A47270" s="2"/>
      <c r="B47270" s="2"/>
      <c r="C47270" s="2"/>
    </row>
    <row r="47271" spans="1:3" ht="19.2">
      <c r="A47271" s="2"/>
      <c r="B47271" s="2"/>
      <c r="C47271" s="2"/>
    </row>
    <row r="47272" spans="1:3" ht="19.2">
      <c r="A47272" s="2"/>
      <c r="B47272" s="2"/>
      <c r="C47272" s="2"/>
    </row>
    <row r="47273" spans="1:3" ht="19.2">
      <c r="A47273" s="2"/>
      <c r="B47273" s="2"/>
      <c r="C47273" s="2"/>
    </row>
    <row r="47274" spans="1:3" ht="19.2">
      <c r="A47274" s="2"/>
      <c r="B47274" s="2"/>
      <c r="C47274" s="2"/>
    </row>
    <row r="47275" spans="1:3" ht="19.2">
      <c r="A47275" s="2"/>
      <c r="B47275" s="2"/>
      <c r="C47275" s="2"/>
    </row>
    <row r="47276" spans="1:3" ht="19.2">
      <c r="A47276" s="2"/>
      <c r="B47276" s="2"/>
      <c r="C47276" s="2"/>
    </row>
    <row r="47277" spans="1:3" ht="19.2">
      <c r="A47277" s="2"/>
      <c r="B47277" s="2"/>
      <c r="C47277" s="2"/>
    </row>
    <row r="47278" spans="1:3" ht="19.2">
      <c r="A47278" s="2"/>
      <c r="B47278" s="2"/>
      <c r="C47278" s="2"/>
    </row>
    <row r="47279" spans="1:3" ht="19.2">
      <c r="A47279" s="2"/>
      <c r="B47279" s="2"/>
      <c r="C47279" s="2"/>
    </row>
    <row r="47280" spans="1:3" ht="19.2">
      <c r="A47280" s="2"/>
      <c r="B47280" s="2"/>
      <c r="C47280" s="2"/>
    </row>
    <row r="47281" spans="1:3" ht="19.2">
      <c r="A47281" s="2"/>
      <c r="B47281" s="2"/>
      <c r="C47281" s="2"/>
    </row>
    <row r="47282" spans="1:3" ht="19.2">
      <c r="A47282" s="2"/>
      <c r="B47282" s="2"/>
      <c r="C47282" s="2"/>
    </row>
    <row r="47283" spans="1:3" ht="19.2">
      <c r="A47283" s="2"/>
      <c r="B47283" s="2"/>
      <c r="C47283" s="2"/>
    </row>
    <row r="47284" spans="1:3" ht="19.2">
      <c r="A47284" s="2"/>
      <c r="B47284" s="2"/>
      <c r="C47284" s="2"/>
    </row>
    <row r="47285" spans="1:3" ht="19.2">
      <c r="A47285" s="2"/>
      <c r="B47285" s="2"/>
      <c r="C47285" s="2"/>
    </row>
    <row r="47286" spans="1:3" ht="19.2">
      <c r="A47286" s="2"/>
      <c r="B47286" s="2"/>
      <c r="C47286" s="2"/>
    </row>
    <row r="47287" spans="1:3" ht="19.2">
      <c r="A47287" s="2"/>
      <c r="B47287" s="2"/>
      <c r="C47287" s="2"/>
    </row>
    <row r="47288" spans="1:3" ht="19.2">
      <c r="A47288" s="2"/>
      <c r="B47288" s="2"/>
      <c r="C47288" s="2"/>
    </row>
    <row r="47289" spans="1:3" ht="19.2">
      <c r="A47289" s="2"/>
      <c r="B47289" s="2"/>
      <c r="C47289" s="2"/>
    </row>
    <row r="47290" spans="1:3" ht="19.2">
      <c r="A47290" s="2"/>
      <c r="B47290" s="2"/>
      <c r="C47290" s="2"/>
    </row>
    <row r="47291" spans="1:3" ht="19.2">
      <c r="A47291" s="2"/>
      <c r="B47291" s="2"/>
      <c r="C47291" s="2"/>
    </row>
    <row r="47292" spans="1:3" ht="19.2">
      <c r="A47292" s="2"/>
      <c r="B47292" s="2"/>
      <c r="C47292" s="2"/>
    </row>
    <row r="47293" spans="1:3" ht="19.2">
      <c r="A47293" s="2"/>
      <c r="B47293" s="2"/>
      <c r="C47293" s="2"/>
    </row>
    <row r="47294" spans="1:3" ht="19.2">
      <c r="A47294" s="2"/>
      <c r="B47294" s="2"/>
      <c r="C47294" s="2"/>
    </row>
    <row r="47295" spans="1:3" ht="19.2">
      <c r="A47295" s="2"/>
      <c r="B47295" s="2"/>
      <c r="C47295" s="2"/>
    </row>
    <row r="47296" spans="1:3" ht="19.2">
      <c r="A47296" s="2"/>
      <c r="B47296" s="2"/>
      <c r="C47296" s="2"/>
    </row>
    <row r="47297" spans="1:3" ht="19.2">
      <c r="A47297" s="2"/>
      <c r="B47297" s="2"/>
      <c r="C47297" s="2"/>
    </row>
    <row r="47298" spans="1:3" ht="19.2">
      <c r="A47298" s="2"/>
      <c r="B47298" s="2"/>
      <c r="C47298" s="2"/>
    </row>
    <row r="47299" spans="1:3" ht="19.2">
      <c r="A47299" s="2"/>
      <c r="B47299" s="2"/>
      <c r="C47299" s="2"/>
    </row>
    <row r="47300" spans="1:3" ht="19.2">
      <c r="A47300" s="2"/>
      <c r="B47300" s="2"/>
      <c r="C47300" s="2"/>
    </row>
    <row r="47301" spans="1:3" ht="19.2">
      <c r="A47301" s="2"/>
      <c r="B47301" s="2"/>
      <c r="C47301" s="2"/>
    </row>
    <row r="47302" spans="1:3" ht="19.2">
      <c r="A47302" s="2"/>
      <c r="B47302" s="2"/>
      <c r="C47302" s="2"/>
    </row>
    <row r="47303" spans="1:3" ht="19.2">
      <c r="A47303" s="2"/>
      <c r="B47303" s="2"/>
      <c r="C47303" s="2"/>
    </row>
    <row r="47304" spans="1:3" ht="19.2">
      <c r="A47304" s="2"/>
      <c r="B47304" s="2"/>
      <c r="C47304" s="2"/>
    </row>
    <row r="47305" spans="1:3" ht="19.2">
      <c r="A47305" s="2"/>
      <c r="B47305" s="2"/>
      <c r="C47305" s="2"/>
    </row>
    <row r="47306" spans="1:3" ht="19.2">
      <c r="A47306" s="2"/>
      <c r="B47306" s="2"/>
      <c r="C47306" s="2"/>
    </row>
    <row r="47307" spans="1:3" ht="19.2">
      <c r="A47307" s="2"/>
      <c r="B47307" s="2"/>
      <c r="C47307" s="2"/>
    </row>
    <row r="47308" spans="1:3" ht="19.2">
      <c r="A47308" s="2"/>
      <c r="B47308" s="2"/>
      <c r="C47308" s="2"/>
    </row>
    <row r="47309" spans="1:3" ht="19.2">
      <c r="A47309" s="2"/>
      <c r="B47309" s="2"/>
      <c r="C47309" s="2"/>
    </row>
    <row r="47310" spans="1:3" ht="19.2">
      <c r="A47310" s="2"/>
      <c r="B47310" s="2"/>
      <c r="C47310" s="2"/>
    </row>
    <row r="47311" spans="1:3" ht="19.2">
      <c r="A47311" s="2"/>
      <c r="B47311" s="2"/>
      <c r="C47311" s="2"/>
    </row>
    <row r="47312" spans="1:3" ht="19.2">
      <c r="A47312" s="2"/>
      <c r="B47312" s="2"/>
      <c r="C47312" s="2"/>
    </row>
    <row r="47313" spans="1:3" ht="19.2">
      <c r="A47313" s="2"/>
      <c r="B47313" s="2"/>
      <c r="C47313" s="2"/>
    </row>
    <row r="47314" spans="1:3" ht="19.2">
      <c r="A47314" s="2"/>
      <c r="B47314" s="2"/>
      <c r="C47314" s="2"/>
    </row>
    <row r="47315" spans="1:3" ht="19.2">
      <c r="A47315" s="2"/>
      <c r="B47315" s="2"/>
      <c r="C47315" s="2"/>
    </row>
    <row r="47316" spans="1:3" ht="19.2">
      <c r="A47316" s="2"/>
      <c r="B47316" s="2"/>
      <c r="C47316" s="2"/>
    </row>
    <row r="47317" spans="1:3" ht="19.2">
      <c r="A47317" s="2"/>
      <c r="B47317" s="2"/>
      <c r="C47317" s="2"/>
    </row>
    <row r="47318" spans="1:3" ht="19.2">
      <c r="A47318" s="2"/>
      <c r="B47318" s="2"/>
      <c r="C47318" s="2"/>
    </row>
    <row r="47319" spans="1:3" ht="19.2">
      <c r="A47319" s="2"/>
      <c r="B47319" s="2"/>
      <c r="C47319" s="2"/>
    </row>
    <row r="47320" spans="1:3" ht="19.2">
      <c r="A47320" s="2"/>
      <c r="B47320" s="2"/>
      <c r="C47320" s="2"/>
    </row>
    <row r="47321" spans="1:3" ht="19.2">
      <c r="A47321" s="2"/>
      <c r="B47321" s="2"/>
      <c r="C47321" s="2"/>
    </row>
    <row r="47322" spans="1:3" ht="19.2">
      <c r="A47322" s="2"/>
      <c r="B47322" s="2"/>
      <c r="C47322" s="2"/>
    </row>
    <row r="47323" spans="1:3" ht="19.2">
      <c r="A47323" s="2"/>
      <c r="B47323" s="2"/>
      <c r="C47323" s="2"/>
    </row>
    <row r="47324" spans="1:3" ht="19.2">
      <c r="A47324" s="2"/>
      <c r="B47324" s="2"/>
      <c r="C47324" s="2"/>
    </row>
    <row r="47325" spans="1:3" ht="19.2">
      <c r="A47325" s="2"/>
      <c r="B47325" s="2"/>
      <c r="C47325" s="2"/>
    </row>
    <row r="47326" spans="1:3" ht="19.2">
      <c r="A47326" s="2"/>
      <c r="B47326" s="2"/>
      <c r="C47326" s="2"/>
    </row>
    <row r="47327" spans="1:3" ht="19.2">
      <c r="A47327" s="2"/>
      <c r="B47327" s="2"/>
      <c r="C47327" s="2"/>
    </row>
    <row r="47328" spans="1:3" ht="19.2">
      <c r="A47328" s="2"/>
      <c r="B47328" s="2"/>
      <c r="C47328" s="2"/>
    </row>
    <row r="47329" spans="1:3" ht="19.2">
      <c r="A47329" s="2"/>
      <c r="B47329" s="2"/>
      <c r="C47329" s="2"/>
    </row>
    <row r="47330" spans="1:3" ht="19.2">
      <c r="A47330" s="2"/>
      <c r="B47330" s="2"/>
      <c r="C47330" s="2"/>
    </row>
    <row r="47331" spans="1:3" ht="19.2">
      <c r="A47331" s="2"/>
      <c r="B47331" s="2"/>
      <c r="C47331" s="2"/>
    </row>
    <row r="47332" spans="1:3" ht="19.2">
      <c r="A47332" s="2"/>
      <c r="B47332" s="2"/>
      <c r="C47332" s="2"/>
    </row>
    <row r="47333" spans="1:3" ht="19.2">
      <c r="A47333" s="2"/>
      <c r="B47333" s="2"/>
      <c r="C47333" s="2"/>
    </row>
    <row r="47334" spans="1:3" ht="19.2">
      <c r="A47334" s="2"/>
      <c r="B47334" s="2"/>
      <c r="C47334" s="2"/>
    </row>
    <row r="47335" spans="1:3" ht="19.2">
      <c r="A47335" s="2"/>
      <c r="B47335" s="2"/>
      <c r="C47335" s="2"/>
    </row>
    <row r="47336" spans="1:3" ht="19.2">
      <c r="A47336" s="2"/>
      <c r="B47336" s="2"/>
      <c r="C47336" s="2"/>
    </row>
    <row r="47337" spans="1:3" ht="19.2">
      <c r="A47337" s="2"/>
      <c r="B47337" s="2"/>
      <c r="C47337" s="2"/>
    </row>
    <row r="47338" spans="1:3" ht="19.2">
      <c r="A47338" s="2"/>
      <c r="B47338" s="2"/>
      <c r="C47338" s="2"/>
    </row>
    <row r="47339" spans="1:3" ht="19.2">
      <c r="A47339" s="2"/>
      <c r="B47339" s="2"/>
      <c r="C47339" s="2"/>
    </row>
    <row r="47340" spans="1:3" ht="19.2">
      <c r="A47340" s="2"/>
      <c r="B47340" s="2"/>
      <c r="C47340" s="2"/>
    </row>
    <row r="47341" spans="1:3" ht="19.2">
      <c r="A47341" s="2"/>
      <c r="B47341" s="2"/>
      <c r="C47341" s="2"/>
    </row>
    <row r="47342" spans="1:3" ht="19.2">
      <c r="A47342" s="2"/>
      <c r="B47342" s="2"/>
      <c r="C47342" s="2"/>
    </row>
    <row r="47343" spans="1:3" ht="19.2">
      <c r="A47343" s="2"/>
      <c r="B47343" s="2"/>
      <c r="C47343" s="2"/>
    </row>
    <row r="47344" spans="1:3" ht="19.2">
      <c r="A47344" s="2"/>
      <c r="B47344" s="2"/>
      <c r="C47344" s="2"/>
    </row>
    <row r="47345" spans="1:3" ht="19.2">
      <c r="A47345" s="2"/>
      <c r="B47345" s="2"/>
      <c r="C47345" s="2"/>
    </row>
    <row r="47346" spans="1:3" ht="19.2">
      <c r="A47346" s="2"/>
      <c r="B47346" s="2"/>
      <c r="C47346" s="2"/>
    </row>
    <row r="47347" spans="1:3" ht="19.2">
      <c r="A47347" s="2"/>
      <c r="B47347" s="2"/>
      <c r="C47347" s="2"/>
    </row>
    <row r="47348" spans="1:3" ht="19.2">
      <c r="A47348" s="2"/>
      <c r="B47348" s="2"/>
      <c r="C47348" s="2"/>
    </row>
    <row r="47349" spans="1:3" ht="19.2">
      <c r="A47349" s="2"/>
      <c r="B47349" s="2"/>
      <c r="C47349" s="2"/>
    </row>
    <row r="47350" spans="1:3" ht="19.2">
      <c r="A47350" s="2"/>
      <c r="B47350" s="2"/>
      <c r="C47350" s="2"/>
    </row>
    <row r="47351" spans="1:3" ht="19.2">
      <c r="A47351" s="2"/>
      <c r="B47351" s="2"/>
      <c r="C47351" s="2"/>
    </row>
    <row r="47352" spans="1:3" ht="19.2">
      <c r="A47352" s="2"/>
      <c r="B47352" s="2"/>
      <c r="C47352" s="2"/>
    </row>
    <row r="47353" spans="1:3" ht="19.2">
      <c r="A47353" s="2"/>
      <c r="B47353" s="2"/>
      <c r="C47353" s="2"/>
    </row>
    <row r="47354" spans="1:3" ht="19.2">
      <c r="A47354" s="2"/>
      <c r="B47354" s="2"/>
      <c r="C47354" s="2"/>
    </row>
    <row r="47355" spans="1:3" ht="19.2">
      <c r="A47355" s="2"/>
      <c r="B47355" s="2"/>
      <c r="C47355" s="2"/>
    </row>
    <row r="47356" spans="1:3" ht="19.2">
      <c r="A47356" s="2"/>
      <c r="B47356" s="2"/>
      <c r="C47356" s="2"/>
    </row>
    <row r="47357" spans="1:3" ht="19.2">
      <c r="A47357" s="2"/>
      <c r="B47357" s="2"/>
      <c r="C47357" s="2"/>
    </row>
    <row r="47358" spans="1:3" ht="19.2">
      <c r="A47358" s="2"/>
      <c r="B47358" s="2"/>
      <c r="C47358" s="2"/>
    </row>
    <row r="47359" spans="1:3" ht="19.2">
      <c r="A47359" s="2"/>
      <c r="B47359" s="2"/>
      <c r="C47359" s="2"/>
    </row>
    <row r="47360" spans="1:3" ht="19.2">
      <c r="A47360" s="2"/>
      <c r="B47360" s="2"/>
      <c r="C47360" s="2"/>
    </row>
    <row r="47361" spans="1:3" ht="19.2">
      <c r="A47361" s="2"/>
      <c r="B47361" s="2"/>
      <c r="C47361" s="2"/>
    </row>
    <row r="47362" spans="1:3" ht="19.2">
      <c r="A47362" s="2"/>
      <c r="B47362" s="2"/>
      <c r="C47362" s="2"/>
    </row>
    <row r="47363" spans="1:3" ht="19.2">
      <c r="A47363" s="2"/>
      <c r="B47363" s="2"/>
      <c r="C47363" s="2"/>
    </row>
    <row r="47364" spans="1:3" ht="19.2">
      <c r="A47364" s="2"/>
      <c r="B47364" s="2"/>
      <c r="C47364" s="2"/>
    </row>
    <row r="47365" spans="1:3" ht="19.2">
      <c r="A47365" s="2"/>
      <c r="B47365" s="2"/>
      <c r="C47365" s="2"/>
    </row>
    <row r="47366" spans="1:3" ht="19.2">
      <c r="A47366" s="2"/>
      <c r="B47366" s="2"/>
      <c r="C47366" s="2"/>
    </row>
    <row r="47367" spans="1:3" ht="19.2">
      <c r="A47367" s="2"/>
      <c r="B47367" s="2"/>
      <c r="C47367" s="2"/>
    </row>
    <row r="47368" spans="1:3" ht="19.2">
      <c r="A47368" s="2"/>
      <c r="B47368" s="2"/>
      <c r="C47368" s="2"/>
    </row>
    <row r="47369" spans="1:3" ht="19.2">
      <c r="A47369" s="2"/>
      <c r="B47369" s="2"/>
      <c r="C47369" s="2"/>
    </row>
    <row r="47370" spans="1:3" ht="19.2">
      <c r="A47370" s="2"/>
      <c r="B47370" s="2"/>
      <c r="C47370" s="2"/>
    </row>
    <row r="47371" spans="1:3" ht="19.2">
      <c r="A47371" s="2"/>
      <c r="B47371" s="2"/>
      <c r="C47371" s="2"/>
    </row>
    <row r="47372" spans="1:3" ht="19.2">
      <c r="A47372" s="2"/>
      <c r="B47372" s="2"/>
      <c r="C47372" s="2"/>
    </row>
    <row r="47373" spans="1:3" ht="19.2">
      <c r="A47373" s="2"/>
      <c r="B47373" s="2"/>
      <c r="C47373" s="2"/>
    </row>
    <row r="47374" spans="1:3" ht="19.2">
      <c r="A47374" s="2"/>
      <c r="B47374" s="2"/>
      <c r="C47374" s="2"/>
    </row>
    <row r="47375" spans="1:3" ht="19.2">
      <c r="A47375" s="2"/>
      <c r="B47375" s="2"/>
      <c r="C47375" s="2"/>
    </row>
    <row r="47376" spans="1:3" ht="19.2">
      <c r="A47376" s="2"/>
      <c r="B47376" s="2"/>
      <c r="C47376" s="2"/>
    </row>
    <row r="47377" spans="1:3" ht="19.2">
      <c r="A47377" s="2"/>
      <c r="B47377" s="2"/>
      <c r="C47377" s="2"/>
    </row>
    <row r="47378" spans="1:3" ht="19.2">
      <c r="A47378" s="2"/>
      <c r="B47378" s="2"/>
      <c r="C47378" s="2"/>
    </row>
    <row r="47379" spans="1:3" ht="19.2">
      <c r="A47379" s="2"/>
      <c r="B47379" s="2"/>
      <c r="C47379" s="2"/>
    </row>
    <row r="47380" spans="1:3" ht="19.2">
      <c r="A47380" s="2"/>
      <c r="B47380" s="2"/>
      <c r="C47380" s="2"/>
    </row>
    <row r="47381" spans="1:3" ht="19.2">
      <c r="A47381" s="2"/>
      <c r="B47381" s="2"/>
      <c r="C47381" s="2"/>
    </row>
    <row r="47382" spans="1:3" ht="19.2">
      <c r="A47382" s="2"/>
      <c r="B47382" s="2"/>
      <c r="C47382" s="2"/>
    </row>
    <row r="47383" spans="1:3" ht="19.2">
      <c r="A47383" s="2"/>
      <c r="B47383" s="2"/>
      <c r="C47383" s="2"/>
    </row>
    <row r="47384" spans="1:3" ht="19.2">
      <c r="A47384" s="2"/>
      <c r="B47384" s="2"/>
      <c r="C47384" s="2"/>
    </row>
    <row r="47385" spans="1:3" ht="19.2">
      <c r="A47385" s="2"/>
      <c r="B47385" s="2"/>
      <c r="C47385" s="2"/>
    </row>
    <row r="47386" spans="1:3" ht="19.2">
      <c r="A47386" s="2"/>
      <c r="B47386" s="2"/>
      <c r="C47386" s="2"/>
    </row>
    <row r="47387" spans="1:3" ht="19.2">
      <c r="A47387" s="2"/>
      <c r="B47387" s="2"/>
      <c r="C47387" s="2"/>
    </row>
    <row r="47388" spans="1:3" ht="19.2">
      <c r="A47388" s="2"/>
      <c r="B47388" s="2"/>
      <c r="C47388" s="2"/>
    </row>
    <row r="47389" spans="1:3" ht="19.2">
      <c r="A47389" s="2"/>
      <c r="B47389" s="2"/>
      <c r="C47389" s="2"/>
    </row>
    <row r="47390" spans="1:3" ht="19.2">
      <c r="A47390" s="2"/>
      <c r="B47390" s="2"/>
      <c r="C47390" s="2"/>
    </row>
    <row r="47391" spans="1:3" ht="19.2">
      <c r="A47391" s="2"/>
      <c r="B47391" s="2"/>
      <c r="C47391" s="2"/>
    </row>
    <row r="47392" spans="1:3" ht="19.2">
      <c r="A47392" s="2"/>
      <c r="B47392" s="2"/>
      <c r="C47392" s="2"/>
    </row>
    <row r="47393" spans="1:3" ht="19.2">
      <c r="A47393" s="2"/>
      <c r="B47393" s="2"/>
      <c r="C47393" s="2"/>
    </row>
    <row r="47394" spans="1:3" ht="19.2">
      <c r="A47394" s="2"/>
      <c r="B47394" s="2"/>
      <c r="C47394" s="2"/>
    </row>
    <row r="47395" spans="1:3" ht="19.2">
      <c r="A47395" s="2"/>
      <c r="B47395" s="2"/>
      <c r="C47395" s="2"/>
    </row>
    <row r="47396" spans="1:3" ht="19.2">
      <c r="A47396" s="2"/>
      <c r="B47396" s="2"/>
      <c r="C47396" s="2"/>
    </row>
    <row r="47397" spans="1:3" ht="19.2">
      <c r="A47397" s="2"/>
      <c r="B47397" s="2"/>
      <c r="C47397" s="2"/>
    </row>
    <row r="47398" spans="1:3" ht="19.2">
      <c r="A47398" s="2"/>
      <c r="B47398" s="2"/>
      <c r="C47398" s="2"/>
    </row>
    <row r="47399" spans="1:3" ht="19.2">
      <c r="A47399" s="2"/>
      <c r="B47399" s="2"/>
      <c r="C47399" s="2"/>
    </row>
    <row r="47400" spans="1:3" ht="19.2">
      <c r="A47400" s="2"/>
      <c r="B47400" s="2"/>
      <c r="C47400" s="2"/>
    </row>
    <row r="47401" spans="1:3" ht="19.2">
      <c r="A47401" s="2"/>
      <c r="B47401" s="2"/>
      <c r="C47401" s="2"/>
    </row>
    <row r="47402" spans="1:3" ht="19.2">
      <c r="A47402" s="2"/>
      <c r="B47402" s="2"/>
      <c r="C47402" s="2"/>
    </row>
    <row r="47403" spans="1:3" ht="19.2">
      <c r="A47403" s="2"/>
      <c r="B47403" s="2"/>
      <c r="C47403" s="2"/>
    </row>
    <row r="47404" spans="1:3" ht="19.2">
      <c r="A47404" s="2"/>
      <c r="B47404" s="2"/>
      <c r="C47404" s="2"/>
    </row>
    <row r="47405" spans="1:3" ht="19.2">
      <c r="A47405" s="2"/>
      <c r="B47405" s="2"/>
      <c r="C47405" s="2"/>
    </row>
    <row r="47406" spans="1:3" ht="19.2">
      <c r="A47406" s="2"/>
      <c r="B47406" s="2"/>
      <c r="C47406" s="2"/>
    </row>
    <row r="47407" spans="1:3" ht="19.2">
      <c r="A47407" s="2"/>
      <c r="B47407" s="2"/>
      <c r="C47407" s="2"/>
    </row>
    <row r="47408" spans="1:3" ht="19.2">
      <c r="A47408" s="2"/>
      <c r="B47408" s="2"/>
      <c r="C47408" s="2"/>
    </row>
    <row r="47409" spans="1:3" ht="19.2">
      <c r="A47409" s="2"/>
      <c r="B47409" s="2"/>
      <c r="C47409" s="2"/>
    </row>
    <row r="47410" spans="1:3" ht="19.2">
      <c r="A47410" s="2"/>
      <c r="B47410" s="2"/>
      <c r="C47410" s="2"/>
    </row>
    <row r="47411" spans="1:3" ht="19.2">
      <c r="A47411" s="2"/>
      <c r="B47411" s="2"/>
      <c r="C47411" s="2"/>
    </row>
    <row r="47412" spans="1:3" ht="19.2">
      <c r="A47412" s="2"/>
      <c r="B47412" s="2"/>
      <c r="C47412" s="2"/>
    </row>
    <row r="47413" spans="1:3" ht="19.2">
      <c r="A47413" s="2"/>
      <c r="B47413" s="2"/>
      <c r="C47413" s="2"/>
    </row>
    <row r="47414" spans="1:3" ht="19.2">
      <c r="A47414" s="2"/>
      <c r="B47414" s="2"/>
      <c r="C47414" s="2"/>
    </row>
    <row r="47415" spans="1:3" ht="19.2">
      <c r="A47415" s="2"/>
      <c r="B47415" s="2"/>
      <c r="C47415" s="2"/>
    </row>
    <row r="47416" spans="1:3" ht="19.2">
      <c r="A47416" s="2"/>
      <c r="B47416" s="2"/>
      <c r="C47416" s="2"/>
    </row>
    <row r="47417" spans="1:3" ht="19.2">
      <c r="A47417" s="2"/>
      <c r="B47417" s="2"/>
      <c r="C47417" s="2"/>
    </row>
    <row r="47418" spans="1:3" ht="19.2">
      <c r="A47418" s="2"/>
      <c r="B47418" s="2"/>
      <c r="C47418" s="2"/>
    </row>
    <row r="47419" spans="1:3" ht="19.2">
      <c r="A47419" s="2"/>
      <c r="B47419" s="2"/>
      <c r="C47419" s="2"/>
    </row>
    <row r="47420" spans="1:3" ht="19.2">
      <c r="A47420" s="2"/>
      <c r="B47420" s="2"/>
      <c r="C47420" s="2"/>
    </row>
    <row r="47421" spans="1:3" ht="19.2">
      <c r="A47421" s="2"/>
      <c r="B47421" s="2"/>
      <c r="C47421" s="2"/>
    </row>
    <row r="47422" spans="1:3" ht="19.2">
      <c r="A47422" s="2"/>
      <c r="B47422" s="2"/>
      <c r="C47422" s="2"/>
    </row>
    <row r="47423" spans="1:3" ht="19.2">
      <c r="A47423" s="2"/>
      <c r="B47423" s="2"/>
      <c r="C47423" s="2"/>
    </row>
    <row r="47424" spans="1:3" ht="19.2">
      <c r="A47424" s="2"/>
      <c r="B47424" s="2"/>
      <c r="C47424" s="2"/>
    </row>
    <row r="47425" spans="1:3" ht="19.2">
      <c r="A47425" s="2"/>
      <c r="B47425" s="2"/>
      <c r="C47425" s="2"/>
    </row>
    <row r="47426" spans="1:3" ht="19.2">
      <c r="A47426" s="2"/>
      <c r="B47426" s="2"/>
      <c r="C47426" s="2"/>
    </row>
    <row r="47427" spans="1:3" ht="19.2">
      <c r="A47427" s="2"/>
      <c r="B47427" s="2"/>
      <c r="C47427" s="2"/>
    </row>
    <row r="47428" spans="1:3" ht="19.2">
      <c r="A47428" s="2"/>
      <c r="B47428" s="2"/>
      <c r="C47428" s="2"/>
    </row>
    <row r="47429" spans="1:3" ht="19.2">
      <c r="A47429" s="2"/>
      <c r="B47429" s="2"/>
      <c r="C47429" s="2"/>
    </row>
    <row r="47430" spans="1:3" ht="19.2">
      <c r="A47430" s="2"/>
      <c r="B47430" s="2"/>
      <c r="C47430" s="2"/>
    </row>
    <row r="47431" spans="1:3" ht="19.2">
      <c r="A47431" s="2"/>
      <c r="B47431" s="2"/>
      <c r="C47431" s="2"/>
    </row>
    <row r="47432" spans="1:3" ht="19.2">
      <c r="A47432" s="2"/>
      <c r="B47432" s="2"/>
      <c r="C47432" s="2"/>
    </row>
    <row r="47433" spans="1:3" ht="19.2">
      <c r="A47433" s="2"/>
      <c r="B47433" s="2"/>
      <c r="C47433" s="2"/>
    </row>
    <row r="47434" spans="1:3" ht="19.2">
      <c r="A47434" s="2"/>
      <c r="B47434" s="2"/>
      <c r="C47434" s="2"/>
    </row>
    <row r="47435" spans="1:3" ht="19.2">
      <c r="A47435" s="2"/>
      <c r="B47435" s="2"/>
      <c r="C47435" s="2"/>
    </row>
    <row r="47436" spans="1:3" ht="19.2">
      <c r="A47436" s="2"/>
      <c r="B47436" s="2"/>
      <c r="C47436" s="2"/>
    </row>
    <row r="47437" spans="1:3" ht="19.2">
      <c r="A47437" s="2"/>
      <c r="B47437" s="2"/>
      <c r="C47437" s="2"/>
    </row>
    <row r="47438" spans="1:3" ht="19.2">
      <c r="A47438" s="2"/>
      <c r="B47438" s="2"/>
      <c r="C47438" s="2"/>
    </row>
    <row r="47439" spans="1:3" ht="19.2">
      <c r="A47439" s="2"/>
      <c r="B47439" s="2"/>
      <c r="C47439" s="2"/>
    </row>
    <row r="47440" spans="1:3" ht="19.2">
      <c r="A47440" s="2"/>
      <c r="B47440" s="2"/>
      <c r="C47440" s="2"/>
    </row>
    <row r="47441" spans="1:3" ht="19.2">
      <c r="A47441" s="2"/>
      <c r="B47441" s="2"/>
      <c r="C47441" s="2"/>
    </row>
    <row r="47442" spans="1:3" ht="19.2">
      <c r="A47442" s="2"/>
      <c r="B47442" s="2"/>
      <c r="C47442" s="2"/>
    </row>
    <row r="47443" spans="1:3" ht="19.2">
      <c r="A47443" s="2"/>
      <c r="B47443" s="2"/>
      <c r="C47443" s="2"/>
    </row>
    <row r="47444" spans="1:3" ht="19.2">
      <c r="A47444" s="2"/>
      <c r="B47444" s="2"/>
      <c r="C47444" s="2"/>
    </row>
    <row r="47445" spans="1:3" ht="19.2">
      <c r="A47445" s="2"/>
      <c r="B47445" s="2"/>
      <c r="C47445" s="2"/>
    </row>
    <row r="47446" spans="1:3" ht="19.2">
      <c r="A47446" s="2"/>
      <c r="B47446" s="2"/>
      <c r="C47446" s="2"/>
    </row>
    <row r="47447" spans="1:3" ht="19.2">
      <c r="A47447" s="2"/>
      <c r="B47447" s="2"/>
      <c r="C47447" s="2"/>
    </row>
    <row r="47448" spans="1:3" ht="19.2">
      <c r="A47448" s="2"/>
      <c r="B47448" s="2"/>
      <c r="C47448" s="2"/>
    </row>
    <row r="47449" spans="1:3" ht="19.2">
      <c r="A47449" s="2"/>
      <c r="B47449" s="2"/>
      <c r="C47449" s="2"/>
    </row>
    <row r="47450" spans="1:3" ht="19.2">
      <c r="A47450" s="2"/>
      <c r="B47450" s="2"/>
      <c r="C47450" s="2"/>
    </row>
    <row r="47451" spans="1:3" ht="19.2">
      <c r="A47451" s="2"/>
      <c r="B47451" s="2"/>
      <c r="C47451" s="2"/>
    </row>
    <row r="47452" spans="1:3" ht="19.2">
      <c r="A47452" s="2"/>
      <c r="B47452" s="2"/>
      <c r="C47452" s="2"/>
    </row>
    <row r="47453" spans="1:3" ht="19.2">
      <c r="A47453" s="2"/>
      <c r="B47453" s="2"/>
      <c r="C47453" s="2"/>
    </row>
    <row r="47454" spans="1:3" ht="19.2">
      <c r="A47454" s="2"/>
      <c r="B47454" s="2"/>
      <c r="C47454" s="2"/>
    </row>
    <row r="47455" spans="1:3" ht="19.2">
      <c r="A47455" s="2"/>
      <c r="B47455" s="2"/>
      <c r="C47455" s="2"/>
    </row>
    <row r="47456" spans="1:3" ht="19.2">
      <c r="A47456" s="2"/>
      <c r="B47456" s="2"/>
      <c r="C47456" s="2"/>
    </row>
    <row r="47457" spans="1:3" ht="19.2">
      <c r="A47457" s="2"/>
      <c r="B47457" s="2"/>
      <c r="C47457" s="2"/>
    </row>
    <row r="47458" spans="1:3" ht="19.2">
      <c r="A47458" s="2"/>
      <c r="B47458" s="2"/>
      <c r="C47458" s="2"/>
    </row>
    <row r="47459" spans="1:3" ht="19.2">
      <c r="A47459" s="2"/>
      <c r="B47459" s="2"/>
      <c r="C47459" s="2"/>
    </row>
    <row r="47460" spans="1:3" ht="19.2">
      <c r="A47460" s="2"/>
      <c r="B47460" s="2"/>
      <c r="C47460" s="2"/>
    </row>
    <row r="47461" spans="1:3" ht="19.2">
      <c r="A47461" s="2"/>
      <c r="B47461" s="2"/>
      <c r="C47461" s="2"/>
    </row>
    <row r="47462" spans="1:3" ht="19.2">
      <c r="A47462" s="2"/>
      <c r="B47462" s="2"/>
      <c r="C47462" s="2"/>
    </row>
    <row r="47463" spans="1:3" ht="19.2">
      <c r="A47463" s="2"/>
      <c r="B47463" s="2"/>
      <c r="C47463" s="2"/>
    </row>
    <row r="47464" spans="1:3" ht="19.2">
      <c r="A47464" s="2"/>
      <c r="B47464" s="2"/>
      <c r="C47464" s="2"/>
    </row>
    <row r="47465" spans="1:3" ht="19.2">
      <c r="A47465" s="2"/>
      <c r="B47465" s="2"/>
      <c r="C47465" s="2"/>
    </row>
    <row r="47466" spans="1:3" ht="19.2">
      <c r="A47466" s="2"/>
      <c r="B47466" s="2"/>
      <c r="C47466" s="2"/>
    </row>
    <row r="47467" spans="1:3" ht="19.2">
      <c r="A47467" s="2"/>
      <c r="B47467" s="2"/>
      <c r="C47467" s="2"/>
    </row>
    <row r="47468" spans="1:3" ht="19.2">
      <c r="A47468" s="2"/>
      <c r="B47468" s="2"/>
      <c r="C47468" s="2"/>
    </row>
    <row r="47469" spans="1:3" ht="19.2">
      <c r="A47469" s="2"/>
      <c r="B47469" s="2"/>
      <c r="C47469" s="2"/>
    </row>
    <row r="47470" spans="1:3" ht="19.2">
      <c r="A47470" s="2"/>
      <c r="B47470" s="2"/>
      <c r="C47470" s="2"/>
    </row>
    <row r="47471" spans="1:3" ht="19.2">
      <c r="A47471" s="2"/>
      <c r="B47471" s="2"/>
      <c r="C47471" s="2"/>
    </row>
    <row r="47472" spans="1:3" ht="19.2">
      <c r="A47472" s="2"/>
      <c r="B47472" s="2"/>
      <c r="C47472" s="2"/>
    </row>
    <row r="47473" spans="1:3" ht="19.2">
      <c r="A47473" s="2"/>
      <c r="B47473" s="2"/>
      <c r="C47473" s="2"/>
    </row>
    <row r="47474" spans="1:3" ht="19.2">
      <c r="A47474" s="2"/>
      <c r="B47474" s="2"/>
      <c r="C47474" s="2"/>
    </row>
    <row r="47475" spans="1:3" ht="19.2">
      <c r="A47475" s="2"/>
      <c r="B47475" s="2"/>
      <c r="C47475" s="2"/>
    </row>
    <row r="47476" spans="1:3" ht="19.2">
      <c r="A47476" s="2"/>
      <c r="B47476" s="2"/>
      <c r="C47476" s="2"/>
    </row>
    <row r="47477" spans="1:3" ht="19.2">
      <c r="A47477" s="2"/>
      <c r="B47477" s="2"/>
      <c r="C47477" s="2"/>
    </row>
    <row r="47478" spans="1:3" ht="19.2">
      <c r="A47478" s="2"/>
      <c r="B47478" s="2"/>
      <c r="C47478" s="2"/>
    </row>
    <row r="47479" spans="1:3" ht="19.2">
      <c r="A47479" s="2"/>
      <c r="B47479" s="2"/>
      <c r="C47479" s="2"/>
    </row>
    <row r="47480" spans="1:3" ht="19.2">
      <c r="A47480" s="2"/>
      <c r="B47480" s="2"/>
      <c r="C47480" s="2"/>
    </row>
    <row r="47481" spans="1:3" ht="19.2">
      <c r="A47481" s="2"/>
      <c r="B47481" s="2"/>
      <c r="C47481" s="2"/>
    </row>
    <row r="47482" spans="1:3" ht="19.2">
      <c r="A47482" s="2"/>
      <c r="B47482" s="2"/>
      <c r="C47482" s="2"/>
    </row>
    <row r="47483" spans="1:3" ht="19.2">
      <c r="A47483" s="2"/>
      <c r="B47483" s="2"/>
      <c r="C47483" s="2"/>
    </row>
    <row r="47484" spans="1:3" ht="19.2">
      <c r="A47484" s="2"/>
      <c r="B47484" s="2"/>
      <c r="C47484" s="2"/>
    </row>
    <row r="47485" spans="1:3" ht="19.2">
      <c r="A47485" s="2"/>
      <c r="B47485" s="2"/>
      <c r="C47485" s="2"/>
    </row>
    <row r="47486" spans="1:3" ht="19.2">
      <c r="A47486" s="2"/>
      <c r="B47486" s="2"/>
      <c r="C47486" s="2"/>
    </row>
    <row r="47487" spans="1:3" ht="19.2">
      <c r="A47487" s="2"/>
      <c r="B47487" s="2"/>
      <c r="C47487" s="2"/>
    </row>
    <row r="47488" spans="1:3" ht="19.2">
      <c r="A47488" s="2"/>
      <c r="B47488" s="2"/>
      <c r="C47488" s="2"/>
    </row>
    <row r="47489" spans="1:3" ht="19.2">
      <c r="A47489" s="2"/>
      <c r="B47489" s="2"/>
      <c r="C47489" s="2"/>
    </row>
    <row r="47490" spans="1:3" ht="19.2">
      <c r="A47490" s="2"/>
      <c r="B47490" s="2"/>
      <c r="C47490" s="2"/>
    </row>
    <row r="47491" spans="1:3" ht="19.2">
      <c r="A47491" s="2"/>
      <c r="B47491" s="2"/>
      <c r="C47491" s="2"/>
    </row>
    <row r="47492" spans="1:3" ht="19.2">
      <c r="A47492" s="2"/>
      <c r="B47492" s="2"/>
      <c r="C47492" s="2"/>
    </row>
    <row r="47493" spans="1:3" ht="19.2">
      <c r="A47493" s="2"/>
      <c r="B47493" s="2"/>
      <c r="C47493" s="2"/>
    </row>
    <row r="47494" spans="1:3" ht="19.2">
      <c r="A47494" s="2"/>
      <c r="B47494" s="2"/>
      <c r="C47494" s="2"/>
    </row>
    <row r="47495" spans="1:3" ht="19.2">
      <c r="A47495" s="2"/>
      <c r="B47495" s="2"/>
      <c r="C47495" s="2"/>
    </row>
    <row r="47496" spans="1:3" ht="19.2">
      <c r="A47496" s="2"/>
      <c r="B47496" s="2"/>
      <c r="C47496" s="2"/>
    </row>
    <row r="47497" spans="1:3" ht="19.2">
      <c r="A47497" s="2"/>
      <c r="B47497" s="2"/>
      <c r="C47497" s="2"/>
    </row>
    <row r="47498" spans="1:3" ht="19.2">
      <c r="A47498" s="2"/>
      <c r="B47498" s="2"/>
      <c r="C47498" s="2"/>
    </row>
    <row r="47499" spans="1:3" ht="19.2">
      <c r="A47499" s="2"/>
      <c r="B47499" s="2"/>
      <c r="C47499" s="2"/>
    </row>
    <row r="47500" spans="1:3" ht="19.2">
      <c r="A47500" s="2"/>
      <c r="B47500" s="2"/>
      <c r="C47500" s="2"/>
    </row>
    <row r="47501" spans="1:3" ht="19.2">
      <c r="A47501" s="2"/>
      <c r="B47501" s="2"/>
      <c r="C47501" s="2"/>
    </row>
    <row r="47502" spans="1:3" ht="19.2">
      <c r="A47502" s="2"/>
      <c r="B47502" s="2"/>
      <c r="C47502" s="2"/>
    </row>
    <row r="47503" spans="1:3" ht="19.2">
      <c r="A47503" s="2"/>
      <c r="B47503" s="2"/>
      <c r="C47503" s="2"/>
    </row>
    <row r="47504" spans="1:3" ht="19.2">
      <c r="A47504" s="2"/>
      <c r="B47504" s="2"/>
      <c r="C47504" s="2"/>
    </row>
    <row r="47505" spans="1:3" ht="19.2">
      <c r="A47505" s="2"/>
      <c r="B47505" s="2"/>
      <c r="C47505" s="2"/>
    </row>
    <row r="47506" spans="1:3" ht="19.2">
      <c r="A47506" s="2"/>
      <c r="B47506" s="2"/>
      <c r="C47506" s="2"/>
    </row>
    <row r="47507" spans="1:3" ht="19.2">
      <c r="A47507" s="2"/>
      <c r="B47507" s="2"/>
      <c r="C47507" s="2"/>
    </row>
    <row r="47508" spans="1:3" ht="19.2">
      <c r="A47508" s="2"/>
      <c r="B47508" s="2"/>
      <c r="C47508" s="2"/>
    </row>
    <row r="47509" spans="1:3" ht="19.2">
      <c r="A47509" s="2"/>
      <c r="B47509" s="2"/>
      <c r="C47509" s="2"/>
    </row>
    <row r="47510" spans="1:3" ht="19.2">
      <c r="A47510" s="2"/>
      <c r="B47510" s="2"/>
      <c r="C47510" s="2"/>
    </row>
    <row r="47511" spans="1:3" ht="19.2">
      <c r="A47511" s="2"/>
      <c r="B47511" s="2"/>
      <c r="C47511" s="2"/>
    </row>
    <row r="47512" spans="1:3" ht="19.2">
      <c r="A47512" s="2"/>
      <c r="B47512" s="2"/>
      <c r="C47512" s="2"/>
    </row>
    <row r="47513" spans="1:3" ht="19.2">
      <c r="A47513" s="2"/>
      <c r="B47513" s="2"/>
      <c r="C47513" s="2"/>
    </row>
    <row r="47514" spans="1:3" ht="19.2">
      <c r="A47514" s="2"/>
      <c r="B47514" s="2"/>
      <c r="C47514" s="2"/>
    </row>
    <row r="47515" spans="1:3" ht="19.2">
      <c r="A47515" s="2"/>
      <c r="B47515" s="2"/>
      <c r="C47515" s="2"/>
    </row>
    <row r="47516" spans="1:3" ht="19.2">
      <c r="A47516" s="2"/>
      <c r="B47516" s="2"/>
      <c r="C47516" s="2"/>
    </row>
    <row r="47517" spans="1:3" ht="19.2">
      <c r="A47517" s="2"/>
      <c r="B47517" s="2"/>
      <c r="C47517" s="2"/>
    </row>
    <row r="47518" spans="1:3" ht="19.2">
      <c r="A47518" s="2"/>
      <c r="B47518" s="2"/>
      <c r="C47518" s="2"/>
    </row>
    <row r="47519" spans="1:3" ht="19.2">
      <c r="A47519" s="2"/>
      <c r="B47519" s="2"/>
      <c r="C47519" s="2"/>
    </row>
    <row r="47520" spans="1:3" ht="19.2">
      <c r="A47520" s="2"/>
      <c r="B47520" s="2"/>
      <c r="C47520" s="2"/>
    </row>
    <row r="47521" spans="1:3" ht="19.2">
      <c r="A47521" s="2"/>
      <c r="B47521" s="2"/>
      <c r="C47521" s="2"/>
    </row>
    <row r="47522" spans="1:3" ht="19.2">
      <c r="A47522" s="2"/>
      <c r="B47522" s="2"/>
      <c r="C47522" s="2"/>
    </row>
    <row r="47523" spans="1:3" ht="19.2">
      <c r="A47523" s="2"/>
      <c r="B47523" s="2"/>
      <c r="C47523" s="2"/>
    </row>
    <row r="47524" spans="1:3" ht="19.2">
      <c r="A47524" s="2"/>
      <c r="B47524" s="2"/>
      <c r="C47524" s="2"/>
    </row>
    <row r="47525" spans="1:3" ht="19.2">
      <c r="A47525" s="2"/>
      <c r="B47525" s="2"/>
      <c r="C47525" s="2"/>
    </row>
    <row r="47526" spans="1:3" ht="19.2">
      <c r="A47526" s="2"/>
      <c r="B47526" s="2"/>
      <c r="C47526" s="2"/>
    </row>
    <row r="47527" spans="1:3" ht="19.2">
      <c r="A47527" s="2"/>
      <c r="B47527" s="2"/>
      <c r="C47527" s="2"/>
    </row>
    <row r="47528" spans="1:3" ht="19.2">
      <c r="A47528" s="2"/>
      <c r="B47528" s="2"/>
      <c r="C47528" s="2"/>
    </row>
    <row r="47529" spans="1:3" ht="19.2">
      <c r="A47529" s="2"/>
      <c r="B47529" s="2"/>
      <c r="C47529" s="2"/>
    </row>
    <row r="47530" spans="1:3" ht="19.2">
      <c r="A47530" s="2"/>
      <c r="B47530" s="2"/>
      <c r="C47530" s="2"/>
    </row>
    <row r="47531" spans="1:3" ht="19.2">
      <c r="A47531" s="2"/>
      <c r="B47531" s="2"/>
      <c r="C47531" s="2"/>
    </row>
    <row r="47532" spans="1:3" ht="19.2">
      <c r="A47532" s="2"/>
      <c r="B47532" s="2"/>
      <c r="C47532" s="2"/>
    </row>
    <row r="47533" spans="1:3" ht="19.2">
      <c r="A47533" s="2"/>
      <c r="B47533" s="2"/>
      <c r="C47533" s="2"/>
    </row>
    <row r="47534" spans="1:3" ht="19.2">
      <c r="A47534" s="2"/>
      <c r="B47534" s="2"/>
      <c r="C47534" s="2"/>
    </row>
    <row r="47535" spans="1:3" ht="19.2">
      <c r="A47535" s="2"/>
      <c r="B47535" s="2"/>
      <c r="C47535" s="2"/>
    </row>
    <row r="47536" spans="1:3" ht="19.2">
      <c r="A47536" s="2"/>
      <c r="B47536" s="2"/>
      <c r="C47536" s="2"/>
    </row>
    <row r="47537" spans="1:3" ht="19.2">
      <c r="A47537" s="2"/>
      <c r="B47537" s="2"/>
      <c r="C47537" s="2"/>
    </row>
    <row r="47538" spans="1:3" ht="19.2">
      <c r="A47538" s="2"/>
      <c r="B47538" s="2"/>
      <c r="C47538" s="2"/>
    </row>
    <row r="47539" spans="1:3" ht="19.2">
      <c r="A47539" s="2"/>
      <c r="B47539" s="2"/>
      <c r="C47539" s="2"/>
    </row>
    <row r="47540" spans="1:3" ht="19.2">
      <c r="A47540" s="2"/>
      <c r="B47540" s="2"/>
      <c r="C47540" s="2"/>
    </row>
    <row r="47541" spans="1:3" ht="19.2">
      <c r="A47541" s="2"/>
      <c r="B47541" s="2"/>
      <c r="C47541" s="2"/>
    </row>
    <row r="47542" spans="1:3" ht="19.2">
      <c r="A47542" s="2"/>
      <c r="B47542" s="2"/>
      <c r="C47542" s="2"/>
    </row>
    <row r="47543" spans="1:3" ht="19.2">
      <c r="A47543" s="2"/>
      <c r="B47543" s="2"/>
      <c r="C47543" s="2"/>
    </row>
    <row r="47544" spans="1:3" ht="19.2">
      <c r="A47544" s="2"/>
      <c r="B47544" s="2"/>
      <c r="C47544" s="2"/>
    </row>
    <row r="47545" spans="1:3" ht="19.2">
      <c r="A47545" s="2"/>
      <c r="B47545" s="2"/>
      <c r="C47545" s="2"/>
    </row>
    <row r="47546" spans="1:3" ht="19.2">
      <c r="A47546" s="2"/>
      <c r="B47546" s="2"/>
      <c r="C47546" s="2"/>
    </row>
    <row r="47547" spans="1:3" ht="19.2">
      <c r="A47547" s="2"/>
      <c r="B47547" s="2"/>
      <c r="C47547" s="2"/>
    </row>
    <row r="47548" spans="1:3" ht="19.2">
      <c r="A47548" s="2"/>
      <c r="B47548" s="2"/>
      <c r="C47548" s="2"/>
    </row>
    <row r="47549" spans="1:3" ht="19.2">
      <c r="A47549" s="2"/>
      <c r="B47549" s="2"/>
      <c r="C47549" s="2"/>
    </row>
    <row r="47550" spans="1:3" ht="19.2">
      <c r="A47550" s="2"/>
      <c r="B47550" s="2"/>
      <c r="C47550" s="2"/>
    </row>
    <row r="47551" spans="1:3" ht="19.2">
      <c r="A47551" s="2"/>
      <c r="B47551" s="2"/>
      <c r="C47551" s="2"/>
    </row>
    <row r="47552" spans="1:3" ht="19.2">
      <c r="A47552" s="2"/>
      <c r="B47552" s="2"/>
      <c r="C47552" s="2"/>
    </row>
    <row r="47553" spans="1:3" ht="19.2">
      <c r="A47553" s="2"/>
      <c r="B47553" s="2"/>
      <c r="C47553" s="2"/>
    </row>
    <row r="47554" spans="1:3" ht="19.2">
      <c r="A47554" s="2"/>
      <c r="B47554" s="2"/>
      <c r="C47554" s="2"/>
    </row>
    <row r="47555" spans="1:3" ht="19.2">
      <c r="A47555" s="2"/>
      <c r="B47555" s="2"/>
      <c r="C47555" s="2"/>
    </row>
    <row r="47556" spans="1:3" ht="19.2">
      <c r="A47556" s="2"/>
      <c r="B47556" s="2"/>
      <c r="C47556" s="2"/>
    </row>
    <row r="47557" spans="1:3" ht="19.2">
      <c r="A47557" s="2"/>
      <c r="B47557" s="2"/>
      <c r="C47557" s="2"/>
    </row>
    <row r="47558" spans="1:3" ht="19.2">
      <c r="A47558" s="2"/>
      <c r="B47558" s="2"/>
      <c r="C47558" s="2"/>
    </row>
    <row r="47559" spans="1:3" ht="19.2">
      <c r="A47559" s="2"/>
      <c r="B47559" s="2"/>
      <c r="C47559" s="2"/>
    </row>
    <row r="47560" spans="1:3" ht="19.2">
      <c r="A47560" s="2"/>
      <c r="B47560" s="2"/>
      <c r="C47560" s="2"/>
    </row>
    <row r="47561" spans="1:3" ht="19.2">
      <c r="A47561" s="2"/>
      <c r="B47561" s="2"/>
      <c r="C47561" s="2"/>
    </row>
    <row r="47562" spans="1:3" ht="19.2">
      <c r="A47562" s="2"/>
      <c r="B47562" s="2"/>
      <c r="C47562" s="2"/>
    </row>
    <row r="47563" spans="1:3" ht="19.2">
      <c r="A47563" s="2"/>
      <c r="B47563" s="2"/>
      <c r="C47563" s="2"/>
    </row>
    <row r="47564" spans="1:3" ht="19.2">
      <c r="A47564" s="2"/>
      <c r="B47564" s="2"/>
      <c r="C47564" s="2"/>
    </row>
    <row r="47565" spans="1:3" ht="19.2">
      <c r="A47565" s="2"/>
      <c r="B47565" s="2"/>
      <c r="C47565" s="2"/>
    </row>
    <row r="47566" spans="1:3" ht="19.2">
      <c r="A47566" s="2"/>
      <c r="B47566" s="2"/>
      <c r="C47566" s="2"/>
    </row>
    <row r="47567" spans="1:3" ht="19.2">
      <c r="A47567" s="2"/>
      <c r="B47567" s="2"/>
      <c r="C47567" s="2"/>
    </row>
    <row r="47568" spans="1:3" ht="19.2">
      <c r="A47568" s="2"/>
      <c r="B47568" s="2"/>
      <c r="C47568" s="2"/>
    </row>
    <row r="47569" spans="1:3" ht="19.2">
      <c r="A47569" s="2"/>
      <c r="B47569" s="2"/>
      <c r="C47569" s="2"/>
    </row>
    <row r="47570" spans="1:3" ht="19.2">
      <c r="A47570" s="2"/>
      <c r="B47570" s="2"/>
      <c r="C47570" s="2"/>
    </row>
    <row r="47571" spans="1:3" ht="19.2">
      <c r="A47571" s="2"/>
      <c r="B47571" s="2"/>
      <c r="C47571" s="2"/>
    </row>
    <row r="47572" spans="1:3" ht="19.2">
      <c r="A47572" s="2"/>
      <c r="B47572" s="2"/>
      <c r="C47572" s="2"/>
    </row>
    <row r="47573" spans="1:3" ht="19.2">
      <c r="A47573" s="2"/>
      <c r="B47573" s="2"/>
      <c r="C47573" s="2"/>
    </row>
    <row r="47574" spans="1:3" ht="19.2">
      <c r="A47574" s="2"/>
      <c r="B47574" s="2"/>
      <c r="C47574" s="2"/>
    </row>
    <row r="47575" spans="1:3" ht="19.2">
      <c r="A47575" s="2"/>
      <c r="B47575" s="2"/>
      <c r="C47575" s="2"/>
    </row>
    <row r="47576" spans="1:3" ht="19.2">
      <c r="A47576" s="2"/>
      <c r="B47576" s="2"/>
      <c r="C47576" s="2"/>
    </row>
    <row r="47577" spans="1:3" ht="19.2">
      <c r="A47577" s="2"/>
      <c r="B47577" s="2"/>
      <c r="C47577" s="2"/>
    </row>
    <row r="47578" spans="1:3" ht="19.2">
      <c r="A47578" s="2"/>
      <c r="B47578" s="2"/>
      <c r="C47578" s="2"/>
    </row>
    <row r="47579" spans="1:3" ht="19.2">
      <c r="A47579" s="2"/>
      <c r="B47579" s="2"/>
      <c r="C47579" s="2"/>
    </row>
    <row r="47580" spans="1:3" ht="19.2">
      <c r="A47580" s="2"/>
      <c r="B47580" s="2"/>
      <c r="C47580" s="2"/>
    </row>
    <row r="47581" spans="1:3" ht="19.2">
      <c r="A47581" s="2"/>
      <c r="B47581" s="2"/>
      <c r="C47581" s="2"/>
    </row>
    <row r="47582" spans="1:3" ht="19.2">
      <c r="A47582" s="2"/>
      <c r="B47582" s="2"/>
      <c r="C47582" s="2"/>
    </row>
    <row r="47583" spans="1:3" ht="19.2">
      <c r="A47583" s="2"/>
      <c r="B47583" s="2"/>
      <c r="C47583" s="2"/>
    </row>
    <row r="47584" spans="1:3" ht="19.2">
      <c r="A47584" s="2"/>
      <c r="B47584" s="2"/>
      <c r="C47584" s="2"/>
    </row>
    <row r="47585" spans="1:3" ht="19.2">
      <c r="A47585" s="2"/>
      <c r="B47585" s="2"/>
      <c r="C47585" s="2"/>
    </row>
    <row r="47586" spans="1:3" ht="19.2">
      <c r="A47586" s="2"/>
      <c r="B47586" s="2"/>
      <c r="C47586" s="2"/>
    </row>
    <row r="47587" spans="1:3" ht="19.2">
      <c r="A47587" s="2"/>
      <c r="B47587" s="2"/>
      <c r="C47587" s="2"/>
    </row>
    <row r="47588" spans="1:3" ht="19.2">
      <c r="A47588" s="2"/>
      <c r="B47588" s="2"/>
      <c r="C47588" s="2"/>
    </row>
    <row r="47589" spans="1:3" ht="19.2">
      <c r="A47589" s="2"/>
      <c r="B47589" s="2"/>
      <c r="C47589" s="2"/>
    </row>
    <row r="47590" spans="1:3" ht="19.2">
      <c r="A47590" s="2"/>
      <c r="B47590" s="2"/>
      <c r="C47590" s="2"/>
    </row>
    <row r="47591" spans="1:3" ht="19.2">
      <c r="A47591" s="2"/>
      <c r="B47591" s="2"/>
      <c r="C47591" s="2"/>
    </row>
    <row r="47592" spans="1:3" ht="19.2">
      <c r="A47592" s="2"/>
      <c r="B47592" s="2"/>
      <c r="C47592" s="2"/>
    </row>
    <row r="47593" spans="1:3" ht="19.2">
      <c r="A47593" s="2"/>
      <c r="B47593" s="2"/>
      <c r="C47593" s="2"/>
    </row>
    <row r="47594" spans="1:3" ht="19.2">
      <c r="A47594" s="2"/>
      <c r="B47594" s="2"/>
      <c r="C47594" s="2"/>
    </row>
    <row r="47595" spans="1:3" ht="19.2">
      <c r="A47595" s="2"/>
      <c r="B47595" s="2"/>
      <c r="C47595" s="2"/>
    </row>
    <row r="47596" spans="1:3" ht="19.2">
      <c r="A47596" s="2"/>
      <c r="B47596" s="2"/>
      <c r="C47596" s="2"/>
    </row>
    <row r="47597" spans="1:3" ht="19.2">
      <c r="A47597" s="2"/>
      <c r="B47597" s="2"/>
      <c r="C47597" s="2"/>
    </row>
    <row r="47598" spans="1:3" ht="19.2">
      <c r="A47598" s="2"/>
      <c r="B47598" s="2"/>
      <c r="C47598" s="2"/>
    </row>
    <row r="47599" spans="1:3" ht="19.2">
      <c r="A47599" s="2"/>
      <c r="B47599" s="2"/>
      <c r="C47599" s="2"/>
    </row>
    <row r="47600" spans="1:3" ht="19.2">
      <c r="A47600" s="2"/>
      <c r="B47600" s="2"/>
      <c r="C47600" s="2"/>
    </row>
    <row r="47601" spans="1:3" ht="19.2">
      <c r="A47601" s="2"/>
      <c r="B47601" s="2"/>
      <c r="C47601" s="2"/>
    </row>
    <row r="47602" spans="1:3" ht="19.2">
      <c r="A47602" s="2"/>
      <c r="B47602" s="2"/>
      <c r="C47602" s="2"/>
    </row>
    <row r="47603" spans="1:3" ht="19.2">
      <c r="A47603" s="2"/>
      <c r="B47603" s="2"/>
      <c r="C47603" s="2"/>
    </row>
    <row r="47604" spans="1:3" ht="19.2">
      <c r="A47604" s="2"/>
      <c r="B47604" s="2"/>
      <c r="C47604" s="2"/>
    </row>
    <row r="47605" spans="1:3" ht="19.2">
      <c r="A47605" s="2"/>
      <c r="B47605" s="2"/>
      <c r="C47605" s="2"/>
    </row>
    <row r="47606" spans="1:3" ht="19.2">
      <c r="A47606" s="2"/>
      <c r="B47606" s="2"/>
      <c r="C47606" s="2"/>
    </row>
    <row r="47607" spans="1:3" ht="19.2">
      <c r="A47607" s="2"/>
      <c r="B47607" s="2"/>
      <c r="C47607" s="2"/>
    </row>
    <row r="47608" spans="1:3" ht="19.2">
      <c r="A47608" s="2"/>
      <c r="B47608" s="2"/>
      <c r="C47608" s="2"/>
    </row>
    <row r="47609" spans="1:3" ht="19.2">
      <c r="A47609" s="2"/>
      <c r="B47609" s="2"/>
      <c r="C47609" s="2"/>
    </row>
    <row r="47610" spans="1:3" ht="19.2">
      <c r="A47610" s="2"/>
      <c r="B47610" s="2"/>
      <c r="C47610" s="2"/>
    </row>
    <row r="47611" spans="1:3" ht="19.2">
      <c r="A47611" s="2"/>
      <c r="B47611" s="2"/>
      <c r="C47611" s="2"/>
    </row>
    <row r="47612" spans="1:3" ht="19.2">
      <c r="A47612" s="2"/>
      <c r="B47612" s="2"/>
      <c r="C47612" s="2"/>
    </row>
    <row r="47613" spans="1:3" ht="19.2">
      <c r="A47613" s="2"/>
      <c r="B47613" s="2"/>
      <c r="C47613" s="2"/>
    </row>
    <row r="47614" spans="1:3" ht="19.2">
      <c r="A47614" s="2"/>
      <c r="B47614" s="2"/>
      <c r="C47614" s="2"/>
    </row>
    <row r="47615" spans="1:3" ht="19.2">
      <c r="A47615" s="2"/>
      <c r="B47615" s="2"/>
      <c r="C47615" s="2"/>
    </row>
    <row r="47616" spans="1:3" ht="19.2">
      <c r="A47616" s="2"/>
      <c r="B47616" s="2"/>
      <c r="C47616" s="2"/>
    </row>
    <row r="47617" spans="1:3" ht="19.2">
      <c r="A47617" s="2"/>
      <c r="B47617" s="2"/>
      <c r="C47617" s="2"/>
    </row>
    <row r="47618" spans="1:3" ht="19.2">
      <c r="A47618" s="2"/>
      <c r="B47618" s="2"/>
      <c r="C47618" s="2"/>
    </row>
    <row r="47619" spans="1:3" ht="19.2">
      <c r="A47619" s="2"/>
      <c r="B47619" s="2"/>
      <c r="C47619" s="2"/>
    </row>
    <row r="47620" spans="1:3" ht="19.2">
      <c r="A47620" s="2"/>
      <c r="B47620" s="2"/>
      <c r="C47620" s="2"/>
    </row>
    <row r="47621" spans="1:3" ht="19.2">
      <c r="A47621" s="2"/>
      <c r="B47621" s="2"/>
      <c r="C47621" s="2"/>
    </row>
    <row r="47622" spans="1:3" ht="19.2">
      <c r="A47622" s="2"/>
      <c r="B47622" s="2"/>
      <c r="C47622" s="2"/>
    </row>
    <row r="47623" spans="1:3" ht="19.2">
      <c r="A47623" s="2"/>
      <c r="B47623" s="2"/>
      <c r="C47623" s="2"/>
    </row>
    <row r="47624" spans="1:3" ht="19.2">
      <c r="A47624" s="2"/>
      <c r="B47624" s="2"/>
      <c r="C47624" s="2"/>
    </row>
    <row r="47625" spans="1:3" ht="19.2">
      <c r="A47625" s="2"/>
      <c r="B47625" s="2"/>
      <c r="C47625" s="2"/>
    </row>
    <row r="47626" spans="1:3" ht="19.2">
      <c r="A47626" s="2"/>
      <c r="B47626" s="2"/>
      <c r="C47626" s="2"/>
    </row>
    <row r="47627" spans="1:3" ht="19.2">
      <c r="A47627" s="2"/>
      <c r="B47627" s="2"/>
      <c r="C47627" s="2"/>
    </row>
    <row r="47628" spans="1:3" ht="19.2">
      <c r="A47628" s="2"/>
      <c r="B47628" s="2"/>
      <c r="C47628" s="2"/>
    </row>
    <row r="47629" spans="1:3" ht="19.2">
      <c r="A47629" s="2"/>
      <c r="B47629" s="2"/>
      <c r="C47629" s="2"/>
    </row>
    <row r="47630" spans="1:3" ht="19.2">
      <c r="A47630" s="2"/>
      <c r="B47630" s="2"/>
      <c r="C47630" s="2"/>
    </row>
    <row r="47631" spans="1:3" ht="19.2">
      <c r="A47631" s="2"/>
      <c r="B47631" s="2"/>
      <c r="C47631" s="2"/>
    </row>
    <row r="47632" spans="1:3" ht="19.2">
      <c r="A47632" s="2"/>
      <c r="B47632" s="2"/>
      <c r="C47632" s="2"/>
    </row>
    <row r="47633" spans="1:3" ht="19.2">
      <c r="A47633" s="2"/>
      <c r="B47633" s="2"/>
      <c r="C47633" s="2"/>
    </row>
    <row r="47634" spans="1:3" ht="19.2">
      <c r="A47634" s="2"/>
      <c r="B47634" s="2"/>
      <c r="C47634" s="2"/>
    </row>
    <row r="47635" spans="1:3" ht="19.2">
      <c r="A47635" s="2"/>
      <c r="B47635" s="2"/>
      <c r="C47635" s="2"/>
    </row>
    <row r="47636" spans="1:3" ht="19.2">
      <c r="A47636" s="2"/>
      <c r="B47636" s="2"/>
      <c r="C47636" s="2"/>
    </row>
    <row r="47637" spans="1:3" ht="19.2">
      <c r="A47637" s="2"/>
      <c r="B47637" s="2"/>
      <c r="C47637" s="2"/>
    </row>
    <row r="47638" spans="1:3" ht="19.2">
      <c r="A47638" s="2"/>
      <c r="B47638" s="2"/>
      <c r="C47638" s="2"/>
    </row>
    <row r="47639" spans="1:3" ht="19.2">
      <c r="A47639" s="2"/>
      <c r="B47639" s="2"/>
      <c r="C47639" s="2"/>
    </row>
    <row r="47640" spans="1:3" ht="19.2">
      <c r="A47640" s="2"/>
      <c r="B47640" s="2"/>
      <c r="C47640" s="2"/>
    </row>
    <row r="47641" spans="1:3" ht="19.2">
      <c r="A47641" s="2"/>
      <c r="B47641" s="2"/>
      <c r="C47641" s="2"/>
    </row>
    <row r="47642" spans="1:3" ht="19.2">
      <c r="A47642" s="2"/>
      <c r="B47642" s="2"/>
      <c r="C47642" s="2"/>
    </row>
    <row r="47643" spans="1:3" ht="19.2">
      <c r="A47643" s="2"/>
      <c r="B47643" s="2"/>
      <c r="C47643" s="2"/>
    </row>
    <row r="47644" spans="1:3" ht="19.2">
      <c r="A47644" s="2"/>
      <c r="B47644" s="2"/>
      <c r="C47644" s="2"/>
    </row>
    <row r="47645" spans="1:3" ht="19.2">
      <c r="A47645" s="2"/>
      <c r="B47645" s="2"/>
      <c r="C47645" s="2"/>
    </row>
    <row r="47646" spans="1:3" ht="19.2">
      <c r="A47646" s="2"/>
      <c r="B47646" s="2"/>
      <c r="C47646" s="2"/>
    </row>
    <row r="47647" spans="1:3" ht="19.2">
      <c r="A47647" s="2"/>
      <c r="B47647" s="2"/>
      <c r="C47647" s="2"/>
    </row>
    <row r="47648" spans="1:3" ht="19.2">
      <c r="A47648" s="2"/>
      <c r="B47648" s="2"/>
      <c r="C47648" s="2"/>
    </row>
    <row r="47649" spans="1:3" ht="19.2">
      <c r="A47649" s="2"/>
      <c r="B47649" s="2"/>
      <c r="C47649" s="2"/>
    </row>
    <row r="47650" spans="1:3" ht="19.2">
      <c r="A47650" s="2"/>
      <c r="B47650" s="2"/>
      <c r="C47650" s="2"/>
    </row>
    <row r="47651" spans="1:3" ht="19.2">
      <c r="A47651" s="2"/>
      <c r="B47651" s="2"/>
      <c r="C47651" s="2"/>
    </row>
    <row r="47652" spans="1:3" ht="19.2">
      <c r="A47652" s="2"/>
      <c r="B47652" s="2"/>
      <c r="C47652" s="2"/>
    </row>
    <row r="47653" spans="1:3" ht="19.2">
      <c r="A47653" s="2"/>
      <c r="B47653" s="2"/>
      <c r="C47653" s="2"/>
    </row>
    <row r="47654" spans="1:3" ht="19.2">
      <c r="A47654" s="2"/>
      <c r="B47654" s="2"/>
      <c r="C47654" s="2"/>
    </row>
    <row r="47655" spans="1:3" ht="19.2">
      <c r="A47655" s="2"/>
      <c r="B47655" s="2"/>
      <c r="C47655" s="2"/>
    </row>
    <row r="47656" spans="1:3" ht="19.2">
      <c r="A47656" s="2"/>
      <c r="B47656" s="2"/>
      <c r="C47656" s="2"/>
    </row>
    <row r="47657" spans="1:3" ht="19.2">
      <c r="A47657" s="2"/>
      <c r="B47657" s="2"/>
      <c r="C47657" s="2"/>
    </row>
    <row r="47658" spans="1:3" ht="19.2">
      <c r="A47658" s="2"/>
      <c r="B47658" s="2"/>
      <c r="C47658" s="2"/>
    </row>
    <row r="47659" spans="1:3" ht="19.2">
      <c r="A47659" s="2"/>
      <c r="B47659" s="2"/>
      <c r="C47659" s="2"/>
    </row>
    <row r="47660" spans="1:3" ht="19.2">
      <c r="A47660" s="2"/>
      <c r="B47660" s="2"/>
      <c r="C47660" s="2"/>
    </row>
    <row r="47661" spans="1:3" ht="19.2">
      <c r="A47661" s="2"/>
      <c r="B47661" s="2"/>
      <c r="C47661" s="2"/>
    </row>
    <row r="47662" spans="1:3" ht="19.2">
      <c r="A47662" s="2"/>
      <c r="B47662" s="2"/>
      <c r="C47662" s="2"/>
    </row>
    <row r="47663" spans="1:3" ht="19.2">
      <c r="A47663" s="2"/>
      <c r="B47663" s="2"/>
      <c r="C47663" s="2"/>
    </row>
    <row r="47664" spans="1:3" ht="19.2">
      <c r="A47664" s="2"/>
      <c r="B47664" s="2"/>
      <c r="C47664" s="2"/>
    </row>
    <row r="47665" spans="1:3" ht="19.2">
      <c r="A47665" s="2"/>
      <c r="B47665" s="2"/>
      <c r="C47665" s="2"/>
    </row>
    <row r="47666" spans="1:3" ht="19.2">
      <c r="A47666" s="2"/>
      <c r="B47666" s="2"/>
      <c r="C47666" s="2"/>
    </row>
    <row r="47667" spans="1:3" ht="19.2">
      <c r="A47667" s="2"/>
      <c r="B47667" s="2"/>
      <c r="C47667" s="2"/>
    </row>
    <row r="47668" spans="1:3" ht="19.2">
      <c r="A47668" s="2"/>
      <c r="B47668" s="2"/>
      <c r="C47668" s="2"/>
    </row>
    <row r="47669" spans="1:3" ht="19.2">
      <c r="A47669" s="2"/>
      <c r="B47669" s="2"/>
      <c r="C47669" s="2"/>
    </row>
    <row r="47670" spans="1:3" ht="19.2">
      <c r="A47670" s="2"/>
      <c r="B47670" s="2"/>
      <c r="C47670" s="2"/>
    </row>
    <row r="47671" spans="1:3" ht="19.2">
      <c r="A47671" s="2"/>
      <c r="B47671" s="2"/>
      <c r="C47671" s="2"/>
    </row>
    <row r="47672" spans="1:3" ht="19.2">
      <c r="A47672" s="2"/>
      <c r="B47672" s="2"/>
      <c r="C47672" s="2"/>
    </row>
    <row r="47673" spans="1:3" ht="19.2">
      <c r="A47673" s="2"/>
      <c r="B47673" s="2"/>
      <c r="C47673" s="2"/>
    </row>
    <row r="47674" spans="1:3" ht="19.2">
      <c r="A47674" s="2"/>
      <c r="B47674" s="2"/>
      <c r="C47674" s="2"/>
    </row>
    <row r="47675" spans="1:3" ht="19.2">
      <c r="A47675" s="2"/>
      <c r="B47675" s="2"/>
      <c r="C47675" s="2"/>
    </row>
    <row r="47676" spans="1:3" ht="19.2">
      <c r="A47676" s="2"/>
      <c r="B47676" s="2"/>
      <c r="C47676" s="2"/>
    </row>
    <row r="47677" spans="1:3" ht="19.2">
      <c r="A47677" s="2"/>
      <c r="B47677" s="2"/>
      <c r="C47677" s="2"/>
    </row>
    <row r="47678" spans="1:3" ht="19.2">
      <c r="A47678" s="2"/>
      <c r="B47678" s="2"/>
      <c r="C47678" s="2"/>
    </row>
    <row r="47679" spans="1:3" ht="19.2">
      <c r="A47679" s="2"/>
      <c r="B47679" s="2"/>
      <c r="C47679" s="2"/>
    </row>
    <row r="47680" spans="1:3" ht="19.2">
      <c r="A47680" s="2"/>
      <c r="B47680" s="2"/>
      <c r="C47680" s="2"/>
    </row>
    <row r="47681" spans="1:3" ht="19.2">
      <c r="A47681" s="2"/>
      <c r="B47681" s="2"/>
      <c r="C47681" s="2"/>
    </row>
    <row r="47682" spans="1:3" ht="19.2">
      <c r="A47682" s="2"/>
      <c r="B47682" s="2"/>
      <c r="C47682" s="2"/>
    </row>
    <row r="47683" spans="1:3" ht="19.2">
      <c r="A47683" s="2"/>
      <c r="B47683" s="2"/>
      <c r="C47683" s="2"/>
    </row>
    <row r="47684" spans="1:3" ht="19.2">
      <c r="A47684" s="2"/>
      <c r="B47684" s="2"/>
      <c r="C47684" s="2"/>
    </row>
    <row r="47685" spans="1:3" ht="19.2">
      <c r="A47685" s="2"/>
      <c r="B47685" s="2"/>
      <c r="C47685" s="2"/>
    </row>
    <row r="47686" spans="1:3" ht="19.2">
      <c r="A47686" s="2"/>
      <c r="B47686" s="2"/>
      <c r="C47686" s="2"/>
    </row>
    <row r="47687" spans="1:3" ht="19.2">
      <c r="A47687" s="2"/>
      <c r="B47687" s="2"/>
      <c r="C47687" s="2"/>
    </row>
    <row r="47688" spans="1:3" ht="19.2">
      <c r="A47688" s="2"/>
      <c r="B47688" s="2"/>
      <c r="C47688" s="2"/>
    </row>
    <row r="47689" spans="1:3" ht="19.2">
      <c r="A47689" s="2"/>
      <c r="B47689" s="2"/>
      <c r="C47689" s="2"/>
    </row>
    <row r="47690" spans="1:3" ht="19.2">
      <c r="A47690" s="2"/>
      <c r="B47690" s="2"/>
      <c r="C47690" s="2"/>
    </row>
    <row r="47691" spans="1:3" ht="19.2">
      <c r="A47691" s="2"/>
      <c r="B47691" s="2"/>
      <c r="C47691" s="2"/>
    </row>
    <row r="47692" spans="1:3" ht="19.2">
      <c r="A47692" s="2"/>
      <c r="B47692" s="2"/>
      <c r="C47692" s="2"/>
    </row>
    <row r="47693" spans="1:3" ht="19.2">
      <c r="A47693" s="2"/>
      <c r="B47693" s="2"/>
      <c r="C47693" s="2"/>
    </row>
    <row r="47694" spans="1:3" ht="19.2">
      <c r="A47694" s="2"/>
      <c r="B47694" s="2"/>
      <c r="C47694" s="2"/>
    </row>
    <row r="47695" spans="1:3" ht="19.2">
      <c r="A47695" s="2"/>
      <c r="B47695" s="2"/>
      <c r="C47695" s="2"/>
    </row>
    <row r="47696" spans="1:3" ht="19.2">
      <c r="A47696" s="2"/>
      <c r="B47696" s="2"/>
      <c r="C47696" s="2"/>
    </row>
    <row r="47697" spans="1:3" ht="19.2">
      <c r="A47697" s="2"/>
      <c r="B47697" s="2"/>
      <c r="C47697" s="2"/>
    </row>
    <row r="47698" spans="1:3" ht="19.2">
      <c r="A47698" s="2"/>
      <c r="B47698" s="2"/>
      <c r="C47698" s="2"/>
    </row>
    <row r="47699" spans="1:3" ht="19.2">
      <c r="A47699" s="2"/>
      <c r="B47699" s="2"/>
      <c r="C47699" s="2"/>
    </row>
    <row r="47700" spans="1:3" ht="19.2">
      <c r="A47700" s="2"/>
      <c r="B47700" s="2"/>
      <c r="C47700" s="2"/>
    </row>
    <row r="47701" spans="1:3" ht="19.2">
      <c r="A47701" s="2"/>
      <c r="B47701" s="2"/>
      <c r="C47701" s="2"/>
    </row>
    <row r="47702" spans="1:3" ht="19.2">
      <c r="A47702" s="2"/>
      <c r="B47702" s="2"/>
      <c r="C47702" s="2"/>
    </row>
    <row r="47703" spans="1:3" ht="19.2">
      <c r="A47703" s="2"/>
      <c r="B47703" s="2"/>
      <c r="C47703" s="2"/>
    </row>
    <row r="47704" spans="1:3" ht="19.2">
      <c r="A47704" s="2"/>
      <c r="B47704" s="2"/>
      <c r="C47704" s="2"/>
    </row>
    <row r="47705" spans="1:3" ht="19.2">
      <c r="A47705" s="2"/>
      <c r="B47705" s="2"/>
      <c r="C47705" s="2"/>
    </row>
    <row r="47706" spans="1:3" ht="19.2">
      <c r="A47706" s="2"/>
      <c r="B47706" s="2"/>
      <c r="C47706" s="2"/>
    </row>
    <row r="47707" spans="1:3" ht="19.2">
      <c r="A47707" s="2"/>
      <c r="B47707" s="2"/>
      <c r="C47707" s="2"/>
    </row>
    <row r="47708" spans="1:3" ht="19.2">
      <c r="A47708" s="2"/>
      <c r="B47708" s="2"/>
      <c r="C47708" s="2"/>
    </row>
    <row r="47709" spans="1:3" ht="19.2">
      <c r="A47709" s="2"/>
      <c r="B47709" s="2"/>
      <c r="C47709" s="2"/>
    </row>
    <row r="47710" spans="1:3" ht="19.2">
      <c r="A47710" s="2"/>
      <c r="B47710" s="2"/>
      <c r="C47710" s="2"/>
    </row>
    <row r="47711" spans="1:3" ht="19.2">
      <c r="A47711" s="2"/>
      <c r="B47711" s="2"/>
      <c r="C47711" s="2"/>
    </row>
    <row r="47712" spans="1:3" ht="19.2">
      <c r="A47712" s="2"/>
      <c r="B47712" s="2"/>
      <c r="C47712" s="2"/>
    </row>
    <row r="47713" spans="1:3" ht="19.2">
      <c r="A47713" s="2"/>
      <c r="B47713" s="2"/>
      <c r="C47713" s="2"/>
    </row>
    <row r="47714" spans="1:3" ht="19.2">
      <c r="A47714" s="2"/>
      <c r="B47714" s="2"/>
      <c r="C47714" s="2"/>
    </row>
    <row r="47715" spans="1:3" ht="19.2">
      <c r="A47715" s="2"/>
      <c r="B47715" s="2"/>
      <c r="C47715" s="2"/>
    </row>
    <row r="47716" spans="1:3" ht="19.2">
      <c r="A47716" s="2"/>
      <c r="B47716" s="2"/>
      <c r="C47716" s="2"/>
    </row>
    <row r="47717" spans="1:3" ht="19.2">
      <c r="A47717" s="2"/>
      <c r="B47717" s="2"/>
      <c r="C47717" s="2"/>
    </row>
    <row r="47718" spans="1:3" ht="19.2">
      <c r="A47718" s="2"/>
      <c r="B47718" s="2"/>
      <c r="C47718" s="2"/>
    </row>
    <row r="47719" spans="1:3" ht="19.2">
      <c r="A47719" s="2"/>
      <c r="B47719" s="2"/>
      <c r="C47719" s="2"/>
    </row>
    <row r="47720" spans="1:3" ht="19.2">
      <c r="A47720" s="2"/>
      <c r="B47720" s="2"/>
      <c r="C47720" s="2"/>
    </row>
    <row r="47721" spans="1:3" ht="19.2">
      <c r="A47721" s="2"/>
      <c r="B47721" s="2"/>
      <c r="C47721" s="2"/>
    </row>
    <row r="47722" spans="1:3" ht="19.2">
      <c r="A47722" s="2"/>
      <c r="B47722" s="2"/>
      <c r="C47722" s="2"/>
    </row>
    <row r="47723" spans="1:3" ht="19.2">
      <c r="A47723" s="2"/>
      <c r="B47723" s="2"/>
      <c r="C47723" s="2"/>
    </row>
    <row r="47724" spans="1:3" ht="19.2">
      <c r="A47724" s="2"/>
      <c r="B47724" s="2"/>
      <c r="C47724" s="2"/>
    </row>
    <row r="47725" spans="1:3" ht="19.2">
      <c r="A47725" s="2"/>
      <c r="B47725" s="2"/>
      <c r="C47725" s="2"/>
    </row>
    <row r="47726" spans="1:3" ht="19.2">
      <c r="A47726" s="2"/>
      <c r="B47726" s="2"/>
      <c r="C47726" s="2"/>
    </row>
    <row r="47727" spans="1:3" ht="19.2">
      <c r="A47727" s="2"/>
      <c r="B47727" s="2"/>
      <c r="C47727" s="2"/>
    </row>
    <row r="47728" spans="1:3" ht="19.2">
      <c r="A47728" s="2"/>
      <c r="B47728" s="2"/>
      <c r="C47728" s="2"/>
    </row>
    <row r="47729" spans="1:3" ht="19.2">
      <c r="A47729" s="2"/>
      <c r="B47729" s="2"/>
      <c r="C47729" s="2"/>
    </row>
    <row r="47730" spans="1:3" ht="19.2">
      <c r="A47730" s="2"/>
      <c r="B47730" s="2"/>
      <c r="C47730" s="2"/>
    </row>
    <row r="47731" spans="1:3" ht="19.2">
      <c r="A47731" s="2"/>
      <c r="B47731" s="2"/>
      <c r="C47731" s="2"/>
    </row>
    <row r="47732" spans="1:3" ht="19.2">
      <c r="A47732" s="2"/>
      <c r="B47732" s="2"/>
      <c r="C47732" s="2"/>
    </row>
    <row r="47733" spans="1:3" ht="19.2">
      <c r="A47733" s="2"/>
      <c r="B47733" s="2"/>
      <c r="C47733" s="2"/>
    </row>
    <row r="47734" spans="1:3" ht="19.2">
      <c r="A47734" s="2"/>
      <c r="B47734" s="2"/>
      <c r="C47734" s="2"/>
    </row>
    <row r="47735" spans="1:3" ht="19.2">
      <c r="A47735" s="2"/>
      <c r="B47735" s="2"/>
      <c r="C47735" s="2"/>
    </row>
    <row r="47736" spans="1:3" ht="19.2">
      <c r="A47736" s="2"/>
      <c r="B47736" s="2"/>
      <c r="C47736" s="2"/>
    </row>
    <row r="47737" spans="1:3" ht="19.2">
      <c r="A47737" s="2"/>
      <c r="B47737" s="2"/>
      <c r="C47737" s="2"/>
    </row>
    <row r="47738" spans="1:3" ht="19.2">
      <c r="A47738" s="2"/>
      <c r="B47738" s="2"/>
      <c r="C47738" s="2"/>
    </row>
    <row r="47739" spans="1:3" ht="19.2">
      <c r="A47739" s="2"/>
      <c r="B47739" s="2"/>
      <c r="C47739" s="2"/>
    </row>
    <row r="47740" spans="1:3" ht="19.2">
      <c r="A47740" s="2"/>
      <c r="B47740" s="2"/>
      <c r="C47740" s="2"/>
    </row>
    <row r="47741" spans="1:3" ht="19.2">
      <c r="A47741" s="2"/>
      <c r="B47741" s="2"/>
      <c r="C47741" s="2"/>
    </row>
    <row r="47742" spans="1:3" ht="19.2">
      <c r="A47742" s="2"/>
      <c r="B47742" s="2"/>
      <c r="C47742" s="2"/>
    </row>
    <row r="47743" spans="1:3" ht="19.2">
      <c r="A47743" s="2"/>
      <c r="B47743" s="2"/>
      <c r="C47743" s="2"/>
    </row>
    <row r="47744" spans="1:3" ht="19.2">
      <c r="A47744" s="2"/>
      <c r="B47744" s="2"/>
      <c r="C47744" s="2"/>
    </row>
    <row r="47745" spans="1:3" ht="19.2">
      <c r="A47745" s="2"/>
      <c r="B47745" s="2"/>
      <c r="C47745" s="2"/>
    </row>
    <row r="47746" spans="1:3" ht="19.2">
      <c r="A47746" s="2"/>
      <c r="B47746" s="2"/>
      <c r="C47746" s="2"/>
    </row>
    <row r="47747" spans="1:3" ht="19.2">
      <c r="A47747" s="2"/>
      <c r="B47747" s="2"/>
      <c r="C47747" s="2"/>
    </row>
    <row r="47748" spans="1:3" ht="19.2">
      <c r="A47748" s="2"/>
      <c r="B47748" s="2"/>
      <c r="C47748" s="2"/>
    </row>
    <row r="47749" spans="1:3" ht="19.2">
      <c r="A47749" s="2"/>
      <c r="B47749" s="2"/>
      <c r="C47749" s="2"/>
    </row>
    <row r="47750" spans="1:3" ht="19.2">
      <c r="A47750" s="2"/>
      <c r="B47750" s="2"/>
      <c r="C47750" s="2"/>
    </row>
    <row r="47751" spans="1:3" ht="19.2">
      <c r="A47751" s="2"/>
      <c r="B47751" s="2"/>
      <c r="C47751" s="2"/>
    </row>
    <row r="47752" spans="1:3" ht="19.2">
      <c r="A47752" s="2"/>
      <c r="B47752" s="2"/>
      <c r="C47752" s="2"/>
    </row>
    <row r="47753" spans="1:3" ht="19.2">
      <c r="A47753" s="2"/>
      <c r="B47753" s="2"/>
      <c r="C47753" s="2"/>
    </row>
    <row r="47754" spans="1:3" ht="19.2">
      <c r="A47754" s="2"/>
      <c r="B47754" s="2"/>
      <c r="C47754" s="2"/>
    </row>
    <row r="47755" spans="1:3" ht="19.2">
      <c r="A47755" s="2"/>
      <c r="B47755" s="2"/>
      <c r="C47755" s="2"/>
    </row>
    <row r="47756" spans="1:3" ht="19.2">
      <c r="A47756" s="2"/>
      <c r="B47756" s="2"/>
      <c r="C47756" s="2"/>
    </row>
    <row r="47757" spans="1:3" ht="19.2">
      <c r="A47757" s="2"/>
      <c r="B47757" s="2"/>
      <c r="C47757" s="2"/>
    </row>
    <row r="47758" spans="1:3" ht="19.2">
      <c r="A47758" s="2"/>
      <c r="B47758" s="2"/>
      <c r="C47758" s="2"/>
    </row>
    <row r="47759" spans="1:3" ht="19.2">
      <c r="A47759" s="2"/>
      <c r="B47759" s="2"/>
      <c r="C47759" s="2"/>
    </row>
    <row r="47760" spans="1:3" ht="19.2">
      <c r="A47760" s="2"/>
      <c r="B47760" s="2"/>
      <c r="C47760" s="2"/>
    </row>
    <row r="47761" spans="1:3" ht="19.2">
      <c r="A47761" s="2"/>
      <c r="B47761" s="2"/>
      <c r="C47761" s="2"/>
    </row>
    <row r="47762" spans="1:3" ht="19.2">
      <c r="A47762" s="2"/>
      <c r="B47762" s="2"/>
      <c r="C47762" s="2"/>
    </row>
    <row r="47763" spans="1:3" ht="19.2">
      <c r="A47763" s="2"/>
      <c r="B47763" s="2"/>
      <c r="C47763" s="2"/>
    </row>
    <row r="47764" spans="1:3" ht="19.2">
      <c r="A47764" s="2"/>
      <c r="B47764" s="2"/>
      <c r="C47764" s="2"/>
    </row>
    <row r="47765" spans="1:3" ht="19.2">
      <c r="A47765" s="2"/>
      <c r="B47765" s="2"/>
      <c r="C47765" s="2"/>
    </row>
    <row r="47766" spans="1:3" ht="19.2">
      <c r="A47766" s="2"/>
      <c r="B47766" s="2"/>
      <c r="C47766" s="2"/>
    </row>
    <row r="47767" spans="1:3" ht="19.2">
      <c r="A47767" s="2"/>
      <c r="B47767" s="2"/>
      <c r="C47767" s="2"/>
    </row>
    <row r="47768" spans="1:3" ht="19.2">
      <c r="A47768" s="2"/>
      <c r="B47768" s="2"/>
      <c r="C47768" s="2"/>
    </row>
    <row r="47769" spans="1:3" ht="19.2">
      <c r="A47769" s="2"/>
      <c r="B47769" s="2"/>
      <c r="C47769" s="2"/>
    </row>
    <row r="47770" spans="1:3" ht="19.2">
      <c r="A47770" s="2"/>
      <c r="B47770" s="2"/>
      <c r="C47770" s="2"/>
    </row>
    <row r="47771" spans="1:3" ht="19.2">
      <c r="A47771" s="2"/>
      <c r="B47771" s="2"/>
      <c r="C47771" s="2"/>
    </row>
    <row r="47772" spans="1:3" ht="19.2">
      <c r="A47772" s="2"/>
      <c r="B47772" s="2"/>
      <c r="C47772" s="2"/>
    </row>
    <row r="47773" spans="1:3" ht="19.2">
      <c r="A47773" s="2"/>
      <c r="B47773" s="2"/>
      <c r="C47773" s="2"/>
    </row>
    <row r="47774" spans="1:3" ht="19.2">
      <c r="A47774" s="2"/>
      <c r="B47774" s="2"/>
      <c r="C47774" s="2"/>
    </row>
    <row r="47775" spans="1:3" ht="19.2">
      <c r="A47775" s="2"/>
      <c r="B47775" s="2"/>
      <c r="C47775" s="2"/>
    </row>
    <row r="47776" spans="1:3" ht="19.2">
      <c r="A47776" s="2"/>
      <c r="B47776" s="2"/>
      <c r="C47776" s="2"/>
    </row>
    <row r="47777" spans="1:3" ht="19.2">
      <c r="A47777" s="2"/>
      <c r="B47777" s="2"/>
      <c r="C47777" s="2"/>
    </row>
    <row r="47778" spans="1:3" ht="19.2">
      <c r="A47778" s="2"/>
      <c r="B47778" s="2"/>
      <c r="C47778" s="2"/>
    </row>
    <row r="47779" spans="1:3" ht="19.2">
      <c r="A47779" s="2"/>
      <c r="B47779" s="2"/>
      <c r="C47779" s="2"/>
    </row>
    <row r="47780" spans="1:3" ht="19.2">
      <c r="A47780" s="2"/>
      <c r="B47780" s="2"/>
      <c r="C47780" s="2"/>
    </row>
    <row r="47781" spans="1:3" ht="19.2">
      <c r="A47781" s="2"/>
      <c r="B47781" s="2"/>
      <c r="C47781" s="2"/>
    </row>
    <row r="47782" spans="1:3" ht="19.2">
      <c r="A47782" s="2"/>
      <c r="B47782" s="2"/>
      <c r="C47782" s="2"/>
    </row>
    <row r="47783" spans="1:3" ht="19.2">
      <c r="A47783" s="2"/>
      <c r="B47783" s="2"/>
      <c r="C47783" s="2"/>
    </row>
    <row r="47784" spans="1:3" ht="19.2">
      <c r="A47784" s="2"/>
      <c r="B47784" s="2"/>
      <c r="C47784" s="2"/>
    </row>
    <row r="47785" spans="1:3" ht="19.2">
      <c r="A47785" s="2"/>
      <c r="B47785" s="2"/>
      <c r="C47785" s="2"/>
    </row>
    <row r="47786" spans="1:3" ht="19.2">
      <c r="A47786" s="2"/>
      <c r="B47786" s="2"/>
      <c r="C47786" s="2"/>
    </row>
    <row r="47787" spans="1:3" ht="19.2">
      <c r="A47787" s="2"/>
      <c r="B47787" s="2"/>
      <c r="C47787" s="2"/>
    </row>
    <row r="47788" spans="1:3" ht="19.2">
      <c r="A47788" s="2"/>
      <c r="B47788" s="2"/>
      <c r="C47788" s="2"/>
    </row>
    <row r="47789" spans="1:3" ht="19.2">
      <c r="A47789" s="2"/>
      <c r="B47789" s="2"/>
      <c r="C47789" s="2"/>
    </row>
    <row r="47790" spans="1:3" ht="19.2">
      <c r="A47790" s="2"/>
      <c r="B47790" s="2"/>
      <c r="C47790" s="2"/>
    </row>
    <row r="47791" spans="1:3" ht="19.2">
      <c r="A47791" s="2"/>
      <c r="B47791" s="2"/>
      <c r="C47791" s="2"/>
    </row>
    <row r="47792" spans="1:3" ht="19.2">
      <c r="A47792" s="2"/>
      <c r="B47792" s="2"/>
      <c r="C47792" s="2"/>
    </row>
    <row r="47793" spans="1:3" ht="19.2">
      <c r="A47793" s="2"/>
      <c r="B47793" s="2"/>
      <c r="C47793" s="2"/>
    </row>
    <row r="47794" spans="1:3" ht="19.2">
      <c r="A47794" s="2"/>
      <c r="B47794" s="2"/>
      <c r="C47794" s="2"/>
    </row>
    <row r="47795" spans="1:3" ht="19.2">
      <c r="A47795" s="2"/>
      <c r="B47795" s="2"/>
      <c r="C47795" s="2"/>
    </row>
    <row r="47796" spans="1:3" ht="19.2">
      <c r="A47796" s="2"/>
      <c r="B47796" s="2"/>
      <c r="C47796" s="2"/>
    </row>
    <row r="47797" spans="1:3" ht="19.2">
      <c r="A47797" s="2"/>
      <c r="B47797" s="2"/>
      <c r="C47797" s="2"/>
    </row>
    <row r="47798" spans="1:3" ht="19.2">
      <c r="A47798" s="2"/>
      <c r="B47798" s="2"/>
      <c r="C47798" s="2"/>
    </row>
    <row r="47799" spans="1:3" ht="19.2">
      <c r="A47799" s="2"/>
      <c r="B47799" s="2"/>
      <c r="C47799" s="2"/>
    </row>
    <row r="47800" spans="1:3" ht="19.2">
      <c r="A47800" s="2"/>
      <c r="B47800" s="2"/>
      <c r="C47800" s="2"/>
    </row>
    <row r="47801" spans="1:3" ht="19.2">
      <c r="A47801" s="2"/>
      <c r="B47801" s="2"/>
      <c r="C47801" s="2"/>
    </row>
    <row r="47802" spans="1:3" ht="19.2">
      <c r="A47802" s="2"/>
      <c r="B47802" s="2"/>
      <c r="C47802" s="2"/>
    </row>
    <row r="47803" spans="1:3" ht="19.2">
      <c r="A47803" s="2"/>
      <c r="B47803" s="2"/>
      <c r="C47803" s="2"/>
    </row>
    <row r="47804" spans="1:3" ht="19.2">
      <c r="A47804" s="2"/>
      <c r="B47804" s="2"/>
      <c r="C47804" s="2"/>
    </row>
    <row r="47805" spans="1:3" ht="19.2">
      <c r="A47805" s="2"/>
      <c r="B47805" s="2"/>
      <c r="C47805" s="2"/>
    </row>
    <row r="47806" spans="1:3" ht="19.2">
      <c r="A47806" s="2"/>
      <c r="B47806" s="2"/>
      <c r="C47806" s="2"/>
    </row>
    <row r="47807" spans="1:3" ht="19.2">
      <c r="A47807" s="2"/>
      <c r="B47807" s="2"/>
      <c r="C47807" s="2"/>
    </row>
    <row r="47808" spans="1:3" ht="19.2">
      <c r="A47808" s="2"/>
      <c r="B47808" s="2"/>
      <c r="C47808" s="2"/>
    </row>
    <row r="47809" spans="1:3" ht="19.2">
      <c r="A47809" s="2"/>
      <c r="B47809" s="2"/>
      <c r="C47809" s="2"/>
    </row>
    <row r="47810" spans="1:3" ht="19.2">
      <c r="A47810" s="2"/>
      <c r="B47810" s="2"/>
      <c r="C47810" s="2"/>
    </row>
    <row r="47811" spans="1:3" ht="19.2">
      <c r="A47811" s="2"/>
      <c r="B47811" s="2"/>
      <c r="C47811" s="2"/>
    </row>
    <row r="47812" spans="1:3" ht="19.2">
      <c r="A47812" s="2"/>
      <c r="B47812" s="2"/>
      <c r="C47812" s="2"/>
    </row>
    <row r="47813" spans="1:3" ht="19.2">
      <c r="A47813" s="2"/>
      <c r="B47813" s="2"/>
      <c r="C47813" s="2"/>
    </row>
    <row r="47814" spans="1:3" ht="19.2">
      <c r="A47814" s="2"/>
      <c r="B47814" s="2"/>
      <c r="C47814" s="2"/>
    </row>
    <row r="47815" spans="1:3" ht="19.2">
      <c r="A47815" s="2"/>
      <c r="B47815" s="2"/>
      <c r="C47815" s="2"/>
    </row>
    <row r="47816" spans="1:3" ht="19.2">
      <c r="A47816" s="2"/>
      <c r="B47816" s="2"/>
      <c r="C47816" s="2"/>
    </row>
    <row r="47817" spans="1:3" ht="19.2">
      <c r="A47817" s="2"/>
      <c r="B47817" s="2"/>
      <c r="C47817" s="2"/>
    </row>
    <row r="47818" spans="1:3" ht="19.2">
      <c r="A47818" s="2"/>
      <c r="B47818" s="2"/>
      <c r="C47818" s="2"/>
    </row>
    <row r="47819" spans="1:3" ht="19.2">
      <c r="A47819" s="2"/>
      <c r="B47819" s="2"/>
      <c r="C47819" s="2"/>
    </row>
    <row r="47820" spans="1:3" ht="19.2">
      <c r="A47820" s="2"/>
      <c r="B47820" s="2"/>
      <c r="C47820" s="2"/>
    </row>
    <row r="47821" spans="1:3" ht="19.2">
      <c r="A47821" s="2"/>
      <c r="B47821" s="2"/>
      <c r="C47821" s="2"/>
    </row>
    <row r="47822" spans="1:3" ht="19.2">
      <c r="A47822" s="2"/>
      <c r="B47822" s="2"/>
      <c r="C47822" s="2"/>
    </row>
    <row r="47823" spans="1:3" ht="19.2">
      <c r="A47823" s="2"/>
      <c r="B47823" s="2"/>
      <c r="C47823" s="2"/>
    </row>
    <row r="47824" spans="1:3" ht="19.2">
      <c r="A47824" s="2"/>
      <c r="B47824" s="2"/>
      <c r="C47824" s="2"/>
    </row>
    <row r="47825" spans="1:3" ht="19.2">
      <c r="A47825" s="2"/>
      <c r="B47825" s="2"/>
      <c r="C47825" s="2"/>
    </row>
    <row r="47826" spans="1:3" ht="19.2">
      <c r="A47826" s="2"/>
      <c r="B47826" s="2"/>
      <c r="C47826" s="2"/>
    </row>
    <row r="47827" spans="1:3" ht="19.2">
      <c r="A47827" s="2"/>
      <c r="B47827" s="2"/>
      <c r="C47827" s="2"/>
    </row>
    <row r="47828" spans="1:3" ht="19.2">
      <c r="A47828" s="2"/>
      <c r="B47828" s="2"/>
      <c r="C47828" s="2"/>
    </row>
    <row r="47829" spans="1:3" ht="19.2">
      <c r="A47829" s="2"/>
      <c r="B47829" s="2"/>
      <c r="C47829" s="2"/>
    </row>
    <row r="47830" spans="1:3" ht="19.2">
      <c r="A47830" s="2"/>
      <c r="B47830" s="2"/>
      <c r="C47830" s="2"/>
    </row>
    <row r="47831" spans="1:3" ht="19.2">
      <c r="A47831" s="2"/>
      <c r="B47831" s="2"/>
      <c r="C47831" s="2"/>
    </row>
    <row r="47832" spans="1:3" ht="19.2">
      <c r="A47832" s="2"/>
      <c r="B47832" s="2"/>
      <c r="C47832" s="2"/>
    </row>
    <row r="47833" spans="1:3" ht="19.2">
      <c r="A47833" s="2"/>
      <c r="B47833" s="2"/>
      <c r="C47833" s="2"/>
    </row>
    <row r="47834" spans="1:3" ht="19.2">
      <c r="A47834" s="2"/>
      <c r="B47834" s="2"/>
      <c r="C47834" s="2"/>
    </row>
    <row r="47835" spans="1:3" ht="19.2">
      <c r="A47835" s="2"/>
      <c r="B47835" s="2"/>
      <c r="C47835" s="2"/>
    </row>
    <row r="47836" spans="1:3" ht="19.2">
      <c r="A47836" s="2"/>
      <c r="B47836" s="2"/>
      <c r="C47836" s="2"/>
    </row>
    <row r="47837" spans="1:3" ht="19.2">
      <c r="A47837" s="2"/>
      <c r="B47837" s="2"/>
      <c r="C47837" s="2"/>
    </row>
    <row r="47838" spans="1:3" ht="19.2">
      <c r="A47838" s="2"/>
      <c r="B47838" s="2"/>
      <c r="C47838" s="2"/>
    </row>
    <row r="47839" spans="1:3" ht="19.2">
      <c r="A47839" s="2"/>
      <c r="B47839" s="2"/>
      <c r="C47839" s="2"/>
    </row>
    <row r="47840" spans="1:3" ht="19.2">
      <c r="A47840" s="2"/>
      <c r="B47840" s="2"/>
      <c r="C47840" s="2"/>
    </row>
    <row r="47841" spans="1:3" ht="19.2">
      <c r="A47841" s="2"/>
      <c r="B47841" s="2"/>
      <c r="C47841" s="2"/>
    </row>
    <row r="47842" spans="1:3" ht="19.2">
      <c r="A47842" s="2"/>
      <c r="B47842" s="2"/>
      <c r="C47842" s="2"/>
    </row>
    <row r="47843" spans="1:3" ht="19.2">
      <c r="A47843" s="2"/>
      <c r="B47843" s="2"/>
      <c r="C47843" s="2"/>
    </row>
    <row r="47844" spans="1:3" ht="19.2">
      <c r="A47844" s="2"/>
      <c r="B47844" s="2"/>
      <c r="C47844" s="2"/>
    </row>
    <row r="47845" spans="1:3" ht="19.2">
      <c r="A47845" s="2"/>
      <c r="B47845" s="2"/>
      <c r="C47845" s="2"/>
    </row>
    <row r="47846" spans="1:3" ht="19.2">
      <c r="A47846" s="2"/>
      <c r="B47846" s="2"/>
      <c r="C47846" s="2"/>
    </row>
    <row r="47847" spans="1:3" ht="19.2">
      <c r="A47847" s="2"/>
      <c r="B47847" s="2"/>
      <c r="C47847" s="2"/>
    </row>
    <row r="47848" spans="1:3" ht="19.2">
      <c r="A47848" s="2"/>
      <c r="B47848" s="2"/>
      <c r="C47848" s="2"/>
    </row>
    <row r="47849" spans="1:3" ht="19.2">
      <c r="A47849" s="2"/>
      <c r="B47849" s="2"/>
      <c r="C47849" s="2"/>
    </row>
    <row r="47850" spans="1:3" ht="19.2">
      <c r="A47850" s="2"/>
      <c r="B47850" s="2"/>
      <c r="C47850" s="2"/>
    </row>
    <row r="47851" spans="1:3" ht="19.2">
      <c r="A47851" s="2"/>
      <c r="B47851" s="2"/>
      <c r="C47851" s="2"/>
    </row>
    <row r="47852" spans="1:3" ht="19.2">
      <c r="A47852" s="2"/>
      <c r="B47852" s="2"/>
      <c r="C47852" s="2"/>
    </row>
    <row r="47853" spans="1:3" ht="19.2">
      <c r="A47853" s="2"/>
      <c r="B47853" s="2"/>
      <c r="C47853" s="2"/>
    </row>
    <row r="47854" spans="1:3" ht="19.2">
      <c r="A47854" s="2"/>
      <c r="B47854" s="2"/>
      <c r="C47854" s="2"/>
    </row>
    <row r="47855" spans="1:3" ht="19.2">
      <c r="A47855" s="2"/>
      <c r="B47855" s="2"/>
      <c r="C47855" s="2"/>
    </row>
    <row r="47856" spans="1:3" ht="19.2">
      <c r="A47856" s="2"/>
      <c r="B47856" s="2"/>
      <c r="C47856" s="2"/>
    </row>
    <row r="47857" spans="1:3" ht="19.2">
      <c r="A47857" s="2"/>
      <c r="B47857" s="2"/>
      <c r="C47857" s="2"/>
    </row>
    <row r="47858" spans="1:3" ht="19.2">
      <c r="A47858" s="2"/>
      <c r="B47858" s="2"/>
      <c r="C47858" s="2"/>
    </row>
    <row r="47859" spans="1:3" ht="19.2">
      <c r="A47859" s="2"/>
      <c r="B47859" s="2"/>
      <c r="C47859" s="2"/>
    </row>
    <row r="47860" spans="1:3" ht="19.2">
      <c r="A47860" s="2"/>
      <c r="B47860" s="2"/>
      <c r="C47860" s="2"/>
    </row>
    <row r="47861" spans="1:3" ht="19.2">
      <c r="A47861" s="2"/>
      <c r="B47861" s="2"/>
      <c r="C47861" s="2"/>
    </row>
    <row r="47862" spans="1:3" ht="19.2">
      <c r="A47862" s="2"/>
      <c r="B47862" s="2"/>
      <c r="C47862" s="2"/>
    </row>
    <row r="47863" spans="1:3" ht="19.2">
      <c r="A47863" s="2"/>
      <c r="B47863" s="2"/>
      <c r="C47863" s="2"/>
    </row>
    <row r="47864" spans="1:3" ht="19.2">
      <c r="A47864" s="2"/>
      <c r="B47864" s="2"/>
      <c r="C47864" s="2"/>
    </row>
    <row r="47865" spans="1:3" ht="19.2">
      <c r="A47865" s="2"/>
      <c r="B47865" s="2"/>
      <c r="C47865" s="2"/>
    </row>
    <row r="47866" spans="1:3" ht="19.2">
      <c r="A47866" s="2"/>
      <c r="B47866" s="2"/>
      <c r="C47866" s="2"/>
    </row>
    <row r="47867" spans="1:3" ht="19.2">
      <c r="A47867" s="2"/>
      <c r="B47867" s="2"/>
      <c r="C47867" s="2"/>
    </row>
    <row r="47868" spans="1:3" ht="19.2">
      <c r="A47868" s="2"/>
      <c r="B47868" s="2"/>
      <c r="C47868" s="2"/>
    </row>
    <row r="47869" spans="1:3" ht="19.2">
      <c r="A47869" s="2"/>
      <c r="B47869" s="2"/>
      <c r="C47869" s="2"/>
    </row>
    <row r="47870" spans="1:3" ht="19.2">
      <c r="A47870" s="2"/>
      <c r="B47870" s="2"/>
      <c r="C47870" s="2"/>
    </row>
    <row r="47871" spans="1:3" ht="19.2">
      <c r="A47871" s="2"/>
      <c r="B47871" s="2"/>
      <c r="C47871" s="2"/>
    </row>
    <row r="47872" spans="1:3" ht="19.2">
      <c r="A47872" s="2"/>
      <c r="B47872" s="2"/>
      <c r="C47872" s="2"/>
    </row>
    <row r="47873" spans="1:3" ht="19.2">
      <c r="A47873" s="2"/>
      <c r="B47873" s="2"/>
      <c r="C47873" s="2"/>
    </row>
    <row r="47874" spans="1:3" ht="19.2">
      <c r="A47874" s="2"/>
      <c r="B47874" s="2"/>
      <c r="C47874" s="2"/>
    </row>
    <row r="47875" spans="1:3" ht="19.2">
      <c r="A47875" s="2"/>
      <c r="B47875" s="2"/>
      <c r="C47875" s="2"/>
    </row>
    <row r="47876" spans="1:3" ht="19.2">
      <c r="A47876" s="2"/>
      <c r="B47876" s="2"/>
      <c r="C47876" s="2"/>
    </row>
    <row r="47877" spans="1:3" ht="19.2">
      <c r="A47877" s="2"/>
      <c r="B47877" s="2"/>
      <c r="C47877" s="2"/>
    </row>
    <row r="47878" spans="1:3" ht="19.2">
      <c r="A47878" s="2"/>
      <c r="B47878" s="2"/>
      <c r="C47878" s="2"/>
    </row>
    <row r="47879" spans="1:3" ht="19.2">
      <c r="A47879" s="2"/>
      <c r="B47879" s="2"/>
      <c r="C47879" s="2"/>
    </row>
    <row r="47880" spans="1:3" ht="19.2">
      <c r="A47880" s="2"/>
      <c r="B47880" s="2"/>
      <c r="C47880" s="2"/>
    </row>
    <row r="47881" spans="1:3" ht="19.2">
      <c r="A47881" s="2"/>
      <c r="B47881" s="2"/>
      <c r="C47881" s="2"/>
    </row>
    <row r="47882" spans="1:3" ht="19.2">
      <c r="A47882" s="2"/>
      <c r="B47882" s="2"/>
      <c r="C47882" s="2"/>
    </row>
    <row r="47883" spans="1:3" ht="19.2">
      <c r="A47883" s="2"/>
      <c r="B47883" s="2"/>
      <c r="C47883" s="2"/>
    </row>
    <row r="47884" spans="1:3" ht="19.2">
      <c r="A47884" s="2"/>
      <c r="B47884" s="2"/>
      <c r="C47884" s="2"/>
    </row>
    <row r="47885" spans="1:3" ht="19.2">
      <c r="A47885" s="2"/>
      <c r="B47885" s="2"/>
      <c r="C47885" s="2"/>
    </row>
    <row r="47886" spans="1:3" ht="19.2">
      <c r="A47886" s="2"/>
      <c r="B47886" s="2"/>
      <c r="C47886" s="2"/>
    </row>
    <row r="47887" spans="1:3" ht="19.2">
      <c r="A47887" s="2"/>
      <c r="B47887" s="2"/>
      <c r="C47887" s="2"/>
    </row>
    <row r="47888" spans="1:3" ht="19.2">
      <c r="A47888" s="2"/>
      <c r="B47888" s="2"/>
      <c r="C47888" s="2"/>
    </row>
    <row r="47889" spans="1:3" ht="19.2">
      <c r="A47889" s="2"/>
      <c r="B47889" s="2"/>
      <c r="C47889" s="2"/>
    </row>
    <row r="47890" spans="1:3" ht="19.2">
      <c r="A47890" s="2"/>
      <c r="B47890" s="2"/>
      <c r="C47890" s="2"/>
    </row>
    <row r="47891" spans="1:3" ht="19.2">
      <c r="A47891" s="2"/>
      <c r="B47891" s="2"/>
      <c r="C47891" s="2"/>
    </row>
    <row r="47892" spans="1:3" ht="19.2">
      <c r="A47892" s="2"/>
      <c r="B47892" s="2"/>
      <c r="C47892" s="2"/>
    </row>
    <row r="47893" spans="1:3" ht="19.2">
      <c r="A47893" s="2"/>
      <c r="B47893" s="2"/>
      <c r="C47893" s="2"/>
    </row>
    <row r="47894" spans="1:3" ht="19.2">
      <c r="A47894" s="2"/>
      <c r="B47894" s="2"/>
      <c r="C47894" s="2"/>
    </row>
    <row r="47895" spans="1:3" ht="19.2">
      <c r="A47895" s="2"/>
      <c r="B47895" s="2"/>
      <c r="C47895" s="2"/>
    </row>
    <row r="47896" spans="1:3" ht="19.2">
      <c r="A47896" s="2"/>
      <c r="B47896" s="2"/>
      <c r="C47896" s="2"/>
    </row>
    <row r="47897" spans="1:3" ht="19.2">
      <c r="A47897" s="2"/>
      <c r="B47897" s="2"/>
      <c r="C47897" s="2"/>
    </row>
    <row r="47898" spans="1:3" ht="19.2">
      <c r="A47898" s="2"/>
      <c r="B47898" s="2"/>
      <c r="C47898" s="2"/>
    </row>
    <row r="47899" spans="1:3" ht="19.2">
      <c r="A47899" s="2"/>
      <c r="B47899" s="2"/>
      <c r="C47899" s="2"/>
    </row>
    <row r="47900" spans="1:3" ht="19.2">
      <c r="A47900" s="2"/>
      <c r="B47900" s="2"/>
      <c r="C47900" s="2"/>
    </row>
    <row r="47901" spans="1:3" ht="19.2">
      <c r="A47901" s="2"/>
      <c r="B47901" s="2"/>
      <c r="C47901" s="2"/>
    </row>
    <row r="47902" spans="1:3" ht="19.2">
      <c r="A47902" s="2"/>
      <c r="B47902" s="2"/>
      <c r="C47902" s="2"/>
    </row>
    <row r="47903" spans="1:3" ht="19.2">
      <c r="A47903" s="2"/>
      <c r="B47903" s="2"/>
      <c r="C47903" s="2"/>
    </row>
    <row r="47904" spans="1:3" ht="19.2">
      <c r="A47904" s="2"/>
      <c r="B47904" s="2"/>
      <c r="C47904" s="2"/>
    </row>
    <row r="47905" spans="1:3" ht="19.2">
      <c r="A47905" s="2"/>
      <c r="B47905" s="2"/>
      <c r="C47905" s="2"/>
    </row>
    <row r="47906" spans="1:3" ht="19.2">
      <c r="A47906" s="2"/>
      <c r="B47906" s="2"/>
      <c r="C47906" s="2"/>
    </row>
    <row r="47907" spans="1:3" ht="19.2">
      <c r="A47907" s="2"/>
      <c r="B47907" s="2"/>
      <c r="C47907" s="2"/>
    </row>
    <row r="47908" spans="1:3" ht="19.2">
      <c r="A47908" s="2"/>
      <c r="B47908" s="2"/>
      <c r="C47908" s="2"/>
    </row>
    <row r="47909" spans="1:3" ht="19.2">
      <c r="A47909" s="2"/>
      <c r="B47909" s="2"/>
      <c r="C47909" s="2"/>
    </row>
    <row r="47910" spans="1:3" ht="19.2">
      <c r="A47910" s="2"/>
      <c r="B47910" s="2"/>
      <c r="C47910" s="2"/>
    </row>
    <row r="47911" spans="1:3" ht="19.2">
      <c r="A47911" s="2"/>
      <c r="B47911" s="2"/>
      <c r="C47911" s="2"/>
    </row>
    <row r="47912" spans="1:3" ht="19.2">
      <c r="A47912" s="2"/>
      <c r="B47912" s="2"/>
      <c r="C47912" s="2"/>
    </row>
    <row r="47913" spans="1:3" ht="19.2">
      <c r="A47913" s="2"/>
      <c r="B47913" s="2"/>
      <c r="C47913" s="2"/>
    </row>
    <row r="47914" spans="1:3" ht="19.2">
      <c r="A47914" s="2"/>
      <c r="B47914" s="2"/>
      <c r="C47914" s="2"/>
    </row>
    <row r="47915" spans="1:3" ht="19.2">
      <c r="A47915" s="2"/>
      <c r="B47915" s="2"/>
      <c r="C47915" s="2"/>
    </row>
    <row r="47916" spans="1:3" ht="19.2">
      <c r="A47916" s="2"/>
      <c r="B47916" s="2"/>
      <c r="C47916" s="2"/>
    </row>
    <row r="47917" spans="1:3" ht="19.2">
      <c r="A47917" s="2"/>
      <c r="B47917" s="2"/>
      <c r="C47917" s="2"/>
    </row>
    <row r="47918" spans="1:3" ht="19.2">
      <c r="A47918" s="2"/>
      <c r="B47918" s="2"/>
      <c r="C47918" s="2"/>
    </row>
    <row r="47919" spans="1:3" ht="19.2">
      <c r="A47919" s="2"/>
      <c r="B47919" s="2"/>
      <c r="C47919" s="2"/>
    </row>
    <row r="47920" spans="1:3" ht="19.2">
      <c r="A47920" s="2"/>
      <c r="B47920" s="2"/>
      <c r="C47920" s="2"/>
    </row>
    <row r="47921" spans="1:3" ht="19.2">
      <c r="A47921" s="2"/>
      <c r="B47921" s="2"/>
      <c r="C47921" s="2"/>
    </row>
    <row r="47922" spans="1:3" ht="19.2">
      <c r="A47922" s="2"/>
      <c r="B47922" s="2"/>
      <c r="C47922" s="2"/>
    </row>
    <row r="47923" spans="1:3" ht="19.2">
      <c r="A47923" s="2"/>
      <c r="B47923" s="2"/>
      <c r="C47923" s="2"/>
    </row>
    <row r="47924" spans="1:3" ht="19.2">
      <c r="A47924" s="2"/>
      <c r="B47924" s="2"/>
      <c r="C47924" s="2"/>
    </row>
    <row r="47925" spans="1:3" ht="19.2">
      <c r="A47925" s="2"/>
      <c r="B47925" s="2"/>
      <c r="C47925" s="2"/>
    </row>
    <row r="47926" spans="1:3" ht="19.2">
      <c r="A47926" s="2"/>
      <c r="B47926" s="2"/>
      <c r="C47926" s="2"/>
    </row>
    <row r="47927" spans="1:3" ht="19.2">
      <c r="A47927" s="2"/>
      <c r="B47927" s="2"/>
      <c r="C47927" s="2"/>
    </row>
    <row r="47928" spans="1:3" ht="19.2">
      <c r="A47928" s="2"/>
      <c r="B47928" s="2"/>
      <c r="C47928" s="2"/>
    </row>
    <row r="47929" spans="1:3" ht="19.2">
      <c r="A47929" s="2"/>
      <c r="B47929" s="2"/>
      <c r="C47929" s="2"/>
    </row>
    <row r="47930" spans="1:3" ht="19.2">
      <c r="A47930" s="2"/>
      <c r="B47930" s="2"/>
      <c r="C47930" s="2"/>
    </row>
    <row r="47931" spans="1:3" ht="19.2">
      <c r="A47931" s="2"/>
      <c r="B47931" s="2"/>
      <c r="C47931" s="2"/>
    </row>
    <row r="47932" spans="1:3" ht="19.2">
      <c r="A47932" s="2"/>
      <c r="B47932" s="2"/>
      <c r="C47932" s="2"/>
    </row>
    <row r="47933" spans="1:3" ht="19.2">
      <c r="A47933" s="2"/>
      <c r="B47933" s="2"/>
      <c r="C47933" s="2"/>
    </row>
    <row r="47934" spans="1:3" ht="19.2">
      <c r="A47934" s="2"/>
      <c r="B47934" s="2"/>
      <c r="C47934" s="2"/>
    </row>
    <row r="47935" spans="1:3" ht="19.2">
      <c r="A47935" s="2"/>
      <c r="B47935" s="2"/>
      <c r="C47935" s="2"/>
    </row>
    <row r="47936" spans="1:3" ht="19.2">
      <c r="A47936" s="2"/>
      <c r="B47936" s="2"/>
      <c r="C47936" s="2"/>
    </row>
    <row r="47937" spans="1:3" ht="19.2">
      <c r="A47937" s="2"/>
      <c r="B47937" s="2"/>
      <c r="C47937" s="2"/>
    </row>
    <row r="47938" spans="1:3" ht="19.2">
      <c r="A47938" s="2"/>
      <c r="B47938" s="2"/>
      <c r="C47938" s="2"/>
    </row>
    <row r="47939" spans="1:3" ht="19.2">
      <c r="A47939" s="2"/>
      <c r="B47939" s="2"/>
      <c r="C47939" s="2"/>
    </row>
    <row r="47940" spans="1:3" ht="19.2">
      <c r="A47940" s="2"/>
      <c r="B47940" s="2"/>
      <c r="C47940" s="2"/>
    </row>
    <row r="47941" spans="1:3" ht="19.2">
      <c r="A47941" s="2"/>
      <c r="B47941" s="2"/>
      <c r="C47941" s="2"/>
    </row>
    <row r="47942" spans="1:3" ht="19.2">
      <c r="A47942" s="2"/>
      <c r="B47942" s="2"/>
      <c r="C47942" s="2"/>
    </row>
    <row r="47943" spans="1:3" ht="19.2">
      <c r="A47943" s="2"/>
      <c r="B47943" s="2"/>
      <c r="C47943" s="2"/>
    </row>
    <row r="47944" spans="1:3" ht="19.2">
      <c r="A47944" s="2"/>
      <c r="B47944" s="2"/>
      <c r="C47944" s="2"/>
    </row>
    <row r="47945" spans="1:3" ht="19.2">
      <c r="A47945" s="2"/>
      <c r="B47945" s="2"/>
      <c r="C47945" s="2"/>
    </row>
    <row r="47946" spans="1:3" ht="19.2">
      <c r="A47946" s="2"/>
      <c r="B47946" s="2"/>
      <c r="C47946" s="2"/>
    </row>
    <row r="47947" spans="1:3" ht="19.2">
      <c r="A47947" s="2"/>
      <c r="B47947" s="2"/>
      <c r="C47947" s="2"/>
    </row>
    <row r="47948" spans="1:3" ht="19.2">
      <c r="A47948" s="2"/>
      <c r="B47948" s="2"/>
      <c r="C47948" s="2"/>
    </row>
    <row r="47949" spans="1:3" ht="19.2">
      <c r="A47949" s="2"/>
      <c r="B47949" s="2"/>
      <c r="C47949" s="2"/>
    </row>
    <row r="47950" spans="1:3" ht="19.2">
      <c r="A47950" s="2"/>
      <c r="B47950" s="2"/>
      <c r="C47950" s="2"/>
    </row>
    <row r="47951" spans="1:3" ht="19.2">
      <c r="A47951" s="2"/>
      <c r="B47951" s="2"/>
      <c r="C47951" s="2"/>
    </row>
    <row r="47952" spans="1:3" ht="19.2">
      <c r="A47952" s="2"/>
      <c r="B47952" s="2"/>
      <c r="C47952" s="2"/>
    </row>
    <row r="47953" spans="1:3" ht="19.2">
      <c r="A47953" s="2"/>
      <c r="B47953" s="2"/>
      <c r="C47953" s="2"/>
    </row>
    <row r="47954" spans="1:3" ht="19.2">
      <c r="A47954" s="2"/>
      <c r="B47954" s="2"/>
      <c r="C47954" s="2"/>
    </row>
    <row r="47955" spans="1:3" ht="19.2">
      <c r="A47955" s="2"/>
      <c r="B47955" s="2"/>
      <c r="C47955" s="2"/>
    </row>
    <row r="47956" spans="1:3" ht="19.2">
      <c r="A47956" s="2"/>
      <c r="B47956" s="2"/>
      <c r="C47956" s="2"/>
    </row>
    <row r="47957" spans="1:3" ht="19.2">
      <c r="A47957" s="2"/>
      <c r="B47957" s="2"/>
      <c r="C47957" s="2"/>
    </row>
    <row r="47958" spans="1:3" ht="19.2">
      <c r="A47958" s="2"/>
      <c r="B47958" s="2"/>
      <c r="C47958" s="2"/>
    </row>
    <row r="47959" spans="1:3" ht="19.2">
      <c r="A47959" s="2"/>
      <c r="B47959" s="2"/>
      <c r="C47959" s="2"/>
    </row>
    <row r="47960" spans="1:3" ht="19.2">
      <c r="A47960" s="2"/>
      <c r="B47960" s="2"/>
      <c r="C47960" s="2"/>
    </row>
    <row r="47961" spans="1:3" ht="19.2">
      <c r="A47961" s="2"/>
      <c r="B47961" s="2"/>
      <c r="C47961" s="2"/>
    </row>
    <row r="47962" spans="1:3" ht="19.2">
      <c r="A47962" s="2"/>
      <c r="B47962" s="2"/>
      <c r="C47962" s="2"/>
    </row>
    <row r="47963" spans="1:3" ht="19.2">
      <c r="A47963" s="2"/>
      <c r="B47963" s="2"/>
      <c r="C47963" s="2"/>
    </row>
    <row r="47964" spans="1:3" ht="19.2">
      <c r="A47964" s="2"/>
      <c r="B47964" s="2"/>
      <c r="C47964" s="2"/>
    </row>
    <row r="47965" spans="1:3" ht="19.2">
      <c r="A47965" s="2"/>
      <c r="B47965" s="2"/>
      <c r="C47965" s="2"/>
    </row>
    <row r="47966" spans="1:3" ht="19.2">
      <c r="A47966" s="2"/>
      <c r="B47966" s="2"/>
      <c r="C47966" s="2"/>
    </row>
    <row r="47967" spans="1:3" ht="19.2">
      <c r="A47967" s="2"/>
      <c r="B47967" s="2"/>
      <c r="C47967" s="2"/>
    </row>
    <row r="47968" spans="1:3" ht="19.2">
      <c r="A47968" s="2"/>
      <c r="B47968" s="2"/>
      <c r="C47968" s="2"/>
    </row>
    <row r="47969" spans="1:3" ht="19.2">
      <c r="A47969" s="2"/>
      <c r="B47969" s="2"/>
      <c r="C47969" s="2"/>
    </row>
    <row r="47970" spans="1:3" ht="19.2">
      <c r="A47970" s="2"/>
      <c r="B47970" s="2"/>
      <c r="C47970" s="2"/>
    </row>
    <row r="47971" spans="1:3" ht="19.2">
      <c r="A47971" s="2"/>
      <c r="B47971" s="2"/>
      <c r="C47971" s="2"/>
    </row>
    <row r="47972" spans="1:3" ht="19.2">
      <c r="A47972" s="2"/>
      <c r="B47972" s="2"/>
      <c r="C47972" s="2"/>
    </row>
    <row r="47973" spans="1:3" ht="19.2">
      <c r="A47973" s="2"/>
      <c r="B47973" s="2"/>
      <c r="C47973" s="2"/>
    </row>
    <row r="47974" spans="1:3" ht="19.2">
      <c r="A47974" s="2"/>
      <c r="B47974" s="2"/>
      <c r="C47974" s="2"/>
    </row>
    <row r="47975" spans="1:3" ht="19.2">
      <c r="A47975" s="2"/>
      <c r="B47975" s="2"/>
      <c r="C47975" s="2"/>
    </row>
    <row r="47976" spans="1:3" ht="19.2">
      <c r="A47976" s="2"/>
      <c r="B47976" s="2"/>
      <c r="C47976" s="2"/>
    </row>
    <row r="47977" spans="1:3" ht="19.2">
      <c r="A47977" s="2"/>
      <c r="B47977" s="2"/>
      <c r="C47977" s="2"/>
    </row>
    <row r="47978" spans="1:3" ht="19.2">
      <c r="A47978" s="2"/>
      <c r="B47978" s="2"/>
      <c r="C47978" s="2"/>
    </row>
    <row r="47979" spans="1:3" ht="19.2">
      <c r="A47979" s="2"/>
      <c r="B47979" s="2"/>
      <c r="C47979" s="2"/>
    </row>
    <row r="47980" spans="1:3" ht="19.2">
      <c r="A47980" s="2"/>
      <c r="B47980" s="2"/>
      <c r="C47980" s="2"/>
    </row>
    <row r="47981" spans="1:3" ht="19.2">
      <c r="A47981" s="2"/>
      <c r="B47981" s="2"/>
      <c r="C47981" s="2"/>
    </row>
    <row r="47982" spans="1:3" ht="19.2">
      <c r="A47982" s="2"/>
      <c r="B47982" s="2"/>
      <c r="C47982" s="2"/>
    </row>
    <row r="47983" spans="1:3" ht="19.2">
      <c r="A47983" s="2"/>
      <c r="B47983" s="2"/>
      <c r="C47983" s="2"/>
    </row>
    <row r="47984" spans="1:3" ht="19.2">
      <c r="A47984" s="2"/>
      <c r="B47984" s="2"/>
      <c r="C47984" s="2"/>
    </row>
    <row r="47985" spans="1:3" ht="19.2">
      <c r="A47985" s="2"/>
      <c r="B47985" s="2"/>
      <c r="C47985" s="2"/>
    </row>
    <row r="47986" spans="1:3" ht="19.2">
      <c r="A47986" s="2"/>
      <c r="B47986" s="2"/>
      <c r="C47986" s="2"/>
    </row>
    <row r="47987" spans="1:3" ht="19.2">
      <c r="A47987" s="2"/>
      <c r="B47987" s="2"/>
      <c r="C47987" s="2"/>
    </row>
    <row r="47988" spans="1:3" ht="19.2">
      <c r="A47988" s="2"/>
      <c r="B47988" s="2"/>
      <c r="C47988" s="2"/>
    </row>
    <row r="47989" spans="1:3" ht="19.2">
      <c r="A47989" s="2"/>
      <c r="B47989" s="2"/>
      <c r="C47989" s="2"/>
    </row>
    <row r="47990" spans="1:3" ht="19.2">
      <c r="A47990" s="2"/>
      <c r="B47990" s="2"/>
      <c r="C47990" s="2"/>
    </row>
    <row r="47991" spans="1:3" ht="19.2">
      <c r="A47991" s="2"/>
      <c r="B47991" s="2"/>
      <c r="C47991" s="2"/>
    </row>
    <row r="47992" spans="1:3" ht="19.2">
      <c r="A47992" s="2"/>
      <c r="B47992" s="2"/>
      <c r="C47992" s="2"/>
    </row>
    <row r="47993" spans="1:3" ht="19.2">
      <c r="A47993" s="2"/>
      <c r="B47993" s="2"/>
      <c r="C47993" s="2"/>
    </row>
    <row r="47994" spans="1:3" ht="19.2">
      <c r="A47994" s="2"/>
      <c r="B47994" s="2"/>
      <c r="C47994" s="2"/>
    </row>
    <row r="47995" spans="1:3" ht="19.2">
      <c r="A47995" s="2"/>
      <c r="B47995" s="2"/>
      <c r="C47995" s="2"/>
    </row>
    <row r="47996" spans="1:3" ht="19.2">
      <c r="A47996" s="2"/>
      <c r="B47996" s="2"/>
      <c r="C47996" s="2"/>
    </row>
    <row r="47997" spans="1:3" ht="19.2">
      <c r="A47997" s="2"/>
      <c r="B47997" s="2"/>
      <c r="C47997" s="2"/>
    </row>
    <row r="47998" spans="1:3" ht="19.2">
      <c r="A47998" s="2"/>
      <c r="B47998" s="2"/>
      <c r="C47998" s="2"/>
    </row>
    <row r="47999" spans="1:3" ht="19.2">
      <c r="A47999" s="2"/>
      <c r="B47999" s="2"/>
      <c r="C47999" s="2"/>
    </row>
    <row r="48000" spans="1:3" ht="19.2">
      <c r="A48000" s="2"/>
      <c r="B48000" s="2"/>
      <c r="C48000" s="2"/>
    </row>
    <row r="48001" spans="1:3" ht="19.2">
      <c r="A48001" s="2"/>
      <c r="B48001" s="2"/>
      <c r="C48001" s="2"/>
    </row>
    <row r="48002" spans="1:3" ht="19.2">
      <c r="A48002" s="2"/>
      <c r="B48002" s="2"/>
      <c r="C48002" s="2"/>
    </row>
    <row r="48003" spans="1:3" ht="19.2">
      <c r="A48003" s="2"/>
      <c r="B48003" s="2"/>
      <c r="C48003" s="2"/>
    </row>
    <row r="48004" spans="1:3" ht="19.2">
      <c r="A48004" s="2"/>
      <c r="B48004" s="2"/>
      <c r="C48004" s="2"/>
    </row>
    <row r="48005" spans="1:3" ht="19.2">
      <c r="A48005" s="2"/>
      <c r="B48005" s="2"/>
      <c r="C48005" s="2"/>
    </row>
    <row r="48006" spans="1:3" ht="19.2">
      <c r="A48006" s="2"/>
      <c r="B48006" s="2"/>
      <c r="C48006" s="2"/>
    </row>
    <row r="48007" spans="1:3" ht="19.2">
      <c r="A48007" s="2"/>
      <c r="B48007" s="2"/>
      <c r="C48007" s="2"/>
    </row>
    <row r="48008" spans="1:3" ht="19.2">
      <c r="A48008" s="2"/>
      <c r="B48008" s="2"/>
      <c r="C48008" s="2"/>
    </row>
    <row r="48009" spans="1:3" ht="19.2">
      <c r="A48009" s="2"/>
      <c r="B48009" s="2"/>
      <c r="C48009" s="2"/>
    </row>
    <row r="48010" spans="1:3" ht="19.2">
      <c r="A48010" s="2"/>
      <c r="B48010" s="2"/>
      <c r="C48010" s="2"/>
    </row>
    <row r="48011" spans="1:3" ht="19.2">
      <c r="A48011" s="2"/>
      <c r="B48011" s="2"/>
      <c r="C48011" s="2"/>
    </row>
    <row r="48012" spans="1:3" ht="19.2">
      <c r="A48012" s="2"/>
      <c r="B48012" s="2"/>
      <c r="C48012" s="2"/>
    </row>
    <row r="48013" spans="1:3" ht="19.2">
      <c r="A48013" s="2"/>
      <c r="B48013" s="2"/>
      <c r="C48013" s="2"/>
    </row>
    <row r="48014" spans="1:3" ht="19.2">
      <c r="A48014" s="2"/>
      <c r="B48014" s="2"/>
      <c r="C48014" s="2"/>
    </row>
    <row r="48015" spans="1:3" ht="19.2">
      <c r="A48015" s="2"/>
      <c r="B48015" s="2"/>
      <c r="C48015" s="2"/>
    </row>
    <row r="48016" spans="1:3" ht="19.2">
      <c r="A48016" s="2"/>
      <c r="B48016" s="2"/>
      <c r="C48016" s="2"/>
    </row>
    <row r="48017" spans="1:3" ht="19.2">
      <c r="A48017" s="2"/>
      <c r="B48017" s="2"/>
      <c r="C48017" s="2"/>
    </row>
    <row r="48018" spans="1:3" ht="19.2">
      <c r="A48018" s="2"/>
      <c r="B48018" s="2"/>
      <c r="C48018" s="2"/>
    </row>
    <row r="48019" spans="1:3" ht="19.2">
      <c r="A48019" s="2"/>
      <c r="B48019" s="2"/>
      <c r="C48019" s="2"/>
    </row>
    <row r="48020" spans="1:3" ht="19.2">
      <c r="A48020" s="2"/>
      <c r="B48020" s="2"/>
      <c r="C48020" s="2"/>
    </row>
    <row r="48021" spans="1:3" ht="19.2">
      <c r="A48021" s="2"/>
      <c r="B48021" s="2"/>
      <c r="C48021" s="2"/>
    </row>
    <row r="48022" spans="1:3" ht="19.2">
      <c r="A48022" s="2"/>
      <c r="B48022" s="2"/>
      <c r="C48022" s="2"/>
    </row>
    <row r="48023" spans="1:3" ht="19.2">
      <c r="A48023" s="2"/>
      <c r="B48023" s="2"/>
      <c r="C48023" s="2"/>
    </row>
    <row r="48024" spans="1:3" ht="19.2">
      <c r="A48024" s="2"/>
      <c r="B48024" s="2"/>
      <c r="C48024" s="2"/>
    </row>
    <row r="48025" spans="1:3" ht="19.2">
      <c r="A48025" s="2"/>
      <c r="B48025" s="2"/>
      <c r="C48025" s="2"/>
    </row>
    <row r="48026" spans="1:3" ht="19.2">
      <c r="A48026" s="2"/>
      <c r="B48026" s="2"/>
      <c r="C48026" s="2"/>
    </row>
    <row r="48027" spans="1:3" ht="19.2">
      <c r="A48027" s="2"/>
      <c r="B48027" s="2"/>
      <c r="C48027" s="2"/>
    </row>
    <row r="48028" spans="1:3" ht="19.2">
      <c r="A48028" s="2"/>
      <c r="B48028" s="2"/>
      <c r="C48028" s="2"/>
    </row>
    <row r="48029" spans="1:3" ht="19.2">
      <c r="A48029" s="2"/>
      <c r="B48029" s="2"/>
      <c r="C48029" s="2"/>
    </row>
    <row r="48030" spans="1:3" ht="19.2">
      <c r="A48030" s="2"/>
      <c r="B48030" s="2"/>
      <c r="C48030" s="2"/>
    </row>
    <row r="48031" spans="1:3" ht="19.2">
      <c r="A48031" s="2"/>
      <c r="B48031" s="2"/>
      <c r="C48031" s="2"/>
    </row>
    <row r="48032" spans="1:3" ht="19.2">
      <c r="A48032" s="2"/>
      <c r="B48032" s="2"/>
      <c r="C48032" s="2"/>
    </row>
    <row r="48033" spans="1:3" ht="19.2">
      <c r="A48033" s="2"/>
      <c r="B48033" s="2"/>
      <c r="C48033" s="2"/>
    </row>
    <row r="48034" spans="1:3" ht="19.2">
      <c r="A48034" s="2"/>
      <c r="B48034" s="2"/>
      <c r="C48034" s="2"/>
    </row>
    <row r="48035" spans="1:3" ht="19.2">
      <c r="A48035" s="2"/>
      <c r="B48035" s="2"/>
      <c r="C48035" s="2"/>
    </row>
    <row r="48036" spans="1:3" ht="19.2">
      <c r="A48036" s="2"/>
      <c r="B48036" s="2"/>
      <c r="C48036" s="2"/>
    </row>
    <row r="48037" spans="1:3" ht="19.2">
      <c r="A48037" s="2"/>
      <c r="B48037" s="2"/>
      <c r="C48037" s="2"/>
    </row>
    <row r="48038" spans="1:3" ht="19.2">
      <c r="A48038" s="2"/>
      <c r="B48038" s="2"/>
      <c r="C48038" s="2"/>
    </row>
    <row r="48039" spans="1:3" ht="19.2">
      <c r="A48039" s="2"/>
      <c r="B48039" s="2"/>
      <c r="C48039" s="2"/>
    </row>
    <row r="48040" spans="1:3" ht="19.2">
      <c r="A48040" s="2"/>
      <c r="B48040" s="2"/>
      <c r="C48040" s="2"/>
    </row>
    <row r="48041" spans="1:3" ht="19.2">
      <c r="A48041" s="2"/>
      <c r="B48041" s="2"/>
      <c r="C48041" s="2"/>
    </row>
    <row r="48042" spans="1:3" ht="19.2">
      <c r="A48042" s="2"/>
      <c r="B48042" s="2"/>
      <c r="C48042" s="2"/>
    </row>
    <row r="48043" spans="1:3" ht="19.2">
      <c r="A48043" s="2"/>
      <c r="B48043" s="2"/>
      <c r="C48043" s="2"/>
    </row>
    <row r="48044" spans="1:3" ht="19.2">
      <c r="A48044" s="2"/>
      <c r="B48044" s="2"/>
      <c r="C48044" s="2"/>
    </row>
    <row r="48045" spans="1:3" ht="19.2">
      <c r="A48045" s="2"/>
      <c r="B48045" s="2"/>
      <c r="C48045" s="2"/>
    </row>
    <row r="48046" spans="1:3" ht="19.2">
      <c r="A48046" s="2"/>
      <c r="B48046" s="2"/>
      <c r="C48046" s="2"/>
    </row>
    <row r="48047" spans="1:3" ht="19.2">
      <c r="A48047" s="2"/>
      <c r="B48047" s="2"/>
      <c r="C48047" s="2"/>
    </row>
    <row r="48048" spans="1:3" ht="19.2">
      <c r="A48048" s="2"/>
      <c r="B48048" s="2"/>
      <c r="C48048" s="2"/>
    </row>
    <row r="48049" spans="1:3" ht="19.2">
      <c r="A48049" s="2"/>
      <c r="B48049" s="2"/>
      <c r="C48049" s="2"/>
    </row>
    <row r="48050" spans="1:3" ht="19.2">
      <c r="A48050" s="2"/>
      <c r="B48050" s="2"/>
      <c r="C48050" s="2"/>
    </row>
    <row r="48051" spans="1:3" ht="19.2">
      <c r="A48051" s="2"/>
      <c r="B48051" s="2"/>
      <c r="C48051" s="2"/>
    </row>
    <row r="48052" spans="1:3" ht="19.2">
      <c r="A48052" s="2"/>
      <c r="B48052" s="2"/>
      <c r="C48052" s="2"/>
    </row>
    <row r="48053" spans="1:3" ht="19.2">
      <c r="A48053" s="2"/>
      <c r="B48053" s="2"/>
      <c r="C48053" s="2"/>
    </row>
    <row r="48054" spans="1:3" ht="19.2">
      <c r="A48054" s="2"/>
      <c r="B48054" s="2"/>
      <c r="C48054" s="2"/>
    </row>
    <row r="48055" spans="1:3" ht="19.2">
      <c r="A48055" s="2"/>
      <c r="B48055" s="2"/>
      <c r="C48055" s="2"/>
    </row>
    <row r="48056" spans="1:3" ht="19.2">
      <c r="A48056" s="2"/>
      <c r="B48056" s="2"/>
      <c r="C48056" s="2"/>
    </row>
    <row r="48057" spans="1:3" ht="19.2">
      <c r="A48057" s="2"/>
      <c r="B48057" s="2"/>
      <c r="C48057" s="2"/>
    </row>
    <row r="48058" spans="1:3" ht="19.2">
      <c r="A48058" s="2"/>
      <c r="B48058" s="2"/>
      <c r="C48058" s="2"/>
    </row>
    <row r="48059" spans="1:3" ht="19.2">
      <c r="A48059" s="2"/>
      <c r="B48059" s="2"/>
      <c r="C48059" s="2"/>
    </row>
    <row r="48060" spans="1:3" ht="19.2">
      <c r="A48060" s="2"/>
      <c r="B48060" s="2"/>
      <c r="C48060" s="2"/>
    </row>
    <row r="48061" spans="1:3" ht="19.2">
      <c r="A48061" s="2"/>
      <c r="B48061" s="2"/>
      <c r="C48061" s="2"/>
    </row>
    <row r="48062" spans="1:3" ht="19.2">
      <c r="A48062" s="2"/>
      <c r="B48062" s="2"/>
      <c r="C48062" s="2"/>
    </row>
    <row r="48063" spans="1:3" ht="19.2">
      <c r="A48063" s="2"/>
      <c r="B48063" s="2"/>
      <c r="C48063" s="2"/>
    </row>
    <row r="48064" spans="1:3" ht="19.2">
      <c r="A48064" s="2"/>
      <c r="B48064" s="2"/>
      <c r="C48064" s="2"/>
    </row>
    <row r="48065" spans="1:3" ht="19.2">
      <c r="A48065" s="2"/>
      <c r="B48065" s="2"/>
      <c r="C48065" s="2"/>
    </row>
    <row r="48066" spans="1:3" ht="19.2">
      <c r="A48066" s="2"/>
      <c r="B48066" s="2"/>
      <c r="C48066" s="2"/>
    </row>
    <row r="48067" spans="1:3" ht="19.2">
      <c r="A48067" s="2"/>
      <c r="B48067" s="2"/>
      <c r="C48067" s="2"/>
    </row>
    <row r="48068" spans="1:3" ht="19.2">
      <c r="A48068" s="2"/>
      <c r="B48068" s="2"/>
      <c r="C48068" s="2"/>
    </row>
    <row r="48069" spans="1:3" ht="19.2">
      <c r="A48069" s="2"/>
      <c r="B48069" s="2"/>
      <c r="C48069" s="2"/>
    </row>
    <row r="48070" spans="1:3" ht="19.2">
      <c r="A48070" s="2"/>
      <c r="B48070" s="2"/>
      <c r="C48070" s="2"/>
    </row>
    <row r="48071" spans="1:3" ht="19.2">
      <c r="A48071" s="2"/>
      <c r="B48071" s="2"/>
      <c r="C48071" s="2"/>
    </row>
    <row r="48072" spans="1:3" ht="19.2">
      <c r="A48072" s="2"/>
      <c r="B48072" s="2"/>
      <c r="C48072" s="2"/>
    </row>
    <row r="48073" spans="1:3" ht="19.2">
      <c r="A48073" s="2"/>
      <c r="B48073" s="2"/>
      <c r="C48073" s="2"/>
    </row>
    <row r="48074" spans="1:3" ht="19.2">
      <c r="A48074" s="2"/>
      <c r="B48074" s="2"/>
      <c r="C48074" s="2"/>
    </row>
    <row r="48075" spans="1:3" ht="19.2">
      <c r="A48075" s="2"/>
      <c r="B48075" s="2"/>
      <c r="C48075" s="2"/>
    </row>
    <row r="48076" spans="1:3" ht="19.2">
      <c r="A48076" s="2"/>
      <c r="B48076" s="2"/>
      <c r="C48076" s="2"/>
    </row>
    <row r="48077" spans="1:3" ht="19.2">
      <c r="A48077" s="2"/>
      <c r="B48077" s="2"/>
      <c r="C48077" s="2"/>
    </row>
    <row r="48078" spans="1:3" ht="19.2">
      <c r="A48078" s="2"/>
      <c r="B48078" s="2"/>
      <c r="C48078" s="2"/>
    </row>
    <row r="48079" spans="1:3" ht="19.2">
      <c r="A48079" s="2"/>
      <c r="B48079" s="2"/>
      <c r="C48079" s="2"/>
    </row>
    <row r="48080" spans="1:3" ht="19.2">
      <c r="A48080" s="2"/>
      <c r="B48080" s="2"/>
      <c r="C48080" s="2"/>
    </row>
    <row r="48081" spans="1:3" ht="19.2">
      <c r="A48081" s="2"/>
      <c r="B48081" s="2"/>
      <c r="C48081" s="2"/>
    </row>
    <row r="48082" spans="1:3" ht="19.2">
      <c r="A48082" s="2"/>
      <c r="B48082" s="2"/>
      <c r="C48082" s="2"/>
    </row>
    <row r="48083" spans="1:3" ht="19.2">
      <c r="A48083" s="2"/>
      <c r="B48083" s="2"/>
      <c r="C48083" s="2"/>
    </row>
    <row r="48084" spans="1:3" ht="19.2">
      <c r="A48084" s="2"/>
      <c r="B48084" s="2"/>
      <c r="C48084" s="2"/>
    </row>
    <row r="48085" spans="1:3" ht="19.2">
      <c r="A48085" s="2"/>
      <c r="B48085" s="2"/>
      <c r="C48085" s="2"/>
    </row>
    <row r="48086" spans="1:3" ht="19.2">
      <c r="A48086" s="2"/>
      <c r="B48086" s="2"/>
      <c r="C48086" s="2"/>
    </row>
    <row r="48087" spans="1:3" ht="19.2">
      <c r="A48087" s="2"/>
      <c r="B48087" s="2"/>
      <c r="C48087" s="2"/>
    </row>
    <row r="48088" spans="1:3" ht="19.2">
      <c r="A48088" s="2"/>
      <c r="B48088" s="2"/>
      <c r="C48088" s="2"/>
    </row>
    <row r="48089" spans="1:3" ht="19.2">
      <c r="A48089" s="2"/>
      <c r="B48089" s="2"/>
      <c r="C48089" s="2"/>
    </row>
    <row r="48090" spans="1:3" ht="19.2">
      <c r="A48090" s="2"/>
      <c r="B48090" s="2"/>
      <c r="C48090" s="2"/>
    </row>
    <row r="48091" spans="1:3" ht="19.2">
      <c r="A48091" s="2"/>
      <c r="B48091" s="2"/>
      <c r="C48091" s="2"/>
    </row>
    <row r="48092" spans="1:3" ht="19.2">
      <c r="A48092" s="2"/>
      <c r="B48092" s="2"/>
      <c r="C48092" s="2"/>
    </row>
    <row r="48093" spans="1:3" ht="19.2">
      <c r="A48093" s="2"/>
      <c r="B48093" s="2"/>
      <c r="C48093" s="2"/>
    </row>
    <row r="48094" spans="1:3" ht="19.2">
      <c r="A48094" s="2"/>
      <c r="B48094" s="2"/>
      <c r="C48094" s="2"/>
    </row>
    <row r="48095" spans="1:3" ht="19.2">
      <c r="A48095" s="2"/>
      <c r="B48095" s="2"/>
      <c r="C48095" s="2"/>
    </row>
    <row r="48096" spans="1:3" ht="19.2">
      <c r="A48096" s="2"/>
      <c r="B48096" s="2"/>
      <c r="C48096" s="2"/>
    </row>
    <row r="48097" spans="1:3" ht="19.2">
      <c r="A48097" s="2"/>
      <c r="B48097" s="2"/>
      <c r="C48097" s="2"/>
    </row>
    <row r="48098" spans="1:3" ht="19.2">
      <c r="A48098" s="2"/>
      <c r="B48098" s="2"/>
      <c r="C48098" s="2"/>
    </row>
    <row r="48099" spans="1:3" ht="19.2">
      <c r="A48099" s="2"/>
      <c r="B48099" s="2"/>
      <c r="C48099" s="2"/>
    </row>
    <row r="48100" spans="1:3" ht="19.2">
      <c r="A48100" s="2"/>
      <c r="B48100" s="2"/>
      <c r="C48100" s="2"/>
    </row>
    <row r="48101" spans="1:3" ht="19.2">
      <c r="A48101" s="2"/>
      <c r="B48101" s="2"/>
      <c r="C48101" s="2"/>
    </row>
    <row r="48102" spans="1:3" ht="19.2">
      <c r="A48102" s="2"/>
      <c r="B48102" s="2"/>
      <c r="C48102" s="2"/>
    </row>
    <row r="48103" spans="1:3" ht="19.2">
      <c r="A48103" s="2"/>
      <c r="B48103" s="2"/>
      <c r="C48103" s="2"/>
    </row>
    <row r="48104" spans="1:3" ht="19.2">
      <c r="A48104" s="2"/>
      <c r="B48104" s="2"/>
      <c r="C48104" s="2"/>
    </row>
    <row r="48105" spans="1:3" ht="19.2">
      <c r="A48105" s="2"/>
      <c r="B48105" s="2"/>
      <c r="C48105" s="2"/>
    </row>
    <row r="48106" spans="1:3" ht="19.2">
      <c r="A48106" s="2"/>
      <c r="B48106" s="2"/>
      <c r="C48106" s="2"/>
    </row>
    <row r="48107" spans="1:3" ht="19.2">
      <c r="A48107" s="2"/>
      <c r="B48107" s="2"/>
      <c r="C48107" s="2"/>
    </row>
    <row r="48108" spans="1:3" ht="19.2">
      <c r="A48108" s="2"/>
      <c r="B48108" s="2"/>
      <c r="C48108" s="2"/>
    </row>
    <row r="48109" spans="1:3" ht="19.2">
      <c r="A48109" s="2"/>
      <c r="B48109" s="2"/>
      <c r="C48109" s="2"/>
    </row>
    <row r="48110" spans="1:3" ht="19.2">
      <c r="A48110" s="2"/>
      <c r="B48110" s="2"/>
      <c r="C48110" s="2"/>
    </row>
    <row r="48111" spans="1:3" ht="19.2">
      <c r="A48111" s="2"/>
      <c r="B48111" s="2"/>
      <c r="C48111" s="2"/>
    </row>
    <row r="48112" spans="1:3" ht="19.2">
      <c r="A48112" s="2"/>
      <c r="B48112" s="2"/>
      <c r="C48112" s="2"/>
    </row>
    <row r="48113" spans="1:3" ht="19.2">
      <c r="A48113" s="2"/>
      <c r="B48113" s="2"/>
      <c r="C48113" s="2"/>
    </row>
    <row r="48114" spans="1:3" ht="19.2">
      <c r="A48114" s="2"/>
      <c r="B48114" s="2"/>
      <c r="C48114" s="2"/>
    </row>
    <row r="48115" spans="1:3" ht="19.2">
      <c r="A48115" s="2"/>
      <c r="B48115" s="2"/>
      <c r="C48115" s="2"/>
    </row>
    <row r="48116" spans="1:3" ht="19.2">
      <c r="A48116" s="2"/>
      <c r="B48116" s="2"/>
      <c r="C48116" s="2"/>
    </row>
    <row r="48117" spans="1:3" ht="19.2">
      <c r="A48117" s="2"/>
      <c r="B48117" s="2"/>
      <c r="C48117" s="2"/>
    </row>
    <row r="48118" spans="1:3" ht="19.2">
      <c r="A48118" s="2"/>
      <c r="B48118" s="2"/>
      <c r="C48118" s="2"/>
    </row>
    <row r="48119" spans="1:3" ht="19.2">
      <c r="A48119" s="2"/>
      <c r="B48119" s="2"/>
      <c r="C48119" s="2"/>
    </row>
    <row r="48120" spans="1:3" ht="19.2">
      <c r="A48120" s="2"/>
      <c r="B48120" s="2"/>
      <c r="C48120" s="2"/>
    </row>
    <row r="48121" spans="1:3" ht="19.2">
      <c r="A48121" s="2"/>
      <c r="B48121" s="2"/>
      <c r="C48121" s="2"/>
    </row>
    <row r="48122" spans="1:3" ht="19.2">
      <c r="A48122" s="2"/>
      <c r="B48122" s="2"/>
      <c r="C48122" s="2"/>
    </row>
    <row r="48123" spans="1:3" ht="19.2">
      <c r="A48123" s="2"/>
      <c r="B48123" s="2"/>
      <c r="C48123" s="2"/>
    </row>
    <row r="48124" spans="1:3" ht="19.2">
      <c r="A48124" s="2"/>
      <c r="B48124" s="2"/>
      <c r="C48124" s="2"/>
    </row>
    <row r="48125" spans="1:3" ht="19.2">
      <c r="A48125" s="2"/>
      <c r="B48125" s="2"/>
      <c r="C48125" s="2"/>
    </row>
    <row r="48126" spans="1:3" ht="19.2">
      <c r="A48126" s="2"/>
      <c r="B48126" s="2"/>
      <c r="C48126" s="2"/>
    </row>
    <row r="48127" spans="1:3" ht="19.2">
      <c r="A48127" s="2"/>
      <c r="B48127" s="2"/>
      <c r="C48127" s="2"/>
    </row>
    <row r="48128" spans="1:3" ht="19.2">
      <c r="A48128" s="2"/>
      <c r="B48128" s="2"/>
      <c r="C48128" s="2"/>
    </row>
    <row r="48129" spans="1:3" ht="19.2">
      <c r="A48129" s="2"/>
      <c r="B48129" s="2"/>
      <c r="C48129" s="2"/>
    </row>
    <row r="48130" spans="1:3" ht="19.2">
      <c r="A48130" s="2"/>
      <c r="B48130" s="2"/>
      <c r="C48130" s="2"/>
    </row>
    <row r="48131" spans="1:3" ht="19.2">
      <c r="A48131" s="2"/>
      <c r="B48131" s="2"/>
      <c r="C48131" s="2"/>
    </row>
    <row r="48132" spans="1:3" ht="19.2">
      <c r="A48132" s="2"/>
      <c r="B48132" s="2"/>
      <c r="C48132" s="2"/>
    </row>
    <row r="48133" spans="1:3" ht="19.2">
      <c r="A48133" s="2"/>
      <c r="B48133" s="2"/>
      <c r="C48133" s="2"/>
    </row>
    <row r="48134" spans="1:3" ht="19.2">
      <c r="A48134" s="2"/>
      <c r="B48134" s="2"/>
      <c r="C48134" s="2"/>
    </row>
    <row r="48135" spans="1:3" ht="19.2">
      <c r="A48135" s="2"/>
      <c r="B48135" s="2"/>
      <c r="C48135" s="2"/>
    </row>
    <row r="48136" spans="1:3" ht="19.2">
      <c r="A48136" s="2"/>
      <c r="B48136" s="2"/>
      <c r="C48136" s="2"/>
    </row>
    <row r="48137" spans="1:3" ht="19.2">
      <c r="A48137" s="2"/>
      <c r="B48137" s="2"/>
      <c r="C48137" s="2"/>
    </row>
    <row r="48138" spans="1:3" ht="19.2">
      <c r="A48138" s="2"/>
      <c r="B48138" s="2"/>
      <c r="C48138" s="2"/>
    </row>
    <row r="48139" spans="1:3" ht="19.2">
      <c r="A48139" s="2"/>
      <c r="B48139" s="2"/>
      <c r="C48139" s="2"/>
    </row>
    <row r="48140" spans="1:3" ht="19.2">
      <c r="A48140" s="2"/>
      <c r="B48140" s="2"/>
      <c r="C48140" s="2"/>
    </row>
    <row r="48141" spans="1:3" ht="19.2">
      <c r="A48141" s="2"/>
      <c r="B48141" s="2"/>
      <c r="C48141" s="2"/>
    </row>
    <row r="48142" spans="1:3" ht="19.2">
      <c r="A48142" s="2"/>
      <c r="B48142" s="2"/>
      <c r="C48142" s="2"/>
    </row>
    <row r="48143" spans="1:3" ht="19.2">
      <c r="A48143" s="2"/>
      <c r="B48143" s="2"/>
      <c r="C48143" s="2"/>
    </row>
    <row r="48144" spans="1:3" ht="19.2">
      <c r="A48144" s="2"/>
      <c r="B48144" s="2"/>
      <c r="C48144" s="2"/>
    </row>
    <row r="48145" spans="1:3" ht="19.2">
      <c r="A48145" s="2"/>
      <c r="B48145" s="2"/>
      <c r="C48145" s="2"/>
    </row>
    <row r="48146" spans="1:3" ht="19.2">
      <c r="A48146" s="2"/>
      <c r="B48146" s="2"/>
      <c r="C48146" s="2"/>
    </row>
    <row r="48147" spans="1:3" ht="19.2">
      <c r="A48147" s="2"/>
      <c r="B48147" s="2"/>
      <c r="C48147" s="2"/>
    </row>
    <row r="48148" spans="1:3" ht="19.2">
      <c r="A48148" s="2"/>
      <c r="B48148" s="2"/>
      <c r="C48148" s="2"/>
    </row>
    <row r="48149" spans="1:3" ht="19.2">
      <c r="A48149" s="2"/>
      <c r="B48149" s="2"/>
      <c r="C48149" s="2"/>
    </row>
    <row r="48150" spans="1:3" ht="19.2">
      <c r="A48150" s="2"/>
      <c r="B48150" s="2"/>
      <c r="C48150" s="2"/>
    </row>
    <row r="48151" spans="1:3" ht="19.2">
      <c r="A48151" s="2"/>
      <c r="B48151" s="2"/>
      <c r="C48151" s="2"/>
    </row>
    <row r="48152" spans="1:3" ht="19.2">
      <c r="A48152" s="2"/>
      <c r="B48152" s="2"/>
      <c r="C48152" s="2"/>
    </row>
    <row r="48153" spans="1:3" ht="19.2">
      <c r="A48153" s="2"/>
      <c r="B48153" s="2"/>
      <c r="C48153" s="2"/>
    </row>
    <row r="48154" spans="1:3" ht="19.2">
      <c r="A48154" s="2"/>
      <c r="B48154" s="2"/>
      <c r="C48154" s="2"/>
    </row>
    <row r="48155" spans="1:3" ht="19.2">
      <c r="A48155" s="2"/>
      <c r="B48155" s="2"/>
      <c r="C48155" s="2"/>
    </row>
    <row r="48156" spans="1:3" ht="19.2">
      <c r="A48156" s="2"/>
      <c r="B48156" s="2"/>
      <c r="C48156" s="2"/>
    </row>
    <row r="48157" spans="1:3" ht="19.2">
      <c r="A48157" s="2"/>
      <c r="B48157" s="2"/>
      <c r="C48157" s="2"/>
    </row>
    <row r="48158" spans="1:3" ht="19.2">
      <c r="A48158" s="2"/>
      <c r="B48158" s="2"/>
      <c r="C48158" s="2"/>
    </row>
    <row r="48159" spans="1:3" ht="19.2">
      <c r="A48159" s="2"/>
      <c r="B48159" s="2"/>
      <c r="C48159" s="2"/>
    </row>
    <row r="48160" spans="1:3" ht="19.2">
      <c r="A48160" s="2"/>
      <c r="B48160" s="2"/>
      <c r="C48160" s="2"/>
    </row>
    <row r="48161" spans="1:3" ht="19.2">
      <c r="A48161" s="2"/>
      <c r="B48161" s="2"/>
      <c r="C48161" s="2"/>
    </row>
    <row r="48162" spans="1:3" ht="19.2">
      <c r="A48162" s="2"/>
      <c r="B48162" s="2"/>
      <c r="C48162" s="2"/>
    </row>
    <row r="48163" spans="1:3" ht="19.2">
      <c r="A48163" s="2"/>
      <c r="B48163" s="2"/>
      <c r="C48163" s="2"/>
    </row>
    <row r="48164" spans="1:3" ht="19.2">
      <c r="A48164" s="2"/>
      <c r="B48164" s="2"/>
      <c r="C48164" s="2"/>
    </row>
    <row r="48165" spans="1:3" ht="19.2">
      <c r="A48165" s="2"/>
      <c r="B48165" s="2"/>
      <c r="C48165" s="2"/>
    </row>
    <row r="48166" spans="1:3" ht="19.2">
      <c r="A48166" s="2"/>
      <c r="B48166" s="2"/>
      <c r="C48166" s="2"/>
    </row>
    <row r="48167" spans="1:3" ht="19.2">
      <c r="A48167" s="2"/>
      <c r="B48167" s="2"/>
      <c r="C48167" s="2"/>
    </row>
    <row r="48168" spans="1:3" ht="19.2">
      <c r="A48168" s="2"/>
      <c r="B48168" s="2"/>
      <c r="C48168" s="2"/>
    </row>
    <row r="48169" spans="1:3" ht="19.2">
      <c r="A48169" s="2"/>
      <c r="B48169" s="2"/>
      <c r="C48169" s="2"/>
    </row>
    <row r="48170" spans="1:3" ht="19.2">
      <c r="A48170" s="2"/>
      <c r="B48170" s="2"/>
      <c r="C48170" s="2"/>
    </row>
    <row r="48171" spans="1:3" ht="19.2">
      <c r="A48171" s="2"/>
      <c r="B48171" s="2"/>
      <c r="C48171" s="2"/>
    </row>
    <row r="48172" spans="1:3" ht="19.2">
      <c r="A48172" s="2"/>
      <c r="B48172" s="2"/>
      <c r="C48172" s="2"/>
    </row>
    <row r="48173" spans="1:3" ht="19.2">
      <c r="A48173" s="2"/>
      <c r="B48173" s="2"/>
      <c r="C48173" s="2"/>
    </row>
    <row r="48174" spans="1:3" ht="19.2">
      <c r="A48174" s="2"/>
      <c r="B48174" s="2"/>
      <c r="C48174" s="2"/>
    </row>
    <row r="48175" spans="1:3" ht="19.2">
      <c r="A48175" s="2"/>
      <c r="B48175" s="2"/>
      <c r="C48175" s="2"/>
    </row>
    <row r="48176" spans="1:3" ht="19.2">
      <c r="A48176" s="2"/>
      <c r="B48176" s="2"/>
      <c r="C48176" s="2"/>
    </row>
    <row r="48177" spans="1:3" ht="19.2">
      <c r="A48177" s="2"/>
      <c r="B48177" s="2"/>
      <c r="C48177" s="2"/>
    </row>
    <row r="48178" spans="1:3" ht="19.2">
      <c r="A48178" s="2"/>
      <c r="B48178" s="2"/>
      <c r="C48178" s="2"/>
    </row>
    <row r="48179" spans="1:3" ht="19.2">
      <c r="A48179" s="2"/>
      <c r="B48179" s="2"/>
      <c r="C48179" s="2"/>
    </row>
    <row r="48180" spans="1:3" ht="19.2">
      <c r="A48180" s="2"/>
      <c r="B48180" s="2"/>
      <c r="C48180" s="2"/>
    </row>
    <row r="48181" spans="1:3" ht="19.2">
      <c r="A48181" s="2"/>
      <c r="B48181" s="2"/>
      <c r="C48181" s="2"/>
    </row>
    <row r="48182" spans="1:3" ht="19.2">
      <c r="A48182" s="2"/>
      <c r="B48182" s="2"/>
      <c r="C48182" s="2"/>
    </row>
    <row r="48183" spans="1:3" ht="19.2">
      <c r="A48183" s="2"/>
      <c r="B48183" s="2"/>
      <c r="C48183" s="2"/>
    </row>
    <row r="48184" spans="1:3" ht="19.2">
      <c r="A48184" s="2"/>
      <c r="B48184" s="2"/>
      <c r="C48184" s="2"/>
    </row>
    <row r="48185" spans="1:3" ht="19.2">
      <c r="A48185" s="2"/>
      <c r="B48185" s="2"/>
      <c r="C48185" s="2"/>
    </row>
    <row r="48186" spans="1:3" ht="19.2">
      <c r="A48186" s="2"/>
      <c r="B48186" s="2"/>
      <c r="C48186" s="2"/>
    </row>
    <row r="48187" spans="1:3" ht="19.2">
      <c r="A48187" s="2"/>
      <c r="B48187" s="2"/>
      <c r="C48187" s="2"/>
    </row>
    <row r="48188" spans="1:3" ht="19.2">
      <c r="A48188" s="2"/>
      <c r="B48188" s="2"/>
      <c r="C48188" s="2"/>
    </row>
    <row r="48189" spans="1:3" ht="19.2">
      <c r="A48189" s="2"/>
      <c r="B48189" s="2"/>
      <c r="C48189" s="2"/>
    </row>
    <row r="48190" spans="1:3" ht="19.2">
      <c r="A48190" s="2"/>
      <c r="B48190" s="2"/>
      <c r="C48190" s="2"/>
    </row>
    <row r="48191" spans="1:3" ht="19.2">
      <c r="A48191" s="2"/>
      <c r="B48191" s="2"/>
      <c r="C48191" s="2"/>
    </row>
    <row r="48192" spans="1:3" ht="19.2">
      <c r="A48192" s="2"/>
      <c r="B48192" s="2"/>
      <c r="C48192" s="2"/>
    </row>
    <row r="48193" spans="1:3" ht="19.2">
      <c r="A48193" s="2"/>
      <c r="B48193" s="2"/>
      <c r="C48193" s="2"/>
    </row>
    <row r="48194" spans="1:3" ht="19.2">
      <c r="A48194" s="2"/>
      <c r="B48194" s="2"/>
      <c r="C48194" s="2"/>
    </row>
    <row r="48195" spans="1:3" ht="19.2">
      <c r="A48195" s="2"/>
      <c r="B48195" s="2"/>
      <c r="C48195" s="2"/>
    </row>
    <row r="48196" spans="1:3" ht="19.2">
      <c r="A48196" s="2"/>
      <c r="B48196" s="2"/>
      <c r="C48196" s="2"/>
    </row>
    <row r="48197" spans="1:3" ht="19.2">
      <c r="A48197" s="2"/>
      <c r="B48197" s="2"/>
      <c r="C48197" s="2"/>
    </row>
    <row r="48198" spans="1:3" ht="19.2">
      <c r="A48198" s="2"/>
      <c r="B48198" s="2"/>
      <c r="C48198" s="2"/>
    </row>
    <row r="48199" spans="1:3" ht="19.2">
      <c r="A48199" s="2"/>
      <c r="B48199" s="2"/>
      <c r="C48199" s="2"/>
    </row>
    <row r="48200" spans="1:3" ht="19.2">
      <c r="A48200" s="2"/>
      <c r="B48200" s="2"/>
      <c r="C48200" s="2"/>
    </row>
    <row r="48201" spans="1:3" ht="19.2">
      <c r="A48201" s="2"/>
      <c r="B48201" s="2"/>
      <c r="C48201" s="2"/>
    </row>
    <row r="48202" spans="1:3" ht="19.2">
      <c r="A48202" s="2"/>
      <c r="B48202" s="2"/>
      <c r="C48202" s="2"/>
    </row>
    <row r="48203" spans="1:3" ht="19.2">
      <c r="A48203" s="2"/>
      <c r="B48203" s="2"/>
      <c r="C48203" s="2"/>
    </row>
    <row r="48204" spans="1:3" ht="19.2">
      <c r="A48204" s="2"/>
      <c r="B48204" s="2"/>
      <c r="C48204" s="2"/>
    </row>
    <row r="48205" spans="1:3" ht="19.2">
      <c r="A48205" s="2"/>
      <c r="B48205" s="2"/>
      <c r="C48205" s="2"/>
    </row>
    <row r="48206" spans="1:3" ht="19.2">
      <c r="A48206" s="2"/>
      <c r="B48206" s="2"/>
      <c r="C48206" s="2"/>
    </row>
    <row r="48207" spans="1:3" ht="19.2">
      <c r="A48207" s="2"/>
      <c r="B48207" s="2"/>
      <c r="C48207" s="2"/>
    </row>
    <row r="48208" spans="1:3" ht="19.2">
      <c r="A48208" s="2"/>
      <c r="B48208" s="2"/>
      <c r="C48208" s="2"/>
    </row>
    <row r="48209" spans="1:3" ht="19.2">
      <c r="A48209" s="2"/>
      <c r="B48209" s="2"/>
      <c r="C48209" s="2"/>
    </row>
    <row r="48210" spans="1:3" ht="19.2">
      <c r="A48210" s="2"/>
      <c r="B48210" s="2"/>
      <c r="C48210" s="2"/>
    </row>
    <row r="48211" spans="1:3" ht="19.2">
      <c r="A48211" s="2"/>
      <c r="B48211" s="2"/>
      <c r="C48211" s="2"/>
    </row>
    <row r="48212" spans="1:3" ht="19.2">
      <c r="A48212" s="2"/>
      <c r="B48212" s="2"/>
      <c r="C48212" s="2"/>
    </row>
    <row r="48213" spans="1:3" ht="19.2">
      <c r="A48213" s="2"/>
      <c r="B48213" s="2"/>
      <c r="C48213" s="2"/>
    </row>
    <row r="48214" spans="1:3" ht="19.2">
      <c r="A48214" s="2"/>
      <c r="B48214" s="2"/>
      <c r="C48214" s="2"/>
    </row>
    <row r="48215" spans="1:3" ht="19.2">
      <c r="A48215" s="2"/>
      <c r="B48215" s="2"/>
      <c r="C48215" s="2"/>
    </row>
    <row r="48216" spans="1:3" ht="19.2">
      <c r="A48216" s="2"/>
      <c r="B48216" s="2"/>
      <c r="C48216" s="2"/>
    </row>
    <row r="48217" spans="1:3" ht="19.2">
      <c r="A48217" s="2"/>
      <c r="B48217" s="2"/>
      <c r="C48217" s="2"/>
    </row>
    <row r="48218" spans="1:3" ht="19.2">
      <c r="A48218" s="2"/>
      <c r="B48218" s="2"/>
      <c r="C48218" s="2"/>
    </row>
    <row r="48219" spans="1:3" ht="19.2">
      <c r="A48219" s="2"/>
      <c r="B48219" s="2"/>
      <c r="C48219" s="2"/>
    </row>
    <row r="48220" spans="1:3" ht="19.2">
      <c r="A48220" s="2"/>
      <c r="B48220" s="2"/>
      <c r="C48220" s="2"/>
    </row>
    <row r="48221" spans="1:3" ht="19.2">
      <c r="A48221" s="2"/>
      <c r="B48221" s="2"/>
      <c r="C48221" s="2"/>
    </row>
    <row r="48222" spans="1:3" ht="19.2">
      <c r="A48222" s="2"/>
      <c r="B48222" s="2"/>
      <c r="C48222" s="2"/>
    </row>
    <row r="48223" spans="1:3" ht="19.2">
      <c r="A48223" s="2"/>
      <c r="B48223" s="2"/>
      <c r="C48223" s="2"/>
    </row>
    <row r="48224" spans="1:3" ht="19.2">
      <c r="A48224" s="2"/>
      <c r="B48224" s="2"/>
      <c r="C48224" s="2"/>
    </row>
    <row r="48225" spans="1:3" ht="19.2">
      <c r="A48225" s="2"/>
      <c r="B48225" s="2"/>
      <c r="C48225" s="2"/>
    </row>
    <row r="48226" spans="1:3" ht="19.2">
      <c r="A48226" s="2"/>
      <c r="B48226" s="2"/>
      <c r="C48226" s="2"/>
    </row>
    <row r="48227" spans="1:3" ht="19.2">
      <c r="A48227" s="2"/>
      <c r="B48227" s="2"/>
      <c r="C48227" s="2"/>
    </row>
    <row r="48228" spans="1:3" ht="19.2">
      <c r="A48228" s="2"/>
      <c r="B48228" s="2"/>
      <c r="C48228" s="2"/>
    </row>
    <row r="48229" spans="1:3" ht="19.2">
      <c r="A48229" s="2"/>
      <c r="B48229" s="2"/>
      <c r="C48229" s="2"/>
    </row>
    <row r="48230" spans="1:3" ht="19.2">
      <c r="A48230" s="2"/>
      <c r="B48230" s="2"/>
      <c r="C48230" s="2"/>
    </row>
    <row r="48231" spans="1:3" ht="19.2">
      <c r="A48231" s="2"/>
      <c r="B48231" s="2"/>
      <c r="C48231" s="2"/>
    </row>
    <row r="48232" spans="1:3" ht="19.2">
      <c r="A48232" s="2"/>
      <c r="B48232" s="2"/>
      <c r="C48232" s="2"/>
    </row>
    <row r="48233" spans="1:3" ht="19.2">
      <c r="A48233" s="2"/>
      <c r="B48233" s="2"/>
      <c r="C48233" s="2"/>
    </row>
    <row r="48234" spans="1:3" ht="19.2">
      <c r="A48234" s="2"/>
      <c r="B48234" s="2"/>
      <c r="C48234" s="2"/>
    </row>
    <row r="48235" spans="1:3" ht="19.2">
      <c r="A48235" s="2"/>
      <c r="B48235" s="2"/>
      <c r="C48235" s="2"/>
    </row>
    <row r="48236" spans="1:3" ht="19.2">
      <c r="A48236" s="2"/>
      <c r="B48236" s="2"/>
      <c r="C48236" s="2"/>
    </row>
    <row r="48237" spans="1:3" ht="19.2">
      <c r="A48237" s="2"/>
      <c r="B48237" s="2"/>
      <c r="C48237" s="2"/>
    </row>
    <row r="48238" spans="1:3" ht="19.2">
      <c r="A48238" s="2"/>
      <c r="B48238" s="2"/>
      <c r="C48238" s="2"/>
    </row>
    <row r="48239" spans="1:3" ht="19.2">
      <c r="A48239" s="2"/>
      <c r="B48239" s="2"/>
      <c r="C48239" s="2"/>
    </row>
    <row r="48240" spans="1:3" ht="19.2">
      <c r="A48240" s="2"/>
      <c r="B48240" s="2"/>
      <c r="C48240" s="2"/>
    </row>
    <row r="48241" spans="1:3" ht="19.2">
      <c r="A48241" s="2"/>
      <c r="B48241" s="2"/>
      <c r="C48241" s="2"/>
    </row>
    <row r="48242" spans="1:3" ht="19.2">
      <c r="A48242" s="2"/>
      <c r="B48242" s="2"/>
      <c r="C48242" s="2"/>
    </row>
    <row r="48243" spans="1:3" ht="19.2">
      <c r="A48243" s="2"/>
      <c r="B48243" s="2"/>
      <c r="C48243" s="2"/>
    </row>
    <row r="48244" spans="1:3" ht="19.2">
      <c r="A48244" s="2"/>
      <c r="B48244" s="2"/>
      <c r="C48244" s="2"/>
    </row>
    <row r="48245" spans="1:3" ht="19.2">
      <c r="A48245" s="2"/>
      <c r="B48245" s="2"/>
      <c r="C48245" s="2"/>
    </row>
    <row r="48246" spans="1:3" ht="19.2">
      <c r="A48246" s="2"/>
      <c r="B48246" s="2"/>
      <c r="C48246" s="2"/>
    </row>
    <row r="48247" spans="1:3" ht="19.2">
      <c r="A48247" s="2"/>
      <c r="B48247" s="2"/>
      <c r="C48247" s="2"/>
    </row>
    <row r="48248" spans="1:3" ht="19.2">
      <c r="A48248" s="2"/>
      <c r="B48248" s="2"/>
      <c r="C48248" s="2"/>
    </row>
    <row r="48249" spans="1:3" ht="19.2">
      <c r="A48249" s="2"/>
      <c r="B48249" s="2"/>
      <c r="C48249" s="2"/>
    </row>
    <row r="48250" spans="1:3" ht="19.2">
      <c r="A48250" s="2"/>
      <c r="B48250" s="2"/>
      <c r="C48250" s="2"/>
    </row>
    <row r="48251" spans="1:3" ht="19.2">
      <c r="A48251" s="2"/>
      <c r="B48251" s="2"/>
      <c r="C48251" s="2"/>
    </row>
    <row r="48252" spans="1:3" ht="19.2">
      <c r="A48252" s="2"/>
      <c r="B48252" s="2"/>
      <c r="C48252" s="2"/>
    </row>
    <row r="48253" spans="1:3" ht="19.2">
      <c r="A48253" s="2"/>
      <c r="B48253" s="2"/>
      <c r="C48253" s="2"/>
    </row>
    <row r="48254" spans="1:3" ht="19.2">
      <c r="A48254" s="2"/>
      <c r="B48254" s="2"/>
      <c r="C48254" s="2"/>
    </row>
    <row r="48255" spans="1:3" ht="19.2">
      <c r="A48255" s="2"/>
      <c r="B48255" s="2"/>
      <c r="C48255" s="2"/>
    </row>
    <row r="48256" spans="1:3" ht="19.2">
      <c r="A48256" s="2"/>
      <c r="B48256" s="2"/>
      <c r="C48256" s="2"/>
    </row>
    <row r="48257" spans="1:3" ht="19.2">
      <c r="A48257" s="2"/>
      <c r="B48257" s="2"/>
      <c r="C48257" s="2"/>
    </row>
    <row r="48258" spans="1:3" ht="19.2">
      <c r="A48258" s="2"/>
      <c r="B48258" s="2"/>
      <c r="C48258" s="2"/>
    </row>
    <row r="48259" spans="1:3" ht="19.2">
      <c r="A48259" s="2"/>
      <c r="B48259" s="2"/>
      <c r="C48259" s="2"/>
    </row>
    <row r="48260" spans="1:3" ht="19.2">
      <c r="A48260" s="2"/>
      <c r="B48260" s="2"/>
      <c r="C48260" s="2"/>
    </row>
    <row r="48261" spans="1:3" ht="19.2">
      <c r="A48261" s="2"/>
      <c r="B48261" s="2"/>
      <c r="C48261" s="2"/>
    </row>
    <row r="48262" spans="1:3" ht="19.2">
      <c r="A48262" s="2"/>
      <c r="B48262" s="2"/>
      <c r="C48262" s="2"/>
    </row>
    <row r="48263" spans="1:3" ht="19.2">
      <c r="A48263" s="2"/>
      <c r="B48263" s="2"/>
      <c r="C48263" s="2"/>
    </row>
    <row r="48264" spans="1:3" ht="19.2">
      <c r="A48264" s="2"/>
      <c r="B48264" s="2"/>
      <c r="C48264" s="2"/>
    </row>
    <row r="48265" spans="1:3" ht="19.2">
      <c r="A48265" s="2"/>
      <c r="B48265" s="2"/>
      <c r="C48265" s="2"/>
    </row>
    <row r="48266" spans="1:3" ht="19.2">
      <c r="A48266" s="2"/>
      <c r="B48266" s="2"/>
      <c r="C48266" s="2"/>
    </row>
    <row r="48267" spans="1:3" ht="19.2">
      <c r="A48267" s="2"/>
      <c r="B48267" s="2"/>
      <c r="C48267" s="2"/>
    </row>
    <row r="48268" spans="1:3" ht="19.2">
      <c r="A48268" s="2"/>
      <c r="B48268" s="2"/>
      <c r="C48268" s="2"/>
    </row>
    <row r="48269" spans="1:3" ht="19.2">
      <c r="A48269" s="2"/>
      <c r="B48269" s="2"/>
      <c r="C48269" s="2"/>
    </row>
    <row r="48270" spans="1:3" ht="19.2">
      <c r="A48270" s="2"/>
      <c r="B48270" s="2"/>
      <c r="C48270" s="2"/>
    </row>
    <row r="48271" spans="1:3" ht="19.2">
      <c r="A48271" s="2"/>
      <c r="B48271" s="2"/>
      <c r="C48271" s="2"/>
    </row>
    <row r="48272" spans="1:3" ht="19.2">
      <c r="A48272" s="2"/>
      <c r="B48272" s="2"/>
      <c r="C48272" s="2"/>
    </row>
    <row r="48273" spans="1:3" ht="19.2">
      <c r="A48273" s="2"/>
      <c r="B48273" s="2"/>
      <c r="C48273" s="2"/>
    </row>
    <row r="48274" spans="1:3" ht="19.2">
      <c r="A48274" s="2"/>
      <c r="B48274" s="2"/>
      <c r="C48274" s="2"/>
    </row>
    <row r="48275" spans="1:3" ht="19.2">
      <c r="A48275" s="2"/>
      <c r="B48275" s="2"/>
      <c r="C48275" s="2"/>
    </row>
    <row r="48276" spans="1:3" ht="19.2">
      <c r="A48276" s="2"/>
      <c r="B48276" s="2"/>
      <c r="C48276" s="2"/>
    </row>
    <row r="48277" spans="1:3" ht="19.2">
      <c r="A48277" s="2"/>
      <c r="B48277" s="2"/>
      <c r="C48277" s="2"/>
    </row>
    <row r="48278" spans="1:3" ht="19.2">
      <c r="A48278" s="2"/>
      <c r="B48278" s="2"/>
      <c r="C48278" s="2"/>
    </row>
    <row r="48279" spans="1:3" ht="19.2">
      <c r="A48279" s="2"/>
      <c r="B48279" s="2"/>
      <c r="C48279" s="2"/>
    </row>
    <row r="48280" spans="1:3" ht="19.2">
      <c r="A48280" s="2"/>
      <c r="B48280" s="2"/>
      <c r="C48280" s="2"/>
    </row>
    <row r="48281" spans="1:3" ht="19.2">
      <c r="A48281" s="2"/>
      <c r="B48281" s="2"/>
      <c r="C48281" s="2"/>
    </row>
    <row r="48282" spans="1:3" ht="19.2">
      <c r="A48282" s="2"/>
      <c r="B48282" s="2"/>
      <c r="C48282" s="2"/>
    </row>
    <row r="48283" spans="1:3" ht="19.2">
      <c r="A48283" s="2"/>
      <c r="B48283" s="2"/>
      <c r="C48283" s="2"/>
    </row>
    <row r="48284" spans="1:3" ht="19.2">
      <c r="A48284" s="2"/>
      <c r="B48284" s="2"/>
      <c r="C48284" s="2"/>
    </row>
    <row r="48285" spans="1:3" ht="19.2">
      <c r="A48285" s="2"/>
      <c r="B48285" s="2"/>
      <c r="C48285" s="2"/>
    </row>
    <row r="48286" spans="1:3" ht="19.2">
      <c r="A48286" s="2"/>
      <c r="B48286" s="2"/>
      <c r="C48286" s="2"/>
    </row>
    <row r="48287" spans="1:3" ht="19.2">
      <c r="A48287" s="2"/>
      <c r="B48287" s="2"/>
      <c r="C48287" s="2"/>
    </row>
    <row r="48288" spans="1:3" ht="19.2">
      <c r="A48288" s="2"/>
      <c r="B48288" s="2"/>
      <c r="C48288" s="2"/>
    </row>
    <row r="48289" spans="1:3" ht="19.2">
      <c r="A48289" s="2"/>
      <c r="B48289" s="2"/>
      <c r="C48289" s="2"/>
    </row>
    <row r="48290" spans="1:3" ht="19.2">
      <c r="A48290" s="2"/>
      <c r="B48290" s="2"/>
      <c r="C48290" s="2"/>
    </row>
    <row r="48291" spans="1:3" ht="19.2">
      <c r="A48291" s="2"/>
      <c r="B48291" s="2"/>
      <c r="C48291" s="2"/>
    </row>
    <row r="48292" spans="1:3" ht="19.2">
      <c r="A48292" s="2"/>
      <c r="B48292" s="2"/>
      <c r="C48292" s="2"/>
    </row>
    <row r="48293" spans="1:3" ht="19.2">
      <c r="A48293" s="2"/>
      <c r="B48293" s="2"/>
      <c r="C48293" s="2"/>
    </row>
    <row r="48294" spans="1:3" ht="19.2">
      <c r="A48294" s="2"/>
      <c r="B48294" s="2"/>
      <c r="C48294" s="2"/>
    </row>
    <row r="48295" spans="1:3" ht="19.2">
      <c r="A48295" s="2"/>
      <c r="B48295" s="2"/>
      <c r="C48295" s="2"/>
    </row>
    <row r="48296" spans="1:3" ht="19.2">
      <c r="A48296" s="2"/>
      <c r="B48296" s="2"/>
      <c r="C48296" s="2"/>
    </row>
    <row r="48297" spans="1:3" ht="19.2">
      <c r="A48297" s="2"/>
      <c r="B48297" s="2"/>
      <c r="C48297" s="2"/>
    </row>
    <row r="48298" spans="1:3" ht="19.2">
      <c r="A48298" s="2"/>
      <c r="B48298" s="2"/>
      <c r="C48298" s="2"/>
    </row>
    <row r="48299" spans="1:3" ht="19.2">
      <c r="A48299" s="2"/>
      <c r="B48299" s="2"/>
      <c r="C48299" s="2"/>
    </row>
    <row r="48300" spans="1:3" ht="19.2">
      <c r="A48300" s="2"/>
      <c r="B48300" s="2"/>
      <c r="C48300" s="2"/>
    </row>
    <row r="48301" spans="1:3" ht="19.2">
      <c r="A48301" s="2"/>
      <c r="B48301" s="2"/>
      <c r="C48301" s="2"/>
    </row>
    <row r="48302" spans="1:3" ht="19.2">
      <c r="A48302" s="2"/>
      <c r="B48302" s="2"/>
      <c r="C48302" s="2"/>
    </row>
    <row r="48303" spans="1:3" ht="19.2">
      <c r="A48303" s="2"/>
      <c r="B48303" s="2"/>
      <c r="C48303" s="2"/>
    </row>
    <row r="48304" spans="1:3" ht="19.2">
      <c r="A48304" s="2"/>
      <c r="B48304" s="2"/>
      <c r="C48304" s="2"/>
    </row>
    <row r="48305" spans="1:3" ht="19.2">
      <c r="A48305" s="2"/>
      <c r="B48305" s="2"/>
      <c r="C48305" s="2"/>
    </row>
    <row r="48306" spans="1:3" ht="19.2">
      <c r="A48306" s="2"/>
      <c r="B48306" s="2"/>
      <c r="C48306" s="2"/>
    </row>
    <row r="48307" spans="1:3" ht="19.2">
      <c r="A48307" s="2"/>
      <c r="B48307" s="2"/>
      <c r="C48307" s="2"/>
    </row>
    <row r="48308" spans="1:3" ht="19.2">
      <c r="A48308" s="2"/>
      <c r="B48308" s="2"/>
      <c r="C48308" s="2"/>
    </row>
    <row r="48309" spans="1:3" ht="19.2">
      <c r="A48309" s="2"/>
      <c r="B48309" s="2"/>
      <c r="C48309" s="2"/>
    </row>
    <row r="48310" spans="1:3" ht="19.2">
      <c r="A48310" s="2"/>
      <c r="B48310" s="2"/>
      <c r="C48310" s="2"/>
    </row>
    <row r="48311" spans="1:3" ht="19.2">
      <c r="A48311" s="2"/>
      <c r="B48311" s="2"/>
      <c r="C48311" s="2"/>
    </row>
    <row r="48312" spans="1:3" ht="19.2">
      <c r="A48312" s="2"/>
      <c r="B48312" s="2"/>
      <c r="C48312" s="2"/>
    </row>
    <row r="48313" spans="1:3" ht="19.2">
      <c r="A48313" s="2"/>
      <c r="B48313" s="2"/>
      <c r="C48313" s="2"/>
    </row>
    <row r="48314" spans="1:3" ht="19.2">
      <c r="A48314" s="2"/>
      <c r="B48314" s="2"/>
      <c r="C48314" s="2"/>
    </row>
    <row r="48315" spans="1:3" ht="19.2">
      <c r="A48315" s="2"/>
      <c r="B48315" s="2"/>
      <c r="C48315" s="2"/>
    </row>
    <row r="48316" spans="1:3" ht="19.2">
      <c r="A48316" s="2"/>
      <c r="B48316" s="2"/>
      <c r="C48316" s="2"/>
    </row>
    <row r="48317" spans="1:3" ht="19.2">
      <c r="A48317" s="2"/>
      <c r="B48317" s="2"/>
      <c r="C48317" s="2"/>
    </row>
    <row r="48318" spans="1:3" ht="19.2">
      <c r="A48318" s="2"/>
      <c r="B48318" s="2"/>
      <c r="C48318" s="2"/>
    </row>
    <row r="48319" spans="1:3" ht="19.2">
      <c r="A48319" s="2"/>
      <c r="B48319" s="2"/>
      <c r="C48319" s="2"/>
    </row>
    <row r="48320" spans="1:3" ht="19.2">
      <c r="A48320" s="2"/>
      <c r="B48320" s="2"/>
      <c r="C48320" s="2"/>
    </row>
    <row r="48321" spans="1:3" ht="19.2">
      <c r="A48321" s="2"/>
      <c r="B48321" s="2"/>
      <c r="C48321" s="2"/>
    </row>
    <row r="48322" spans="1:3" ht="19.2">
      <c r="A48322" s="2"/>
      <c r="B48322" s="2"/>
      <c r="C48322" s="2"/>
    </row>
    <row r="48323" spans="1:3" ht="19.2">
      <c r="A48323" s="2"/>
      <c r="B48323" s="2"/>
      <c r="C48323" s="2"/>
    </row>
    <row r="48324" spans="1:3" ht="19.2">
      <c r="A48324" s="2"/>
      <c r="B48324" s="2"/>
      <c r="C48324" s="2"/>
    </row>
    <row r="48325" spans="1:3" ht="19.2">
      <c r="A48325" s="2"/>
      <c r="B48325" s="2"/>
      <c r="C48325" s="2"/>
    </row>
    <row r="48326" spans="1:3" ht="19.2">
      <c r="A48326" s="2"/>
      <c r="B48326" s="2"/>
      <c r="C48326" s="2"/>
    </row>
    <row r="48327" spans="1:3" ht="19.2">
      <c r="A48327" s="2"/>
      <c r="B48327" s="2"/>
      <c r="C48327" s="2"/>
    </row>
    <row r="48328" spans="1:3" ht="19.2">
      <c r="A48328" s="2"/>
      <c r="B48328" s="2"/>
      <c r="C48328" s="2"/>
    </row>
    <row r="48329" spans="1:3" ht="19.2">
      <c r="A48329" s="2"/>
      <c r="B48329" s="2"/>
      <c r="C48329" s="2"/>
    </row>
    <row r="48330" spans="1:3" ht="19.2">
      <c r="A48330" s="2"/>
      <c r="B48330" s="2"/>
      <c r="C48330" s="2"/>
    </row>
    <row r="48331" spans="1:3" ht="19.2">
      <c r="A48331" s="2"/>
      <c r="B48331" s="2"/>
      <c r="C48331" s="2"/>
    </row>
    <row r="48332" spans="1:3" ht="19.2">
      <c r="A48332" s="2"/>
      <c r="B48332" s="2"/>
      <c r="C48332" s="2"/>
    </row>
    <row r="48333" spans="1:3" ht="19.2">
      <c r="A48333" s="2"/>
      <c r="B48333" s="2"/>
      <c r="C48333" s="2"/>
    </row>
    <row r="48334" spans="1:3" ht="19.2">
      <c r="A48334" s="2"/>
      <c r="B48334" s="2"/>
      <c r="C48334" s="2"/>
    </row>
    <row r="48335" spans="1:3" ht="19.2">
      <c r="A48335" s="2"/>
      <c r="B48335" s="2"/>
      <c r="C48335" s="2"/>
    </row>
    <row r="48336" spans="1:3" ht="19.2">
      <c r="A48336" s="2"/>
      <c r="B48336" s="2"/>
      <c r="C48336" s="2"/>
    </row>
    <row r="48337" spans="1:3" ht="19.2">
      <c r="A48337" s="2"/>
      <c r="B48337" s="2"/>
      <c r="C48337" s="2"/>
    </row>
    <row r="48338" spans="1:3" ht="19.2">
      <c r="A48338" s="2"/>
      <c r="B48338" s="2"/>
      <c r="C48338" s="2"/>
    </row>
    <row r="48339" spans="1:3" ht="19.2">
      <c r="A48339" s="2"/>
      <c r="B48339" s="2"/>
      <c r="C48339" s="2"/>
    </row>
    <row r="48340" spans="1:3" ht="19.2">
      <c r="A48340" s="2"/>
      <c r="B48340" s="2"/>
      <c r="C48340" s="2"/>
    </row>
    <row r="48341" spans="1:3" ht="19.2">
      <c r="A48341" s="2"/>
      <c r="B48341" s="2"/>
      <c r="C48341" s="2"/>
    </row>
    <row r="48342" spans="1:3" ht="19.2">
      <c r="A48342" s="2"/>
      <c r="B48342" s="2"/>
      <c r="C48342" s="2"/>
    </row>
    <row r="48343" spans="1:3" ht="19.2">
      <c r="A48343" s="2"/>
      <c r="B48343" s="2"/>
      <c r="C48343" s="2"/>
    </row>
    <row r="48344" spans="1:3" ht="19.2">
      <c r="A48344" s="2"/>
      <c r="B48344" s="2"/>
      <c r="C48344" s="2"/>
    </row>
    <row r="48345" spans="1:3" ht="19.2">
      <c r="A48345" s="2"/>
      <c r="B48345" s="2"/>
      <c r="C48345" s="2"/>
    </row>
    <row r="48346" spans="1:3" ht="19.2">
      <c r="A48346" s="2"/>
      <c r="B48346" s="2"/>
      <c r="C48346" s="2"/>
    </row>
    <row r="48347" spans="1:3" ht="19.2">
      <c r="A48347" s="2"/>
      <c r="B48347" s="2"/>
      <c r="C48347" s="2"/>
    </row>
    <row r="48348" spans="1:3" ht="19.2">
      <c r="A48348" s="2"/>
      <c r="B48348" s="2"/>
      <c r="C48348" s="2"/>
    </row>
    <row r="48349" spans="1:3" ht="19.2">
      <c r="A48349" s="2"/>
      <c r="B48349" s="2"/>
      <c r="C48349" s="2"/>
    </row>
    <row r="48350" spans="1:3" ht="19.2">
      <c r="A48350" s="2"/>
      <c r="B48350" s="2"/>
      <c r="C48350" s="2"/>
    </row>
    <row r="48351" spans="1:3" ht="19.2">
      <c r="A48351" s="2"/>
      <c r="B48351" s="2"/>
      <c r="C48351" s="2"/>
    </row>
    <row r="48352" spans="1:3" ht="19.2">
      <c r="A48352" s="2"/>
      <c r="B48352" s="2"/>
      <c r="C48352" s="2"/>
    </row>
    <row r="48353" spans="1:3" ht="19.2">
      <c r="A48353" s="2"/>
      <c r="B48353" s="2"/>
      <c r="C48353" s="2"/>
    </row>
    <row r="48354" spans="1:3" ht="19.2">
      <c r="A48354" s="2"/>
      <c r="B48354" s="2"/>
      <c r="C48354" s="2"/>
    </row>
    <row r="48355" spans="1:3" ht="19.2">
      <c r="A48355" s="2"/>
      <c r="B48355" s="2"/>
      <c r="C48355" s="2"/>
    </row>
    <row r="48356" spans="1:3" ht="19.2">
      <c r="A48356" s="2"/>
      <c r="B48356" s="2"/>
      <c r="C48356" s="2"/>
    </row>
    <row r="48357" spans="1:3" ht="19.2">
      <c r="A48357" s="2"/>
      <c r="B48357" s="2"/>
      <c r="C48357" s="2"/>
    </row>
    <row r="48358" spans="1:3" ht="19.2">
      <c r="A48358" s="2"/>
      <c r="B48358" s="2"/>
      <c r="C48358" s="2"/>
    </row>
    <row r="48359" spans="1:3" ht="19.2">
      <c r="A48359" s="2"/>
      <c r="B48359" s="2"/>
      <c r="C48359" s="2"/>
    </row>
    <row r="48360" spans="1:3" ht="19.2">
      <c r="A48360" s="2"/>
      <c r="B48360" s="2"/>
      <c r="C48360" s="2"/>
    </row>
    <row r="48361" spans="1:3" ht="19.2">
      <c r="A48361" s="2"/>
      <c r="B48361" s="2"/>
      <c r="C48361" s="2"/>
    </row>
    <row r="48362" spans="1:3" ht="19.2">
      <c r="A48362" s="2"/>
      <c r="B48362" s="2"/>
      <c r="C48362" s="2"/>
    </row>
    <row r="48363" spans="1:3" ht="19.2">
      <c r="A48363" s="2"/>
      <c r="B48363" s="2"/>
      <c r="C48363" s="2"/>
    </row>
    <row r="48364" spans="1:3" ht="19.2">
      <c r="A48364" s="2"/>
      <c r="B48364" s="2"/>
      <c r="C48364" s="2"/>
    </row>
    <row r="48365" spans="1:3" ht="19.2">
      <c r="A48365" s="2"/>
      <c r="B48365" s="2"/>
      <c r="C48365" s="2"/>
    </row>
    <row r="48366" spans="1:3" ht="19.2">
      <c r="A48366" s="2"/>
      <c r="B48366" s="2"/>
      <c r="C48366" s="2"/>
    </row>
    <row r="48367" spans="1:3" ht="19.2">
      <c r="A48367" s="2"/>
      <c r="B48367" s="2"/>
      <c r="C48367" s="2"/>
    </row>
    <row r="48368" spans="1:3" ht="19.2">
      <c r="A48368" s="2"/>
      <c r="B48368" s="2"/>
      <c r="C48368" s="2"/>
    </row>
    <row r="48369" spans="1:3" ht="19.2">
      <c r="A48369" s="2"/>
      <c r="B48369" s="2"/>
      <c r="C48369" s="2"/>
    </row>
    <row r="48370" spans="1:3" ht="19.2">
      <c r="A48370" s="2"/>
      <c r="B48370" s="2"/>
      <c r="C48370" s="2"/>
    </row>
    <row r="48371" spans="1:3" ht="19.2">
      <c r="A48371" s="2"/>
      <c r="B48371" s="2"/>
      <c r="C48371" s="2"/>
    </row>
    <row r="48372" spans="1:3" ht="19.2">
      <c r="A48372" s="2"/>
      <c r="B48372" s="2"/>
      <c r="C48372" s="2"/>
    </row>
    <row r="48373" spans="1:3" ht="19.2">
      <c r="A48373" s="2"/>
      <c r="B48373" s="2"/>
      <c r="C48373" s="2"/>
    </row>
    <row r="48374" spans="1:3" ht="19.2">
      <c r="A48374" s="2"/>
      <c r="B48374" s="2"/>
      <c r="C48374" s="2"/>
    </row>
    <row r="48375" spans="1:3" ht="19.2">
      <c r="A48375" s="2"/>
      <c r="B48375" s="2"/>
      <c r="C48375" s="2"/>
    </row>
    <row r="48376" spans="1:3" ht="19.2">
      <c r="A48376" s="2"/>
      <c r="B48376" s="2"/>
      <c r="C48376" s="2"/>
    </row>
    <row r="48377" spans="1:3" ht="19.2">
      <c r="A48377" s="2"/>
      <c r="B48377" s="2"/>
      <c r="C48377" s="2"/>
    </row>
    <row r="48378" spans="1:3" ht="19.2">
      <c r="A48378" s="2"/>
      <c r="B48378" s="2"/>
      <c r="C48378" s="2"/>
    </row>
    <row r="48379" spans="1:3" ht="19.2">
      <c r="A48379" s="2"/>
      <c r="B48379" s="2"/>
      <c r="C48379" s="2"/>
    </row>
    <row r="48380" spans="1:3" ht="19.2">
      <c r="A48380" s="2"/>
      <c r="B48380" s="2"/>
      <c r="C48380" s="2"/>
    </row>
    <row r="48381" spans="1:3" ht="19.2">
      <c r="A48381" s="2"/>
      <c r="B48381" s="2"/>
      <c r="C48381" s="2"/>
    </row>
    <row r="48382" spans="1:3" ht="19.2">
      <c r="A48382" s="2"/>
      <c r="B48382" s="2"/>
      <c r="C48382" s="2"/>
    </row>
    <row r="48383" spans="1:3" ht="19.2">
      <c r="A48383" s="2"/>
      <c r="B48383" s="2"/>
      <c r="C48383" s="2"/>
    </row>
    <row r="48384" spans="1:3" ht="19.2">
      <c r="A48384" s="2"/>
      <c r="B48384" s="2"/>
      <c r="C48384" s="2"/>
    </row>
    <row r="48385" spans="1:3" ht="19.2">
      <c r="A48385" s="2"/>
      <c r="B48385" s="2"/>
      <c r="C48385" s="2"/>
    </row>
    <row r="48386" spans="1:3" ht="19.2">
      <c r="A48386" s="2"/>
      <c r="B48386" s="2"/>
      <c r="C48386" s="2"/>
    </row>
    <row r="48387" spans="1:3" ht="19.2">
      <c r="A48387" s="2"/>
      <c r="B48387" s="2"/>
      <c r="C48387" s="2"/>
    </row>
    <row r="48388" spans="1:3" ht="19.2">
      <c r="A48388" s="2"/>
      <c r="B48388" s="2"/>
      <c r="C48388" s="2"/>
    </row>
    <row r="48389" spans="1:3" ht="19.2">
      <c r="A48389" s="2"/>
      <c r="B48389" s="2"/>
      <c r="C48389" s="2"/>
    </row>
    <row r="48390" spans="1:3" ht="19.2">
      <c r="A48390" s="2"/>
      <c r="B48390" s="2"/>
      <c r="C48390" s="2"/>
    </row>
    <row r="48391" spans="1:3" ht="19.2">
      <c r="A48391" s="2"/>
      <c r="B48391" s="2"/>
      <c r="C48391" s="2"/>
    </row>
    <row r="48392" spans="1:3" ht="19.2">
      <c r="A48392" s="2"/>
      <c r="B48392" s="2"/>
      <c r="C48392" s="2"/>
    </row>
    <row r="48393" spans="1:3" ht="19.2">
      <c r="A48393" s="2"/>
      <c r="B48393" s="2"/>
      <c r="C48393" s="2"/>
    </row>
    <row r="48394" spans="1:3" ht="19.2">
      <c r="A48394" s="2"/>
      <c r="B48394" s="2"/>
      <c r="C48394" s="2"/>
    </row>
    <row r="48395" spans="1:3" ht="19.2">
      <c r="A48395" s="2"/>
      <c r="B48395" s="2"/>
      <c r="C48395" s="2"/>
    </row>
    <row r="48396" spans="1:3" ht="19.2">
      <c r="A48396" s="2"/>
      <c r="B48396" s="2"/>
      <c r="C48396" s="2"/>
    </row>
    <row r="48397" spans="1:3" ht="19.2">
      <c r="A48397" s="2"/>
      <c r="B48397" s="2"/>
      <c r="C48397" s="2"/>
    </row>
    <row r="48398" spans="1:3" ht="19.2">
      <c r="A48398" s="2"/>
      <c r="B48398" s="2"/>
      <c r="C48398" s="2"/>
    </row>
    <row r="48399" spans="1:3" ht="19.2">
      <c r="A48399" s="2"/>
      <c r="B48399" s="2"/>
      <c r="C48399" s="2"/>
    </row>
    <row r="48400" spans="1:3" ht="19.2">
      <c r="A48400" s="2"/>
      <c r="B48400" s="2"/>
      <c r="C48400" s="2"/>
    </row>
    <row r="48401" spans="1:3" ht="19.2">
      <c r="A48401" s="2"/>
      <c r="B48401" s="2"/>
      <c r="C48401" s="2"/>
    </row>
    <row r="48402" spans="1:3" ht="19.2">
      <c r="A48402" s="2"/>
      <c r="B48402" s="2"/>
      <c r="C48402" s="2"/>
    </row>
    <row r="48403" spans="1:3" ht="19.2">
      <c r="A48403" s="2"/>
      <c r="B48403" s="2"/>
      <c r="C48403" s="2"/>
    </row>
    <row r="48404" spans="1:3" ht="19.2">
      <c r="A48404" s="2"/>
      <c r="B48404" s="2"/>
      <c r="C48404" s="2"/>
    </row>
    <row r="48405" spans="1:3" ht="19.2">
      <c r="A48405" s="2"/>
      <c r="B48405" s="2"/>
      <c r="C48405" s="2"/>
    </row>
    <row r="48406" spans="1:3" ht="19.2">
      <c r="A48406" s="2"/>
      <c r="B48406" s="2"/>
      <c r="C48406" s="2"/>
    </row>
    <row r="48407" spans="1:3" ht="19.2">
      <c r="A48407" s="2"/>
      <c r="B48407" s="2"/>
      <c r="C48407" s="2"/>
    </row>
    <row r="48408" spans="1:3" ht="19.2">
      <c r="A48408" s="2"/>
      <c r="B48408" s="2"/>
      <c r="C48408" s="2"/>
    </row>
    <row r="48409" spans="1:3" ht="19.2">
      <c r="A48409" s="2"/>
      <c r="B48409" s="2"/>
      <c r="C48409" s="2"/>
    </row>
    <row r="48410" spans="1:3" ht="19.2">
      <c r="A48410" s="2"/>
      <c r="B48410" s="2"/>
      <c r="C48410" s="2"/>
    </row>
    <row r="48411" spans="1:3" ht="19.2">
      <c r="A48411" s="2"/>
      <c r="B48411" s="2"/>
      <c r="C48411" s="2"/>
    </row>
    <row r="48412" spans="1:3" ht="19.2">
      <c r="A48412" s="2"/>
      <c r="B48412" s="2"/>
      <c r="C48412" s="2"/>
    </row>
    <row r="48413" spans="1:3" ht="19.2">
      <c r="A48413" s="2"/>
      <c r="B48413" s="2"/>
      <c r="C48413" s="2"/>
    </row>
    <row r="48414" spans="1:3" ht="19.2">
      <c r="A48414" s="2"/>
      <c r="B48414" s="2"/>
      <c r="C48414" s="2"/>
    </row>
    <row r="48415" spans="1:3" ht="19.2">
      <c r="A48415" s="2"/>
      <c r="B48415" s="2"/>
      <c r="C48415" s="2"/>
    </row>
    <row r="48416" spans="1:3" ht="19.2">
      <c r="A48416" s="2"/>
      <c r="B48416" s="2"/>
      <c r="C48416" s="2"/>
    </row>
    <row r="48417" spans="1:3" ht="19.2">
      <c r="A48417" s="2"/>
      <c r="B48417" s="2"/>
      <c r="C48417" s="2"/>
    </row>
    <row r="48418" spans="1:3" ht="19.2">
      <c r="A48418" s="2"/>
      <c r="B48418" s="2"/>
      <c r="C48418" s="2"/>
    </row>
    <row r="48419" spans="1:3" ht="19.2">
      <c r="A48419" s="2"/>
      <c r="B48419" s="2"/>
      <c r="C48419" s="2"/>
    </row>
    <row r="48420" spans="1:3" ht="19.2">
      <c r="A48420" s="2"/>
      <c r="B48420" s="2"/>
      <c r="C48420" s="2"/>
    </row>
    <row r="48421" spans="1:3" ht="19.2">
      <c r="A48421" s="2"/>
      <c r="B48421" s="2"/>
      <c r="C48421" s="2"/>
    </row>
    <row r="48422" spans="1:3" ht="19.2">
      <c r="A48422" s="2"/>
      <c r="B48422" s="2"/>
      <c r="C48422" s="2"/>
    </row>
    <row r="48423" spans="1:3" ht="19.2">
      <c r="A48423" s="2"/>
      <c r="B48423" s="2"/>
      <c r="C48423" s="2"/>
    </row>
    <row r="48424" spans="1:3" ht="19.2">
      <c r="A48424" s="2"/>
      <c r="B48424" s="2"/>
      <c r="C48424" s="2"/>
    </row>
    <row r="48425" spans="1:3" ht="19.2">
      <c r="A48425" s="2"/>
      <c r="B48425" s="2"/>
      <c r="C48425" s="2"/>
    </row>
    <row r="48426" spans="1:3" ht="19.2">
      <c r="A48426" s="2"/>
      <c r="B48426" s="2"/>
      <c r="C48426" s="2"/>
    </row>
    <row r="48427" spans="1:3" ht="19.2">
      <c r="A48427" s="2"/>
      <c r="B48427" s="2"/>
      <c r="C48427" s="2"/>
    </row>
    <row r="48428" spans="1:3" ht="19.2">
      <c r="A48428" s="2"/>
      <c r="B48428" s="2"/>
      <c r="C48428" s="2"/>
    </row>
    <row r="48429" spans="1:3" ht="19.2">
      <c r="A48429" s="2"/>
      <c r="B48429" s="2"/>
      <c r="C48429" s="2"/>
    </row>
    <row r="48430" spans="1:3" ht="19.2">
      <c r="A48430" s="2"/>
      <c r="B48430" s="2"/>
      <c r="C48430" s="2"/>
    </row>
    <row r="48431" spans="1:3" ht="19.2">
      <c r="A48431" s="2"/>
      <c r="B48431" s="2"/>
      <c r="C48431" s="2"/>
    </row>
    <row r="48432" spans="1:3" ht="19.2">
      <c r="A48432" s="2"/>
      <c r="B48432" s="2"/>
      <c r="C48432" s="2"/>
    </row>
    <row r="48433" spans="1:3" ht="19.2">
      <c r="A48433" s="2"/>
      <c r="B48433" s="2"/>
      <c r="C48433" s="2"/>
    </row>
    <row r="48434" spans="1:3" ht="19.2">
      <c r="A48434" s="2"/>
      <c r="B48434" s="2"/>
      <c r="C48434" s="2"/>
    </row>
    <row r="48435" spans="1:3" ht="19.2">
      <c r="A48435" s="2"/>
      <c r="B48435" s="2"/>
      <c r="C48435" s="2"/>
    </row>
    <row r="48436" spans="1:3" ht="19.2">
      <c r="A48436" s="2"/>
      <c r="B48436" s="2"/>
      <c r="C48436" s="2"/>
    </row>
    <row r="48437" spans="1:3" ht="19.2">
      <c r="A48437" s="2"/>
      <c r="B48437" s="2"/>
      <c r="C48437" s="2"/>
    </row>
    <row r="48438" spans="1:3" ht="19.2">
      <c r="A48438" s="2"/>
      <c r="B48438" s="2"/>
      <c r="C48438" s="2"/>
    </row>
    <row r="48439" spans="1:3" ht="19.2">
      <c r="A48439" s="2"/>
      <c r="B48439" s="2"/>
      <c r="C48439" s="2"/>
    </row>
    <row r="48440" spans="1:3" ht="19.2">
      <c r="A48440" s="2"/>
      <c r="B48440" s="2"/>
      <c r="C48440" s="2"/>
    </row>
    <row r="48441" spans="1:3" ht="19.2">
      <c r="A48441" s="2"/>
      <c r="B48441" s="2"/>
      <c r="C48441" s="2"/>
    </row>
    <row r="48442" spans="1:3" ht="19.2">
      <c r="A48442" s="2"/>
      <c r="B48442" s="2"/>
      <c r="C48442" s="2"/>
    </row>
    <row r="48443" spans="1:3" ht="19.2">
      <c r="A48443" s="2"/>
      <c r="B48443" s="2"/>
      <c r="C48443" s="2"/>
    </row>
    <row r="48444" spans="1:3" ht="19.2">
      <c r="A48444" s="2"/>
      <c r="B48444" s="2"/>
      <c r="C48444" s="2"/>
    </row>
    <row r="48445" spans="1:3" ht="19.2">
      <c r="A48445" s="2"/>
      <c r="B48445" s="2"/>
      <c r="C48445" s="2"/>
    </row>
    <row r="48446" spans="1:3" ht="19.2">
      <c r="A48446" s="2"/>
      <c r="B48446" s="2"/>
      <c r="C48446" s="2"/>
    </row>
    <row r="48447" spans="1:3" ht="19.2">
      <c r="A48447" s="2"/>
      <c r="B48447" s="2"/>
      <c r="C48447" s="2"/>
    </row>
    <row r="48448" spans="1:3" ht="19.2">
      <c r="A48448" s="2"/>
      <c r="B48448" s="2"/>
      <c r="C48448" s="2"/>
    </row>
    <row r="48449" spans="1:3" ht="19.2">
      <c r="A48449" s="2"/>
      <c r="B48449" s="2"/>
      <c r="C48449" s="2"/>
    </row>
    <row r="48450" spans="1:3" ht="19.2">
      <c r="A48450" s="2"/>
      <c r="B48450" s="2"/>
      <c r="C48450" s="2"/>
    </row>
    <row r="48451" spans="1:3" ht="19.2">
      <c r="A48451" s="2"/>
      <c r="B48451" s="2"/>
      <c r="C48451" s="2"/>
    </row>
    <row r="48452" spans="1:3" ht="19.2">
      <c r="A48452" s="2"/>
      <c r="B48452" s="2"/>
      <c r="C48452" s="2"/>
    </row>
    <row r="48453" spans="1:3" ht="19.2">
      <c r="A48453" s="2"/>
      <c r="B48453" s="2"/>
      <c r="C48453" s="2"/>
    </row>
    <row r="48454" spans="1:3" ht="19.2">
      <c r="A48454" s="2"/>
      <c r="B48454" s="2"/>
      <c r="C48454" s="2"/>
    </row>
    <row r="48455" spans="1:3" ht="19.2">
      <c r="A48455" s="2"/>
      <c r="B48455" s="2"/>
      <c r="C48455" s="2"/>
    </row>
    <row r="48456" spans="1:3" ht="19.2">
      <c r="A48456" s="2"/>
      <c r="B48456" s="2"/>
      <c r="C48456" s="2"/>
    </row>
    <row r="48457" spans="1:3" ht="19.2">
      <c r="A48457" s="2"/>
      <c r="B48457" s="2"/>
      <c r="C48457" s="2"/>
    </row>
    <row r="48458" spans="1:3" ht="19.2">
      <c r="A48458" s="2"/>
      <c r="B48458" s="2"/>
      <c r="C48458" s="2"/>
    </row>
    <row r="48459" spans="1:3" ht="19.2">
      <c r="A48459" s="2"/>
      <c r="B48459" s="2"/>
      <c r="C48459" s="2"/>
    </row>
    <row r="48460" spans="1:3" ht="19.2">
      <c r="A48460" s="2"/>
      <c r="B48460" s="2"/>
      <c r="C48460" s="2"/>
    </row>
    <row r="48461" spans="1:3" ht="19.2">
      <c r="A48461" s="2"/>
      <c r="B48461" s="2"/>
      <c r="C48461" s="2"/>
    </row>
    <row r="48462" spans="1:3" ht="19.2">
      <c r="A48462" s="2"/>
      <c r="B48462" s="2"/>
      <c r="C48462" s="2"/>
    </row>
    <row r="48463" spans="1:3" ht="19.2">
      <c r="A48463" s="2"/>
      <c r="B48463" s="2"/>
      <c r="C48463" s="2"/>
    </row>
    <row r="48464" spans="1:3" ht="19.2">
      <c r="A48464" s="2"/>
      <c r="B48464" s="2"/>
      <c r="C48464" s="2"/>
    </row>
    <row r="48465" spans="1:3" ht="19.2">
      <c r="A48465" s="2"/>
      <c r="B48465" s="2"/>
      <c r="C48465" s="2"/>
    </row>
    <row r="48466" spans="1:3" ht="19.2">
      <c r="A48466" s="2"/>
      <c r="B48466" s="2"/>
      <c r="C48466" s="2"/>
    </row>
    <row r="48467" spans="1:3" ht="19.2">
      <c r="A48467" s="2"/>
      <c r="B48467" s="2"/>
      <c r="C48467" s="2"/>
    </row>
    <row r="48468" spans="1:3" ht="19.2">
      <c r="A48468" s="2"/>
      <c r="B48468" s="2"/>
      <c r="C48468" s="2"/>
    </row>
    <row r="48469" spans="1:3" ht="19.2">
      <c r="A48469" s="2"/>
      <c r="B48469" s="2"/>
      <c r="C48469" s="2"/>
    </row>
    <row r="48470" spans="1:3" ht="19.2">
      <c r="A48470" s="2"/>
      <c r="B48470" s="2"/>
      <c r="C48470" s="2"/>
    </row>
    <row r="48471" spans="1:3" ht="19.2">
      <c r="A48471" s="2"/>
      <c r="B48471" s="2"/>
      <c r="C48471" s="2"/>
    </row>
    <row r="48472" spans="1:3" ht="19.2">
      <c r="A48472" s="2"/>
      <c r="B48472" s="2"/>
      <c r="C48472" s="2"/>
    </row>
    <row r="48473" spans="1:3" ht="19.2">
      <c r="A48473" s="2"/>
      <c r="B48473" s="2"/>
      <c r="C48473" s="2"/>
    </row>
    <row r="48474" spans="1:3" ht="19.2">
      <c r="A48474" s="2"/>
      <c r="B48474" s="2"/>
      <c r="C48474" s="2"/>
    </row>
    <row r="48475" spans="1:3" ht="19.2">
      <c r="A48475" s="2"/>
      <c r="B48475" s="2"/>
      <c r="C48475" s="2"/>
    </row>
    <row r="48476" spans="1:3" ht="19.2">
      <c r="A48476" s="2"/>
      <c r="B48476" s="2"/>
      <c r="C48476" s="2"/>
    </row>
    <row r="48477" spans="1:3" ht="19.2">
      <c r="A48477" s="2"/>
      <c r="B48477" s="2"/>
      <c r="C48477" s="2"/>
    </row>
    <row r="48478" spans="1:3" ht="19.2">
      <c r="A48478" s="2"/>
      <c r="B48478" s="2"/>
      <c r="C48478" s="2"/>
    </row>
    <row r="48479" spans="1:3" ht="19.2">
      <c r="A48479" s="2"/>
      <c r="B48479" s="2"/>
      <c r="C48479" s="2"/>
    </row>
    <row r="48480" spans="1:3" ht="19.2">
      <c r="A48480" s="2"/>
      <c r="B48480" s="2"/>
      <c r="C48480" s="2"/>
    </row>
    <row r="48481" spans="1:3" ht="19.2">
      <c r="A48481" s="2"/>
      <c r="B48481" s="2"/>
      <c r="C48481" s="2"/>
    </row>
    <row r="48482" spans="1:3" ht="19.2">
      <c r="A48482" s="2"/>
      <c r="B48482" s="2"/>
      <c r="C48482" s="2"/>
    </row>
    <row r="48483" spans="1:3" ht="19.2">
      <c r="A48483" s="2"/>
      <c r="B48483" s="2"/>
      <c r="C48483" s="2"/>
    </row>
    <row r="48484" spans="1:3" ht="19.2">
      <c r="A48484" s="2"/>
      <c r="B48484" s="2"/>
      <c r="C48484" s="2"/>
    </row>
    <row r="48485" spans="1:3" ht="19.2">
      <c r="A48485" s="2"/>
      <c r="B48485" s="2"/>
      <c r="C48485" s="2"/>
    </row>
    <row r="48486" spans="1:3" ht="19.2">
      <c r="A48486" s="2"/>
      <c r="B48486" s="2"/>
      <c r="C48486" s="2"/>
    </row>
    <row r="48487" spans="1:3" ht="19.2">
      <c r="A48487" s="2"/>
      <c r="B48487" s="2"/>
      <c r="C48487" s="2"/>
    </row>
    <row r="48488" spans="1:3" ht="19.2">
      <c r="A48488" s="2"/>
      <c r="B48488" s="2"/>
      <c r="C48488" s="2"/>
    </row>
    <row r="48489" spans="1:3" ht="19.2">
      <c r="A48489" s="2"/>
      <c r="B48489" s="2"/>
      <c r="C48489" s="2"/>
    </row>
    <row r="48490" spans="1:3" ht="19.2">
      <c r="A48490" s="2"/>
      <c r="B48490" s="2"/>
      <c r="C48490" s="2"/>
    </row>
    <row r="48491" spans="1:3" ht="19.2">
      <c r="A48491" s="2"/>
      <c r="B48491" s="2"/>
      <c r="C48491" s="2"/>
    </row>
    <row r="48492" spans="1:3" ht="19.2">
      <c r="A48492" s="2"/>
      <c r="B48492" s="2"/>
      <c r="C48492" s="2"/>
    </row>
    <row r="48493" spans="1:3" ht="19.2">
      <c r="A48493" s="2"/>
      <c r="B48493" s="2"/>
      <c r="C48493" s="2"/>
    </row>
    <row r="48494" spans="1:3" ht="19.2">
      <c r="A48494" s="2"/>
      <c r="B48494" s="2"/>
      <c r="C48494" s="2"/>
    </row>
    <row r="48495" spans="1:3" ht="19.2">
      <c r="A48495" s="2"/>
      <c r="B48495" s="2"/>
      <c r="C48495" s="2"/>
    </row>
    <row r="48496" spans="1:3" ht="19.2">
      <c r="A48496" s="2"/>
      <c r="B48496" s="2"/>
      <c r="C48496" s="2"/>
    </row>
    <row r="48497" spans="1:3" ht="19.2">
      <c r="A48497" s="2"/>
      <c r="B48497" s="2"/>
      <c r="C48497" s="2"/>
    </row>
    <row r="48498" spans="1:3" ht="19.2">
      <c r="A48498" s="2"/>
      <c r="B48498" s="2"/>
      <c r="C48498" s="2"/>
    </row>
    <row r="48499" spans="1:3" ht="19.2">
      <c r="A48499" s="2"/>
      <c r="B48499" s="2"/>
      <c r="C48499" s="2"/>
    </row>
    <row r="48500" spans="1:3" ht="19.2">
      <c r="A48500" s="2"/>
      <c r="B48500" s="2"/>
      <c r="C48500" s="2"/>
    </row>
    <row r="48501" spans="1:3" ht="19.2">
      <c r="A48501" s="2"/>
      <c r="B48501" s="2"/>
      <c r="C48501" s="2"/>
    </row>
    <row r="48502" spans="1:3" ht="19.2">
      <c r="A48502" s="2"/>
      <c r="B48502" s="2"/>
      <c r="C48502" s="2"/>
    </row>
    <row r="48503" spans="1:3" ht="19.2">
      <c r="A48503" s="2"/>
      <c r="B48503" s="2"/>
      <c r="C48503" s="2"/>
    </row>
    <row r="48504" spans="1:3" ht="19.2">
      <c r="A48504" s="2"/>
      <c r="B48504" s="2"/>
      <c r="C48504" s="2"/>
    </row>
    <row r="48505" spans="1:3" ht="19.2">
      <c r="A48505" s="2"/>
      <c r="B48505" s="2"/>
      <c r="C48505" s="2"/>
    </row>
    <row r="48506" spans="1:3" ht="19.2">
      <c r="A48506" s="2"/>
      <c r="B48506" s="2"/>
      <c r="C48506" s="2"/>
    </row>
    <row r="48507" spans="1:3" ht="19.2">
      <c r="A48507" s="2"/>
      <c r="B48507" s="2"/>
      <c r="C48507" s="2"/>
    </row>
    <row r="48508" spans="1:3" ht="19.2">
      <c r="A48508" s="2"/>
      <c r="B48508" s="2"/>
      <c r="C48508" s="2"/>
    </row>
    <row r="48509" spans="1:3" ht="19.2">
      <c r="A48509" s="2"/>
      <c r="B48509" s="2"/>
      <c r="C48509" s="2"/>
    </row>
    <row r="48510" spans="1:3" ht="19.2">
      <c r="A48510" s="2"/>
      <c r="B48510" s="2"/>
      <c r="C48510" s="2"/>
    </row>
    <row r="48511" spans="1:3" ht="19.2">
      <c r="A48511" s="2"/>
      <c r="B48511" s="2"/>
      <c r="C48511" s="2"/>
    </row>
    <row r="48512" spans="1:3" ht="19.2">
      <c r="A48512" s="2"/>
      <c r="B48512" s="2"/>
      <c r="C48512" s="2"/>
    </row>
    <row r="48513" spans="1:3" ht="19.2">
      <c r="A48513" s="2"/>
      <c r="B48513" s="2"/>
      <c r="C48513" s="2"/>
    </row>
    <row r="48514" spans="1:3" ht="19.2">
      <c r="A48514" s="2"/>
      <c r="B48514" s="2"/>
      <c r="C48514" s="2"/>
    </row>
    <row r="48515" spans="1:3" ht="19.2">
      <c r="A48515" s="2"/>
      <c r="B48515" s="2"/>
      <c r="C48515" s="2"/>
    </row>
    <row r="48516" spans="1:3" ht="19.2">
      <c r="A48516" s="2"/>
      <c r="B48516" s="2"/>
      <c r="C48516" s="2"/>
    </row>
    <row r="48517" spans="1:3" ht="19.2">
      <c r="A48517" s="2"/>
      <c r="B48517" s="2"/>
      <c r="C48517" s="2"/>
    </row>
    <row r="48518" spans="1:3" ht="19.2">
      <c r="A48518" s="2"/>
      <c r="B48518" s="2"/>
      <c r="C48518" s="2"/>
    </row>
    <row r="48519" spans="1:3" ht="19.2">
      <c r="A48519" s="2"/>
      <c r="B48519" s="2"/>
      <c r="C48519" s="2"/>
    </row>
    <row r="48520" spans="1:3" ht="19.2">
      <c r="A48520" s="2"/>
      <c r="B48520" s="2"/>
      <c r="C48520" s="2"/>
    </row>
    <row r="48521" spans="1:3" ht="19.2">
      <c r="A48521" s="2"/>
      <c r="B48521" s="2"/>
      <c r="C48521" s="2"/>
    </row>
    <row r="48522" spans="1:3" ht="19.2">
      <c r="A48522" s="2"/>
      <c r="B48522" s="2"/>
      <c r="C48522" s="2"/>
    </row>
    <row r="48523" spans="1:3" ht="19.2">
      <c r="A48523" s="2"/>
      <c r="B48523" s="2"/>
      <c r="C48523" s="2"/>
    </row>
    <row r="48524" spans="1:3" ht="19.2">
      <c r="A48524" s="2"/>
      <c r="B48524" s="2"/>
      <c r="C48524" s="2"/>
    </row>
    <row r="48525" spans="1:3" ht="19.2">
      <c r="A48525" s="2"/>
      <c r="B48525" s="2"/>
      <c r="C48525" s="2"/>
    </row>
    <row r="48526" spans="1:3" ht="19.2">
      <c r="A48526" s="2"/>
      <c r="B48526" s="2"/>
      <c r="C48526" s="2"/>
    </row>
    <row r="48527" spans="1:3" ht="19.2">
      <c r="A48527" s="2"/>
      <c r="B48527" s="2"/>
      <c r="C48527" s="2"/>
    </row>
    <row r="48528" spans="1:3" ht="19.2">
      <c r="A48528" s="2"/>
      <c r="B48528" s="2"/>
      <c r="C48528" s="2"/>
    </row>
    <row r="48529" spans="1:3" ht="19.2">
      <c r="A48529" s="2"/>
      <c r="B48529" s="2"/>
      <c r="C48529" s="2"/>
    </row>
    <row r="48530" spans="1:3" ht="19.2">
      <c r="A48530" s="2"/>
      <c r="B48530" s="2"/>
      <c r="C48530" s="2"/>
    </row>
    <row r="48531" spans="1:3" ht="19.2">
      <c r="A48531" s="2"/>
      <c r="B48531" s="2"/>
      <c r="C48531" s="2"/>
    </row>
    <row r="48532" spans="1:3" ht="19.2">
      <c r="A48532" s="2"/>
      <c r="B48532" s="2"/>
      <c r="C48532" s="2"/>
    </row>
    <row r="48533" spans="1:3" ht="19.2">
      <c r="A48533" s="2"/>
      <c r="B48533" s="2"/>
      <c r="C48533" s="2"/>
    </row>
    <row r="48534" spans="1:3" ht="19.2">
      <c r="A48534" s="2"/>
      <c r="B48534" s="2"/>
      <c r="C48534" s="2"/>
    </row>
    <row r="48535" spans="1:3" ht="19.2">
      <c r="A48535" s="2"/>
      <c r="B48535" s="2"/>
      <c r="C48535" s="2"/>
    </row>
    <row r="48536" spans="1:3" ht="19.2">
      <c r="A48536" s="2"/>
      <c r="B48536" s="2"/>
      <c r="C48536" s="2"/>
    </row>
    <row r="48537" spans="1:3" ht="19.2">
      <c r="A48537" s="2"/>
      <c r="B48537" s="2"/>
      <c r="C48537" s="2"/>
    </row>
    <row r="48538" spans="1:3" ht="19.2">
      <c r="A48538" s="2"/>
      <c r="B48538" s="2"/>
      <c r="C48538" s="2"/>
    </row>
    <row r="48539" spans="1:3" ht="19.2">
      <c r="A48539" s="2"/>
      <c r="B48539" s="2"/>
      <c r="C48539" s="2"/>
    </row>
    <row r="48540" spans="1:3" ht="19.2">
      <c r="A48540" s="2"/>
      <c r="B48540" s="2"/>
      <c r="C48540" s="2"/>
    </row>
    <row r="48541" spans="1:3" ht="19.2">
      <c r="A48541" s="2"/>
      <c r="B48541" s="2"/>
      <c r="C48541" s="2"/>
    </row>
    <row r="48542" spans="1:3" ht="19.2">
      <c r="A48542" s="2"/>
      <c r="B48542" s="2"/>
      <c r="C48542" s="2"/>
    </row>
    <row r="48543" spans="1:3" ht="19.2">
      <c r="A48543" s="2"/>
      <c r="B48543" s="2"/>
      <c r="C48543" s="2"/>
    </row>
    <row r="48544" spans="1:3" ht="19.2">
      <c r="A48544" s="2"/>
      <c r="B48544" s="2"/>
      <c r="C48544" s="2"/>
    </row>
    <row r="48545" spans="1:3" ht="19.2">
      <c r="A48545" s="2"/>
      <c r="B48545" s="2"/>
      <c r="C48545" s="2"/>
    </row>
    <row r="48546" spans="1:3" ht="19.2">
      <c r="A48546" s="2"/>
      <c r="B48546" s="2"/>
      <c r="C48546" s="2"/>
    </row>
    <row r="48547" spans="1:3" ht="19.2">
      <c r="A48547" s="2"/>
      <c r="B48547" s="2"/>
      <c r="C48547" s="2"/>
    </row>
    <row r="48548" spans="1:3" ht="19.2">
      <c r="A48548" s="2"/>
      <c r="B48548" s="2"/>
      <c r="C48548" s="2"/>
    </row>
    <row r="48549" spans="1:3" ht="19.2">
      <c r="A48549" s="2"/>
      <c r="B48549" s="2"/>
      <c r="C48549" s="2"/>
    </row>
    <row r="48550" spans="1:3" ht="19.2">
      <c r="A48550" s="2"/>
      <c r="B48550" s="2"/>
      <c r="C48550" s="2"/>
    </row>
    <row r="48551" spans="1:3" ht="19.2">
      <c r="A48551" s="2"/>
      <c r="B48551" s="2"/>
      <c r="C48551" s="2"/>
    </row>
    <row r="48552" spans="1:3" ht="19.2">
      <c r="A48552" s="2"/>
      <c r="B48552" s="2"/>
      <c r="C48552" s="2"/>
    </row>
    <row r="48553" spans="1:3" ht="19.2">
      <c r="A48553" s="2"/>
      <c r="B48553" s="2"/>
      <c r="C48553" s="2"/>
    </row>
    <row r="48554" spans="1:3" ht="19.2">
      <c r="A48554" s="2"/>
      <c r="B48554" s="2"/>
      <c r="C48554" s="2"/>
    </row>
    <row r="48555" spans="1:3" ht="19.2">
      <c r="A48555" s="2"/>
      <c r="B48555" s="2"/>
      <c r="C48555" s="2"/>
    </row>
    <row r="48556" spans="1:3" ht="19.2">
      <c r="A48556" s="2"/>
      <c r="B48556" s="2"/>
      <c r="C48556" s="2"/>
    </row>
    <row r="48557" spans="1:3" ht="19.2">
      <c r="A48557" s="2"/>
      <c r="B48557" s="2"/>
      <c r="C48557" s="2"/>
    </row>
    <row r="48558" spans="1:3" ht="19.2">
      <c r="A48558" s="2"/>
      <c r="B48558" s="2"/>
      <c r="C48558" s="2"/>
    </row>
    <row r="48559" spans="1:3" ht="19.2">
      <c r="A48559" s="2"/>
      <c r="B48559" s="2"/>
      <c r="C48559" s="2"/>
    </row>
    <row r="48560" spans="1:3" ht="19.2">
      <c r="A48560" s="2"/>
      <c r="B48560" s="2"/>
      <c r="C48560" s="2"/>
    </row>
    <row r="48561" spans="1:3" ht="19.2">
      <c r="A48561" s="2"/>
      <c r="B48561" s="2"/>
      <c r="C48561" s="2"/>
    </row>
    <row r="48562" spans="1:3" ht="19.2">
      <c r="A48562" s="2"/>
      <c r="B48562" s="2"/>
      <c r="C48562" s="2"/>
    </row>
    <row r="48563" spans="1:3" ht="19.2">
      <c r="A48563" s="2"/>
      <c r="B48563" s="2"/>
      <c r="C48563" s="2"/>
    </row>
    <row r="48564" spans="1:3" ht="19.2">
      <c r="A48564" s="2"/>
      <c r="B48564" s="2"/>
      <c r="C48564" s="2"/>
    </row>
    <row r="48565" spans="1:3" ht="19.2">
      <c r="A48565" s="2"/>
      <c r="B48565" s="2"/>
      <c r="C48565" s="2"/>
    </row>
    <row r="48566" spans="1:3" ht="19.2">
      <c r="A48566" s="2"/>
      <c r="B48566" s="2"/>
      <c r="C48566" s="2"/>
    </row>
    <row r="48567" spans="1:3" ht="19.2">
      <c r="A48567" s="2"/>
      <c r="B48567" s="2"/>
      <c r="C48567" s="2"/>
    </row>
    <row r="48568" spans="1:3" ht="19.2">
      <c r="A48568" s="2"/>
      <c r="B48568" s="2"/>
      <c r="C48568" s="2"/>
    </row>
    <row r="48569" spans="1:3" ht="19.2">
      <c r="A48569" s="2"/>
      <c r="B48569" s="2"/>
      <c r="C48569" s="2"/>
    </row>
    <row r="48570" spans="1:3" ht="19.2">
      <c r="A48570" s="2"/>
      <c r="B48570" s="2"/>
      <c r="C48570" s="2"/>
    </row>
    <row r="48571" spans="1:3" ht="19.2">
      <c r="A48571" s="2"/>
      <c r="B48571" s="2"/>
      <c r="C48571" s="2"/>
    </row>
    <row r="48572" spans="1:3" ht="19.2">
      <c r="A48572" s="2"/>
      <c r="B48572" s="2"/>
      <c r="C48572" s="2"/>
    </row>
    <row r="48573" spans="1:3" ht="19.2">
      <c r="A48573" s="2"/>
      <c r="B48573" s="2"/>
      <c r="C48573" s="2"/>
    </row>
    <row r="48574" spans="1:3" ht="19.2">
      <c r="A48574" s="2"/>
      <c r="B48574" s="2"/>
      <c r="C48574" s="2"/>
    </row>
    <row r="48575" spans="1:3" ht="19.2">
      <c r="A48575" s="2"/>
      <c r="B48575" s="2"/>
      <c r="C48575" s="2"/>
    </row>
    <row r="48576" spans="1:3" ht="19.2">
      <c r="A48576" s="2"/>
      <c r="B48576" s="2"/>
      <c r="C48576" s="2"/>
    </row>
    <row r="48577" spans="1:3" ht="19.2">
      <c r="A48577" s="2"/>
      <c r="B48577" s="2"/>
      <c r="C48577" s="2"/>
    </row>
    <row r="48578" spans="1:3" ht="19.2">
      <c r="A48578" s="2"/>
      <c r="B48578" s="2"/>
      <c r="C48578" s="2"/>
    </row>
    <row r="48579" spans="1:3" ht="19.2">
      <c r="A48579" s="2"/>
      <c r="B48579" s="2"/>
      <c r="C48579" s="2"/>
    </row>
    <row r="48580" spans="1:3" ht="19.2">
      <c r="A48580" s="2"/>
      <c r="B48580" s="2"/>
      <c r="C48580" s="2"/>
    </row>
    <row r="48581" spans="1:3" ht="19.2">
      <c r="A48581" s="2"/>
      <c r="B48581" s="2"/>
      <c r="C48581" s="2"/>
    </row>
    <row r="48582" spans="1:3" ht="19.2">
      <c r="A48582" s="2"/>
      <c r="B48582" s="2"/>
      <c r="C48582" s="2"/>
    </row>
    <row r="48583" spans="1:3" ht="19.2">
      <c r="A48583" s="2"/>
      <c r="B48583" s="2"/>
      <c r="C48583" s="2"/>
    </row>
    <row r="48584" spans="1:3" ht="19.2">
      <c r="A48584" s="2"/>
      <c r="B48584" s="2"/>
      <c r="C48584" s="2"/>
    </row>
    <row r="48585" spans="1:3" ht="19.2">
      <c r="A48585" s="2"/>
      <c r="B48585" s="2"/>
      <c r="C48585" s="2"/>
    </row>
    <row r="48586" spans="1:3" ht="19.2">
      <c r="A48586" s="2"/>
      <c r="B48586" s="2"/>
      <c r="C48586" s="2"/>
    </row>
    <row r="48587" spans="1:3" ht="19.2">
      <c r="A48587" s="2"/>
      <c r="B48587" s="2"/>
      <c r="C48587" s="2"/>
    </row>
    <row r="48588" spans="1:3" ht="19.2">
      <c r="A48588" s="2"/>
      <c r="B48588" s="2"/>
      <c r="C48588" s="2"/>
    </row>
    <row r="48589" spans="1:3" ht="19.2">
      <c r="A48589" s="2"/>
      <c r="B48589" s="2"/>
      <c r="C48589" s="2"/>
    </row>
    <row r="48590" spans="1:3" ht="19.2">
      <c r="A48590" s="2"/>
      <c r="B48590" s="2"/>
      <c r="C48590" s="2"/>
    </row>
    <row r="48591" spans="1:3" ht="19.2">
      <c r="A48591" s="2"/>
      <c r="B48591" s="2"/>
      <c r="C48591" s="2"/>
    </row>
    <row r="48592" spans="1:3" ht="19.2">
      <c r="A48592" s="2"/>
      <c r="B48592" s="2"/>
      <c r="C48592" s="2"/>
    </row>
    <row r="48593" spans="1:3" ht="19.2">
      <c r="A48593" s="2"/>
      <c r="B48593" s="2"/>
      <c r="C48593" s="2"/>
    </row>
    <row r="48594" spans="1:3" ht="19.2">
      <c r="A48594" s="2"/>
      <c r="B48594" s="2"/>
      <c r="C48594" s="2"/>
    </row>
    <row r="48595" spans="1:3" ht="19.2">
      <c r="A48595" s="2"/>
      <c r="B48595" s="2"/>
      <c r="C48595" s="2"/>
    </row>
    <row r="48596" spans="1:3" ht="19.2">
      <c r="A48596" s="2"/>
      <c r="B48596" s="2"/>
      <c r="C48596" s="2"/>
    </row>
    <row r="48597" spans="1:3" ht="19.2">
      <c r="A48597" s="2"/>
      <c r="B48597" s="2"/>
      <c r="C48597" s="2"/>
    </row>
    <row r="48598" spans="1:3" ht="19.2">
      <c r="A48598" s="2"/>
      <c r="B48598" s="2"/>
      <c r="C48598" s="2"/>
    </row>
    <row r="48599" spans="1:3" ht="19.2">
      <c r="A48599" s="2"/>
      <c r="B48599" s="2"/>
      <c r="C48599" s="2"/>
    </row>
    <row r="48600" spans="1:3" ht="19.2">
      <c r="A48600" s="2"/>
      <c r="B48600" s="2"/>
      <c r="C48600" s="2"/>
    </row>
    <row r="48601" spans="1:3" ht="19.2">
      <c r="A48601" s="2"/>
      <c r="B48601" s="2"/>
      <c r="C48601" s="2"/>
    </row>
    <row r="48602" spans="1:3" ht="19.2">
      <c r="A48602" s="2"/>
      <c r="B48602" s="2"/>
      <c r="C48602" s="2"/>
    </row>
    <row r="48603" spans="1:3" ht="19.2">
      <c r="A48603" s="2"/>
      <c r="B48603" s="2"/>
      <c r="C48603" s="2"/>
    </row>
    <row r="48604" spans="1:3" ht="19.2">
      <c r="A48604" s="2"/>
      <c r="B48604" s="2"/>
      <c r="C48604" s="2"/>
    </row>
    <row r="48605" spans="1:3" ht="19.2">
      <c r="A48605" s="2"/>
      <c r="B48605" s="2"/>
      <c r="C48605" s="2"/>
    </row>
    <row r="48606" spans="1:3" ht="19.2">
      <c r="A48606" s="2"/>
      <c r="B48606" s="2"/>
      <c r="C48606" s="2"/>
    </row>
    <row r="48607" spans="1:3" ht="19.2">
      <c r="A48607" s="2"/>
      <c r="B48607" s="2"/>
      <c r="C48607" s="2"/>
    </row>
    <row r="48608" spans="1:3" ht="19.2">
      <c r="A48608" s="2"/>
      <c r="B48608" s="2"/>
      <c r="C48608" s="2"/>
    </row>
    <row r="48609" spans="1:3" ht="19.2">
      <c r="A48609" s="2"/>
      <c r="B48609" s="2"/>
      <c r="C48609" s="2"/>
    </row>
    <row r="48610" spans="1:3" ht="19.2">
      <c r="A48610" s="2"/>
      <c r="B48610" s="2"/>
      <c r="C48610" s="2"/>
    </row>
    <row r="48611" spans="1:3" ht="19.2">
      <c r="A48611" s="2"/>
      <c r="B48611" s="2"/>
      <c r="C48611" s="2"/>
    </row>
    <row r="48612" spans="1:3" ht="19.2">
      <c r="A48612" s="2"/>
      <c r="B48612" s="2"/>
      <c r="C48612" s="2"/>
    </row>
    <row r="48613" spans="1:3" ht="19.2">
      <c r="A48613" s="2"/>
      <c r="B48613" s="2"/>
      <c r="C48613" s="2"/>
    </row>
    <row r="48614" spans="1:3" ht="19.2">
      <c r="A48614" s="2"/>
      <c r="B48614" s="2"/>
      <c r="C48614" s="2"/>
    </row>
    <row r="48615" spans="1:3" ht="19.2">
      <c r="A48615" s="2"/>
      <c r="B48615" s="2"/>
      <c r="C48615" s="2"/>
    </row>
    <row r="48616" spans="1:3" ht="19.2">
      <c r="A48616" s="2"/>
      <c r="B48616" s="2"/>
      <c r="C48616" s="2"/>
    </row>
    <row r="48617" spans="1:3" ht="19.2">
      <c r="A48617" s="2"/>
      <c r="B48617" s="2"/>
      <c r="C48617" s="2"/>
    </row>
    <row r="48618" spans="1:3" ht="19.2">
      <c r="A48618" s="2"/>
      <c r="B48618" s="2"/>
      <c r="C48618" s="2"/>
    </row>
    <row r="48619" spans="1:3" ht="19.2">
      <c r="A48619" s="2"/>
      <c r="B48619" s="2"/>
      <c r="C48619" s="2"/>
    </row>
    <row r="48620" spans="1:3" ht="19.2">
      <c r="A48620" s="2"/>
      <c r="B48620" s="2"/>
      <c r="C48620" s="2"/>
    </row>
    <row r="48621" spans="1:3" ht="19.2">
      <c r="A48621" s="2"/>
      <c r="B48621" s="2"/>
      <c r="C48621" s="2"/>
    </row>
    <row r="48622" spans="1:3" ht="19.2">
      <c r="A48622" s="2"/>
      <c r="B48622" s="2"/>
      <c r="C48622" s="2"/>
    </row>
    <row r="48623" spans="1:3" ht="19.2">
      <c r="A48623" s="2"/>
      <c r="B48623" s="2"/>
      <c r="C48623" s="2"/>
    </row>
    <row r="48624" spans="1:3" ht="19.2">
      <c r="A48624" s="2"/>
      <c r="B48624" s="2"/>
      <c r="C48624" s="2"/>
    </row>
    <row r="48625" spans="1:3" ht="19.2">
      <c r="A48625" s="2"/>
      <c r="B48625" s="2"/>
      <c r="C48625" s="2"/>
    </row>
    <row r="48626" spans="1:3" ht="19.2">
      <c r="A48626" s="2"/>
      <c r="B48626" s="2"/>
      <c r="C48626" s="2"/>
    </row>
    <row r="48627" spans="1:3" ht="19.2">
      <c r="A48627" s="2"/>
      <c r="B48627" s="2"/>
      <c r="C48627" s="2"/>
    </row>
    <row r="48628" spans="1:3" ht="19.2">
      <c r="A48628" s="2"/>
      <c r="B48628" s="2"/>
      <c r="C48628" s="2"/>
    </row>
    <row r="48629" spans="1:3" ht="19.2">
      <c r="A48629" s="2"/>
      <c r="B48629" s="2"/>
      <c r="C48629" s="2"/>
    </row>
    <row r="48630" spans="1:3" ht="19.2">
      <c r="A48630" s="2"/>
      <c r="B48630" s="2"/>
      <c r="C48630" s="2"/>
    </row>
    <row r="48631" spans="1:3" ht="19.2">
      <c r="A48631" s="2"/>
      <c r="B48631" s="2"/>
      <c r="C48631" s="2"/>
    </row>
    <row r="48632" spans="1:3" ht="19.2">
      <c r="A48632" s="2"/>
      <c r="B48632" s="2"/>
      <c r="C48632" s="2"/>
    </row>
    <row r="48633" spans="1:3" ht="19.2">
      <c r="A48633" s="2"/>
      <c r="B48633" s="2"/>
      <c r="C48633" s="2"/>
    </row>
    <row r="48634" spans="1:3" ht="19.2">
      <c r="A48634" s="2"/>
      <c r="B48634" s="2"/>
      <c r="C48634" s="2"/>
    </row>
    <row r="48635" spans="1:3" ht="19.2">
      <c r="A48635" s="2"/>
      <c r="B48635" s="2"/>
      <c r="C48635" s="2"/>
    </row>
    <row r="48636" spans="1:3" ht="19.2">
      <c r="A48636" s="2"/>
      <c r="B48636" s="2"/>
      <c r="C48636" s="2"/>
    </row>
    <row r="48637" spans="1:3" ht="19.2">
      <c r="A48637" s="2"/>
      <c r="B48637" s="2"/>
      <c r="C48637" s="2"/>
    </row>
    <row r="48638" spans="1:3" ht="19.2">
      <c r="A48638" s="2"/>
      <c r="B48638" s="2"/>
      <c r="C48638" s="2"/>
    </row>
    <row r="48639" spans="1:3" ht="19.2">
      <c r="A48639" s="2"/>
      <c r="B48639" s="2"/>
      <c r="C48639" s="2"/>
    </row>
    <row r="48640" spans="1:3" ht="19.2">
      <c r="A48640" s="2"/>
      <c r="B48640" s="2"/>
      <c r="C48640" s="2"/>
    </row>
    <row r="48641" spans="1:3" ht="19.2">
      <c r="A48641" s="2"/>
      <c r="B48641" s="2"/>
      <c r="C48641" s="2"/>
    </row>
    <row r="48642" spans="1:3" ht="19.2">
      <c r="A48642" s="2"/>
      <c r="B48642" s="2"/>
      <c r="C48642" s="2"/>
    </row>
    <row r="48643" spans="1:3" ht="19.2">
      <c r="A48643" s="2"/>
      <c r="B48643" s="2"/>
      <c r="C48643" s="2"/>
    </row>
    <row r="48644" spans="1:3" ht="19.2">
      <c r="A48644" s="2"/>
      <c r="B48644" s="2"/>
      <c r="C48644" s="2"/>
    </row>
    <row r="48645" spans="1:3" ht="19.2">
      <c r="A48645" s="2"/>
      <c r="B48645" s="2"/>
      <c r="C48645" s="2"/>
    </row>
    <row r="48646" spans="1:3" ht="19.2">
      <c r="A48646" s="2"/>
      <c r="B48646" s="2"/>
      <c r="C48646" s="2"/>
    </row>
    <row r="48647" spans="1:3" ht="19.2">
      <c r="A48647" s="2"/>
      <c r="B48647" s="2"/>
      <c r="C48647" s="2"/>
    </row>
    <row r="48648" spans="1:3" ht="19.2">
      <c r="A48648" s="2"/>
      <c r="B48648" s="2"/>
      <c r="C48648" s="2"/>
    </row>
    <row r="48649" spans="1:3" ht="19.2">
      <c r="A48649" s="2"/>
      <c r="B48649" s="2"/>
      <c r="C48649" s="2"/>
    </row>
    <row r="48650" spans="1:3" ht="19.2">
      <c r="A48650" s="2"/>
      <c r="B48650" s="2"/>
      <c r="C48650" s="2"/>
    </row>
    <row r="48651" spans="1:3" ht="19.2">
      <c r="A48651" s="2"/>
      <c r="B48651" s="2"/>
      <c r="C48651" s="2"/>
    </row>
    <row r="48652" spans="1:3" ht="19.2">
      <c r="A48652" s="2"/>
      <c r="B48652" s="2"/>
      <c r="C48652" s="2"/>
    </row>
    <row r="48653" spans="1:3" ht="19.2">
      <c r="A48653" s="2"/>
      <c r="B48653" s="2"/>
      <c r="C48653" s="2"/>
    </row>
    <row r="48654" spans="1:3" ht="19.2">
      <c r="A48654" s="2"/>
      <c r="B48654" s="2"/>
      <c r="C48654" s="2"/>
    </row>
    <row r="48655" spans="1:3" ht="19.2">
      <c r="A48655" s="2"/>
      <c r="B48655" s="2"/>
      <c r="C48655" s="2"/>
    </row>
    <row r="48656" spans="1:3" ht="19.2">
      <c r="A48656" s="2"/>
      <c r="B48656" s="2"/>
      <c r="C48656" s="2"/>
    </row>
    <row r="48657" spans="1:3" ht="19.2">
      <c r="A48657" s="2"/>
      <c r="B48657" s="2"/>
      <c r="C48657" s="2"/>
    </row>
    <row r="48658" spans="1:3" ht="19.2">
      <c r="A48658" s="2"/>
      <c r="B48658" s="2"/>
      <c r="C48658" s="2"/>
    </row>
    <row r="48659" spans="1:3" ht="19.2">
      <c r="A48659" s="2"/>
      <c r="B48659" s="2"/>
      <c r="C48659" s="2"/>
    </row>
    <row r="48660" spans="1:3" ht="19.2">
      <c r="A48660" s="2"/>
      <c r="B48660" s="2"/>
      <c r="C48660" s="2"/>
    </row>
    <row r="48661" spans="1:3" ht="19.2">
      <c r="A48661" s="2"/>
      <c r="B48661" s="2"/>
      <c r="C48661" s="2"/>
    </row>
    <row r="48662" spans="1:3" ht="19.2">
      <c r="A48662" s="2"/>
      <c r="B48662" s="2"/>
      <c r="C48662" s="2"/>
    </row>
    <row r="48663" spans="1:3" ht="19.2">
      <c r="A48663" s="2"/>
      <c r="B48663" s="2"/>
      <c r="C48663" s="2"/>
    </row>
    <row r="48664" spans="1:3" ht="19.2">
      <c r="A48664" s="2"/>
      <c r="B48664" s="2"/>
      <c r="C48664" s="2"/>
    </row>
    <row r="48665" spans="1:3" ht="19.2">
      <c r="A48665" s="2"/>
      <c r="B48665" s="2"/>
      <c r="C48665" s="2"/>
    </row>
    <row r="48666" spans="1:3" ht="19.2">
      <c r="A48666" s="2"/>
      <c r="B48666" s="2"/>
      <c r="C48666" s="2"/>
    </row>
    <row r="48667" spans="1:3" ht="19.2">
      <c r="A48667" s="2"/>
      <c r="B48667" s="2"/>
      <c r="C48667" s="2"/>
    </row>
    <row r="48668" spans="1:3" ht="19.2">
      <c r="A48668" s="2"/>
      <c r="B48668" s="2"/>
      <c r="C48668" s="2"/>
    </row>
    <row r="48669" spans="1:3" ht="19.2">
      <c r="A48669" s="2"/>
      <c r="B48669" s="2"/>
      <c r="C48669" s="2"/>
    </row>
    <row r="48670" spans="1:3" ht="19.2">
      <c r="A48670" s="2"/>
      <c r="B48670" s="2"/>
      <c r="C48670" s="2"/>
    </row>
    <row r="48671" spans="1:3" ht="19.2">
      <c r="A48671" s="2"/>
      <c r="B48671" s="2"/>
      <c r="C48671" s="2"/>
    </row>
    <row r="48672" spans="1:3" ht="19.2">
      <c r="A48672" s="2"/>
      <c r="B48672" s="2"/>
      <c r="C48672" s="2"/>
    </row>
    <row r="48673" spans="1:3" ht="19.2">
      <c r="A48673" s="2"/>
      <c r="B48673" s="2"/>
      <c r="C48673" s="2"/>
    </row>
    <row r="48674" spans="1:3" ht="19.2">
      <c r="A48674" s="2"/>
      <c r="B48674" s="2"/>
      <c r="C48674" s="2"/>
    </row>
    <row r="48675" spans="1:3" ht="19.2">
      <c r="A48675" s="2"/>
      <c r="B48675" s="2"/>
      <c r="C48675" s="2"/>
    </row>
    <row r="48676" spans="1:3" ht="19.2">
      <c r="A48676" s="2"/>
      <c r="B48676" s="2"/>
      <c r="C48676" s="2"/>
    </row>
    <row r="48677" spans="1:3" ht="19.2">
      <c r="A48677" s="2"/>
      <c r="B48677" s="2"/>
      <c r="C48677" s="2"/>
    </row>
    <row r="48678" spans="1:3" ht="19.2">
      <c r="A48678" s="2"/>
      <c r="B48678" s="2"/>
      <c r="C48678" s="2"/>
    </row>
    <row r="48679" spans="1:3" ht="19.2">
      <c r="A48679" s="2"/>
      <c r="B48679" s="2"/>
      <c r="C48679" s="2"/>
    </row>
    <row r="48680" spans="1:3" ht="19.2">
      <c r="A48680" s="2"/>
      <c r="B48680" s="2"/>
      <c r="C48680" s="2"/>
    </row>
    <row r="48681" spans="1:3" ht="19.2">
      <c r="A48681" s="2"/>
      <c r="B48681" s="2"/>
      <c r="C48681" s="2"/>
    </row>
    <row r="48682" spans="1:3" ht="19.2">
      <c r="A48682" s="2"/>
      <c r="B48682" s="2"/>
      <c r="C48682" s="2"/>
    </row>
    <row r="48683" spans="1:3" ht="19.2">
      <c r="A48683" s="2"/>
      <c r="B48683" s="2"/>
      <c r="C48683" s="2"/>
    </row>
    <row r="48684" spans="1:3" ht="19.2">
      <c r="A48684" s="2"/>
      <c r="B48684" s="2"/>
      <c r="C48684" s="2"/>
    </row>
    <row r="48685" spans="1:3" ht="19.2">
      <c r="A48685" s="2"/>
      <c r="B48685" s="2"/>
      <c r="C48685" s="2"/>
    </row>
    <row r="48686" spans="1:3" ht="19.2">
      <c r="A48686" s="2"/>
      <c r="B48686" s="2"/>
      <c r="C48686" s="2"/>
    </row>
    <row r="48687" spans="1:3" ht="19.2">
      <c r="A48687" s="2"/>
      <c r="B48687" s="2"/>
      <c r="C48687" s="2"/>
    </row>
    <row r="48688" spans="1:3" ht="19.2">
      <c r="A48688" s="2"/>
      <c r="B48688" s="2"/>
      <c r="C48688" s="2"/>
    </row>
    <row r="48689" spans="1:3" ht="19.2">
      <c r="A48689" s="2"/>
      <c r="B48689" s="2"/>
      <c r="C48689" s="2"/>
    </row>
    <row r="48690" spans="1:3" ht="19.2">
      <c r="A48690" s="2"/>
      <c r="B48690" s="2"/>
      <c r="C48690" s="2"/>
    </row>
    <row r="48691" spans="1:3" ht="19.2">
      <c r="A48691" s="2"/>
      <c r="B48691" s="2"/>
      <c r="C48691" s="2"/>
    </row>
    <row r="48692" spans="1:3" ht="19.2">
      <c r="A48692" s="2"/>
      <c r="B48692" s="2"/>
      <c r="C48692" s="2"/>
    </row>
    <row r="48693" spans="1:3" ht="19.2">
      <c r="A48693" s="2"/>
      <c r="B48693" s="2"/>
      <c r="C48693" s="2"/>
    </row>
    <row r="48694" spans="1:3" ht="19.2">
      <c r="A48694" s="2"/>
      <c r="B48694" s="2"/>
      <c r="C48694" s="2"/>
    </row>
    <row r="48695" spans="1:3" ht="19.2">
      <c r="A48695" s="2"/>
      <c r="B48695" s="2"/>
      <c r="C48695" s="2"/>
    </row>
    <row r="48696" spans="1:3" ht="19.2">
      <c r="A48696" s="2"/>
      <c r="B48696" s="2"/>
      <c r="C48696" s="2"/>
    </row>
    <row r="48697" spans="1:3" ht="19.2">
      <c r="A48697" s="2"/>
      <c r="B48697" s="2"/>
      <c r="C48697" s="2"/>
    </row>
    <row r="48698" spans="1:3" ht="19.2">
      <c r="A48698" s="2"/>
      <c r="B48698" s="2"/>
      <c r="C48698" s="2"/>
    </row>
    <row r="48699" spans="1:3" ht="19.2">
      <c r="A48699" s="2"/>
      <c r="B48699" s="2"/>
      <c r="C48699" s="2"/>
    </row>
    <row r="48700" spans="1:3" ht="19.2">
      <c r="A48700" s="2"/>
      <c r="B48700" s="2"/>
      <c r="C48700" s="2"/>
    </row>
    <row r="48701" spans="1:3" ht="19.2">
      <c r="A48701" s="2"/>
      <c r="B48701" s="2"/>
      <c r="C48701" s="2"/>
    </row>
    <row r="48702" spans="1:3" ht="19.2">
      <c r="A48702" s="2"/>
      <c r="B48702" s="2"/>
      <c r="C48702" s="2"/>
    </row>
    <row r="48703" spans="1:3" ht="19.2">
      <c r="A48703" s="2"/>
      <c r="B48703" s="2"/>
      <c r="C48703" s="2"/>
    </row>
    <row r="48704" spans="1:3" ht="19.2">
      <c r="A48704" s="2"/>
      <c r="B48704" s="2"/>
      <c r="C48704" s="2"/>
    </row>
    <row r="48705" spans="1:3" ht="19.2">
      <c r="A48705" s="2"/>
      <c r="B48705" s="2"/>
      <c r="C48705" s="2"/>
    </row>
    <row r="48706" spans="1:3" ht="19.2">
      <c r="A48706" s="2"/>
      <c r="B48706" s="2"/>
      <c r="C48706" s="2"/>
    </row>
    <row r="48707" spans="1:3" ht="19.2">
      <c r="A48707" s="2"/>
      <c r="B48707" s="2"/>
      <c r="C48707" s="2"/>
    </row>
    <row r="48708" spans="1:3" ht="19.2">
      <c r="A48708" s="2"/>
      <c r="B48708" s="2"/>
      <c r="C48708" s="2"/>
    </row>
    <row r="48709" spans="1:3" ht="19.2">
      <c r="A48709" s="2"/>
      <c r="B48709" s="2"/>
      <c r="C48709" s="2"/>
    </row>
    <row r="48710" spans="1:3" ht="19.2">
      <c r="A48710" s="2"/>
      <c r="B48710" s="2"/>
      <c r="C48710" s="2"/>
    </row>
    <row r="48711" spans="1:3" ht="19.2">
      <c r="A48711" s="2"/>
      <c r="B48711" s="2"/>
      <c r="C48711" s="2"/>
    </row>
    <row r="48712" spans="1:3" ht="19.2">
      <c r="A48712" s="2"/>
      <c r="B48712" s="2"/>
      <c r="C48712" s="2"/>
    </row>
    <row r="48713" spans="1:3" ht="19.2">
      <c r="A48713" s="2"/>
      <c r="B48713" s="2"/>
      <c r="C48713" s="2"/>
    </row>
    <row r="48714" spans="1:3" ht="19.2">
      <c r="A48714" s="2"/>
      <c r="B48714" s="2"/>
      <c r="C48714" s="2"/>
    </row>
    <row r="48715" spans="1:3" ht="19.2">
      <c r="A48715" s="2"/>
      <c r="B48715" s="2"/>
      <c r="C48715" s="2"/>
    </row>
    <row r="48716" spans="1:3" ht="19.2">
      <c r="A48716" s="2"/>
      <c r="B48716" s="2"/>
      <c r="C48716" s="2"/>
    </row>
    <row r="48717" spans="1:3" ht="19.2">
      <c r="A48717" s="2"/>
      <c r="B48717" s="2"/>
      <c r="C48717" s="2"/>
    </row>
    <row r="48718" spans="1:3" ht="19.2">
      <c r="A48718" s="2"/>
      <c r="B48718" s="2"/>
      <c r="C48718" s="2"/>
    </row>
    <row r="48719" spans="1:3" ht="19.2">
      <c r="A48719" s="2"/>
      <c r="B48719" s="2"/>
      <c r="C48719" s="2"/>
    </row>
    <row r="48720" spans="1:3" ht="19.2">
      <c r="A48720" s="2"/>
      <c r="B48720" s="2"/>
      <c r="C48720" s="2"/>
    </row>
    <row r="48721" spans="1:3" ht="19.2">
      <c r="A48721" s="2"/>
      <c r="B48721" s="2"/>
      <c r="C48721" s="2"/>
    </row>
    <row r="48722" spans="1:3" ht="19.2">
      <c r="A48722" s="2"/>
      <c r="B48722" s="2"/>
      <c r="C48722" s="2"/>
    </row>
    <row r="48723" spans="1:3" ht="19.2">
      <c r="A48723" s="2"/>
      <c r="B48723" s="2"/>
      <c r="C48723" s="2"/>
    </row>
    <row r="48724" spans="1:3" ht="19.2">
      <c r="A48724" s="2"/>
      <c r="B48724" s="2"/>
      <c r="C48724" s="2"/>
    </row>
    <row r="48725" spans="1:3" ht="19.2">
      <c r="A48725" s="2"/>
      <c r="B48725" s="2"/>
      <c r="C48725" s="2"/>
    </row>
    <row r="48726" spans="1:3" ht="19.2">
      <c r="A48726" s="2"/>
      <c r="B48726" s="2"/>
      <c r="C48726" s="2"/>
    </row>
    <row r="48727" spans="1:3" ht="19.2">
      <c r="A48727" s="2"/>
      <c r="B48727" s="2"/>
      <c r="C48727" s="2"/>
    </row>
    <row r="48728" spans="1:3" ht="19.2">
      <c r="A48728" s="2"/>
      <c r="B48728" s="2"/>
      <c r="C48728" s="2"/>
    </row>
    <row r="48729" spans="1:3" ht="19.2">
      <c r="A48729" s="2"/>
      <c r="B48729" s="2"/>
      <c r="C48729" s="2"/>
    </row>
    <row r="48730" spans="1:3" ht="19.2">
      <c r="A48730" s="2"/>
      <c r="B48730" s="2"/>
      <c r="C48730" s="2"/>
    </row>
    <row r="48731" spans="1:3" ht="19.2">
      <c r="A48731" s="2"/>
      <c r="B48731" s="2"/>
      <c r="C48731" s="2"/>
    </row>
    <row r="48732" spans="1:3" ht="19.2">
      <c r="A48732" s="2"/>
      <c r="B48732" s="2"/>
      <c r="C48732" s="2"/>
    </row>
    <row r="48733" spans="1:3" ht="19.2">
      <c r="A48733" s="2"/>
      <c r="B48733" s="2"/>
      <c r="C48733" s="2"/>
    </row>
    <row r="48734" spans="1:3" ht="19.2">
      <c r="A48734" s="2"/>
      <c r="B48734" s="2"/>
      <c r="C48734" s="2"/>
    </row>
    <row r="48735" spans="1:3" ht="19.2">
      <c r="A48735" s="2"/>
      <c r="B48735" s="2"/>
      <c r="C48735" s="2"/>
    </row>
    <row r="48736" spans="1:3" ht="19.2">
      <c r="A48736" s="2"/>
      <c r="B48736" s="2"/>
      <c r="C48736" s="2"/>
    </row>
    <row r="48737" spans="1:3" ht="19.2">
      <c r="A48737" s="2"/>
      <c r="B48737" s="2"/>
      <c r="C48737" s="2"/>
    </row>
    <row r="48738" spans="1:3" ht="19.2">
      <c r="A48738" s="2"/>
      <c r="B48738" s="2"/>
      <c r="C48738" s="2"/>
    </row>
    <row r="48739" spans="1:3" ht="19.2">
      <c r="A48739" s="2"/>
      <c r="B48739" s="2"/>
      <c r="C48739" s="2"/>
    </row>
    <row r="48740" spans="1:3" ht="19.2">
      <c r="A48740" s="2"/>
      <c r="B48740" s="2"/>
      <c r="C48740" s="2"/>
    </row>
    <row r="48741" spans="1:3" ht="19.2">
      <c r="A48741" s="2"/>
      <c r="B48741" s="2"/>
      <c r="C48741" s="2"/>
    </row>
    <row r="48742" spans="1:3" ht="19.2">
      <c r="A48742" s="2"/>
      <c r="B48742" s="2"/>
      <c r="C48742" s="2"/>
    </row>
    <row r="48743" spans="1:3" ht="19.2">
      <c r="A48743" s="2"/>
      <c r="B48743" s="2"/>
      <c r="C48743" s="2"/>
    </row>
    <row r="48744" spans="1:3" ht="19.2">
      <c r="A48744" s="2"/>
      <c r="B48744" s="2"/>
      <c r="C48744" s="2"/>
    </row>
    <row r="48745" spans="1:3" ht="19.2">
      <c r="A48745" s="2"/>
      <c r="B48745" s="2"/>
      <c r="C48745" s="2"/>
    </row>
    <row r="48746" spans="1:3" ht="19.2">
      <c r="A48746" s="2"/>
      <c r="B48746" s="2"/>
      <c r="C48746" s="2"/>
    </row>
    <row r="48747" spans="1:3" ht="19.2">
      <c r="A48747" s="2"/>
      <c r="B48747" s="2"/>
      <c r="C48747" s="2"/>
    </row>
    <row r="48748" spans="1:3" ht="19.2">
      <c r="A48748" s="2"/>
      <c r="B48748" s="2"/>
      <c r="C48748" s="2"/>
    </row>
    <row r="48749" spans="1:3" ht="19.2">
      <c r="A48749" s="2"/>
      <c r="B48749" s="2"/>
      <c r="C48749" s="2"/>
    </row>
    <row r="48750" spans="1:3" ht="19.2">
      <c r="A48750" s="2"/>
      <c r="B48750" s="2"/>
      <c r="C48750" s="2"/>
    </row>
    <row r="48751" spans="1:3" ht="19.2">
      <c r="A48751" s="2"/>
      <c r="B48751" s="2"/>
      <c r="C48751" s="2"/>
    </row>
    <row r="48752" spans="1:3" ht="19.2">
      <c r="A48752" s="2"/>
      <c r="B48752" s="2"/>
      <c r="C48752" s="2"/>
    </row>
    <row r="48753" spans="1:3" ht="19.2">
      <c r="A48753" s="2"/>
      <c r="B48753" s="2"/>
      <c r="C48753" s="2"/>
    </row>
    <row r="48754" spans="1:3" ht="19.2">
      <c r="A48754" s="2"/>
      <c r="B48754" s="2"/>
      <c r="C48754" s="2"/>
    </row>
    <row r="48755" spans="1:3" ht="19.2">
      <c r="A48755" s="2"/>
      <c r="B48755" s="2"/>
      <c r="C48755" s="2"/>
    </row>
    <row r="48756" spans="1:3" ht="19.2">
      <c r="A48756" s="2"/>
      <c r="B48756" s="2"/>
      <c r="C48756" s="2"/>
    </row>
    <row r="48757" spans="1:3" ht="19.2">
      <c r="A48757" s="2"/>
      <c r="B48757" s="2"/>
      <c r="C48757" s="2"/>
    </row>
    <row r="48758" spans="1:3" ht="19.2">
      <c r="A48758" s="2"/>
      <c r="B48758" s="2"/>
      <c r="C48758" s="2"/>
    </row>
    <row r="48759" spans="1:3" ht="19.2">
      <c r="A48759" s="2"/>
      <c r="B48759" s="2"/>
      <c r="C48759" s="2"/>
    </row>
    <row r="48760" spans="1:3" ht="19.2">
      <c r="A48760" s="2"/>
      <c r="B48760" s="2"/>
      <c r="C48760" s="2"/>
    </row>
    <row r="48761" spans="1:3" ht="19.2">
      <c r="A48761" s="2"/>
      <c r="B48761" s="2"/>
      <c r="C48761" s="2"/>
    </row>
    <row r="48762" spans="1:3" ht="19.2">
      <c r="A48762" s="2"/>
      <c r="B48762" s="2"/>
      <c r="C48762" s="2"/>
    </row>
    <row r="48763" spans="1:3" ht="19.2">
      <c r="A48763" s="2"/>
      <c r="B48763" s="2"/>
      <c r="C48763" s="2"/>
    </row>
    <row r="48764" spans="1:3" ht="19.2">
      <c r="A48764" s="2"/>
      <c r="B48764" s="2"/>
      <c r="C48764" s="2"/>
    </row>
    <row r="48765" spans="1:3" ht="19.2">
      <c r="A48765" s="2"/>
      <c r="B48765" s="2"/>
      <c r="C48765" s="2"/>
    </row>
    <row r="48766" spans="1:3" ht="19.2">
      <c r="A48766" s="2"/>
      <c r="B48766" s="2"/>
      <c r="C48766" s="2"/>
    </row>
    <row r="48767" spans="1:3" ht="19.2">
      <c r="A48767" s="2"/>
      <c r="B48767" s="2"/>
      <c r="C48767" s="2"/>
    </row>
    <row r="48768" spans="1:3" ht="19.2">
      <c r="A48768" s="2"/>
      <c r="B48768" s="2"/>
      <c r="C48768" s="2"/>
    </row>
    <row r="48769" spans="1:3" ht="19.2">
      <c r="A48769" s="2"/>
      <c r="B48769" s="2"/>
      <c r="C48769" s="2"/>
    </row>
    <row r="48770" spans="1:3" ht="19.2">
      <c r="A48770" s="2"/>
      <c r="B48770" s="2"/>
      <c r="C48770" s="2"/>
    </row>
    <row r="48771" spans="1:3" ht="19.2">
      <c r="A48771" s="2"/>
      <c r="B48771" s="2"/>
      <c r="C48771" s="2"/>
    </row>
    <row r="48772" spans="1:3" ht="19.2">
      <c r="A48772" s="2"/>
      <c r="B48772" s="2"/>
      <c r="C48772" s="2"/>
    </row>
    <row r="48773" spans="1:3" ht="19.2">
      <c r="A48773" s="2"/>
      <c r="B48773" s="2"/>
      <c r="C48773" s="2"/>
    </row>
    <row r="48774" spans="1:3" ht="19.2">
      <c r="A48774" s="2"/>
      <c r="B48774" s="2"/>
      <c r="C48774" s="2"/>
    </row>
    <row r="48775" spans="1:3" ht="19.2">
      <c r="A48775" s="2"/>
      <c r="B48775" s="2"/>
      <c r="C48775" s="2"/>
    </row>
    <row r="48776" spans="1:3" ht="19.2">
      <c r="A48776" s="2"/>
      <c r="B48776" s="2"/>
      <c r="C48776" s="2"/>
    </row>
    <row r="48777" spans="1:3" ht="19.2">
      <c r="A48777" s="2"/>
      <c r="B48777" s="2"/>
      <c r="C48777" s="2"/>
    </row>
    <row r="48778" spans="1:3" ht="19.2">
      <c r="A48778" s="2"/>
      <c r="B48778" s="2"/>
      <c r="C48778" s="2"/>
    </row>
    <row r="48779" spans="1:3" ht="19.2">
      <c r="A48779" s="2"/>
      <c r="B48779" s="2"/>
      <c r="C48779" s="2"/>
    </row>
    <row r="48780" spans="1:3" ht="19.2">
      <c r="A48780" s="2"/>
      <c r="B48780" s="2"/>
      <c r="C48780" s="2"/>
    </row>
    <row r="48781" spans="1:3" ht="19.2">
      <c r="A48781" s="2"/>
      <c r="B48781" s="2"/>
      <c r="C48781" s="2"/>
    </row>
    <row r="48782" spans="1:3" ht="19.2">
      <c r="A48782" s="2"/>
      <c r="B48782" s="2"/>
      <c r="C48782" s="2"/>
    </row>
    <row r="48783" spans="1:3" ht="19.2">
      <c r="A48783" s="2"/>
      <c r="B48783" s="2"/>
      <c r="C48783" s="2"/>
    </row>
    <row r="48784" spans="1:3" ht="19.2">
      <c r="A48784" s="2"/>
      <c r="B48784" s="2"/>
      <c r="C48784" s="2"/>
    </row>
    <row r="48785" spans="1:3" ht="19.2">
      <c r="A48785" s="2"/>
      <c r="B48785" s="2"/>
      <c r="C48785" s="2"/>
    </row>
    <row r="48786" spans="1:3" ht="19.2">
      <c r="A48786" s="2"/>
      <c r="B48786" s="2"/>
      <c r="C48786" s="2"/>
    </row>
    <row r="48787" spans="1:3" ht="19.2">
      <c r="A48787" s="2"/>
      <c r="B48787" s="2"/>
      <c r="C48787" s="2"/>
    </row>
    <row r="48788" spans="1:3" ht="19.2">
      <c r="A48788" s="2"/>
      <c r="B48788" s="2"/>
      <c r="C48788" s="2"/>
    </row>
    <row r="48789" spans="1:3" ht="19.2">
      <c r="A48789" s="2"/>
      <c r="B48789" s="2"/>
      <c r="C48789" s="2"/>
    </row>
    <row r="48790" spans="1:3" ht="19.2">
      <c r="A48790" s="2"/>
      <c r="B48790" s="2"/>
      <c r="C48790" s="2"/>
    </row>
    <row r="48791" spans="1:3" ht="19.2">
      <c r="A48791" s="2"/>
      <c r="B48791" s="2"/>
      <c r="C48791" s="2"/>
    </row>
    <row r="48792" spans="1:3" ht="19.2">
      <c r="A48792" s="2"/>
      <c r="B48792" s="2"/>
      <c r="C48792" s="2"/>
    </row>
    <row r="48793" spans="1:3" ht="19.2">
      <c r="A48793" s="2"/>
      <c r="B48793" s="2"/>
      <c r="C48793" s="2"/>
    </row>
    <row r="48794" spans="1:3" ht="19.2">
      <c r="A48794" s="2"/>
      <c r="B48794" s="2"/>
      <c r="C48794" s="2"/>
    </row>
    <row r="48795" spans="1:3" ht="19.2">
      <c r="A48795" s="2"/>
      <c r="B48795" s="2"/>
      <c r="C48795" s="2"/>
    </row>
    <row r="48796" spans="1:3" ht="19.2">
      <c r="A48796" s="2"/>
      <c r="B48796" s="2"/>
      <c r="C48796" s="2"/>
    </row>
    <row r="48797" spans="1:3" ht="19.2">
      <c r="A48797" s="2"/>
      <c r="B48797" s="2"/>
      <c r="C48797" s="2"/>
    </row>
    <row r="48798" spans="1:3" ht="19.2">
      <c r="A48798" s="2"/>
      <c r="B48798" s="2"/>
      <c r="C48798" s="2"/>
    </row>
    <row r="48799" spans="1:3" ht="19.2">
      <c r="A48799" s="2"/>
      <c r="B48799" s="2"/>
      <c r="C48799" s="2"/>
    </row>
    <row r="48800" spans="1:3" ht="19.2">
      <c r="A48800" s="2"/>
      <c r="B48800" s="2"/>
      <c r="C48800" s="2"/>
    </row>
    <row r="48801" spans="1:3" ht="19.2">
      <c r="A48801" s="2"/>
      <c r="B48801" s="2"/>
      <c r="C48801" s="2"/>
    </row>
    <row r="48802" spans="1:3" ht="19.2">
      <c r="A48802" s="2"/>
      <c r="B48802" s="2"/>
      <c r="C48802" s="2"/>
    </row>
    <row r="48803" spans="1:3" ht="19.2">
      <c r="A48803" s="2"/>
      <c r="B48803" s="2"/>
      <c r="C48803" s="2"/>
    </row>
    <row r="48804" spans="1:3" ht="19.2">
      <c r="A48804" s="2"/>
      <c r="B48804" s="2"/>
      <c r="C48804" s="2"/>
    </row>
    <row r="48805" spans="1:3" ht="19.2">
      <c r="A48805" s="2"/>
      <c r="B48805" s="2"/>
      <c r="C48805" s="2"/>
    </row>
    <row r="48806" spans="1:3" ht="19.2">
      <c r="A48806" s="2"/>
      <c r="B48806" s="2"/>
      <c r="C48806" s="2"/>
    </row>
    <row r="48807" spans="1:3" ht="19.2">
      <c r="A48807" s="2"/>
      <c r="B48807" s="2"/>
      <c r="C48807" s="2"/>
    </row>
    <row r="48808" spans="1:3" ht="19.2">
      <c r="A48808" s="2"/>
      <c r="B48808" s="2"/>
      <c r="C48808" s="2"/>
    </row>
    <row r="48809" spans="1:3" ht="19.2">
      <c r="A48809" s="2"/>
      <c r="B48809" s="2"/>
      <c r="C48809" s="2"/>
    </row>
    <row r="48810" spans="1:3" ht="19.2">
      <c r="A48810" s="2"/>
      <c r="B48810" s="2"/>
      <c r="C48810" s="2"/>
    </row>
    <row r="48811" spans="1:3" ht="19.2">
      <c r="A48811" s="2"/>
      <c r="B48811" s="2"/>
      <c r="C48811" s="2"/>
    </row>
    <row r="48812" spans="1:3" ht="19.2">
      <c r="A48812" s="2"/>
      <c r="B48812" s="2"/>
      <c r="C48812" s="2"/>
    </row>
    <row r="48813" spans="1:3" ht="19.2">
      <c r="A48813" s="2"/>
      <c r="B48813" s="2"/>
      <c r="C48813" s="2"/>
    </row>
    <row r="48814" spans="1:3" ht="19.2">
      <c r="A48814" s="2"/>
      <c r="B48814" s="2"/>
      <c r="C48814" s="2"/>
    </row>
    <row r="48815" spans="1:3" ht="19.2">
      <c r="A48815" s="2"/>
      <c r="B48815" s="2"/>
      <c r="C48815" s="2"/>
    </row>
    <row r="48816" spans="1:3" ht="19.2">
      <c r="A48816" s="2"/>
      <c r="B48816" s="2"/>
      <c r="C48816" s="2"/>
    </row>
    <row r="48817" spans="1:3" ht="19.2">
      <c r="A48817" s="2"/>
      <c r="B48817" s="2"/>
      <c r="C48817" s="2"/>
    </row>
    <row r="48818" spans="1:3" ht="19.2">
      <c r="A48818" s="2"/>
      <c r="B48818" s="2"/>
      <c r="C48818" s="2"/>
    </row>
    <row r="48819" spans="1:3" ht="19.2">
      <c r="A48819" s="2"/>
      <c r="B48819" s="2"/>
      <c r="C48819" s="2"/>
    </row>
    <row r="48820" spans="1:3" ht="19.2">
      <c r="A48820" s="2"/>
      <c r="B48820" s="2"/>
      <c r="C48820" s="2"/>
    </row>
    <row r="48821" spans="1:3" ht="19.2">
      <c r="A48821" s="2"/>
      <c r="B48821" s="2"/>
      <c r="C48821" s="2"/>
    </row>
    <row r="48822" spans="1:3" ht="19.2">
      <c r="A48822" s="2"/>
      <c r="B48822" s="2"/>
      <c r="C48822" s="2"/>
    </row>
    <row r="48823" spans="1:3" ht="19.2">
      <c r="A48823" s="2"/>
      <c r="B48823" s="2"/>
      <c r="C48823" s="2"/>
    </row>
    <row r="48824" spans="1:3" ht="19.2">
      <c r="A48824" s="2"/>
      <c r="B48824" s="2"/>
      <c r="C48824" s="2"/>
    </row>
    <row r="48825" spans="1:3" ht="19.2">
      <c r="A48825" s="2"/>
      <c r="B48825" s="2"/>
      <c r="C48825" s="2"/>
    </row>
    <row r="48826" spans="1:3" ht="19.2">
      <c r="A48826" s="2"/>
      <c r="B48826" s="2"/>
      <c r="C48826" s="2"/>
    </row>
    <row r="48827" spans="1:3" ht="19.2">
      <c r="A48827" s="2"/>
      <c r="B48827" s="2"/>
      <c r="C48827" s="2"/>
    </row>
    <row r="48828" spans="1:3" ht="19.2">
      <c r="A48828" s="2"/>
      <c r="B48828" s="2"/>
      <c r="C48828" s="2"/>
    </row>
    <row r="48829" spans="1:3" ht="19.2">
      <c r="A48829" s="2"/>
      <c r="B48829" s="2"/>
      <c r="C48829" s="2"/>
    </row>
    <row r="48830" spans="1:3" ht="19.2">
      <c r="A48830" s="2"/>
      <c r="B48830" s="2"/>
      <c r="C48830" s="2"/>
    </row>
    <row r="48831" spans="1:3" ht="19.2">
      <c r="A48831" s="2"/>
      <c r="B48831" s="2"/>
      <c r="C48831" s="2"/>
    </row>
    <row r="48832" spans="1:3" ht="19.2">
      <c r="A48832" s="2"/>
      <c r="B48832" s="2"/>
      <c r="C48832" s="2"/>
    </row>
    <row r="48833" spans="1:3" ht="19.2">
      <c r="A48833" s="2"/>
      <c r="B48833" s="2"/>
      <c r="C48833" s="2"/>
    </row>
    <row r="48834" spans="1:3" ht="19.2">
      <c r="A48834" s="2"/>
      <c r="B48834" s="2"/>
      <c r="C48834" s="2"/>
    </row>
    <row r="48835" spans="1:3" ht="19.2">
      <c r="A48835" s="2"/>
      <c r="B48835" s="2"/>
      <c r="C48835" s="2"/>
    </row>
    <row r="48836" spans="1:3" ht="19.2">
      <c r="A48836" s="2"/>
      <c r="B48836" s="2"/>
      <c r="C48836" s="2"/>
    </row>
    <row r="48837" spans="1:3" ht="19.2">
      <c r="A48837" s="2"/>
      <c r="B48837" s="2"/>
      <c r="C48837" s="2"/>
    </row>
    <row r="48838" spans="1:3" ht="19.2">
      <c r="A48838" s="2"/>
      <c r="B48838" s="2"/>
      <c r="C48838" s="2"/>
    </row>
    <row r="48839" spans="1:3" ht="19.2">
      <c r="A48839" s="2"/>
      <c r="B48839" s="2"/>
      <c r="C48839" s="2"/>
    </row>
    <row r="48840" spans="1:3" ht="19.2">
      <c r="A48840" s="2"/>
      <c r="B48840" s="2"/>
      <c r="C48840" s="2"/>
    </row>
    <row r="48841" spans="1:3" ht="19.2">
      <c r="A48841" s="2"/>
      <c r="B48841" s="2"/>
      <c r="C48841" s="2"/>
    </row>
    <row r="48842" spans="1:3" ht="19.2">
      <c r="A48842" s="2"/>
      <c r="B48842" s="2"/>
      <c r="C48842" s="2"/>
    </row>
    <row r="48843" spans="1:3" ht="19.2">
      <c r="A48843" s="2"/>
      <c r="B48843" s="2"/>
      <c r="C48843" s="2"/>
    </row>
    <row r="48844" spans="1:3" ht="19.2">
      <c r="A48844" s="2"/>
      <c r="B48844" s="2"/>
      <c r="C48844" s="2"/>
    </row>
    <row r="48845" spans="1:3" ht="19.2">
      <c r="A48845" s="2"/>
      <c r="B48845" s="2"/>
      <c r="C48845" s="2"/>
    </row>
    <row r="48846" spans="1:3" ht="19.2">
      <c r="A48846" s="2"/>
      <c r="B48846" s="2"/>
      <c r="C48846" s="2"/>
    </row>
    <row r="48847" spans="1:3" ht="19.2">
      <c r="A48847" s="2"/>
      <c r="B48847" s="2"/>
      <c r="C48847" s="2"/>
    </row>
    <row r="48848" spans="1:3" ht="19.2">
      <c r="A48848" s="2"/>
      <c r="B48848" s="2"/>
      <c r="C48848" s="2"/>
    </row>
    <row r="48849" spans="1:3" ht="19.2">
      <c r="A48849" s="2"/>
      <c r="B48849" s="2"/>
      <c r="C48849" s="2"/>
    </row>
    <row r="48850" spans="1:3" ht="19.2">
      <c r="A48850" s="2"/>
      <c r="B48850" s="2"/>
      <c r="C48850" s="2"/>
    </row>
    <row r="48851" spans="1:3" ht="19.2">
      <c r="A48851" s="2"/>
      <c r="B48851" s="2"/>
      <c r="C48851" s="2"/>
    </row>
    <row r="48852" spans="1:3" ht="19.2">
      <c r="A48852" s="2"/>
      <c r="B48852" s="2"/>
      <c r="C48852" s="2"/>
    </row>
    <row r="48853" spans="1:3" ht="19.2">
      <c r="A48853" s="2"/>
      <c r="B48853" s="2"/>
      <c r="C48853" s="2"/>
    </row>
    <row r="48854" spans="1:3" ht="19.2">
      <c r="A48854" s="2"/>
      <c r="B48854" s="2"/>
      <c r="C48854" s="2"/>
    </row>
    <row r="48855" spans="1:3" ht="19.2">
      <c r="A48855" s="2"/>
      <c r="B48855" s="2"/>
      <c r="C48855" s="2"/>
    </row>
    <row r="48856" spans="1:3" ht="19.2">
      <c r="A48856" s="2"/>
      <c r="B48856" s="2"/>
      <c r="C48856" s="2"/>
    </row>
    <row r="48857" spans="1:3" ht="19.2">
      <c r="A48857" s="2"/>
      <c r="B48857" s="2"/>
      <c r="C48857" s="2"/>
    </row>
    <row r="48858" spans="1:3" ht="19.2">
      <c r="A48858" s="2"/>
      <c r="B48858" s="2"/>
      <c r="C48858" s="2"/>
    </row>
    <row r="48859" spans="1:3" ht="19.2">
      <c r="A48859" s="2"/>
      <c r="B48859" s="2"/>
      <c r="C48859" s="2"/>
    </row>
    <row r="48860" spans="1:3" ht="19.2">
      <c r="A48860" s="2"/>
      <c r="B48860" s="2"/>
      <c r="C48860" s="2"/>
    </row>
    <row r="48861" spans="1:3" ht="19.2">
      <c r="A48861" s="2"/>
      <c r="B48861" s="2"/>
      <c r="C48861" s="2"/>
    </row>
    <row r="48862" spans="1:3" ht="19.2">
      <c r="A48862" s="2"/>
      <c r="B48862" s="2"/>
      <c r="C48862" s="2"/>
    </row>
    <row r="48863" spans="1:3" ht="19.2">
      <c r="A48863" s="2"/>
      <c r="B48863" s="2"/>
      <c r="C48863" s="2"/>
    </row>
    <row r="48864" spans="1:3" ht="19.2">
      <c r="A48864" s="2"/>
      <c r="B48864" s="2"/>
      <c r="C48864" s="2"/>
    </row>
    <row r="48865" spans="1:3" ht="19.2">
      <c r="A48865" s="2"/>
      <c r="B48865" s="2"/>
      <c r="C48865" s="2"/>
    </row>
    <row r="48866" spans="1:3" ht="19.2">
      <c r="A48866" s="2"/>
      <c r="B48866" s="2"/>
      <c r="C48866" s="2"/>
    </row>
    <row r="48867" spans="1:3" ht="19.2">
      <c r="A48867" s="2"/>
      <c r="B48867" s="2"/>
      <c r="C48867" s="2"/>
    </row>
    <row r="48868" spans="1:3" ht="19.2">
      <c r="A48868" s="2"/>
      <c r="B48868" s="2"/>
      <c r="C48868" s="2"/>
    </row>
    <row r="48869" spans="1:3" ht="19.2">
      <c r="A48869" s="2"/>
      <c r="B48869" s="2"/>
      <c r="C48869" s="2"/>
    </row>
    <row r="48870" spans="1:3" ht="19.2">
      <c r="A48870" s="2"/>
      <c r="B48870" s="2"/>
      <c r="C48870" s="2"/>
    </row>
    <row r="48871" spans="1:3" ht="19.2">
      <c r="A48871" s="2"/>
      <c r="B48871" s="2"/>
      <c r="C48871" s="2"/>
    </row>
    <row r="48872" spans="1:3" ht="19.2">
      <c r="A48872" s="2"/>
      <c r="B48872" s="2"/>
      <c r="C48872" s="2"/>
    </row>
    <row r="48873" spans="1:3" ht="19.2">
      <c r="A48873" s="2"/>
      <c r="B48873" s="2"/>
      <c r="C48873" s="2"/>
    </row>
    <row r="48874" spans="1:3" ht="19.2">
      <c r="A48874" s="2"/>
      <c r="B48874" s="2"/>
      <c r="C48874" s="2"/>
    </row>
    <row r="48875" spans="1:3" ht="19.2">
      <c r="A48875" s="2"/>
      <c r="B48875" s="2"/>
      <c r="C48875" s="2"/>
    </row>
    <row r="48876" spans="1:3" ht="19.2">
      <c r="A48876" s="2"/>
      <c r="B48876" s="2"/>
      <c r="C48876" s="2"/>
    </row>
    <row r="48877" spans="1:3" ht="19.2">
      <c r="A48877" s="2"/>
      <c r="B48877" s="2"/>
      <c r="C48877" s="2"/>
    </row>
    <row r="48878" spans="1:3" ht="19.2">
      <c r="A48878" s="2"/>
      <c r="B48878" s="2"/>
      <c r="C48878" s="2"/>
    </row>
    <row r="48879" spans="1:3" ht="19.2">
      <c r="A48879" s="2"/>
      <c r="B48879" s="2"/>
      <c r="C48879" s="2"/>
    </row>
    <row r="48880" spans="1:3" ht="19.2">
      <c r="A48880" s="2"/>
      <c r="B48880" s="2"/>
      <c r="C48880" s="2"/>
    </row>
    <row r="48881" spans="1:3" ht="19.2">
      <c r="A48881" s="2"/>
      <c r="B48881" s="2"/>
      <c r="C48881" s="2"/>
    </row>
    <row r="48882" spans="1:3" ht="19.2">
      <c r="A48882" s="2"/>
      <c r="B48882" s="2"/>
      <c r="C48882" s="2"/>
    </row>
    <row r="48883" spans="1:3" ht="19.2">
      <c r="A48883" s="2"/>
      <c r="B48883" s="2"/>
      <c r="C48883" s="2"/>
    </row>
    <row r="48884" spans="1:3" ht="19.2">
      <c r="A48884" s="2"/>
      <c r="B48884" s="2"/>
      <c r="C48884" s="2"/>
    </row>
    <row r="48885" spans="1:3" ht="19.2">
      <c r="A48885" s="2"/>
      <c r="B48885" s="2"/>
      <c r="C48885" s="2"/>
    </row>
    <row r="48886" spans="1:3" ht="19.2">
      <c r="A48886" s="2"/>
      <c r="B48886" s="2"/>
      <c r="C48886" s="2"/>
    </row>
    <row r="48887" spans="1:3" ht="19.2">
      <c r="A48887" s="2"/>
      <c r="B48887" s="2"/>
      <c r="C48887" s="2"/>
    </row>
    <row r="48888" spans="1:3" ht="19.2">
      <c r="A48888" s="2"/>
      <c r="B48888" s="2"/>
      <c r="C48888" s="2"/>
    </row>
    <row r="48889" spans="1:3" ht="19.2">
      <c r="A48889" s="2"/>
      <c r="B48889" s="2"/>
      <c r="C48889" s="2"/>
    </row>
    <row r="48890" spans="1:3" ht="19.2">
      <c r="A48890" s="2"/>
      <c r="B48890" s="2"/>
      <c r="C48890" s="2"/>
    </row>
    <row r="48891" spans="1:3" ht="19.2">
      <c r="A48891" s="2"/>
      <c r="B48891" s="2"/>
      <c r="C48891" s="2"/>
    </row>
    <row r="48892" spans="1:3" ht="19.2">
      <c r="A48892" s="2"/>
      <c r="B48892" s="2"/>
      <c r="C48892" s="2"/>
    </row>
    <row r="48893" spans="1:3" ht="19.2">
      <c r="A48893" s="2"/>
      <c r="B48893" s="2"/>
      <c r="C48893" s="2"/>
    </row>
    <row r="48894" spans="1:3" ht="19.2">
      <c r="A48894" s="2"/>
      <c r="B48894" s="2"/>
      <c r="C48894" s="2"/>
    </row>
    <row r="48895" spans="1:3" ht="19.2">
      <c r="A48895" s="2"/>
      <c r="B48895" s="2"/>
      <c r="C48895" s="2"/>
    </row>
    <row r="48896" spans="1:3" ht="19.2">
      <c r="A48896" s="2"/>
      <c r="B48896" s="2"/>
      <c r="C48896" s="2"/>
    </row>
    <row r="48897" spans="1:3" ht="19.2">
      <c r="A48897" s="2"/>
      <c r="B48897" s="2"/>
      <c r="C48897" s="2"/>
    </row>
    <row r="48898" spans="1:3" ht="19.2">
      <c r="A48898" s="2"/>
      <c r="B48898" s="2"/>
      <c r="C48898" s="2"/>
    </row>
    <row r="48899" spans="1:3" ht="19.2">
      <c r="A48899" s="2"/>
      <c r="B48899" s="2"/>
      <c r="C48899" s="2"/>
    </row>
    <row r="48900" spans="1:3" ht="19.2">
      <c r="A48900" s="2"/>
      <c r="B48900" s="2"/>
      <c r="C48900" s="2"/>
    </row>
    <row r="48901" spans="1:3" ht="19.2">
      <c r="A48901" s="2"/>
      <c r="B48901" s="2"/>
      <c r="C48901" s="2"/>
    </row>
    <row r="48902" spans="1:3" ht="19.2">
      <c r="A48902" s="2"/>
      <c r="B48902" s="2"/>
      <c r="C48902" s="2"/>
    </row>
    <row r="48903" spans="1:3" ht="19.2">
      <c r="A48903" s="2"/>
      <c r="B48903" s="2"/>
      <c r="C48903" s="2"/>
    </row>
    <row r="48904" spans="1:3" ht="19.2">
      <c r="A48904" s="2"/>
      <c r="B48904" s="2"/>
      <c r="C48904" s="2"/>
    </row>
    <row r="48905" spans="1:3" ht="19.2">
      <c r="A48905" s="2"/>
      <c r="B48905" s="2"/>
      <c r="C48905" s="2"/>
    </row>
    <row r="48906" spans="1:3" ht="19.2">
      <c r="A48906" s="2"/>
      <c r="B48906" s="2"/>
      <c r="C48906" s="2"/>
    </row>
    <row r="48907" spans="1:3" ht="19.2">
      <c r="A48907" s="2"/>
      <c r="B48907" s="2"/>
      <c r="C48907" s="2"/>
    </row>
    <row r="48908" spans="1:3" ht="19.2">
      <c r="A48908" s="2"/>
      <c r="B48908" s="2"/>
      <c r="C48908" s="2"/>
    </row>
    <row r="48909" spans="1:3" ht="19.2">
      <c r="A48909" s="2"/>
      <c r="B48909" s="2"/>
      <c r="C48909" s="2"/>
    </row>
    <row r="48910" spans="1:3" ht="19.2">
      <c r="A48910" s="2"/>
      <c r="B48910" s="2"/>
      <c r="C48910" s="2"/>
    </row>
    <row r="48911" spans="1:3" ht="19.2">
      <c r="A48911" s="2"/>
      <c r="B48911" s="2"/>
      <c r="C48911" s="2"/>
    </row>
    <row r="48912" spans="1:3" ht="19.2">
      <c r="A48912" s="2"/>
      <c r="B48912" s="2"/>
      <c r="C48912" s="2"/>
    </row>
    <row r="48913" spans="1:3" ht="19.2">
      <c r="A48913" s="2"/>
      <c r="B48913" s="2"/>
      <c r="C48913" s="2"/>
    </row>
    <row r="48914" spans="1:3" ht="19.2">
      <c r="A48914" s="2"/>
      <c r="B48914" s="2"/>
      <c r="C48914" s="2"/>
    </row>
    <row r="48915" spans="1:3" ht="19.2">
      <c r="A48915" s="2"/>
      <c r="B48915" s="2"/>
      <c r="C48915" s="2"/>
    </row>
    <row r="48916" spans="1:3" ht="19.2">
      <c r="A48916" s="2"/>
      <c r="B48916" s="2"/>
      <c r="C48916" s="2"/>
    </row>
    <row r="48917" spans="1:3" ht="19.2">
      <c r="A48917" s="2"/>
      <c r="B48917" s="2"/>
      <c r="C48917" s="2"/>
    </row>
    <row r="48918" spans="1:3" ht="19.2">
      <c r="A48918" s="2"/>
      <c r="B48918" s="2"/>
      <c r="C48918" s="2"/>
    </row>
    <row r="48919" spans="1:3" ht="19.2">
      <c r="A48919" s="2"/>
      <c r="B48919" s="2"/>
      <c r="C48919" s="2"/>
    </row>
    <row r="48920" spans="1:3" ht="19.2">
      <c r="A48920" s="2"/>
      <c r="B48920" s="2"/>
      <c r="C48920" s="2"/>
    </row>
    <row r="48921" spans="1:3" ht="19.2">
      <c r="A48921" s="2"/>
      <c r="B48921" s="2"/>
      <c r="C48921" s="2"/>
    </row>
    <row r="48922" spans="1:3" ht="19.2">
      <c r="A48922" s="2"/>
      <c r="B48922" s="2"/>
      <c r="C48922" s="2"/>
    </row>
    <row r="48923" spans="1:3" ht="19.2">
      <c r="A48923" s="2"/>
      <c r="B48923" s="2"/>
      <c r="C48923" s="2"/>
    </row>
    <row r="48924" spans="1:3" ht="19.2">
      <c r="A48924" s="2"/>
      <c r="B48924" s="2"/>
      <c r="C48924" s="2"/>
    </row>
    <row r="48925" spans="1:3" ht="19.2">
      <c r="A48925" s="2"/>
      <c r="B48925" s="2"/>
      <c r="C48925" s="2"/>
    </row>
    <row r="48926" spans="1:3" ht="19.2">
      <c r="A48926" s="2"/>
      <c r="B48926" s="2"/>
      <c r="C48926" s="2"/>
    </row>
    <row r="48927" spans="1:3" ht="19.2">
      <c r="A48927" s="2"/>
      <c r="B48927" s="2"/>
      <c r="C48927" s="2"/>
    </row>
    <row r="48928" spans="1:3" ht="19.2">
      <c r="A48928" s="2"/>
      <c r="B48928" s="2"/>
      <c r="C48928" s="2"/>
    </row>
    <row r="48929" spans="1:3" ht="19.2">
      <c r="A48929" s="2"/>
      <c r="B48929" s="2"/>
      <c r="C48929" s="2"/>
    </row>
    <row r="48930" spans="1:3" ht="19.2">
      <c r="A48930" s="2"/>
      <c r="B48930" s="2"/>
      <c r="C48930" s="2"/>
    </row>
    <row r="48931" spans="1:3" ht="19.2">
      <c r="A48931" s="2"/>
      <c r="B48931" s="2"/>
      <c r="C48931" s="2"/>
    </row>
    <row r="48932" spans="1:3" ht="19.2">
      <c r="A48932" s="2"/>
      <c r="B48932" s="2"/>
      <c r="C48932" s="2"/>
    </row>
    <row r="48933" spans="1:3" ht="19.2">
      <c r="A48933" s="2"/>
      <c r="B48933" s="2"/>
      <c r="C48933" s="2"/>
    </row>
    <row r="48934" spans="1:3" ht="19.2">
      <c r="A48934" s="2"/>
      <c r="B48934" s="2"/>
      <c r="C48934" s="2"/>
    </row>
    <row r="48935" spans="1:3" ht="19.2">
      <c r="A48935" s="2"/>
      <c r="B48935" s="2"/>
      <c r="C48935" s="2"/>
    </row>
    <row r="48936" spans="1:3" ht="19.2">
      <c r="A48936" s="2"/>
      <c r="B48936" s="2"/>
      <c r="C48936" s="2"/>
    </row>
    <row r="48937" spans="1:3" ht="19.2">
      <c r="A48937" s="2"/>
      <c r="B48937" s="2"/>
      <c r="C48937" s="2"/>
    </row>
    <row r="48938" spans="1:3" ht="19.2">
      <c r="A48938" s="2"/>
      <c r="B48938" s="2"/>
      <c r="C48938" s="2"/>
    </row>
    <row r="48939" spans="1:3" ht="19.2">
      <c r="A48939" s="2"/>
      <c r="B48939" s="2"/>
      <c r="C48939" s="2"/>
    </row>
    <row r="48940" spans="1:3" ht="19.2">
      <c r="A48940" s="2"/>
      <c r="B48940" s="2"/>
      <c r="C48940" s="2"/>
    </row>
    <row r="48941" spans="1:3" ht="19.2">
      <c r="A48941" s="2"/>
      <c r="B48941" s="2"/>
      <c r="C48941" s="2"/>
    </row>
    <row r="48942" spans="1:3" ht="19.2">
      <c r="A48942" s="2"/>
      <c r="B48942" s="2"/>
      <c r="C48942" s="2"/>
    </row>
    <row r="48943" spans="1:3" ht="19.2">
      <c r="A48943" s="2"/>
      <c r="B48943" s="2"/>
      <c r="C48943" s="2"/>
    </row>
    <row r="48944" spans="1:3" ht="19.2">
      <c r="A48944" s="2"/>
      <c r="B48944" s="2"/>
      <c r="C48944" s="2"/>
    </row>
    <row r="48945" spans="1:3" ht="19.2">
      <c r="A48945" s="2"/>
      <c r="B48945" s="2"/>
      <c r="C48945" s="2"/>
    </row>
    <row r="48946" spans="1:3" ht="19.2">
      <c r="A48946" s="2"/>
      <c r="B48946" s="2"/>
      <c r="C48946" s="2"/>
    </row>
    <row r="48947" spans="1:3" ht="19.2">
      <c r="A48947" s="2"/>
      <c r="B48947" s="2"/>
      <c r="C48947" s="2"/>
    </row>
    <row r="48948" spans="1:3" ht="19.2">
      <c r="A48948" s="2"/>
      <c r="B48948" s="2"/>
      <c r="C48948" s="2"/>
    </row>
    <row r="48949" spans="1:3" ht="19.2">
      <c r="A48949" s="2"/>
      <c r="B48949" s="2"/>
      <c r="C48949" s="2"/>
    </row>
    <row r="48950" spans="1:3" ht="19.2">
      <c r="A48950" s="2"/>
      <c r="B48950" s="2"/>
      <c r="C48950" s="2"/>
    </row>
    <row r="48951" spans="1:3" ht="19.2">
      <c r="A48951" s="2"/>
      <c r="B48951" s="2"/>
      <c r="C48951" s="2"/>
    </row>
    <row r="48952" spans="1:3" ht="19.2">
      <c r="A48952" s="2"/>
      <c r="B48952" s="2"/>
      <c r="C48952" s="2"/>
    </row>
    <row r="48953" spans="1:3" ht="19.2">
      <c r="A48953" s="2"/>
      <c r="B48953" s="2"/>
      <c r="C48953" s="2"/>
    </row>
    <row r="48954" spans="1:3" ht="19.2">
      <c r="A48954" s="2"/>
      <c r="B48954" s="2"/>
      <c r="C48954" s="2"/>
    </row>
    <row r="48955" spans="1:3" ht="19.2">
      <c r="A48955" s="2"/>
      <c r="B48955" s="2"/>
      <c r="C48955" s="2"/>
    </row>
    <row r="48956" spans="1:3" ht="19.2">
      <c r="A48956" s="2"/>
      <c r="B48956" s="2"/>
      <c r="C48956" s="2"/>
    </row>
    <row r="48957" spans="1:3" ht="19.2">
      <c r="A48957" s="2"/>
      <c r="B48957" s="2"/>
      <c r="C48957" s="2"/>
    </row>
    <row r="48958" spans="1:3" ht="19.2">
      <c r="A48958" s="2"/>
      <c r="B48958" s="2"/>
      <c r="C48958" s="2"/>
    </row>
    <row r="48959" spans="1:3" ht="19.2">
      <c r="A48959" s="2"/>
      <c r="B48959" s="2"/>
      <c r="C48959" s="2"/>
    </row>
    <row r="48960" spans="1:3" ht="19.2">
      <c r="A48960" s="2"/>
      <c r="B48960" s="2"/>
      <c r="C48960" s="2"/>
    </row>
    <row r="48961" spans="1:3" ht="19.2">
      <c r="A48961" s="2"/>
      <c r="B48961" s="2"/>
      <c r="C48961" s="2"/>
    </row>
    <row r="48962" spans="1:3" ht="19.2">
      <c r="A48962" s="2"/>
      <c r="B48962" s="2"/>
      <c r="C48962" s="2"/>
    </row>
    <row r="48963" spans="1:3" ht="19.2">
      <c r="A48963" s="2"/>
      <c r="B48963" s="2"/>
      <c r="C48963" s="2"/>
    </row>
    <row r="48964" spans="1:3" ht="19.2">
      <c r="A48964" s="2"/>
      <c r="B48964" s="2"/>
      <c r="C48964" s="2"/>
    </row>
    <row r="48965" spans="1:3" ht="19.2">
      <c r="A48965" s="2"/>
      <c r="B48965" s="2"/>
      <c r="C48965" s="2"/>
    </row>
    <row r="48966" spans="1:3" ht="19.2">
      <c r="A48966" s="2"/>
      <c r="B48966" s="2"/>
      <c r="C48966" s="2"/>
    </row>
    <row r="48967" spans="1:3" ht="19.2">
      <c r="A48967" s="2"/>
      <c r="B48967" s="2"/>
      <c r="C48967" s="2"/>
    </row>
    <row r="48968" spans="1:3" ht="19.2">
      <c r="A48968" s="2"/>
      <c r="B48968" s="2"/>
      <c r="C48968" s="2"/>
    </row>
    <row r="48969" spans="1:3" ht="19.2">
      <c r="A48969" s="2"/>
      <c r="B48969" s="2"/>
      <c r="C48969" s="2"/>
    </row>
    <row r="48970" spans="1:3" ht="19.2">
      <c r="A48970" s="2"/>
      <c r="B48970" s="2"/>
      <c r="C48970" s="2"/>
    </row>
    <row r="48971" spans="1:3" ht="19.2">
      <c r="A48971" s="2"/>
      <c r="B48971" s="2"/>
      <c r="C48971" s="2"/>
    </row>
    <row r="48972" spans="1:3" ht="19.2">
      <c r="A48972" s="2"/>
      <c r="B48972" s="2"/>
      <c r="C48972" s="2"/>
    </row>
    <row r="48973" spans="1:3" ht="19.2">
      <c r="A48973" s="2"/>
      <c r="B48973" s="2"/>
      <c r="C48973" s="2"/>
    </row>
    <row r="48974" spans="1:3" ht="19.2">
      <c r="A48974" s="2"/>
      <c r="B48974" s="2"/>
      <c r="C48974" s="2"/>
    </row>
    <row r="48975" spans="1:3" ht="19.2">
      <c r="A48975" s="2"/>
      <c r="B48975" s="2"/>
      <c r="C48975" s="2"/>
    </row>
    <row r="48976" spans="1:3" ht="19.2">
      <c r="A48976" s="2"/>
      <c r="B48976" s="2"/>
      <c r="C48976" s="2"/>
    </row>
    <row r="48977" spans="1:3" ht="19.2">
      <c r="A48977" s="2"/>
      <c r="B48977" s="2"/>
      <c r="C48977" s="2"/>
    </row>
    <row r="48978" spans="1:3" ht="19.2">
      <c r="A48978" s="2"/>
      <c r="B48978" s="2"/>
      <c r="C48978" s="2"/>
    </row>
    <row r="48979" spans="1:3" ht="19.2">
      <c r="A48979" s="2"/>
      <c r="B48979" s="2"/>
      <c r="C48979" s="2"/>
    </row>
    <row r="48980" spans="1:3" ht="19.2">
      <c r="A48980" s="2"/>
      <c r="B48980" s="2"/>
      <c r="C48980" s="2"/>
    </row>
    <row r="48981" spans="1:3" ht="19.2">
      <c r="A48981" s="2"/>
      <c r="B48981" s="2"/>
      <c r="C48981" s="2"/>
    </row>
    <row r="48982" spans="1:3" ht="19.2">
      <c r="A48982" s="2"/>
      <c r="B48982" s="2"/>
      <c r="C48982" s="2"/>
    </row>
    <row r="48983" spans="1:3" ht="19.2">
      <c r="A48983" s="2"/>
      <c r="B48983" s="2"/>
      <c r="C48983" s="2"/>
    </row>
    <row r="48984" spans="1:3" ht="19.2">
      <c r="A48984" s="2"/>
      <c r="B48984" s="2"/>
      <c r="C48984" s="2"/>
    </row>
    <row r="48985" spans="1:3" ht="19.2">
      <c r="A48985" s="2"/>
      <c r="B48985" s="2"/>
      <c r="C48985" s="2"/>
    </row>
    <row r="48986" spans="1:3" ht="19.2">
      <c r="A48986" s="2"/>
      <c r="B48986" s="2"/>
      <c r="C48986" s="2"/>
    </row>
    <row r="48987" spans="1:3" ht="19.2">
      <c r="A48987" s="2"/>
      <c r="B48987" s="2"/>
      <c r="C48987" s="2"/>
    </row>
    <row r="48988" spans="1:3" ht="19.2">
      <c r="A48988" s="2"/>
      <c r="B48988" s="2"/>
      <c r="C48988" s="2"/>
    </row>
    <row r="48989" spans="1:3" ht="19.2">
      <c r="A48989" s="2"/>
      <c r="B48989" s="2"/>
      <c r="C48989" s="2"/>
    </row>
    <row r="48990" spans="1:3" ht="19.2">
      <c r="A48990" s="2"/>
      <c r="B48990" s="2"/>
      <c r="C48990" s="2"/>
    </row>
    <row r="48991" spans="1:3" ht="19.2">
      <c r="A48991" s="2"/>
      <c r="B48991" s="2"/>
      <c r="C48991" s="2"/>
    </row>
    <row r="48992" spans="1:3" ht="19.2">
      <c r="A48992" s="2"/>
      <c r="B48992" s="2"/>
      <c r="C48992" s="2"/>
    </row>
    <row r="48993" spans="1:3" ht="19.2">
      <c r="A48993" s="2"/>
      <c r="B48993" s="2"/>
      <c r="C48993" s="2"/>
    </row>
    <row r="48994" spans="1:3" ht="19.2">
      <c r="A48994" s="2"/>
      <c r="B48994" s="2"/>
      <c r="C48994" s="2"/>
    </row>
    <row r="48995" spans="1:3" ht="19.2">
      <c r="A48995" s="2"/>
      <c r="B48995" s="2"/>
      <c r="C48995" s="2"/>
    </row>
    <row r="48996" spans="1:3" ht="19.2">
      <c r="A48996" s="2"/>
      <c r="B48996" s="2"/>
      <c r="C48996" s="2"/>
    </row>
    <row r="48997" spans="1:3" ht="19.2">
      <c r="A48997" s="2"/>
      <c r="B48997" s="2"/>
      <c r="C48997" s="2"/>
    </row>
    <row r="48998" spans="1:3" ht="19.2">
      <c r="A48998" s="2"/>
      <c r="B48998" s="2"/>
      <c r="C48998" s="2"/>
    </row>
    <row r="48999" spans="1:3" ht="19.2">
      <c r="A48999" s="2"/>
      <c r="B48999" s="2"/>
      <c r="C48999" s="2"/>
    </row>
    <row r="49000" spans="1:3" ht="19.2">
      <c r="A49000" s="2"/>
      <c r="B49000" s="2"/>
      <c r="C49000" s="2"/>
    </row>
    <row r="49001" spans="1:3" ht="19.2">
      <c r="A49001" s="2"/>
      <c r="B49001" s="2"/>
      <c r="C49001" s="2"/>
    </row>
    <row r="49002" spans="1:3" ht="19.2">
      <c r="A49002" s="2"/>
      <c r="B49002" s="2"/>
      <c r="C49002" s="2"/>
    </row>
    <row r="49003" spans="1:3" ht="19.2">
      <c r="A49003" s="2"/>
      <c r="B49003" s="2"/>
      <c r="C49003" s="2"/>
    </row>
    <row r="49004" spans="1:3" ht="19.2">
      <c r="A49004" s="2"/>
      <c r="B49004" s="2"/>
      <c r="C49004" s="2"/>
    </row>
    <row r="49005" spans="1:3" ht="19.2">
      <c r="A49005" s="2"/>
      <c r="B49005" s="2"/>
      <c r="C49005" s="2"/>
    </row>
    <row r="49006" spans="1:3" ht="19.2">
      <c r="A49006" s="2"/>
      <c r="B49006" s="2"/>
      <c r="C49006" s="2"/>
    </row>
    <row r="49007" spans="1:3" ht="19.2">
      <c r="A49007" s="2"/>
      <c r="B49007" s="2"/>
      <c r="C49007" s="2"/>
    </row>
    <row r="49008" spans="1:3" ht="19.2">
      <c r="A49008" s="2"/>
      <c r="B49008" s="2"/>
      <c r="C49008" s="2"/>
    </row>
    <row r="49009" spans="1:3" ht="19.2">
      <c r="A49009" s="2"/>
      <c r="B49009" s="2"/>
      <c r="C49009" s="2"/>
    </row>
    <row r="49010" spans="1:3" ht="19.2">
      <c r="A49010" s="2"/>
      <c r="B49010" s="2"/>
      <c r="C49010" s="2"/>
    </row>
    <row r="49011" spans="1:3" ht="19.2">
      <c r="A49011" s="2"/>
      <c r="B49011" s="2"/>
      <c r="C49011" s="2"/>
    </row>
    <row r="49012" spans="1:3" ht="19.2">
      <c r="A49012" s="2"/>
      <c r="B49012" s="2"/>
      <c r="C49012" s="2"/>
    </row>
    <row r="49013" spans="1:3" ht="19.2">
      <c r="A49013" s="2"/>
      <c r="B49013" s="2"/>
      <c r="C49013" s="2"/>
    </row>
    <row r="49014" spans="1:3" ht="19.2">
      <c r="A49014" s="2"/>
      <c r="B49014" s="2"/>
      <c r="C49014" s="2"/>
    </row>
    <row r="49015" spans="1:3" ht="19.2">
      <c r="A49015" s="2"/>
      <c r="B49015" s="2"/>
      <c r="C49015" s="2"/>
    </row>
    <row r="49016" spans="1:3" ht="19.2">
      <c r="A49016" s="2"/>
      <c r="B49016" s="2"/>
      <c r="C49016" s="2"/>
    </row>
    <row r="49017" spans="1:3" ht="19.2">
      <c r="A49017" s="2"/>
      <c r="B49017" s="2"/>
      <c r="C49017" s="2"/>
    </row>
    <row r="49018" spans="1:3" ht="19.2">
      <c r="A49018" s="2"/>
      <c r="B49018" s="2"/>
      <c r="C49018" s="2"/>
    </row>
    <row r="49019" spans="1:3" ht="19.2">
      <c r="A49019" s="2"/>
      <c r="B49019" s="2"/>
      <c r="C49019" s="2"/>
    </row>
    <row r="49020" spans="1:3" ht="19.2">
      <c r="A49020" s="2"/>
      <c r="B49020" s="2"/>
      <c r="C49020" s="2"/>
    </row>
    <row r="49021" spans="1:3" ht="19.2">
      <c r="A49021" s="2"/>
      <c r="B49021" s="2"/>
      <c r="C49021" s="2"/>
    </row>
    <row r="49022" spans="1:3" ht="19.2">
      <c r="A49022" s="2"/>
      <c r="B49022" s="2"/>
      <c r="C49022" s="2"/>
    </row>
    <row r="49023" spans="1:3" ht="19.2">
      <c r="A49023" s="2"/>
      <c r="B49023" s="2"/>
      <c r="C49023" s="2"/>
    </row>
    <row r="49024" spans="1:3" ht="19.2">
      <c r="A49024" s="2"/>
      <c r="B49024" s="2"/>
      <c r="C49024" s="2"/>
    </row>
    <row r="49025" spans="1:3" ht="19.2">
      <c r="A49025" s="2"/>
      <c r="B49025" s="2"/>
      <c r="C49025" s="2"/>
    </row>
    <row r="49026" spans="1:3" ht="19.2">
      <c r="A49026" s="2"/>
      <c r="B49026" s="2"/>
      <c r="C49026" s="2"/>
    </row>
    <row r="49027" spans="1:3" ht="19.2">
      <c r="A49027" s="2"/>
      <c r="B49027" s="2"/>
      <c r="C49027" s="2"/>
    </row>
    <row r="49028" spans="1:3" ht="19.2">
      <c r="A49028" s="2"/>
      <c r="B49028" s="2"/>
      <c r="C49028" s="2"/>
    </row>
    <row r="49029" spans="1:3" ht="19.2">
      <c r="A49029" s="2"/>
      <c r="B49029" s="2"/>
      <c r="C49029" s="2"/>
    </row>
    <row r="49030" spans="1:3" ht="19.2">
      <c r="A49030" s="2"/>
      <c r="B49030" s="2"/>
      <c r="C49030" s="2"/>
    </row>
    <row r="49031" spans="1:3" ht="19.2">
      <c r="A49031" s="2"/>
      <c r="B49031" s="2"/>
      <c r="C49031" s="2"/>
    </row>
    <row r="49032" spans="1:3" ht="19.2">
      <c r="A49032" s="2"/>
      <c r="B49032" s="2"/>
      <c r="C49032" s="2"/>
    </row>
    <row r="49033" spans="1:3" ht="19.2">
      <c r="A49033" s="2"/>
      <c r="B49033" s="2"/>
      <c r="C49033" s="2"/>
    </row>
    <row r="49034" spans="1:3" ht="19.2">
      <c r="A49034" s="2"/>
      <c r="B49034" s="2"/>
      <c r="C49034" s="2"/>
    </row>
    <row r="49035" spans="1:3" ht="19.2">
      <c r="A49035" s="2"/>
      <c r="B49035" s="2"/>
      <c r="C49035" s="2"/>
    </row>
    <row r="49036" spans="1:3" ht="19.2">
      <c r="A49036" s="2"/>
      <c r="B49036" s="2"/>
      <c r="C49036" s="2"/>
    </row>
    <row r="49037" spans="1:3" ht="19.2">
      <c r="A49037" s="2"/>
      <c r="B49037" s="2"/>
      <c r="C49037" s="2"/>
    </row>
    <row r="49038" spans="1:3" ht="19.2">
      <c r="A49038" s="2"/>
      <c r="B49038" s="2"/>
      <c r="C49038" s="2"/>
    </row>
    <row r="49039" spans="1:3" ht="19.2">
      <c r="A49039" s="2"/>
      <c r="B49039" s="2"/>
      <c r="C49039" s="2"/>
    </row>
    <row r="49040" spans="1:3" ht="19.2">
      <c r="A49040" s="2"/>
      <c r="B49040" s="2"/>
      <c r="C49040" s="2"/>
    </row>
    <row r="49041" spans="1:3" ht="19.2">
      <c r="A49041" s="2"/>
      <c r="B49041" s="2"/>
      <c r="C49041" s="2"/>
    </row>
    <row r="49042" spans="1:3" ht="19.2">
      <c r="A49042" s="2"/>
      <c r="B49042" s="2"/>
      <c r="C49042" s="2"/>
    </row>
    <row r="49043" spans="1:3" ht="19.2">
      <c r="A49043" s="2"/>
      <c r="B49043" s="2"/>
      <c r="C49043" s="2"/>
    </row>
    <row r="49044" spans="1:3" ht="19.2">
      <c r="A49044" s="2"/>
      <c r="B49044" s="2"/>
      <c r="C49044" s="2"/>
    </row>
    <row r="49045" spans="1:3" ht="19.2">
      <c r="A49045" s="2"/>
      <c r="B49045" s="2"/>
      <c r="C49045" s="2"/>
    </row>
    <row r="49046" spans="1:3" ht="19.2">
      <c r="A49046" s="2"/>
      <c r="B49046" s="2"/>
      <c r="C49046" s="2"/>
    </row>
    <row r="49047" spans="1:3" ht="19.2">
      <c r="A49047" s="2"/>
      <c r="B49047" s="2"/>
      <c r="C49047" s="2"/>
    </row>
    <row r="49048" spans="1:3" ht="19.2">
      <c r="A49048" s="2"/>
      <c r="B49048" s="2"/>
      <c r="C49048" s="2"/>
    </row>
    <row r="49049" spans="1:3" ht="19.2">
      <c r="A49049" s="2"/>
      <c r="B49049" s="2"/>
      <c r="C49049" s="2"/>
    </row>
    <row r="49050" spans="1:3" ht="19.2">
      <c r="A49050" s="2"/>
      <c r="B49050" s="2"/>
      <c r="C49050" s="2"/>
    </row>
    <row r="49051" spans="1:3" ht="19.2">
      <c r="A49051" s="2"/>
      <c r="B49051" s="2"/>
      <c r="C49051" s="2"/>
    </row>
    <row r="49052" spans="1:3" ht="19.2">
      <c r="A49052" s="2"/>
      <c r="B49052" s="2"/>
      <c r="C49052" s="2"/>
    </row>
    <row r="49053" spans="1:3" ht="19.2">
      <c r="A49053" s="2"/>
      <c r="B49053" s="2"/>
      <c r="C49053" s="2"/>
    </row>
    <row r="49054" spans="1:3" ht="19.2">
      <c r="A49054" s="2"/>
      <c r="B49054" s="2"/>
      <c r="C49054" s="2"/>
    </row>
    <row r="49055" spans="1:3" ht="19.2">
      <c r="A49055" s="2"/>
      <c r="B49055" s="2"/>
      <c r="C49055" s="2"/>
    </row>
    <row r="49056" spans="1:3" ht="19.2">
      <c r="A49056" s="2"/>
      <c r="B49056" s="2"/>
      <c r="C49056" s="2"/>
    </row>
    <row r="49057" spans="1:3" ht="19.2">
      <c r="A49057" s="2"/>
      <c r="B49057" s="2"/>
      <c r="C49057" s="2"/>
    </row>
    <row r="49058" spans="1:3" ht="19.2">
      <c r="A49058" s="2"/>
      <c r="B49058" s="2"/>
      <c r="C49058" s="2"/>
    </row>
    <row r="49059" spans="1:3" ht="19.2">
      <c r="A49059" s="2"/>
      <c r="B49059" s="2"/>
      <c r="C49059" s="2"/>
    </row>
    <row r="49060" spans="1:3" ht="19.2">
      <c r="A49060" s="2"/>
      <c r="B49060" s="2"/>
      <c r="C49060" s="2"/>
    </row>
    <row r="49061" spans="1:3" ht="19.2">
      <c r="A49061" s="2"/>
      <c r="B49061" s="2"/>
      <c r="C49061" s="2"/>
    </row>
    <row r="49062" spans="1:3" ht="19.2">
      <c r="A49062" s="2"/>
      <c r="B49062" s="2"/>
      <c r="C49062" s="2"/>
    </row>
    <row r="49063" spans="1:3" ht="19.2">
      <c r="A49063" s="2"/>
      <c r="B49063" s="2"/>
      <c r="C49063" s="2"/>
    </row>
    <row r="49064" spans="1:3" ht="19.2">
      <c r="A49064" s="2"/>
      <c r="B49064" s="2"/>
      <c r="C49064" s="2"/>
    </row>
    <row r="49065" spans="1:3" ht="19.2">
      <c r="A49065" s="2"/>
      <c r="B49065" s="2"/>
      <c r="C49065" s="2"/>
    </row>
    <row r="49066" spans="1:3" ht="19.2">
      <c r="A49066" s="2"/>
      <c r="B49066" s="2"/>
      <c r="C49066" s="2"/>
    </row>
    <row r="49067" spans="1:3" ht="19.2">
      <c r="A49067" s="2"/>
      <c r="B49067" s="2"/>
      <c r="C49067" s="2"/>
    </row>
    <row r="49068" spans="1:3" ht="19.2">
      <c r="A49068" s="2"/>
      <c r="B49068" s="2"/>
      <c r="C49068" s="2"/>
    </row>
    <row r="49069" spans="1:3" ht="19.2">
      <c r="A49069" s="2"/>
      <c r="B49069" s="2"/>
      <c r="C49069" s="2"/>
    </row>
    <row r="49070" spans="1:3" ht="19.2">
      <c r="A49070" s="2"/>
      <c r="B49070" s="2"/>
      <c r="C49070" s="2"/>
    </row>
    <row r="49071" spans="1:3" ht="19.2">
      <c r="A49071" s="2"/>
      <c r="B49071" s="2"/>
      <c r="C49071" s="2"/>
    </row>
    <row r="49072" spans="1:3" ht="19.2">
      <c r="A49072" s="2"/>
      <c r="B49072" s="2"/>
      <c r="C49072" s="2"/>
    </row>
    <row r="49073" spans="1:3" ht="19.2">
      <c r="A49073" s="2"/>
      <c r="B49073" s="2"/>
      <c r="C49073" s="2"/>
    </row>
    <row r="49074" spans="1:3" ht="19.2">
      <c r="A49074" s="2"/>
      <c r="B49074" s="2"/>
      <c r="C49074" s="2"/>
    </row>
    <row r="49075" spans="1:3" ht="19.2">
      <c r="A49075" s="2"/>
      <c r="B49075" s="2"/>
      <c r="C49075" s="2"/>
    </row>
    <row r="49076" spans="1:3" ht="19.2">
      <c r="A49076" s="2"/>
      <c r="B49076" s="2"/>
      <c r="C49076" s="2"/>
    </row>
    <row r="49077" spans="1:3" ht="19.2">
      <c r="A49077" s="2"/>
      <c r="B49077" s="2"/>
      <c r="C49077" s="2"/>
    </row>
    <row r="49078" spans="1:3" ht="19.2">
      <c r="A49078" s="2"/>
      <c r="B49078" s="2"/>
      <c r="C49078" s="2"/>
    </row>
    <row r="49079" spans="1:3" ht="19.2">
      <c r="A49079" s="2"/>
      <c r="B49079" s="2"/>
      <c r="C49079" s="2"/>
    </row>
    <row r="49080" spans="1:3" ht="19.2">
      <c r="A49080" s="2"/>
      <c r="B49080" s="2"/>
      <c r="C49080" s="2"/>
    </row>
    <row r="49081" spans="1:3" ht="19.2">
      <c r="A49081" s="2"/>
      <c r="B49081" s="2"/>
      <c r="C49081" s="2"/>
    </row>
    <row r="49082" spans="1:3" ht="19.2">
      <c r="A49082" s="2"/>
      <c r="B49082" s="2"/>
      <c r="C49082" s="2"/>
    </row>
    <row r="49083" spans="1:3" ht="19.2">
      <c r="A49083" s="2"/>
      <c r="B49083" s="2"/>
      <c r="C49083" s="2"/>
    </row>
    <row r="49084" spans="1:3" ht="19.2">
      <c r="A49084" s="2"/>
      <c r="B49084" s="2"/>
      <c r="C49084" s="2"/>
    </row>
    <row r="49085" spans="1:3" ht="19.2">
      <c r="A49085" s="2"/>
      <c r="B49085" s="2"/>
      <c r="C49085" s="2"/>
    </row>
    <row r="49086" spans="1:3" ht="19.2">
      <c r="A49086" s="2"/>
      <c r="B49086" s="2"/>
      <c r="C49086" s="2"/>
    </row>
    <row r="49087" spans="1:3" ht="19.2">
      <c r="A49087" s="2"/>
      <c r="B49087" s="2"/>
      <c r="C49087" s="2"/>
    </row>
    <row r="49088" spans="1:3" ht="19.2">
      <c r="A49088" s="2"/>
      <c r="B49088" s="2"/>
      <c r="C49088" s="2"/>
    </row>
    <row r="49089" spans="1:3" ht="19.2">
      <c r="A49089" s="2"/>
      <c r="B49089" s="2"/>
      <c r="C49089" s="2"/>
    </row>
    <row r="49090" spans="1:3" ht="19.2">
      <c r="A49090" s="2"/>
      <c r="B49090" s="2"/>
      <c r="C49090" s="2"/>
    </row>
    <row r="49091" spans="1:3" ht="19.2">
      <c r="A49091" s="2"/>
      <c r="B49091" s="2"/>
      <c r="C49091" s="2"/>
    </row>
    <row r="49092" spans="1:3" ht="19.2">
      <c r="A49092" s="2"/>
      <c r="B49092" s="2"/>
      <c r="C49092" s="2"/>
    </row>
    <row r="49093" spans="1:3" ht="19.2">
      <c r="A49093" s="2"/>
      <c r="B49093" s="2"/>
      <c r="C49093" s="2"/>
    </row>
    <row r="49094" spans="1:3" ht="19.2">
      <c r="A49094" s="2"/>
      <c r="B49094" s="2"/>
      <c r="C49094" s="2"/>
    </row>
    <row r="49095" spans="1:3" ht="19.2">
      <c r="A49095" s="2"/>
      <c r="B49095" s="2"/>
      <c r="C49095" s="2"/>
    </row>
    <row r="49096" spans="1:3" ht="19.2">
      <c r="A49096" s="2"/>
      <c r="B49096" s="2"/>
      <c r="C49096" s="2"/>
    </row>
    <row r="49097" spans="1:3" ht="19.2">
      <c r="A49097" s="2"/>
      <c r="B49097" s="2"/>
      <c r="C49097" s="2"/>
    </row>
    <row r="49098" spans="1:3" ht="19.2">
      <c r="A49098" s="2"/>
      <c r="B49098" s="2"/>
      <c r="C49098" s="2"/>
    </row>
    <row r="49099" spans="1:3" ht="19.2">
      <c r="A49099" s="2"/>
      <c r="B49099" s="2"/>
      <c r="C49099" s="2"/>
    </row>
    <row r="49100" spans="1:3" ht="19.2">
      <c r="A49100" s="2"/>
      <c r="B49100" s="2"/>
      <c r="C49100" s="2"/>
    </row>
    <row r="49101" spans="1:3" ht="19.2">
      <c r="A49101" s="2"/>
      <c r="B49101" s="2"/>
      <c r="C49101" s="2"/>
    </row>
    <row r="49102" spans="1:3" ht="19.2">
      <c r="A49102" s="2"/>
      <c r="B49102" s="2"/>
      <c r="C49102" s="2"/>
    </row>
    <row r="49103" spans="1:3" ht="19.2">
      <c r="A49103" s="2"/>
      <c r="B49103" s="2"/>
      <c r="C49103" s="2"/>
    </row>
    <row r="49104" spans="1:3" ht="19.2">
      <c r="A49104" s="2"/>
      <c r="B49104" s="2"/>
      <c r="C49104" s="2"/>
    </row>
    <row r="49105" spans="1:3" ht="19.2">
      <c r="A49105" s="2"/>
      <c r="B49105" s="2"/>
      <c r="C49105" s="2"/>
    </row>
    <row r="49106" spans="1:3" ht="19.2">
      <c r="A49106" s="2"/>
      <c r="B49106" s="2"/>
      <c r="C49106" s="2"/>
    </row>
    <row r="49107" spans="1:3" ht="19.2">
      <c r="A49107" s="2"/>
      <c r="B49107" s="2"/>
      <c r="C49107" s="2"/>
    </row>
    <row r="49108" spans="1:3" ht="19.2">
      <c r="A49108" s="2"/>
      <c r="B49108" s="2"/>
      <c r="C49108" s="2"/>
    </row>
    <row r="49109" spans="1:3" ht="19.2">
      <c r="A49109" s="2"/>
      <c r="B49109" s="2"/>
      <c r="C49109" s="2"/>
    </row>
    <row r="49110" spans="1:3" ht="19.2">
      <c r="A49110" s="2"/>
      <c r="B49110" s="2"/>
      <c r="C49110" s="2"/>
    </row>
    <row r="49111" spans="1:3" ht="19.2">
      <c r="A49111" s="2"/>
      <c r="B49111" s="2"/>
      <c r="C49111" s="2"/>
    </row>
    <row r="49112" spans="1:3" ht="19.2">
      <c r="A49112" s="2"/>
      <c r="B49112" s="2"/>
      <c r="C49112" s="2"/>
    </row>
    <row r="49113" spans="1:3" ht="19.2">
      <c r="A49113" s="2"/>
      <c r="B49113" s="2"/>
      <c r="C49113" s="2"/>
    </row>
    <row r="49114" spans="1:3" ht="19.2">
      <c r="A49114" s="2"/>
      <c r="B49114" s="2"/>
      <c r="C49114" s="2"/>
    </row>
    <row r="49115" spans="1:3" ht="19.2">
      <c r="A49115" s="2"/>
      <c r="B49115" s="2"/>
      <c r="C49115" s="2"/>
    </row>
    <row r="49116" spans="1:3" ht="19.2">
      <c r="A49116" s="2"/>
      <c r="B49116" s="2"/>
      <c r="C49116" s="2"/>
    </row>
    <row r="49117" spans="1:3" ht="19.2">
      <c r="A49117" s="2"/>
      <c r="B49117" s="2"/>
      <c r="C49117" s="2"/>
    </row>
    <row r="49118" spans="1:3" ht="19.2">
      <c r="A49118" s="2"/>
      <c r="B49118" s="2"/>
      <c r="C49118" s="2"/>
    </row>
    <row r="49119" spans="1:3" ht="19.2">
      <c r="A49119" s="2"/>
      <c r="B49119" s="2"/>
      <c r="C49119" s="2"/>
    </row>
    <row r="49120" spans="1:3" ht="19.2">
      <c r="A49120" s="2"/>
      <c r="B49120" s="2"/>
      <c r="C49120" s="2"/>
    </row>
    <row r="49121" spans="1:3" ht="19.2">
      <c r="A49121" s="2"/>
      <c r="B49121" s="2"/>
      <c r="C49121" s="2"/>
    </row>
    <row r="49122" spans="1:3" ht="19.2">
      <c r="A49122" s="2"/>
      <c r="B49122" s="2"/>
      <c r="C49122" s="2"/>
    </row>
    <row r="49123" spans="1:3" ht="19.2">
      <c r="A49123" s="2"/>
      <c r="B49123" s="2"/>
      <c r="C49123" s="2"/>
    </row>
    <row r="49124" spans="1:3" ht="19.2">
      <c r="A49124" s="2"/>
      <c r="B49124" s="2"/>
      <c r="C49124" s="2"/>
    </row>
    <row r="49125" spans="1:3" ht="19.2">
      <c r="A49125" s="2"/>
      <c r="B49125" s="2"/>
      <c r="C49125" s="2"/>
    </row>
    <row r="49126" spans="1:3" ht="19.2">
      <c r="A49126" s="2"/>
      <c r="B49126" s="2"/>
      <c r="C49126" s="2"/>
    </row>
    <row r="49127" spans="1:3" ht="19.2">
      <c r="A49127" s="2"/>
      <c r="B49127" s="2"/>
      <c r="C49127" s="2"/>
    </row>
    <row r="49128" spans="1:3" ht="19.2">
      <c r="A49128" s="2"/>
      <c r="B49128" s="2"/>
      <c r="C49128" s="2"/>
    </row>
    <row r="49129" spans="1:3" ht="19.2">
      <c r="A49129" s="2"/>
      <c r="B49129" s="2"/>
      <c r="C49129" s="2"/>
    </row>
    <row r="49130" spans="1:3" ht="19.2">
      <c r="A49130" s="2"/>
      <c r="B49130" s="2"/>
      <c r="C49130" s="2"/>
    </row>
    <row r="49131" spans="1:3" ht="19.2">
      <c r="A49131" s="2"/>
      <c r="B49131" s="2"/>
      <c r="C49131" s="2"/>
    </row>
    <row r="49132" spans="1:3" ht="19.2">
      <c r="A49132" s="2"/>
      <c r="B49132" s="2"/>
      <c r="C49132" s="2"/>
    </row>
    <row r="49133" spans="1:3" ht="19.2">
      <c r="A49133" s="2"/>
      <c r="B49133" s="2"/>
      <c r="C49133" s="2"/>
    </row>
    <row r="49134" spans="1:3" ht="19.2">
      <c r="A49134" s="2"/>
      <c r="B49134" s="2"/>
      <c r="C49134" s="2"/>
    </row>
    <row r="49135" spans="1:3" ht="19.2">
      <c r="A49135" s="2"/>
      <c r="B49135" s="2"/>
      <c r="C49135" s="2"/>
    </row>
    <row r="49136" spans="1:3" ht="19.2">
      <c r="A49136" s="2"/>
      <c r="B49136" s="2"/>
      <c r="C49136" s="2"/>
    </row>
    <row r="49137" spans="1:3" ht="19.2">
      <c r="A49137" s="2"/>
      <c r="B49137" s="2"/>
      <c r="C49137" s="2"/>
    </row>
    <row r="49138" spans="1:3" ht="19.2">
      <c r="A49138" s="2"/>
      <c r="B49138" s="2"/>
      <c r="C49138" s="2"/>
    </row>
    <row r="49139" spans="1:3" ht="19.2">
      <c r="A49139" s="2"/>
      <c r="B49139" s="2"/>
      <c r="C49139" s="2"/>
    </row>
    <row r="49140" spans="1:3" ht="19.2">
      <c r="A49140" s="2"/>
      <c r="B49140" s="2"/>
      <c r="C49140" s="2"/>
    </row>
    <row r="49141" spans="1:3" ht="19.2">
      <c r="A49141" s="2"/>
      <c r="B49141" s="2"/>
      <c r="C49141" s="2"/>
    </row>
    <row r="49142" spans="1:3" ht="19.2">
      <c r="A49142" s="2"/>
      <c r="B49142" s="2"/>
      <c r="C49142" s="2"/>
    </row>
    <row r="49143" spans="1:3" ht="19.2">
      <c r="A49143" s="2"/>
      <c r="B49143" s="2"/>
      <c r="C49143" s="2"/>
    </row>
    <row r="49144" spans="1:3" ht="19.2">
      <c r="A49144" s="2"/>
      <c r="B49144" s="2"/>
      <c r="C49144" s="2"/>
    </row>
    <row r="49145" spans="1:3" ht="19.2">
      <c r="A49145" s="2"/>
      <c r="B49145" s="2"/>
      <c r="C49145" s="2"/>
    </row>
    <row r="49146" spans="1:3" ht="19.2">
      <c r="A49146" s="2"/>
      <c r="B49146" s="2"/>
      <c r="C49146" s="2"/>
    </row>
    <row r="49147" spans="1:3" ht="19.2">
      <c r="A49147" s="2"/>
      <c r="B49147" s="2"/>
      <c r="C49147" s="2"/>
    </row>
    <row r="49148" spans="1:3" ht="19.2">
      <c r="A49148" s="2"/>
      <c r="B49148" s="2"/>
      <c r="C49148" s="2"/>
    </row>
    <row r="49149" spans="1:3" ht="19.2">
      <c r="A49149" s="2"/>
      <c r="B49149" s="2"/>
      <c r="C49149" s="2"/>
    </row>
    <row r="49150" spans="1:3" ht="19.2">
      <c r="A49150" s="2"/>
      <c r="B49150" s="2"/>
      <c r="C49150" s="2"/>
    </row>
    <row r="49151" spans="1:3" ht="19.2">
      <c r="A49151" s="2"/>
      <c r="B49151" s="2"/>
      <c r="C49151" s="2"/>
    </row>
    <row r="49152" spans="1:3" ht="19.2">
      <c r="A49152" s="2"/>
      <c r="B49152" s="2"/>
      <c r="C49152" s="2"/>
    </row>
    <row r="49153" spans="1:3" ht="19.2">
      <c r="A49153" s="2"/>
      <c r="B49153" s="2"/>
      <c r="C49153" s="2"/>
    </row>
    <row r="49154" spans="1:3" ht="19.2">
      <c r="A49154" s="2"/>
      <c r="B49154" s="2"/>
      <c r="C49154" s="2"/>
    </row>
    <row r="49155" spans="1:3" ht="19.2">
      <c r="A49155" s="2"/>
      <c r="B49155" s="2"/>
      <c r="C49155" s="2"/>
    </row>
    <row r="49156" spans="1:3" ht="19.2">
      <c r="A49156" s="2"/>
      <c r="B49156" s="2"/>
      <c r="C49156" s="2"/>
    </row>
    <row r="49157" spans="1:3" ht="19.2">
      <c r="A49157" s="2"/>
      <c r="B49157" s="2"/>
      <c r="C49157" s="2"/>
    </row>
    <row r="49158" spans="1:3" ht="19.2">
      <c r="A49158" s="2"/>
      <c r="B49158" s="2"/>
      <c r="C49158" s="2"/>
    </row>
    <row r="49159" spans="1:3" ht="19.2">
      <c r="A49159" s="2"/>
      <c r="B49159" s="2"/>
      <c r="C49159" s="2"/>
    </row>
    <row r="49160" spans="1:3" ht="19.2">
      <c r="A49160" s="2"/>
      <c r="B49160" s="2"/>
      <c r="C49160" s="2"/>
    </row>
    <row r="49161" spans="1:3" ht="19.2">
      <c r="A49161" s="2"/>
      <c r="B49161" s="2"/>
      <c r="C49161" s="2"/>
    </row>
    <row r="49162" spans="1:3" ht="19.2">
      <c r="A49162" s="2"/>
      <c r="B49162" s="2"/>
      <c r="C49162" s="2"/>
    </row>
    <row r="49163" spans="1:3" ht="19.2">
      <c r="A49163" s="2"/>
      <c r="B49163" s="2"/>
      <c r="C49163" s="2"/>
    </row>
    <row r="49164" spans="1:3" ht="19.2">
      <c r="A49164" s="2"/>
      <c r="B49164" s="2"/>
      <c r="C49164" s="2"/>
    </row>
    <row r="49165" spans="1:3" ht="19.2">
      <c r="A49165" s="2"/>
      <c r="B49165" s="2"/>
      <c r="C49165" s="2"/>
    </row>
    <row r="49166" spans="1:3" ht="19.2">
      <c r="A49166" s="2"/>
      <c r="B49166" s="2"/>
      <c r="C49166" s="2"/>
    </row>
    <row r="49167" spans="1:3" ht="19.2">
      <c r="A49167" s="2"/>
      <c r="B49167" s="2"/>
      <c r="C49167" s="2"/>
    </row>
    <row r="49168" spans="1:3" ht="19.2">
      <c r="A49168" s="2"/>
      <c r="B49168" s="2"/>
      <c r="C49168" s="2"/>
    </row>
    <row r="49169" spans="1:3" ht="19.2">
      <c r="A49169" s="2"/>
      <c r="B49169" s="2"/>
      <c r="C49169" s="2"/>
    </row>
    <row r="49170" spans="1:3" ht="19.2">
      <c r="A49170" s="2"/>
      <c r="B49170" s="2"/>
      <c r="C49170" s="2"/>
    </row>
    <row r="49171" spans="1:3" ht="19.2">
      <c r="A49171" s="2"/>
      <c r="B49171" s="2"/>
      <c r="C49171" s="2"/>
    </row>
    <row r="49172" spans="1:3" ht="19.2">
      <c r="A49172" s="2"/>
      <c r="B49172" s="2"/>
      <c r="C49172" s="2"/>
    </row>
    <row r="49173" spans="1:3" ht="19.2">
      <c r="A49173" s="2"/>
      <c r="B49173" s="2"/>
      <c r="C49173" s="2"/>
    </row>
    <row r="49174" spans="1:3" ht="19.2">
      <c r="A49174" s="2"/>
      <c r="B49174" s="2"/>
      <c r="C49174" s="2"/>
    </row>
    <row r="49175" spans="1:3" ht="19.2">
      <c r="A49175" s="2"/>
      <c r="B49175" s="2"/>
      <c r="C49175" s="2"/>
    </row>
    <row r="49176" spans="1:3" ht="19.2">
      <c r="A49176" s="2"/>
      <c r="B49176" s="2"/>
      <c r="C49176" s="2"/>
    </row>
    <row r="49177" spans="1:3" ht="19.2">
      <c r="A49177" s="2"/>
      <c r="B49177" s="2"/>
      <c r="C49177" s="2"/>
    </row>
    <row r="49178" spans="1:3" ht="19.2">
      <c r="A49178" s="2"/>
      <c r="B49178" s="2"/>
      <c r="C49178" s="2"/>
    </row>
    <row r="49179" spans="1:3" ht="19.2">
      <c r="A49179" s="2"/>
      <c r="B49179" s="2"/>
      <c r="C49179" s="2"/>
    </row>
    <row r="49180" spans="1:3" ht="19.2">
      <c r="A49180" s="2"/>
      <c r="B49180" s="2"/>
      <c r="C49180" s="2"/>
    </row>
    <row r="49181" spans="1:3" ht="19.2">
      <c r="A49181" s="2"/>
      <c r="B49181" s="2"/>
      <c r="C49181" s="2"/>
    </row>
    <row r="49182" spans="1:3" ht="19.2">
      <c r="A49182" s="2"/>
      <c r="B49182" s="2"/>
      <c r="C49182" s="2"/>
    </row>
    <row r="49183" spans="1:3" ht="19.2">
      <c r="A49183" s="2"/>
      <c r="B49183" s="2"/>
      <c r="C49183" s="2"/>
    </row>
    <row r="49184" spans="1:3" ht="19.2">
      <c r="A49184" s="2"/>
      <c r="B49184" s="2"/>
      <c r="C49184" s="2"/>
    </row>
    <row r="49185" spans="1:3" ht="19.2">
      <c r="A49185" s="2"/>
      <c r="B49185" s="2"/>
      <c r="C49185" s="2"/>
    </row>
    <row r="49186" spans="1:3" ht="19.2">
      <c r="A49186" s="2"/>
      <c r="B49186" s="2"/>
      <c r="C49186" s="2"/>
    </row>
    <row r="49187" spans="1:3" ht="19.2">
      <c r="A49187" s="2"/>
      <c r="B49187" s="2"/>
      <c r="C49187" s="2"/>
    </row>
    <row r="49188" spans="1:3" ht="19.2">
      <c r="A49188" s="2"/>
      <c r="B49188" s="2"/>
      <c r="C49188" s="2"/>
    </row>
    <row r="49189" spans="1:3" ht="19.2">
      <c r="A49189" s="2"/>
      <c r="B49189" s="2"/>
      <c r="C49189" s="2"/>
    </row>
    <row r="49190" spans="1:3" ht="19.2">
      <c r="A49190" s="2"/>
      <c r="B49190" s="2"/>
      <c r="C49190" s="2"/>
    </row>
    <row r="49191" spans="1:3" ht="19.2">
      <c r="A49191" s="2"/>
      <c r="B49191" s="2"/>
      <c r="C49191" s="2"/>
    </row>
    <row r="49192" spans="1:3" ht="19.2">
      <c r="A49192" s="2"/>
      <c r="B49192" s="2"/>
      <c r="C49192" s="2"/>
    </row>
    <row r="49193" spans="1:3" ht="19.2">
      <c r="A49193" s="2"/>
      <c r="B49193" s="2"/>
      <c r="C49193" s="2"/>
    </row>
    <row r="49194" spans="1:3" ht="19.2">
      <c r="A49194" s="2"/>
      <c r="B49194" s="2"/>
      <c r="C49194" s="2"/>
    </row>
    <row r="49195" spans="1:3" ht="19.2">
      <c r="A49195" s="2"/>
      <c r="B49195" s="2"/>
      <c r="C49195" s="2"/>
    </row>
    <row r="49196" spans="1:3" ht="19.2">
      <c r="A49196" s="2"/>
      <c r="B49196" s="2"/>
      <c r="C49196" s="2"/>
    </row>
    <row r="49197" spans="1:3" ht="19.2">
      <c r="A49197" s="2"/>
      <c r="B49197" s="2"/>
      <c r="C49197" s="2"/>
    </row>
    <row r="49198" spans="1:3" ht="19.2">
      <c r="A49198" s="2"/>
      <c r="B49198" s="2"/>
      <c r="C49198" s="2"/>
    </row>
    <row r="49199" spans="1:3" ht="19.2">
      <c r="A49199" s="2"/>
      <c r="B49199" s="2"/>
      <c r="C49199" s="2"/>
    </row>
    <row r="49200" spans="1:3" ht="19.2">
      <c r="A49200" s="2"/>
      <c r="B49200" s="2"/>
      <c r="C49200" s="2"/>
    </row>
    <row r="49201" spans="1:3" ht="19.2">
      <c r="A49201" s="2"/>
      <c r="B49201" s="2"/>
      <c r="C49201" s="2"/>
    </row>
    <row r="49202" spans="1:3" ht="19.2">
      <c r="A49202" s="2"/>
      <c r="B49202" s="2"/>
      <c r="C49202" s="2"/>
    </row>
    <row r="49203" spans="1:3" ht="19.2">
      <c r="A49203" s="2"/>
      <c r="B49203" s="2"/>
      <c r="C49203" s="2"/>
    </row>
    <row r="49204" spans="1:3" ht="19.2">
      <c r="A49204" s="2"/>
      <c r="B49204" s="2"/>
      <c r="C49204" s="2"/>
    </row>
    <row r="49205" spans="1:3" ht="19.2">
      <c r="A49205" s="2"/>
      <c r="B49205" s="2"/>
      <c r="C49205" s="2"/>
    </row>
    <row r="49206" spans="1:3" ht="19.2">
      <c r="A49206" s="2"/>
      <c r="B49206" s="2"/>
      <c r="C49206" s="2"/>
    </row>
    <row r="49207" spans="1:3" ht="19.2">
      <c r="A49207" s="2"/>
      <c r="B49207" s="2"/>
      <c r="C49207" s="2"/>
    </row>
    <row r="49208" spans="1:3" ht="19.2">
      <c r="A49208" s="2"/>
      <c r="B49208" s="2"/>
      <c r="C49208" s="2"/>
    </row>
    <row r="49209" spans="1:3" ht="19.2">
      <c r="A49209" s="2"/>
      <c r="B49209" s="2"/>
      <c r="C49209" s="2"/>
    </row>
    <row r="49210" spans="1:3" ht="19.2">
      <c r="A49210" s="2"/>
      <c r="B49210" s="2"/>
      <c r="C49210" s="2"/>
    </row>
    <row r="49211" spans="1:3" ht="19.2">
      <c r="A49211" s="2"/>
      <c r="B49211" s="2"/>
      <c r="C49211" s="2"/>
    </row>
    <row r="49212" spans="1:3" ht="19.2">
      <c r="A49212" s="2"/>
      <c r="B49212" s="2"/>
      <c r="C49212" s="2"/>
    </row>
    <row r="49213" spans="1:3" ht="19.2">
      <c r="A49213" s="2"/>
      <c r="B49213" s="2"/>
      <c r="C49213" s="2"/>
    </row>
    <row r="49214" spans="1:3" ht="19.2">
      <c r="A49214" s="2"/>
      <c r="B49214" s="2"/>
      <c r="C49214" s="2"/>
    </row>
    <row r="49215" spans="1:3" ht="19.2">
      <c r="A49215" s="2"/>
      <c r="B49215" s="2"/>
      <c r="C49215" s="2"/>
    </row>
    <row r="49216" spans="1:3" ht="19.2">
      <c r="A49216" s="2"/>
      <c r="B49216" s="2"/>
      <c r="C49216" s="2"/>
    </row>
    <row r="49217" spans="1:3" ht="19.2">
      <c r="A49217" s="2"/>
      <c r="B49217" s="2"/>
      <c r="C49217" s="2"/>
    </row>
    <row r="49218" spans="1:3" ht="19.2">
      <c r="A49218" s="2"/>
      <c r="B49218" s="2"/>
      <c r="C49218" s="2"/>
    </row>
    <row r="49219" spans="1:3" ht="19.2">
      <c r="A49219" s="2"/>
      <c r="B49219" s="2"/>
      <c r="C49219" s="2"/>
    </row>
    <row r="49220" spans="1:3" ht="19.2">
      <c r="A49220" s="2"/>
      <c r="B49220" s="2"/>
      <c r="C49220" s="2"/>
    </row>
    <row r="49221" spans="1:3" ht="19.2">
      <c r="A49221" s="2"/>
      <c r="B49221" s="2"/>
      <c r="C49221" s="2"/>
    </row>
    <row r="49222" spans="1:3" ht="19.2">
      <c r="A49222" s="2"/>
      <c r="B49222" s="2"/>
      <c r="C49222" s="2"/>
    </row>
    <row r="49223" spans="1:3" ht="19.2">
      <c r="A49223" s="2"/>
      <c r="B49223" s="2"/>
      <c r="C49223" s="2"/>
    </row>
    <row r="49224" spans="1:3" ht="19.2">
      <c r="A49224" s="2"/>
      <c r="B49224" s="2"/>
      <c r="C49224" s="2"/>
    </row>
    <row r="49225" spans="1:3" ht="19.2">
      <c r="A49225" s="2"/>
      <c r="B49225" s="2"/>
      <c r="C49225" s="2"/>
    </row>
    <row r="49226" spans="1:3" ht="19.2">
      <c r="A49226" s="2"/>
      <c r="B49226" s="2"/>
      <c r="C49226" s="2"/>
    </row>
    <row r="49227" spans="1:3" ht="19.2">
      <c r="A49227" s="2"/>
      <c r="B49227" s="2"/>
      <c r="C49227" s="2"/>
    </row>
    <row r="49228" spans="1:3" ht="19.2">
      <c r="A49228" s="2"/>
      <c r="B49228" s="2"/>
      <c r="C49228" s="2"/>
    </row>
    <row r="49229" spans="1:3" ht="19.2">
      <c r="A49229" s="2"/>
      <c r="B49229" s="2"/>
      <c r="C49229" s="2"/>
    </row>
    <row r="49230" spans="1:3" ht="19.2">
      <c r="A49230" s="2"/>
      <c r="B49230" s="2"/>
      <c r="C49230" s="2"/>
    </row>
    <row r="49231" spans="1:3" ht="19.2">
      <c r="A49231" s="2"/>
      <c r="B49231" s="2"/>
      <c r="C49231" s="2"/>
    </row>
    <row r="49232" spans="1:3" ht="19.2">
      <c r="A49232" s="2"/>
      <c r="B49232" s="2"/>
      <c r="C49232" s="2"/>
    </row>
    <row r="49233" spans="1:3" ht="19.2">
      <c r="A49233" s="2"/>
      <c r="B49233" s="2"/>
      <c r="C49233" s="2"/>
    </row>
    <row r="49234" spans="1:3" ht="19.2">
      <c r="A49234" s="2"/>
      <c r="B49234" s="2"/>
      <c r="C49234" s="2"/>
    </row>
    <row r="49235" spans="1:3" ht="19.2">
      <c r="A49235" s="2"/>
      <c r="B49235" s="2"/>
      <c r="C49235" s="2"/>
    </row>
    <row r="49236" spans="1:3" ht="19.2">
      <c r="A49236" s="2"/>
      <c r="B49236" s="2"/>
      <c r="C49236" s="2"/>
    </row>
    <row r="49237" spans="1:3" ht="19.2">
      <c r="A49237" s="2"/>
      <c r="B49237" s="2"/>
      <c r="C49237" s="2"/>
    </row>
    <row r="49238" spans="1:3" ht="19.2">
      <c r="A49238" s="2"/>
      <c r="B49238" s="2"/>
      <c r="C49238" s="2"/>
    </row>
    <row r="49239" spans="1:3" ht="19.2">
      <c r="A49239" s="2"/>
      <c r="B49239" s="2"/>
      <c r="C49239" s="2"/>
    </row>
    <row r="49240" spans="1:3" ht="19.2">
      <c r="A49240" s="2"/>
      <c r="B49240" s="2"/>
      <c r="C49240" s="2"/>
    </row>
    <row r="49241" spans="1:3" ht="19.2">
      <c r="A49241" s="2"/>
      <c r="B49241" s="2"/>
      <c r="C49241" s="2"/>
    </row>
    <row r="49242" spans="1:3" ht="19.2">
      <c r="A49242" s="2"/>
      <c r="B49242" s="2"/>
      <c r="C49242" s="2"/>
    </row>
    <row r="49243" spans="1:3" ht="19.2">
      <c r="A49243" s="2"/>
      <c r="B49243" s="2"/>
      <c r="C49243" s="2"/>
    </row>
    <row r="49244" spans="1:3" ht="19.2">
      <c r="A49244" s="2"/>
      <c r="B49244" s="2"/>
      <c r="C49244" s="2"/>
    </row>
    <row r="49245" spans="1:3" ht="19.2">
      <c r="A49245" s="2"/>
      <c r="B49245" s="2"/>
      <c r="C49245" s="2"/>
    </row>
    <row r="49246" spans="1:3" ht="19.2">
      <c r="A49246" s="2"/>
      <c r="B49246" s="2"/>
      <c r="C49246" s="2"/>
    </row>
    <row r="49247" spans="1:3" ht="19.2">
      <c r="A49247" s="2"/>
      <c r="B49247" s="2"/>
      <c r="C49247" s="2"/>
    </row>
    <row r="49248" spans="1:3" ht="19.2">
      <c r="A49248" s="2"/>
      <c r="B49248" s="2"/>
      <c r="C49248" s="2"/>
    </row>
    <row r="49249" spans="1:3" ht="19.2">
      <c r="A49249" s="2"/>
      <c r="B49249" s="2"/>
      <c r="C49249" s="2"/>
    </row>
    <row r="49250" spans="1:3" ht="19.2">
      <c r="A49250" s="2"/>
      <c r="B49250" s="2"/>
      <c r="C49250" s="2"/>
    </row>
    <row r="49251" spans="1:3" ht="19.2">
      <c r="A49251" s="2"/>
      <c r="B49251" s="2"/>
      <c r="C49251" s="2"/>
    </row>
    <row r="49252" spans="1:3" ht="19.2">
      <c r="A49252" s="2"/>
      <c r="B49252" s="2"/>
      <c r="C49252" s="2"/>
    </row>
    <row r="49253" spans="1:3" ht="19.2">
      <c r="A49253" s="2"/>
      <c r="B49253" s="2"/>
      <c r="C49253" s="2"/>
    </row>
    <row r="49254" spans="1:3" ht="19.2">
      <c r="A49254" s="2"/>
      <c r="B49254" s="2"/>
      <c r="C49254" s="2"/>
    </row>
    <row r="49255" spans="1:3" ht="19.2">
      <c r="A49255" s="2"/>
      <c r="B49255" s="2"/>
      <c r="C49255" s="2"/>
    </row>
    <row r="49256" spans="1:3" ht="19.2">
      <c r="A49256" s="2"/>
      <c r="B49256" s="2"/>
      <c r="C49256" s="2"/>
    </row>
    <row r="49257" spans="1:3" ht="19.2">
      <c r="A49257" s="2"/>
      <c r="B49257" s="2"/>
      <c r="C49257" s="2"/>
    </row>
    <row r="49258" spans="1:3" ht="19.2">
      <c r="A49258" s="2"/>
      <c r="B49258" s="2"/>
      <c r="C49258" s="2"/>
    </row>
    <row r="49259" spans="1:3" ht="19.2">
      <c r="A49259" s="2"/>
      <c r="B49259" s="2"/>
      <c r="C49259" s="2"/>
    </row>
    <row r="49260" spans="1:3" ht="19.2">
      <c r="A49260" s="2"/>
      <c r="B49260" s="2"/>
      <c r="C49260" s="2"/>
    </row>
    <row r="49261" spans="1:3" ht="19.2">
      <c r="A49261" s="2"/>
      <c r="B49261" s="2"/>
      <c r="C49261" s="2"/>
    </row>
    <row r="49262" spans="1:3" ht="19.2">
      <c r="A49262" s="2"/>
      <c r="B49262" s="2"/>
      <c r="C49262" s="2"/>
    </row>
    <row r="49263" spans="1:3" ht="19.2">
      <c r="A49263" s="2"/>
      <c r="B49263" s="2"/>
      <c r="C49263" s="2"/>
    </row>
    <row r="49264" spans="1:3" ht="19.2">
      <c r="A49264" s="2"/>
      <c r="B49264" s="2"/>
      <c r="C49264" s="2"/>
    </row>
    <row r="49265" spans="1:3" ht="19.2">
      <c r="A49265" s="2"/>
      <c r="B49265" s="2"/>
      <c r="C49265" s="2"/>
    </row>
    <row r="49266" spans="1:3" ht="19.2">
      <c r="A49266" s="2"/>
      <c r="B49266" s="2"/>
      <c r="C49266" s="2"/>
    </row>
    <row r="49267" spans="1:3" ht="19.2">
      <c r="A49267" s="2"/>
      <c r="B49267" s="2"/>
      <c r="C49267" s="2"/>
    </row>
    <row r="49268" spans="1:3" ht="19.2">
      <c r="A49268" s="2"/>
      <c r="B49268" s="2"/>
      <c r="C49268" s="2"/>
    </row>
    <row r="49269" spans="1:3" ht="19.2">
      <c r="A49269" s="2"/>
      <c r="B49269" s="2"/>
      <c r="C49269" s="2"/>
    </row>
    <row r="49270" spans="1:3" ht="19.2">
      <c r="A49270" s="2"/>
      <c r="B49270" s="2"/>
      <c r="C49270" s="2"/>
    </row>
    <row r="49271" spans="1:3" ht="19.2">
      <c r="A49271" s="2"/>
      <c r="B49271" s="2"/>
      <c r="C49271" s="2"/>
    </row>
    <row r="49272" spans="1:3" ht="19.2">
      <c r="A49272" s="2"/>
      <c r="B49272" s="2"/>
      <c r="C49272" s="2"/>
    </row>
    <row r="49273" spans="1:3" ht="19.2">
      <c r="A49273" s="2"/>
      <c r="B49273" s="2"/>
      <c r="C49273" s="2"/>
    </row>
    <row r="49274" spans="1:3" ht="19.2">
      <c r="A49274" s="2"/>
      <c r="B49274" s="2"/>
      <c r="C49274" s="2"/>
    </row>
    <row r="49275" spans="1:3" ht="19.2">
      <c r="A49275" s="2"/>
      <c r="B49275" s="2"/>
      <c r="C49275" s="2"/>
    </row>
    <row r="49276" spans="1:3" ht="19.2">
      <c r="A49276" s="2"/>
      <c r="B49276" s="2"/>
      <c r="C49276" s="2"/>
    </row>
    <row r="49277" spans="1:3" ht="19.2">
      <c r="A49277" s="2"/>
      <c r="B49277" s="2"/>
      <c r="C49277" s="2"/>
    </row>
    <row r="49278" spans="1:3" ht="19.2">
      <c r="A49278" s="2"/>
      <c r="B49278" s="2"/>
      <c r="C49278" s="2"/>
    </row>
    <row r="49279" spans="1:3" ht="19.2">
      <c r="A49279" s="2"/>
      <c r="B49279" s="2"/>
      <c r="C49279" s="2"/>
    </row>
    <row r="49280" spans="1:3" ht="19.2">
      <c r="A49280" s="2"/>
      <c r="B49280" s="2"/>
      <c r="C49280" s="2"/>
    </row>
    <row r="49281" spans="1:3" ht="19.2">
      <c r="A49281" s="2"/>
      <c r="B49281" s="2"/>
      <c r="C49281" s="2"/>
    </row>
    <row r="49282" spans="1:3" ht="19.2">
      <c r="A49282" s="2"/>
      <c r="B49282" s="2"/>
      <c r="C49282" s="2"/>
    </row>
    <row r="49283" spans="1:3" ht="19.2">
      <c r="A49283" s="2"/>
      <c r="B49283" s="2"/>
      <c r="C49283" s="2"/>
    </row>
    <row r="49284" spans="1:3" ht="19.2">
      <c r="A49284" s="2"/>
      <c r="B49284" s="2"/>
      <c r="C49284" s="2"/>
    </row>
    <row r="49285" spans="1:3" ht="19.2">
      <c r="A49285" s="2"/>
      <c r="B49285" s="2"/>
      <c r="C49285" s="2"/>
    </row>
    <row r="49286" spans="1:3" ht="19.2">
      <c r="A49286" s="2"/>
      <c r="B49286" s="2"/>
      <c r="C49286" s="2"/>
    </row>
    <row r="49287" spans="1:3" ht="19.2">
      <c r="A49287" s="2"/>
      <c r="B49287" s="2"/>
      <c r="C49287" s="2"/>
    </row>
    <row r="49288" spans="1:3" ht="19.2">
      <c r="A49288" s="2"/>
      <c r="B49288" s="2"/>
      <c r="C49288" s="2"/>
    </row>
    <row r="49289" spans="1:3" ht="19.2">
      <c r="A49289" s="2"/>
      <c r="B49289" s="2"/>
      <c r="C49289" s="2"/>
    </row>
    <row r="49290" spans="1:3" ht="19.2">
      <c r="A49290" s="2"/>
      <c r="B49290" s="2"/>
      <c r="C49290" s="2"/>
    </row>
    <row r="49291" spans="1:3" ht="19.2">
      <c r="A49291" s="2"/>
      <c r="B49291" s="2"/>
      <c r="C49291" s="2"/>
    </row>
    <row r="49292" spans="1:3" ht="19.2">
      <c r="A49292" s="2"/>
      <c r="B49292" s="2"/>
      <c r="C49292" s="2"/>
    </row>
    <row r="49293" spans="1:3" ht="19.2">
      <c r="A49293" s="2"/>
      <c r="B49293" s="2"/>
      <c r="C49293" s="2"/>
    </row>
    <row r="49294" spans="1:3" ht="19.2">
      <c r="A49294" s="2"/>
      <c r="B49294" s="2"/>
      <c r="C49294" s="2"/>
    </row>
    <row r="49295" spans="1:3" ht="19.2">
      <c r="A49295" s="2"/>
      <c r="B49295" s="2"/>
      <c r="C49295" s="2"/>
    </row>
    <row r="49296" spans="1:3" ht="19.2">
      <c r="A49296" s="2"/>
      <c r="B49296" s="2"/>
      <c r="C49296" s="2"/>
    </row>
    <row r="49297" spans="1:3" ht="19.2">
      <c r="A49297" s="2"/>
      <c r="B49297" s="2"/>
      <c r="C49297" s="2"/>
    </row>
    <row r="49298" spans="1:3" ht="19.2">
      <c r="A49298" s="2"/>
      <c r="B49298" s="2"/>
      <c r="C49298" s="2"/>
    </row>
    <row r="49299" spans="1:3" ht="19.2">
      <c r="A49299" s="2"/>
      <c r="B49299" s="2"/>
      <c r="C49299" s="2"/>
    </row>
    <row r="49300" spans="1:3" ht="19.2">
      <c r="A49300" s="2"/>
      <c r="B49300" s="2"/>
      <c r="C49300" s="2"/>
    </row>
    <row r="49301" spans="1:3" ht="19.2">
      <c r="A49301" s="2"/>
      <c r="B49301" s="2"/>
      <c r="C49301" s="2"/>
    </row>
    <row r="49302" spans="1:3" ht="19.2">
      <c r="A49302" s="2"/>
      <c r="B49302" s="2"/>
      <c r="C49302" s="2"/>
    </row>
    <row r="49303" spans="1:3" ht="19.2">
      <c r="A49303" s="2"/>
      <c r="B49303" s="2"/>
      <c r="C49303" s="2"/>
    </row>
    <row r="49304" spans="1:3" ht="19.2">
      <c r="A49304" s="2"/>
      <c r="B49304" s="2"/>
      <c r="C49304" s="2"/>
    </row>
    <row r="49305" spans="1:3" ht="19.2">
      <c r="A49305" s="2"/>
      <c r="B49305" s="2"/>
      <c r="C49305" s="2"/>
    </row>
    <row r="49306" spans="1:3" ht="19.2">
      <c r="A49306" s="2"/>
      <c r="B49306" s="2"/>
      <c r="C49306" s="2"/>
    </row>
    <row r="49307" spans="1:3" ht="19.2">
      <c r="A49307" s="2"/>
      <c r="B49307" s="2"/>
      <c r="C49307" s="2"/>
    </row>
    <row r="49308" spans="1:3" ht="19.2">
      <c r="A49308" s="2"/>
      <c r="B49308" s="2"/>
      <c r="C49308" s="2"/>
    </row>
    <row r="49309" spans="1:3" ht="19.2">
      <c r="A49309" s="2"/>
      <c r="B49309" s="2"/>
      <c r="C49309" s="2"/>
    </row>
    <row r="49310" spans="1:3" ht="19.2">
      <c r="A49310" s="2"/>
      <c r="B49310" s="2"/>
      <c r="C49310" s="2"/>
    </row>
    <row r="49311" spans="1:3" ht="19.2">
      <c r="A49311" s="2"/>
      <c r="B49311" s="2"/>
      <c r="C49311" s="2"/>
    </row>
    <row r="49312" spans="1:3" ht="19.2">
      <c r="A49312" s="2"/>
      <c r="B49312" s="2"/>
      <c r="C49312" s="2"/>
    </row>
    <row r="49313" spans="1:3" ht="19.2">
      <c r="A49313" s="2"/>
      <c r="B49313" s="2"/>
      <c r="C49313" s="2"/>
    </row>
    <row r="49314" spans="1:3" ht="19.2">
      <c r="A49314" s="2"/>
      <c r="B49314" s="2"/>
      <c r="C49314" s="2"/>
    </row>
    <row r="49315" spans="1:3" ht="19.2">
      <c r="A49315" s="2"/>
      <c r="B49315" s="2"/>
      <c r="C49315" s="2"/>
    </row>
    <row r="49316" spans="1:3" ht="19.2">
      <c r="A49316" s="2"/>
      <c r="B49316" s="2"/>
      <c r="C49316" s="2"/>
    </row>
    <row r="49317" spans="1:3" ht="19.2">
      <c r="A49317" s="2"/>
      <c r="B49317" s="2"/>
      <c r="C49317" s="2"/>
    </row>
    <row r="49318" spans="1:3" ht="19.2">
      <c r="A49318" s="2"/>
      <c r="B49318" s="2"/>
      <c r="C49318" s="2"/>
    </row>
    <row r="49319" spans="1:3" ht="19.2">
      <c r="A49319" s="2"/>
      <c r="B49319" s="2"/>
      <c r="C49319" s="2"/>
    </row>
    <row r="49320" spans="1:3" ht="19.2">
      <c r="A49320" s="2"/>
      <c r="B49320" s="2"/>
      <c r="C49320" s="2"/>
    </row>
    <row r="49321" spans="1:3" ht="19.2">
      <c r="A49321" s="2"/>
      <c r="B49321" s="2"/>
      <c r="C49321" s="2"/>
    </row>
    <row r="49322" spans="1:3" ht="19.2">
      <c r="A49322" s="2"/>
      <c r="B49322" s="2"/>
      <c r="C49322" s="2"/>
    </row>
    <row r="49323" spans="1:3" ht="19.2">
      <c r="A49323" s="2"/>
      <c r="B49323" s="2"/>
      <c r="C49323" s="2"/>
    </row>
    <row r="49324" spans="1:3" ht="19.2">
      <c r="A49324" s="2"/>
      <c r="B49324" s="2"/>
      <c r="C49324" s="2"/>
    </row>
    <row r="49325" spans="1:3" ht="19.2">
      <c r="A49325" s="2"/>
      <c r="B49325" s="2"/>
      <c r="C49325" s="2"/>
    </row>
    <row r="49326" spans="1:3" ht="19.2">
      <c r="A49326" s="2"/>
      <c r="B49326" s="2"/>
      <c r="C49326" s="2"/>
    </row>
    <row r="49327" spans="1:3" ht="19.2">
      <c r="A49327" s="2"/>
      <c r="B49327" s="2"/>
      <c r="C49327" s="2"/>
    </row>
    <row r="49328" spans="1:3" ht="19.2">
      <c r="A49328" s="2"/>
      <c r="B49328" s="2"/>
      <c r="C49328" s="2"/>
    </row>
    <row r="49329" spans="1:3" ht="19.2">
      <c r="A49329" s="2"/>
      <c r="B49329" s="2"/>
      <c r="C49329" s="2"/>
    </row>
    <row r="49330" spans="1:3" ht="19.2">
      <c r="A49330" s="2"/>
      <c r="B49330" s="2"/>
      <c r="C49330" s="2"/>
    </row>
    <row r="49331" spans="1:3" ht="19.2">
      <c r="A49331" s="2"/>
      <c r="B49331" s="2"/>
      <c r="C49331" s="2"/>
    </row>
    <row r="49332" spans="1:3" ht="19.2">
      <c r="A49332" s="2"/>
      <c r="B49332" s="2"/>
      <c r="C49332" s="2"/>
    </row>
    <row r="49333" spans="1:3" ht="19.2">
      <c r="A49333" s="2"/>
      <c r="B49333" s="2"/>
      <c r="C49333" s="2"/>
    </row>
    <row r="49334" spans="1:3" ht="19.2">
      <c r="A49334" s="2"/>
      <c r="B49334" s="2"/>
      <c r="C49334" s="2"/>
    </row>
    <row r="49335" spans="1:3" ht="19.2">
      <c r="A49335" s="2"/>
      <c r="B49335" s="2"/>
      <c r="C49335" s="2"/>
    </row>
    <row r="49336" spans="1:3" ht="19.2">
      <c r="A49336" s="2"/>
      <c r="B49336" s="2"/>
      <c r="C49336" s="2"/>
    </row>
    <row r="49337" spans="1:3" ht="19.2">
      <c r="A49337" s="2"/>
      <c r="B49337" s="2"/>
      <c r="C49337" s="2"/>
    </row>
    <row r="49338" spans="1:3" ht="19.2">
      <c r="A49338" s="2"/>
      <c r="B49338" s="2"/>
      <c r="C49338" s="2"/>
    </row>
    <row r="49339" spans="1:3" ht="19.2">
      <c r="A49339" s="2"/>
      <c r="B49339" s="2"/>
      <c r="C49339" s="2"/>
    </row>
    <row r="49340" spans="1:3" ht="19.2">
      <c r="A49340" s="2"/>
      <c r="B49340" s="2"/>
      <c r="C49340" s="2"/>
    </row>
    <row r="49341" spans="1:3" ht="19.2">
      <c r="A49341" s="2"/>
      <c r="B49341" s="2"/>
      <c r="C49341" s="2"/>
    </row>
    <row r="49342" spans="1:3" ht="19.2">
      <c r="A49342" s="2"/>
      <c r="B49342" s="2"/>
      <c r="C49342" s="2"/>
    </row>
    <row r="49343" spans="1:3" ht="19.2">
      <c r="A49343" s="2"/>
      <c r="B49343" s="2"/>
      <c r="C49343" s="2"/>
    </row>
    <row r="49344" spans="1:3" ht="19.2">
      <c r="A49344" s="2"/>
      <c r="B49344" s="2"/>
      <c r="C49344" s="2"/>
    </row>
    <row r="49345" spans="1:3" ht="19.2">
      <c r="A49345" s="2"/>
      <c r="B49345" s="2"/>
      <c r="C49345" s="2"/>
    </row>
    <row r="49346" spans="1:3" ht="19.2">
      <c r="A49346" s="2"/>
      <c r="B49346" s="2"/>
      <c r="C49346" s="2"/>
    </row>
    <row r="49347" spans="1:3" ht="19.2">
      <c r="A49347" s="2"/>
      <c r="B49347" s="2"/>
      <c r="C49347" s="2"/>
    </row>
    <row r="49348" spans="1:3" ht="19.2">
      <c r="A49348" s="2"/>
      <c r="B49348" s="2"/>
      <c r="C49348" s="2"/>
    </row>
    <row r="49349" spans="1:3" ht="19.2">
      <c r="A49349" s="2"/>
      <c r="B49349" s="2"/>
      <c r="C49349" s="2"/>
    </row>
    <row r="49350" spans="1:3" ht="19.2">
      <c r="A49350" s="2"/>
      <c r="B49350" s="2"/>
      <c r="C49350" s="2"/>
    </row>
    <row r="49351" spans="1:3" ht="19.2">
      <c r="A49351" s="2"/>
      <c r="B49351" s="2"/>
      <c r="C49351" s="2"/>
    </row>
    <row r="49352" spans="1:3" ht="19.2">
      <c r="A49352" s="2"/>
      <c r="B49352" s="2"/>
      <c r="C49352" s="2"/>
    </row>
    <row r="49353" spans="1:3" ht="19.2">
      <c r="A49353" s="2"/>
      <c r="B49353" s="2"/>
      <c r="C49353" s="2"/>
    </row>
    <row r="49354" spans="1:3" ht="19.2">
      <c r="A49354" s="2"/>
      <c r="B49354" s="2"/>
      <c r="C49354" s="2"/>
    </row>
    <row r="49355" spans="1:3" ht="19.2">
      <c r="A49355" s="2"/>
      <c r="B49355" s="2"/>
      <c r="C49355" s="2"/>
    </row>
    <row r="49356" spans="1:3" ht="19.2">
      <c r="A49356" s="2"/>
      <c r="B49356" s="2"/>
      <c r="C49356" s="2"/>
    </row>
    <row r="49357" spans="1:3" ht="19.2">
      <c r="A49357" s="2"/>
      <c r="B49357" s="2"/>
      <c r="C49357" s="2"/>
    </row>
    <row r="49358" spans="1:3" ht="19.2">
      <c r="A49358" s="2"/>
      <c r="B49358" s="2"/>
      <c r="C49358" s="2"/>
    </row>
    <row r="49359" spans="1:3" ht="19.2">
      <c r="A49359" s="2"/>
      <c r="B49359" s="2"/>
      <c r="C49359" s="2"/>
    </row>
    <row r="49360" spans="1:3" ht="19.2">
      <c r="A49360" s="2"/>
      <c r="B49360" s="2"/>
      <c r="C49360" s="2"/>
    </row>
    <row r="49361" spans="1:3" ht="19.2">
      <c r="A49361" s="2"/>
      <c r="B49361" s="2"/>
      <c r="C49361" s="2"/>
    </row>
    <row r="49362" spans="1:3" ht="19.2">
      <c r="A49362" s="2"/>
      <c r="B49362" s="2"/>
      <c r="C49362" s="2"/>
    </row>
    <row r="49363" spans="1:3" ht="19.2">
      <c r="A49363" s="2"/>
      <c r="B49363" s="2"/>
      <c r="C49363" s="2"/>
    </row>
    <row r="49364" spans="1:3" ht="19.2">
      <c r="A49364" s="2"/>
      <c r="B49364" s="2"/>
      <c r="C49364" s="2"/>
    </row>
    <row r="49365" spans="1:3" ht="19.2">
      <c r="A49365" s="2"/>
      <c r="B49365" s="2"/>
      <c r="C49365" s="2"/>
    </row>
    <row r="49366" spans="1:3" ht="19.2">
      <c r="A49366" s="2"/>
      <c r="B49366" s="2"/>
      <c r="C49366" s="2"/>
    </row>
    <row r="49367" spans="1:3" ht="19.2">
      <c r="A49367" s="2"/>
      <c r="B49367" s="2"/>
      <c r="C49367" s="2"/>
    </row>
    <row r="49368" spans="1:3" ht="19.2">
      <c r="A49368" s="2"/>
      <c r="B49368" s="2"/>
      <c r="C49368" s="2"/>
    </row>
    <row r="49369" spans="1:3" ht="19.2">
      <c r="A49369" s="2"/>
      <c r="B49369" s="2"/>
      <c r="C49369" s="2"/>
    </row>
    <row r="49370" spans="1:3" ht="19.2">
      <c r="A49370" s="2"/>
      <c r="B49370" s="2"/>
      <c r="C49370" s="2"/>
    </row>
    <row r="49371" spans="1:3" ht="19.2">
      <c r="A49371" s="2"/>
      <c r="B49371" s="2"/>
      <c r="C49371" s="2"/>
    </row>
    <row r="49372" spans="1:3" ht="19.2">
      <c r="A49372" s="2"/>
      <c r="B49372" s="2"/>
      <c r="C49372" s="2"/>
    </row>
    <row r="49373" spans="1:3" ht="19.2">
      <c r="A49373" s="2"/>
      <c r="B49373" s="2"/>
      <c r="C49373" s="2"/>
    </row>
    <row r="49374" spans="1:3" ht="19.2">
      <c r="A49374" s="2"/>
      <c r="B49374" s="2"/>
      <c r="C49374" s="2"/>
    </row>
    <row r="49375" spans="1:3" ht="19.2">
      <c r="A49375" s="2"/>
      <c r="B49375" s="2"/>
      <c r="C49375" s="2"/>
    </row>
    <row r="49376" spans="1:3" ht="19.2">
      <c r="A49376" s="2"/>
      <c r="B49376" s="2"/>
      <c r="C49376" s="2"/>
    </row>
    <row r="49377" spans="1:3" ht="19.2">
      <c r="A49377" s="2"/>
      <c r="B49377" s="2"/>
      <c r="C49377" s="2"/>
    </row>
    <row r="49378" spans="1:3" ht="19.2">
      <c r="A49378" s="2"/>
      <c r="B49378" s="2"/>
      <c r="C49378" s="2"/>
    </row>
    <row r="49379" spans="1:3" ht="19.2">
      <c r="A49379" s="2"/>
      <c r="B49379" s="2"/>
      <c r="C49379" s="2"/>
    </row>
    <row r="49380" spans="1:3" ht="19.2">
      <c r="A49380" s="2"/>
      <c r="B49380" s="2"/>
      <c r="C49380" s="2"/>
    </row>
    <row r="49381" spans="1:3" ht="19.2">
      <c r="A49381" s="2"/>
      <c r="B49381" s="2"/>
      <c r="C49381" s="2"/>
    </row>
    <row r="49382" spans="1:3" ht="19.2">
      <c r="A49382" s="2"/>
      <c r="B49382" s="2"/>
      <c r="C49382" s="2"/>
    </row>
    <row r="49383" spans="1:3" ht="19.2">
      <c r="A49383" s="2"/>
      <c r="B49383" s="2"/>
      <c r="C49383" s="2"/>
    </row>
    <row r="49384" spans="1:3" ht="19.2">
      <c r="A49384" s="2"/>
      <c r="B49384" s="2"/>
      <c r="C49384" s="2"/>
    </row>
    <row r="49385" spans="1:3" ht="19.2">
      <c r="A49385" s="2"/>
      <c r="B49385" s="2"/>
      <c r="C49385" s="2"/>
    </row>
    <row r="49386" spans="1:3" ht="19.2">
      <c r="A49386" s="2"/>
      <c r="B49386" s="2"/>
      <c r="C49386" s="2"/>
    </row>
    <row r="49387" spans="1:3" ht="19.2">
      <c r="A49387" s="2"/>
      <c r="B49387" s="2"/>
      <c r="C49387" s="2"/>
    </row>
    <row r="49388" spans="1:3" ht="19.2">
      <c r="A49388" s="2"/>
      <c r="B49388" s="2"/>
      <c r="C49388" s="2"/>
    </row>
    <row r="49389" spans="1:3" ht="19.2">
      <c r="A49389" s="2"/>
      <c r="B49389" s="2"/>
      <c r="C49389" s="2"/>
    </row>
    <row r="49390" spans="1:3" ht="19.2">
      <c r="A49390" s="2"/>
      <c r="B49390" s="2"/>
      <c r="C49390" s="2"/>
    </row>
    <row r="49391" spans="1:3" ht="19.2">
      <c r="A49391" s="2"/>
      <c r="B49391" s="2"/>
      <c r="C49391" s="2"/>
    </row>
    <row r="49392" spans="1:3" ht="19.2">
      <c r="A49392" s="2"/>
      <c r="B49392" s="2"/>
      <c r="C49392" s="2"/>
    </row>
    <row r="49393" spans="1:3" ht="19.2">
      <c r="A49393" s="2"/>
      <c r="B49393" s="2"/>
      <c r="C49393" s="2"/>
    </row>
    <row r="49394" spans="1:3" ht="19.2">
      <c r="A49394" s="2"/>
      <c r="B49394" s="2"/>
      <c r="C49394" s="2"/>
    </row>
    <row r="49395" spans="1:3" ht="19.2">
      <c r="A49395" s="2"/>
      <c r="B49395" s="2"/>
      <c r="C49395" s="2"/>
    </row>
    <row r="49396" spans="1:3" ht="19.2">
      <c r="A49396" s="2"/>
      <c r="B49396" s="2"/>
      <c r="C49396" s="2"/>
    </row>
    <row r="49397" spans="1:3" ht="19.2">
      <c r="A49397" s="2"/>
      <c r="B49397" s="2"/>
      <c r="C49397" s="2"/>
    </row>
    <row r="49398" spans="1:3" ht="19.2">
      <c r="A49398" s="2"/>
      <c r="B49398" s="2"/>
      <c r="C49398" s="2"/>
    </row>
    <row r="49399" spans="1:3" ht="19.2">
      <c r="A49399" s="2"/>
      <c r="B49399" s="2"/>
      <c r="C49399" s="2"/>
    </row>
    <row r="49400" spans="1:3" ht="19.2">
      <c r="A49400" s="2"/>
      <c r="B49400" s="2"/>
      <c r="C49400" s="2"/>
    </row>
    <row r="49401" spans="1:3" ht="19.2">
      <c r="A49401" s="2"/>
      <c r="B49401" s="2"/>
      <c r="C49401" s="2"/>
    </row>
    <row r="49402" spans="1:3" ht="19.2">
      <c r="A49402" s="2"/>
      <c r="B49402" s="2"/>
      <c r="C49402" s="2"/>
    </row>
    <row r="49403" spans="1:3" ht="19.2">
      <c r="A49403" s="2"/>
      <c r="B49403" s="2"/>
      <c r="C49403" s="2"/>
    </row>
    <row r="49404" spans="1:3" ht="19.2">
      <c r="A49404" s="2"/>
      <c r="B49404" s="2"/>
      <c r="C49404" s="2"/>
    </row>
    <row r="49405" spans="1:3" ht="19.2">
      <c r="A49405" s="2"/>
      <c r="B49405" s="2"/>
      <c r="C49405" s="2"/>
    </row>
    <row r="49406" spans="1:3" ht="19.2">
      <c r="A49406" s="2"/>
      <c r="B49406" s="2"/>
      <c r="C49406" s="2"/>
    </row>
    <row r="49407" spans="1:3" ht="19.2">
      <c r="A49407" s="2"/>
      <c r="B49407" s="2"/>
      <c r="C49407" s="2"/>
    </row>
    <row r="49408" spans="1:3" ht="19.2">
      <c r="A49408" s="2"/>
      <c r="B49408" s="2"/>
      <c r="C49408" s="2"/>
    </row>
    <row r="49409" spans="1:3" ht="19.2">
      <c r="A49409" s="2"/>
      <c r="B49409" s="2"/>
      <c r="C49409" s="2"/>
    </row>
    <row r="49410" spans="1:3" ht="19.2">
      <c r="A49410" s="2"/>
      <c r="B49410" s="2"/>
      <c r="C49410" s="2"/>
    </row>
    <row r="49411" spans="1:3" ht="19.2">
      <c r="A49411" s="2"/>
      <c r="B49411" s="2"/>
      <c r="C49411" s="2"/>
    </row>
    <row r="49412" spans="1:3" ht="19.2">
      <c r="A49412" s="2"/>
      <c r="B49412" s="2"/>
      <c r="C49412" s="2"/>
    </row>
    <row r="49413" spans="1:3" ht="19.2">
      <c r="A49413" s="2"/>
      <c r="B49413" s="2"/>
      <c r="C49413" s="2"/>
    </row>
    <row r="49414" spans="1:3" ht="19.2">
      <c r="A49414" s="2"/>
      <c r="B49414" s="2"/>
      <c r="C49414" s="2"/>
    </row>
    <row r="49415" spans="1:3" ht="19.2">
      <c r="A49415" s="2"/>
      <c r="B49415" s="2"/>
      <c r="C49415" s="2"/>
    </row>
    <row r="49416" spans="1:3" ht="19.2">
      <c r="A49416" s="2"/>
      <c r="B49416" s="2"/>
      <c r="C49416" s="2"/>
    </row>
    <row r="49417" spans="1:3" ht="19.2">
      <c r="A49417" s="2"/>
      <c r="B49417" s="2"/>
      <c r="C49417" s="2"/>
    </row>
    <row r="49418" spans="1:3" ht="19.2">
      <c r="A49418" s="2"/>
      <c r="B49418" s="2"/>
      <c r="C49418" s="2"/>
    </row>
    <row r="49419" spans="1:3" ht="19.2">
      <c r="A49419" s="2"/>
      <c r="B49419" s="2"/>
      <c r="C49419" s="2"/>
    </row>
    <row r="49420" spans="1:3" ht="19.2">
      <c r="A49420" s="2"/>
      <c r="B49420" s="2"/>
      <c r="C49420" s="2"/>
    </row>
    <row r="49421" spans="1:3" ht="19.2">
      <c r="A49421" s="2"/>
      <c r="B49421" s="2"/>
      <c r="C49421" s="2"/>
    </row>
    <row r="49422" spans="1:3" ht="19.2">
      <c r="A49422" s="2"/>
      <c r="B49422" s="2"/>
      <c r="C49422" s="2"/>
    </row>
    <row r="49423" spans="1:3" ht="19.2">
      <c r="A49423" s="2"/>
      <c r="B49423" s="2"/>
      <c r="C49423" s="2"/>
    </row>
    <row r="49424" spans="1:3" ht="19.2">
      <c r="A49424" s="2"/>
      <c r="B49424" s="2"/>
      <c r="C49424" s="2"/>
    </row>
    <row r="49425" spans="1:3" ht="19.2">
      <c r="A49425" s="2"/>
      <c r="B49425" s="2"/>
      <c r="C49425" s="2"/>
    </row>
    <row r="49426" spans="1:3" ht="19.2">
      <c r="A49426" s="2"/>
      <c r="B49426" s="2"/>
      <c r="C49426" s="2"/>
    </row>
    <row r="49427" spans="1:3" ht="19.2">
      <c r="A49427" s="2"/>
      <c r="B49427" s="2"/>
      <c r="C49427" s="2"/>
    </row>
    <row r="49428" spans="1:3" ht="19.2">
      <c r="A49428" s="2"/>
      <c r="B49428" s="2"/>
      <c r="C49428" s="2"/>
    </row>
    <row r="49429" spans="1:3" ht="19.2">
      <c r="A49429" s="2"/>
      <c r="B49429" s="2"/>
      <c r="C49429" s="2"/>
    </row>
    <row r="49430" spans="1:3" ht="19.2">
      <c r="A49430" s="2"/>
      <c r="B49430" s="2"/>
      <c r="C49430" s="2"/>
    </row>
    <row r="49431" spans="1:3" ht="19.2">
      <c r="A49431" s="2"/>
      <c r="B49431" s="2"/>
      <c r="C49431" s="2"/>
    </row>
    <row r="49432" spans="1:3" ht="19.2">
      <c r="A49432" s="2"/>
      <c r="B49432" s="2"/>
      <c r="C49432" s="2"/>
    </row>
    <row r="49433" spans="1:3" ht="19.2">
      <c r="A49433" s="2"/>
      <c r="B49433" s="2"/>
      <c r="C49433" s="2"/>
    </row>
    <row r="49434" spans="1:3" ht="19.2">
      <c r="A49434" s="2"/>
      <c r="B49434" s="2"/>
      <c r="C49434" s="2"/>
    </row>
    <row r="49435" spans="1:3" ht="19.2">
      <c r="A49435" s="2"/>
      <c r="B49435" s="2"/>
      <c r="C49435" s="2"/>
    </row>
    <row r="49436" spans="1:3" ht="19.2">
      <c r="A49436" s="2"/>
      <c r="B49436" s="2"/>
      <c r="C49436" s="2"/>
    </row>
    <row r="49437" spans="1:3" ht="19.2">
      <c r="A49437" s="2"/>
      <c r="B49437" s="2"/>
      <c r="C49437" s="2"/>
    </row>
    <row r="49438" spans="1:3" ht="19.2">
      <c r="A49438" s="2"/>
      <c r="B49438" s="2"/>
      <c r="C49438" s="2"/>
    </row>
    <row r="49439" spans="1:3" ht="19.2">
      <c r="A49439" s="2"/>
      <c r="B49439" s="2"/>
      <c r="C49439" s="2"/>
    </row>
    <row r="49440" spans="1:3" ht="19.2">
      <c r="A49440" s="2"/>
      <c r="B49440" s="2"/>
      <c r="C49440" s="2"/>
    </row>
    <row r="49441" spans="1:3" ht="19.2">
      <c r="A49441" s="2"/>
      <c r="B49441" s="2"/>
      <c r="C49441" s="2"/>
    </row>
    <row r="49442" spans="1:3" ht="19.2">
      <c r="A49442" s="2"/>
      <c r="B49442" s="2"/>
      <c r="C49442" s="2"/>
    </row>
    <row r="49443" spans="1:3" ht="19.2">
      <c r="A49443" s="2"/>
      <c r="B49443" s="2"/>
      <c r="C49443" s="2"/>
    </row>
    <row r="49444" spans="1:3" ht="19.2">
      <c r="A49444" s="2"/>
      <c r="B49444" s="2"/>
      <c r="C49444" s="2"/>
    </row>
    <row r="49445" spans="1:3" ht="19.2">
      <c r="A49445" s="2"/>
      <c r="B49445" s="2"/>
      <c r="C49445" s="2"/>
    </row>
    <row r="49446" spans="1:3" ht="19.2">
      <c r="A49446" s="2"/>
      <c r="B49446" s="2"/>
      <c r="C49446" s="2"/>
    </row>
    <row r="49447" spans="1:3" ht="19.2">
      <c r="A49447" s="2"/>
      <c r="B49447" s="2"/>
      <c r="C49447" s="2"/>
    </row>
    <row r="49448" spans="1:3" ht="19.2">
      <c r="A49448" s="2"/>
      <c r="B49448" s="2"/>
      <c r="C49448" s="2"/>
    </row>
    <row r="49449" spans="1:3" ht="19.2">
      <c r="A49449" s="2"/>
      <c r="B49449" s="2"/>
      <c r="C49449" s="2"/>
    </row>
    <row r="49450" spans="1:3" ht="19.2">
      <c r="A49450" s="2"/>
      <c r="B49450" s="2"/>
      <c r="C49450" s="2"/>
    </row>
    <row r="49451" spans="1:3" ht="19.2">
      <c r="A49451" s="2"/>
      <c r="B49451" s="2"/>
      <c r="C49451" s="2"/>
    </row>
    <row r="49452" spans="1:3" ht="19.2">
      <c r="A49452" s="2"/>
      <c r="B49452" s="2"/>
      <c r="C49452" s="2"/>
    </row>
    <row r="49453" spans="1:3" ht="19.2">
      <c r="A49453" s="2"/>
      <c r="B49453" s="2"/>
      <c r="C49453" s="2"/>
    </row>
    <row r="49454" spans="1:3" ht="19.2">
      <c r="A49454" s="2"/>
      <c r="B49454" s="2"/>
      <c r="C49454" s="2"/>
    </row>
    <row r="49455" spans="1:3" ht="19.2">
      <c r="A49455" s="2"/>
      <c r="B49455" s="2"/>
      <c r="C49455" s="2"/>
    </row>
    <row r="49456" spans="1:3" ht="19.2">
      <c r="A49456" s="2"/>
      <c r="B49456" s="2"/>
      <c r="C49456" s="2"/>
    </row>
    <row r="49457" spans="1:3" ht="19.2">
      <c r="A49457" s="2"/>
      <c r="B49457" s="2"/>
      <c r="C49457" s="2"/>
    </row>
    <row r="49458" spans="1:3" ht="19.2">
      <c r="A49458" s="2"/>
      <c r="B49458" s="2"/>
      <c r="C49458" s="2"/>
    </row>
    <row r="49459" spans="1:3" ht="19.2">
      <c r="A49459" s="2"/>
      <c r="B49459" s="2"/>
      <c r="C49459" s="2"/>
    </row>
    <row r="49460" spans="1:3" ht="19.2">
      <c r="A49460" s="2"/>
      <c r="B49460" s="2"/>
      <c r="C49460" s="2"/>
    </row>
    <row r="49461" spans="1:3" ht="19.2">
      <c r="A49461" s="2"/>
      <c r="B49461" s="2"/>
      <c r="C49461" s="2"/>
    </row>
    <row r="49462" spans="1:3" ht="19.2">
      <c r="A49462" s="2"/>
      <c r="B49462" s="2"/>
      <c r="C49462" s="2"/>
    </row>
    <row r="49463" spans="1:3" ht="19.2">
      <c r="A49463" s="2"/>
      <c r="B49463" s="2"/>
      <c r="C49463" s="2"/>
    </row>
    <row r="49464" spans="1:3" ht="19.2">
      <c r="A49464" s="2"/>
      <c r="B49464" s="2"/>
      <c r="C49464" s="2"/>
    </row>
    <row r="49465" spans="1:3" ht="19.2">
      <c r="A49465" s="2"/>
      <c r="B49465" s="2"/>
      <c r="C49465" s="2"/>
    </row>
    <row r="49466" spans="1:3" ht="19.2">
      <c r="A49466" s="2"/>
      <c r="B49466" s="2"/>
      <c r="C49466" s="2"/>
    </row>
    <row r="49467" spans="1:3" ht="19.2">
      <c r="A49467" s="2"/>
      <c r="B49467" s="2"/>
      <c r="C49467" s="2"/>
    </row>
    <row r="49468" spans="1:3" ht="19.2">
      <c r="A49468" s="2"/>
      <c r="B49468" s="2"/>
      <c r="C49468" s="2"/>
    </row>
    <row r="49469" spans="1:3" ht="19.2">
      <c r="A49469" s="2"/>
      <c r="B49469" s="2"/>
      <c r="C49469" s="2"/>
    </row>
    <row r="49470" spans="1:3" ht="19.2">
      <c r="A49470" s="2"/>
      <c r="B49470" s="2"/>
      <c r="C49470" s="2"/>
    </row>
    <row r="49471" spans="1:3" ht="19.2">
      <c r="A49471" s="2"/>
      <c r="B49471" s="2"/>
      <c r="C49471" s="2"/>
    </row>
    <row r="49472" spans="1:3" ht="19.2">
      <c r="A49472" s="2"/>
      <c r="B49472" s="2"/>
      <c r="C49472" s="2"/>
    </row>
    <row r="49473" spans="1:3" ht="19.2">
      <c r="A49473" s="2"/>
      <c r="B49473" s="2"/>
      <c r="C49473" s="2"/>
    </row>
    <row r="49474" spans="1:3" ht="19.2">
      <c r="A49474" s="2"/>
      <c r="B49474" s="2"/>
      <c r="C49474" s="2"/>
    </row>
    <row r="49475" spans="1:3" ht="19.2">
      <c r="A49475" s="2"/>
      <c r="B49475" s="2"/>
      <c r="C49475" s="2"/>
    </row>
    <row r="49476" spans="1:3" ht="19.2">
      <c r="A49476" s="2"/>
      <c r="B49476" s="2"/>
      <c r="C49476" s="2"/>
    </row>
    <row r="49477" spans="1:3" ht="19.2">
      <c r="A49477" s="2"/>
      <c r="B49477" s="2"/>
      <c r="C49477" s="2"/>
    </row>
    <row r="49478" spans="1:3" ht="19.2">
      <c r="A49478" s="2"/>
      <c r="B49478" s="2"/>
      <c r="C49478" s="2"/>
    </row>
    <row r="49479" spans="1:3" ht="19.2">
      <c r="A49479" s="2"/>
      <c r="B49479" s="2"/>
      <c r="C49479" s="2"/>
    </row>
    <row r="49480" spans="1:3" ht="19.2">
      <c r="A49480" s="2"/>
      <c r="B49480" s="2"/>
      <c r="C49480" s="2"/>
    </row>
    <row r="49481" spans="1:3" ht="19.2">
      <c r="A49481" s="2"/>
      <c r="B49481" s="2"/>
      <c r="C49481" s="2"/>
    </row>
    <row r="49482" spans="1:3" ht="19.2">
      <c r="A49482" s="2"/>
      <c r="B49482" s="2"/>
      <c r="C49482" s="2"/>
    </row>
    <row r="49483" spans="1:3" ht="19.2">
      <c r="A49483" s="2"/>
      <c r="B49483" s="2"/>
      <c r="C49483" s="2"/>
    </row>
    <row r="49484" spans="1:3" ht="19.2">
      <c r="A49484" s="2"/>
      <c r="B49484" s="2"/>
      <c r="C49484" s="2"/>
    </row>
    <row r="49485" spans="1:3" ht="19.2">
      <c r="A49485" s="2"/>
      <c r="B49485" s="2"/>
      <c r="C49485" s="2"/>
    </row>
    <row r="49486" spans="1:3" ht="19.2">
      <c r="A49486" s="2"/>
      <c r="B49486" s="2"/>
      <c r="C49486" s="2"/>
    </row>
    <row r="49487" spans="1:3" ht="19.2">
      <c r="A49487" s="2"/>
      <c r="B49487" s="2"/>
      <c r="C49487" s="2"/>
    </row>
    <row r="49488" spans="1:3" ht="19.2">
      <c r="A49488" s="2"/>
      <c r="B49488" s="2"/>
      <c r="C49488" s="2"/>
    </row>
    <row r="49489" spans="1:3" ht="19.2">
      <c r="A49489" s="2"/>
      <c r="B49489" s="2"/>
      <c r="C49489" s="2"/>
    </row>
    <row r="49490" spans="1:3" ht="19.2">
      <c r="A49490" s="2"/>
      <c r="B49490" s="2"/>
      <c r="C49490" s="2"/>
    </row>
    <row r="49491" spans="1:3" ht="19.2">
      <c r="A49491" s="2"/>
      <c r="B49491" s="2"/>
      <c r="C49491" s="2"/>
    </row>
    <row r="49492" spans="1:3" ht="19.2">
      <c r="A49492" s="2"/>
      <c r="B49492" s="2"/>
      <c r="C49492" s="2"/>
    </row>
    <row r="49493" spans="1:3" ht="19.2">
      <c r="A49493" s="2"/>
      <c r="B49493" s="2"/>
      <c r="C49493" s="2"/>
    </row>
    <row r="49494" spans="1:3" ht="19.2">
      <c r="A49494" s="2"/>
      <c r="B49494" s="2"/>
      <c r="C49494" s="2"/>
    </row>
    <row r="49495" spans="1:3" ht="19.2">
      <c r="A49495" s="2"/>
      <c r="B49495" s="2"/>
      <c r="C49495" s="2"/>
    </row>
    <row r="49496" spans="1:3" ht="19.2">
      <c r="A49496" s="2"/>
      <c r="B49496" s="2"/>
      <c r="C49496" s="2"/>
    </row>
    <row r="49497" spans="1:3" ht="19.2">
      <c r="A49497" s="2"/>
      <c r="B49497" s="2"/>
      <c r="C49497" s="2"/>
    </row>
    <row r="49498" spans="1:3" ht="19.2">
      <c r="A49498" s="2"/>
      <c r="B49498" s="2"/>
      <c r="C49498" s="2"/>
    </row>
    <row r="49499" spans="1:3" ht="19.2">
      <c r="A49499" s="2"/>
      <c r="B49499" s="2"/>
      <c r="C49499" s="2"/>
    </row>
    <row r="49500" spans="1:3" ht="19.2">
      <c r="A49500" s="2"/>
      <c r="B49500" s="2"/>
      <c r="C49500" s="2"/>
    </row>
    <row r="49501" spans="1:3" ht="19.2">
      <c r="A49501" s="2"/>
      <c r="B49501" s="2"/>
      <c r="C49501" s="2"/>
    </row>
    <row r="49502" spans="1:3" ht="19.2">
      <c r="A49502" s="2"/>
      <c r="B49502" s="2"/>
      <c r="C49502" s="2"/>
    </row>
    <row r="49503" spans="1:3" ht="19.2">
      <c r="A49503" s="2"/>
      <c r="B49503" s="2"/>
      <c r="C49503" s="2"/>
    </row>
    <row r="49504" spans="1:3" ht="19.2">
      <c r="A49504" s="2"/>
      <c r="B49504" s="2"/>
      <c r="C49504" s="2"/>
    </row>
    <row r="49505" spans="1:3" ht="19.2">
      <c r="A49505" s="2"/>
      <c r="B49505" s="2"/>
      <c r="C49505" s="2"/>
    </row>
    <row r="49506" spans="1:3" ht="19.2">
      <c r="A49506" s="2"/>
      <c r="B49506" s="2"/>
      <c r="C49506" s="2"/>
    </row>
    <row r="49507" spans="1:3" ht="19.2">
      <c r="A49507" s="2"/>
      <c r="B49507" s="2"/>
      <c r="C49507" s="2"/>
    </row>
    <row r="49508" spans="1:3" ht="19.2">
      <c r="A49508" s="2"/>
      <c r="B49508" s="2"/>
      <c r="C49508" s="2"/>
    </row>
    <row r="49509" spans="1:3" ht="19.2">
      <c r="A49509" s="2"/>
      <c r="B49509" s="2"/>
      <c r="C49509" s="2"/>
    </row>
    <row r="49510" spans="1:3" ht="19.2">
      <c r="A49510" s="2"/>
      <c r="B49510" s="2"/>
      <c r="C49510" s="2"/>
    </row>
    <row r="49511" spans="1:3" ht="19.2">
      <c r="A49511" s="2"/>
      <c r="B49511" s="2"/>
      <c r="C49511" s="2"/>
    </row>
    <row r="49512" spans="1:3" ht="19.2">
      <c r="A49512" s="2"/>
      <c r="B49512" s="2"/>
      <c r="C49512" s="2"/>
    </row>
    <row r="49513" spans="1:3" ht="19.2">
      <c r="A49513" s="2"/>
      <c r="B49513" s="2"/>
      <c r="C49513" s="2"/>
    </row>
    <row r="49514" spans="1:3" ht="19.2">
      <c r="A49514" s="2"/>
      <c r="B49514" s="2"/>
      <c r="C49514" s="2"/>
    </row>
    <row r="49515" spans="1:3" ht="19.2">
      <c r="A49515" s="2"/>
      <c r="B49515" s="2"/>
      <c r="C49515" s="2"/>
    </row>
    <row r="49516" spans="1:3" ht="19.2">
      <c r="A49516" s="2"/>
      <c r="B49516" s="2"/>
      <c r="C49516" s="2"/>
    </row>
    <row r="49517" spans="1:3" ht="19.2">
      <c r="A49517" s="2"/>
      <c r="B49517" s="2"/>
      <c r="C49517" s="2"/>
    </row>
    <row r="49518" spans="1:3" ht="19.2">
      <c r="A49518" s="2"/>
      <c r="B49518" s="2"/>
      <c r="C49518" s="2"/>
    </row>
    <row r="49519" spans="1:3" ht="19.2">
      <c r="A49519" s="2"/>
      <c r="B49519" s="2"/>
      <c r="C49519" s="2"/>
    </row>
    <row r="49520" spans="1:3" ht="19.2">
      <c r="A49520" s="2"/>
      <c r="B49520" s="2"/>
      <c r="C49520" s="2"/>
    </row>
    <row r="49521" spans="1:3" ht="19.2">
      <c r="A49521" s="2"/>
      <c r="B49521" s="2"/>
      <c r="C49521" s="2"/>
    </row>
    <row r="49522" spans="1:3" ht="19.2">
      <c r="A49522" s="2"/>
      <c r="B49522" s="2"/>
      <c r="C49522" s="2"/>
    </row>
    <row r="49523" spans="1:3" ht="19.2">
      <c r="A49523" s="2"/>
      <c r="B49523" s="2"/>
      <c r="C49523" s="2"/>
    </row>
    <row r="49524" spans="1:3" ht="19.2">
      <c r="A49524" s="2"/>
      <c r="B49524" s="2"/>
      <c r="C49524" s="2"/>
    </row>
    <row r="49525" spans="1:3" ht="19.2">
      <c r="A49525" s="2"/>
      <c r="B49525" s="2"/>
      <c r="C49525" s="2"/>
    </row>
    <row r="49526" spans="1:3" ht="19.2">
      <c r="A49526" s="2"/>
      <c r="B49526" s="2"/>
      <c r="C49526" s="2"/>
    </row>
    <row r="49527" spans="1:3" ht="19.2">
      <c r="A49527" s="2"/>
      <c r="B49527" s="2"/>
      <c r="C49527" s="2"/>
    </row>
    <row r="49528" spans="1:3" ht="19.2">
      <c r="A49528" s="2"/>
      <c r="B49528" s="2"/>
      <c r="C49528" s="2"/>
    </row>
    <row r="49529" spans="1:3" ht="19.2">
      <c r="A49529" s="2"/>
      <c r="B49529" s="2"/>
      <c r="C49529" s="2"/>
    </row>
    <row r="49530" spans="1:3" ht="19.2">
      <c r="A49530" s="2"/>
      <c r="B49530" s="2"/>
      <c r="C49530" s="2"/>
    </row>
    <row r="49531" spans="1:3" ht="19.2">
      <c r="A49531" s="2"/>
      <c r="B49531" s="2"/>
      <c r="C49531" s="2"/>
    </row>
    <row r="49532" spans="1:3" ht="19.2">
      <c r="A49532" s="2"/>
      <c r="B49532" s="2"/>
      <c r="C49532" s="2"/>
    </row>
    <row r="49533" spans="1:3" ht="19.2">
      <c r="A49533" s="2"/>
      <c r="B49533" s="2"/>
      <c r="C49533" s="2"/>
    </row>
    <row r="49534" spans="1:3" ht="19.2">
      <c r="A49534" s="2"/>
      <c r="B49534" s="2"/>
      <c r="C49534" s="2"/>
    </row>
    <row r="49535" spans="1:3" ht="19.2">
      <c r="A49535" s="2"/>
      <c r="B49535" s="2"/>
      <c r="C49535" s="2"/>
    </row>
    <row r="49536" spans="1:3" ht="19.2">
      <c r="A49536" s="2"/>
      <c r="B49536" s="2"/>
      <c r="C49536" s="2"/>
    </row>
    <row r="49537" spans="1:3" ht="19.2">
      <c r="A49537" s="2"/>
      <c r="B49537" s="2"/>
      <c r="C49537" s="2"/>
    </row>
    <row r="49538" spans="1:3" ht="19.2">
      <c r="A49538" s="2"/>
      <c r="B49538" s="2"/>
      <c r="C49538" s="2"/>
    </row>
    <row r="49539" spans="1:3" ht="19.2">
      <c r="A49539" s="2"/>
      <c r="B49539" s="2"/>
      <c r="C49539" s="2"/>
    </row>
    <row r="49540" spans="1:3" ht="19.2">
      <c r="A49540" s="2"/>
      <c r="B49540" s="2"/>
      <c r="C49540" s="2"/>
    </row>
    <row r="49541" spans="1:3" ht="19.2">
      <c r="A49541" s="2"/>
      <c r="B49541" s="2"/>
      <c r="C49541" s="2"/>
    </row>
    <row r="49542" spans="1:3" ht="19.2">
      <c r="A49542" s="2"/>
      <c r="B49542" s="2"/>
      <c r="C49542" s="2"/>
    </row>
    <row r="49543" spans="1:3" ht="19.2">
      <c r="A49543" s="2"/>
      <c r="B49543" s="2"/>
      <c r="C49543" s="2"/>
    </row>
    <row r="49544" spans="1:3" ht="19.2">
      <c r="A49544" s="2"/>
      <c r="B49544" s="2"/>
      <c r="C49544" s="2"/>
    </row>
    <row r="49545" spans="1:3" ht="19.2">
      <c r="A49545" s="2"/>
      <c r="B49545" s="2"/>
      <c r="C49545" s="2"/>
    </row>
    <row r="49546" spans="1:3" ht="19.2">
      <c r="A49546" s="2"/>
      <c r="B49546" s="2"/>
      <c r="C49546" s="2"/>
    </row>
    <row r="49547" spans="1:3" ht="19.2">
      <c r="A49547" s="2"/>
      <c r="B49547" s="2"/>
      <c r="C49547" s="2"/>
    </row>
    <row r="49548" spans="1:3" ht="19.2">
      <c r="A49548" s="2"/>
      <c r="B49548" s="2"/>
      <c r="C49548" s="2"/>
    </row>
    <row r="49549" spans="1:3" ht="19.2">
      <c r="A49549" s="2"/>
      <c r="B49549" s="2"/>
      <c r="C49549" s="2"/>
    </row>
    <row r="49550" spans="1:3" ht="19.2">
      <c r="A49550" s="2"/>
      <c r="B49550" s="2"/>
      <c r="C49550" s="2"/>
    </row>
    <row r="49551" spans="1:3" ht="19.2">
      <c r="A49551" s="2"/>
      <c r="B49551" s="2"/>
      <c r="C49551" s="2"/>
    </row>
    <row r="49552" spans="1:3" ht="19.2">
      <c r="A49552" s="2"/>
      <c r="B49552" s="2"/>
      <c r="C49552" s="2"/>
    </row>
    <row r="49553" spans="1:3" ht="19.2">
      <c r="A49553" s="2"/>
      <c r="B49553" s="2"/>
      <c r="C49553" s="2"/>
    </row>
    <row r="49554" spans="1:3" ht="19.2">
      <c r="A49554" s="2"/>
      <c r="B49554" s="2"/>
      <c r="C49554" s="2"/>
    </row>
    <row r="49555" spans="1:3" ht="19.2">
      <c r="A49555" s="2"/>
      <c r="B49555" s="2"/>
      <c r="C49555" s="2"/>
    </row>
    <row r="49556" spans="1:3" ht="19.2">
      <c r="A49556" s="2"/>
      <c r="B49556" s="2"/>
      <c r="C49556" s="2"/>
    </row>
    <row r="49557" spans="1:3" ht="19.2">
      <c r="A49557" s="2"/>
      <c r="B49557" s="2"/>
      <c r="C49557" s="2"/>
    </row>
    <row r="49558" spans="1:3" ht="19.2">
      <c r="A49558" s="2"/>
      <c r="B49558" s="2"/>
      <c r="C49558" s="2"/>
    </row>
    <row r="49559" spans="1:3" ht="19.2">
      <c r="A49559" s="2"/>
      <c r="B49559" s="2"/>
      <c r="C49559" s="2"/>
    </row>
    <row r="49560" spans="1:3" ht="19.2">
      <c r="A49560" s="2"/>
      <c r="B49560" s="2"/>
      <c r="C49560" s="2"/>
    </row>
    <row r="49561" spans="1:3" ht="19.2">
      <c r="A49561" s="2"/>
      <c r="B49561" s="2"/>
      <c r="C49561" s="2"/>
    </row>
    <row r="49562" spans="1:3" ht="19.2">
      <c r="A49562" s="2"/>
      <c r="B49562" s="2"/>
      <c r="C49562" s="2"/>
    </row>
    <row r="49563" spans="1:3" ht="19.2">
      <c r="A49563" s="2"/>
      <c r="B49563" s="2"/>
      <c r="C49563" s="2"/>
    </row>
    <row r="49564" spans="1:3" ht="19.2">
      <c r="A49564" s="2"/>
      <c r="B49564" s="2"/>
      <c r="C49564" s="2"/>
    </row>
    <row r="49565" spans="1:3" ht="19.2">
      <c r="A49565" s="2"/>
      <c r="B49565" s="2"/>
      <c r="C49565" s="2"/>
    </row>
    <row r="49566" spans="1:3" ht="19.2">
      <c r="A49566" s="2"/>
      <c r="B49566" s="2"/>
      <c r="C49566" s="2"/>
    </row>
    <row r="49567" spans="1:3" ht="19.2">
      <c r="A49567" s="2"/>
      <c r="B49567" s="2"/>
      <c r="C49567" s="2"/>
    </row>
    <row r="49568" spans="1:3" ht="19.2">
      <c r="A49568" s="2"/>
      <c r="B49568" s="2"/>
      <c r="C49568" s="2"/>
    </row>
    <row r="49569" spans="1:3" ht="19.2">
      <c r="A49569" s="2"/>
      <c r="B49569" s="2"/>
      <c r="C49569" s="2"/>
    </row>
    <row r="49570" spans="1:3" ht="19.2">
      <c r="A49570" s="2"/>
      <c r="B49570" s="2"/>
      <c r="C49570" s="2"/>
    </row>
    <row r="49571" spans="1:3" ht="19.2">
      <c r="A49571" s="2"/>
      <c r="B49571" s="2"/>
      <c r="C49571" s="2"/>
    </row>
    <row r="49572" spans="1:3" ht="19.2">
      <c r="A49572" s="2"/>
      <c r="B49572" s="2"/>
      <c r="C49572" s="2"/>
    </row>
    <row r="49573" spans="1:3" ht="19.2">
      <c r="A49573" s="2"/>
      <c r="B49573" s="2"/>
      <c r="C49573" s="2"/>
    </row>
    <row r="49574" spans="1:3" ht="19.2">
      <c r="A49574" s="2"/>
      <c r="B49574" s="2"/>
      <c r="C49574" s="2"/>
    </row>
    <row r="49575" spans="1:3" ht="19.2">
      <c r="A49575" s="2"/>
      <c r="B49575" s="2"/>
      <c r="C49575" s="2"/>
    </row>
    <row r="49576" spans="1:3" ht="19.2">
      <c r="A49576" s="2"/>
      <c r="B49576" s="2"/>
      <c r="C49576" s="2"/>
    </row>
    <row r="49577" spans="1:3" ht="19.2">
      <c r="A49577" s="2"/>
      <c r="B49577" s="2"/>
      <c r="C49577" s="2"/>
    </row>
    <row r="49578" spans="1:3" ht="19.2">
      <c r="A49578" s="2"/>
      <c r="B49578" s="2"/>
      <c r="C49578" s="2"/>
    </row>
    <row r="49579" spans="1:3" ht="19.2">
      <c r="A49579" s="2"/>
      <c r="B49579" s="2"/>
      <c r="C49579" s="2"/>
    </row>
    <row r="49580" spans="1:3" ht="19.2">
      <c r="A49580" s="2"/>
      <c r="B49580" s="2"/>
      <c r="C49580" s="2"/>
    </row>
    <row r="49581" spans="1:3" ht="19.2">
      <c r="A49581" s="2"/>
      <c r="B49581" s="2"/>
      <c r="C49581" s="2"/>
    </row>
    <row r="49582" spans="1:3" ht="19.2">
      <c r="A49582" s="2"/>
      <c r="B49582" s="2"/>
      <c r="C49582" s="2"/>
    </row>
    <row r="49583" spans="1:3" ht="19.2">
      <c r="A49583" s="2"/>
      <c r="B49583" s="2"/>
      <c r="C49583" s="2"/>
    </row>
    <row r="49584" spans="1:3" ht="19.2">
      <c r="A49584" s="2"/>
      <c r="B49584" s="2"/>
      <c r="C49584" s="2"/>
    </row>
    <row r="49585" spans="1:3" ht="19.2">
      <c r="A49585" s="2"/>
      <c r="B49585" s="2"/>
      <c r="C49585" s="2"/>
    </row>
    <row r="49586" spans="1:3" ht="19.2">
      <c r="A49586" s="2"/>
      <c r="B49586" s="2"/>
      <c r="C49586" s="2"/>
    </row>
    <row r="49587" spans="1:3" ht="19.2">
      <c r="A49587" s="2"/>
      <c r="B49587" s="2"/>
      <c r="C49587" s="2"/>
    </row>
    <row r="49588" spans="1:3" ht="19.2">
      <c r="A49588" s="2"/>
      <c r="B49588" s="2"/>
      <c r="C49588" s="2"/>
    </row>
    <row r="49589" spans="1:3" ht="19.2">
      <c r="A49589" s="2"/>
      <c r="B49589" s="2"/>
      <c r="C49589" s="2"/>
    </row>
    <row r="49590" spans="1:3" ht="19.2">
      <c r="A49590" s="2"/>
      <c r="B49590" s="2"/>
      <c r="C49590" s="2"/>
    </row>
    <row r="49591" spans="1:3" ht="19.2">
      <c r="A49591" s="2"/>
      <c r="B49591" s="2"/>
      <c r="C49591" s="2"/>
    </row>
    <row r="49592" spans="1:3" ht="19.2">
      <c r="A49592" s="2"/>
      <c r="B49592" s="2"/>
      <c r="C49592" s="2"/>
    </row>
    <row r="49593" spans="1:3" ht="19.2">
      <c r="A49593" s="2"/>
      <c r="B49593" s="2"/>
      <c r="C49593" s="2"/>
    </row>
    <row r="49594" spans="1:3" ht="19.2">
      <c r="A49594" s="2"/>
      <c r="B49594" s="2"/>
      <c r="C49594" s="2"/>
    </row>
    <row r="49595" spans="1:3" ht="19.2">
      <c r="A49595" s="2"/>
      <c r="B49595" s="2"/>
      <c r="C49595" s="2"/>
    </row>
    <row r="49596" spans="1:3" ht="19.2">
      <c r="A49596" s="2"/>
      <c r="B49596" s="2"/>
      <c r="C49596" s="2"/>
    </row>
    <row r="49597" spans="1:3" ht="19.2">
      <c r="A49597" s="2"/>
      <c r="B49597" s="2"/>
      <c r="C49597" s="2"/>
    </row>
    <row r="49598" spans="1:3" ht="19.2">
      <c r="A49598" s="2"/>
      <c r="B49598" s="2"/>
      <c r="C49598" s="2"/>
    </row>
    <row r="49599" spans="1:3" ht="19.2">
      <c r="A49599" s="2"/>
      <c r="B49599" s="2"/>
      <c r="C49599" s="2"/>
    </row>
    <row r="49600" spans="1:3" ht="19.2">
      <c r="A49600" s="2"/>
      <c r="B49600" s="2"/>
      <c r="C49600" s="2"/>
    </row>
    <row r="49601" spans="1:3" ht="19.2">
      <c r="A49601" s="2"/>
      <c r="B49601" s="2"/>
      <c r="C49601" s="2"/>
    </row>
    <row r="49602" spans="1:3" ht="19.2">
      <c r="A49602" s="2"/>
      <c r="B49602" s="2"/>
      <c r="C49602" s="2"/>
    </row>
    <row r="49603" spans="1:3" ht="19.2">
      <c r="A49603" s="2"/>
      <c r="B49603" s="2"/>
      <c r="C49603" s="2"/>
    </row>
    <row r="49604" spans="1:3" ht="19.2">
      <c r="A49604" s="2"/>
      <c r="B49604" s="2"/>
      <c r="C49604" s="2"/>
    </row>
    <row r="49605" spans="1:3" ht="19.2">
      <c r="A49605" s="2"/>
      <c r="B49605" s="2"/>
      <c r="C49605" s="2"/>
    </row>
    <row r="49606" spans="1:3" ht="19.2">
      <c r="A49606" s="2"/>
      <c r="B49606" s="2"/>
      <c r="C49606" s="2"/>
    </row>
    <row r="49607" spans="1:3" ht="19.2">
      <c r="A49607" s="2"/>
      <c r="B49607" s="2"/>
      <c r="C49607" s="2"/>
    </row>
    <row r="49608" spans="1:3" ht="19.2">
      <c r="A49608" s="2"/>
      <c r="B49608" s="2"/>
      <c r="C49608" s="2"/>
    </row>
    <row r="49609" spans="1:3" ht="19.2">
      <c r="A49609" s="2"/>
      <c r="B49609" s="2"/>
      <c r="C49609" s="2"/>
    </row>
    <row r="49610" spans="1:3" ht="19.2">
      <c r="A49610" s="2"/>
      <c r="B49610" s="2"/>
      <c r="C49610" s="2"/>
    </row>
    <row r="49611" spans="1:3" ht="19.2">
      <c r="A49611" s="2"/>
      <c r="B49611" s="2"/>
      <c r="C49611" s="2"/>
    </row>
    <row r="49612" spans="1:3" ht="19.2">
      <c r="A49612" s="2"/>
      <c r="B49612" s="2"/>
      <c r="C49612" s="2"/>
    </row>
    <row r="49613" spans="1:3" ht="19.2">
      <c r="A49613" s="2"/>
      <c r="B49613" s="2"/>
      <c r="C49613" s="2"/>
    </row>
    <row r="49614" spans="1:3" ht="19.2">
      <c r="A49614" s="2"/>
      <c r="B49614" s="2"/>
      <c r="C49614" s="2"/>
    </row>
    <row r="49615" spans="1:3" ht="19.2">
      <c r="A49615" s="2"/>
      <c r="B49615" s="2"/>
      <c r="C49615" s="2"/>
    </row>
    <row r="49616" spans="1:3" ht="19.2">
      <c r="A49616" s="2"/>
      <c r="B49616" s="2"/>
      <c r="C49616" s="2"/>
    </row>
    <row r="49617" spans="1:3" ht="19.2">
      <c r="A49617" s="2"/>
      <c r="B49617" s="2"/>
      <c r="C49617" s="2"/>
    </row>
    <row r="49618" spans="1:3" ht="19.2">
      <c r="A49618" s="2"/>
      <c r="B49618" s="2"/>
      <c r="C49618" s="2"/>
    </row>
    <row r="49619" spans="1:3" ht="19.2">
      <c r="A49619" s="2"/>
      <c r="B49619" s="2"/>
      <c r="C49619" s="2"/>
    </row>
    <row r="49620" spans="1:3" ht="19.2">
      <c r="A49620" s="2"/>
      <c r="B49620" s="2"/>
      <c r="C49620" s="2"/>
    </row>
    <row r="49621" spans="1:3" ht="19.2">
      <c r="A49621" s="2"/>
      <c r="B49621" s="2"/>
      <c r="C49621" s="2"/>
    </row>
    <row r="49622" spans="1:3" ht="19.2">
      <c r="A49622" s="2"/>
      <c r="B49622" s="2"/>
      <c r="C49622" s="2"/>
    </row>
    <row r="49623" spans="1:3" ht="19.2">
      <c r="A49623" s="2"/>
      <c r="B49623" s="2"/>
      <c r="C49623" s="2"/>
    </row>
    <row r="49624" spans="1:3" ht="19.2">
      <c r="A49624" s="2"/>
      <c r="B49624" s="2"/>
      <c r="C49624" s="2"/>
    </row>
    <row r="49625" spans="1:3" ht="19.2">
      <c r="A49625" s="2"/>
      <c r="B49625" s="2"/>
      <c r="C49625" s="2"/>
    </row>
    <row r="49626" spans="1:3" ht="19.2">
      <c r="A49626" s="2"/>
      <c r="B49626" s="2"/>
      <c r="C49626" s="2"/>
    </row>
    <row r="49627" spans="1:3" ht="19.2">
      <c r="A49627" s="2"/>
      <c r="B49627" s="2"/>
      <c r="C49627" s="2"/>
    </row>
    <row r="49628" spans="1:3" ht="19.2">
      <c r="A49628" s="2"/>
      <c r="B49628" s="2"/>
      <c r="C49628" s="2"/>
    </row>
    <row r="49629" spans="1:3" ht="19.2">
      <c r="A49629" s="2"/>
      <c r="B49629" s="2"/>
      <c r="C49629" s="2"/>
    </row>
    <row r="49630" spans="1:3" ht="19.2">
      <c r="A49630" s="2"/>
      <c r="B49630" s="2"/>
      <c r="C49630" s="2"/>
    </row>
    <row r="49631" spans="1:3" ht="19.2">
      <c r="A49631" s="2"/>
      <c r="B49631" s="2"/>
      <c r="C49631" s="2"/>
    </row>
    <row r="49632" spans="1:3" ht="19.2">
      <c r="A49632" s="2"/>
      <c r="B49632" s="2"/>
      <c r="C49632" s="2"/>
    </row>
    <row r="49633" spans="1:3" ht="19.2">
      <c r="A49633" s="2"/>
      <c r="B49633" s="2"/>
      <c r="C49633" s="2"/>
    </row>
    <row r="49634" spans="1:3" ht="19.2">
      <c r="A49634" s="2"/>
      <c r="B49634" s="2"/>
      <c r="C49634" s="2"/>
    </row>
    <row r="49635" spans="1:3" ht="19.2">
      <c r="A49635" s="2"/>
      <c r="B49635" s="2"/>
      <c r="C49635" s="2"/>
    </row>
    <row r="49636" spans="1:3" ht="19.2">
      <c r="A49636" s="2"/>
      <c r="B49636" s="2"/>
      <c r="C49636" s="2"/>
    </row>
    <row r="49637" spans="1:3" ht="19.2">
      <c r="A49637" s="2"/>
      <c r="B49637" s="2"/>
      <c r="C49637" s="2"/>
    </row>
    <row r="49638" spans="1:3" ht="19.2">
      <c r="A49638" s="2"/>
      <c r="B49638" s="2"/>
      <c r="C49638" s="2"/>
    </row>
    <row r="49639" spans="1:3" ht="19.2">
      <c r="A49639" s="2"/>
      <c r="B49639" s="2"/>
      <c r="C49639" s="2"/>
    </row>
    <row r="49640" spans="1:3" ht="19.2">
      <c r="A49640" s="2"/>
      <c r="B49640" s="2"/>
      <c r="C49640" s="2"/>
    </row>
    <row r="49641" spans="1:3" ht="19.2">
      <c r="A49641" s="2"/>
      <c r="B49641" s="2"/>
      <c r="C49641" s="2"/>
    </row>
    <row r="49642" spans="1:3" ht="19.2">
      <c r="A49642" s="2"/>
      <c r="B49642" s="2"/>
      <c r="C49642" s="2"/>
    </row>
    <row r="49643" spans="1:3" ht="19.2">
      <c r="A49643" s="2"/>
      <c r="B49643" s="2"/>
      <c r="C49643" s="2"/>
    </row>
    <row r="49644" spans="1:3" ht="19.2">
      <c r="A49644" s="2"/>
      <c r="B49644" s="2"/>
      <c r="C49644" s="2"/>
    </row>
    <row r="49645" spans="1:3" ht="19.2">
      <c r="A49645" s="2"/>
      <c r="B49645" s="2"/>
      <c r="C49645" s="2"/>
    </row>
    <row r="49646" spans="1:3" ht="19.2">
      <c r="A49646" s="2"/>
      <c r="B49646" s="2"/>
      <c r="C49646" s="2"/>
    </row>
    <row r="49647" spans="1:3" ht="19.2">
      <c r="A49647" s="2"/>
      <c r="B49647" s="2"/>
      <c r="C49647" s="2"/>
    </row>
    <row r="49648" spans="1:3" ht="19.2">
      <c r="A49648" s="2"/>
      <c r="B49648" s="2"/>
      <c r="C49648" s="2"/>
    </row>
    <row r="49649" spans="1:3" ht="19.2">
      <c r="A49649" s="2"/>
      <c r="B49649" s="2"/>
      <c r="C49649" s="2"/>
    </row>
    <row r="49650" spans="1:3" ht="19.2">
      <c r="A49650" s="2"/>
      <c r="B49650" s="2"/>
      <c r="C49650" s="2"/>
    </row>
    <row r="49651" spans="1:3" ht="19.2">
      <c r="A49651" s="2"/>
      <c r="B49651" s="2"/>
      <c r="C49651" s="2"/>
    </row>
    <row r="49652" spans="1:3" ht="19.2">
      <c r="A49652" s="2"/>
      <c r="B49652" s="2"/>
      <c r="C49652" s="2"/>
    </row>
    <row r="49653" spans="1:3" ht="19.2">
      <c r="A49653" s="2"/>
      <c r="B49653" s="2"/>
      <c r="C49653" s="2"/>
    </row>
    <row r="49654" spans="1:3" ht="19.2">
      <c r="A49654" s="2"/>
      <c r="B49654" s="2"/>
      <c r="C49654" s="2"/>
    </row>
    <row r="49655" spans="1:3" ht="19.2">
      <c r="A49655" s="2"/>
      <c r="B49655" s="2"/>
      <c r="C49655" s="2"/>
    </row>
    <row r="49656" spans="1:3" ht="19.2">
      <c r="A49656" s="2"/>
      <c r="B49656" s="2"/>
      <c r="C49656" s="2"/>
    </row>
    <row r="49657" spans="1:3" ht="19.2">
      <c r="A49657" s="2"/>
      <c r="B49657" s="2"/>
      <c r="C49657" s="2"/>
    </row>
    <row r="49658" spans="1:3" ht="19.2">
      <c r="A49658" s="2"/>
      <c r="B49658" s="2"/>
      <c r="C49658" s="2"/>
    </row>
    <row r="49659" spans="1:3" ht="19.2">
      <c r="A49659" s="2"/>
      <c r="B49659" s="2"/>
      <c r="C49659" s="2"/>
    </row>
    <row r="49660" spans="1:3" ht="19.2">
      <c r="A49660" s="2"/>
      <c r="B49660" s="2"/>
      <c r="C49660" s="2"/>
    </row>
    <row r="49661" spans="1:3" ht="19.2">
      <c r="A49661" s="2"/>
      <c r="B49661" s="2"/>
      <c r="C49661" s="2"/>
    </row>
    <row r="49662" spans="1:3" ht="19.2">
      <c r="A49662" s="2"/>
      <c r="B49662" s="2"/>
      <c r="C49662" s="2"/>
    </row>
    <row r="49663" spans="1:3" ht="19.2">
      <c r="A49663" s="2"/>
      <c r="B49663" s="2"/>
      <c r="C49663" s="2"/>
    </row>
    <row r="49664" spans="1:3" ht="19.2">
      <c r="A49664" s="2"/>
      <c r="B49664" s="2"/>
      <c r="C49664" s="2"/>
    </row>
    <row r="49665" spans="1:3" ht="19.2">
      <c r="A49665" s="2"/>
      <c r="B49665" s="2"/>
      <c r="C49665" s="2"/>
    </row>
    <row r="49666" spans="1:3" ht="19.2">
      <c r="A49666" s="2"/>
      <c r="B49666" s="2"/>
      <c r="C49666" s="2"/>
    </row>
    <row r="49667" spans="1:3" ht="19.2">
      <c r="A49667" s="2"/>
      <c r="B49667" s="2"/>
      <c r="C49667" s="2"/>
    </row>
    <row r="49668" spans="1:3" ht="19.2">
      <c r="A49668" s="2"/>
      <c r="B49668" s="2"/>
      <c r="C49668" s="2"/>
    </row>
    <row r="49669" spans="1:3" ht="19.2">
      <c r="A49669" s="2"/>
      <c r="B49669" s="2"/>
      <c r="C49669" s="2"/>
    </row>
    <row r="49670" spans="1:3" ht="19.2">
      <c r="A49670" s="2"/>
      <c r="B49670" s="2"/>
      <c r="C49670" s="2"/>
    </row>
    <row r="49671" spans="1:3" ht="19.2">
      <c r="A49671" s="2"/>
      <c r="B49671" s="2"/>
      <c r="C49671" s="2"/>
    </row>
    <row r="49672" spans="1:3" ht="19.2">
      <c r="A49672" s="2"/>
      <c r="B49672" s="2"/>
      <c r="C49672" s="2"/>
    </row>
    <row r="49673" spans="1:3" ht="19.2">
      <c r="A49673" s="2"/>
      <c r="B49673" s="2"/>
      <c r="C49673" s="2"/>
    </row>
    <row r="49674" spans="1:3" ht="19.2">
      <c r="A49674" s="2"/>
      <c r="B49674" s="2"/>
      <c r="C49674" s="2"/>
    </row>
    <row r="49675" spans="1:3" ht="19.2">
      <c r="A49675" s="2"/>
      <c r="B49675" s="2"/>
      <c r="C49675" s="2"/>
    </row>
    <row r="49676" spans="1:3" ht="19.2">
      <c r="A49676" s="2"/>
      <c r="B49676" s="2"/>
      <c r="C49676" s="2"/>
    </row>
    <row r="49677" spans="1:3" ht="19.2">
      <c r="A49677" s="2"/>
      <c r="B49677" s="2"/>
      <c r="C49677" s="2"/>
    </row>
    <row r="49678" spans="1:3" ht="19.2">
      <c r="A49678" s="2"/>
      <c r="B49678" s="2"/>
      <c r="C49678" s="2"/>
    </row>
    <row r="49679" spans="1:3" ht="19.2">
      <c r="A49679" s="2"/>
      <c r="B49679" s="2"/>
      <c r="C49679" s="2"/>
    </row>
    <row r="49680" spans="1:3" ht="19.2">
      <c r="A49680" s="2"/>
      <c r="B49680" s="2"/>
      <c r="C49680" s="2"/>
    </row>
    <row r="49681" spans="1:3" ht="19.2">
      <c r="A49681" s="2"/>
      <c r="B49681" s="2"/>
      <c r="C49681" s="2"/>
    </row>
    <row r="49682" spans="1:3" ht="19.2">
      <c r="A49682" s="2"/>
      <c r="B49682" s="2"/>
      <c r="C49682" s="2"/>
    </row>
    <row r="49683" spans="1:3" ht="19.2">
      <c r="A49683" s="2"/>
      <c r="B49683" s="2"/>
      <c r="C49683" s="2"/>
    </row>
    <row r="49684" spans="1:3" ht="19.2">
      <c r="A49684" s="2"/>
      <c r="B49684" s="2"/>
      <c r="C49684" s="2"/>
    </row>
    <row r="49685" spans="1:3" ht="19.2">
      <c r="A49685" s="2"/>
      <c r="B49685" s="2"/>
      <c r="C49685" s="2"/>
    </row>
    <row r="49686" spans="1:3" ht="19.2">
      <c r="A49686" s="2"/>
      <c r="B49686" s="2"/>
      <c r="C49686" s="2"/>
    </row>
    <row r="49687" spans="1:3" ht="19.2">
      <c r="A49687" s="2"/>
      <c r="B49687" s="2"/>
      <c r="C49687" s="2"/>
    </row>
    <row r="49688" spans="1:3" ht="19.2">
      <c r="A49688" s="2"/>
      <c r="B49688" s="2"/>
      <c r="C49688" s="2"/>
    </row>
    <row r="49689" spans="1:3" ht="19.2">
      <c r="A49689" s="2"/>
      <c r="B49689" s="2"/>
      <c r="C49689" s="2"/>
    </row>
    <row r="49690" spans="1:3" ht="19.2">
      <c r="A49690" s="2"/>
      <c r="B49690" s="2"/>
      <c r="C49690" s="2"/>
    </row>
    <row r="49691" spans="1:3" ht="19.2">
      <c r="A49691" s="2"/>
      <c r="B49691" s="2"/>
      <c r="C49691" s="2"/>
    </row>
    <row r="49692" spans="1:3" ht="19.2">
      <c r="A49692" s="2"/>
      <c r="B49692" s="2"/>
      <c r="C49692" s="2"/>
    </row>
    <row r="49693" spans="1:3" ht="19.2">
      <c r="A49693" s="2"/>
      <c r="B49693" s="2"/>
      <c r="C49693" s="2"/>
    </row>
    <row r="49694" spans="1:3" ht="19.2">
      <c r="A49694" s="2"/>
      <c r="B49694" s="2"/>
      <c r="C49694" s="2"/>
    </row>
    <row r="49695" spans="1:3" ht="19.2">
      <c r="A49695" s="2"/>
      <c r="B49695" s="2"/>
      <c r="C49695" s="2"/>
    </row>
    <row r="49696" spans="1:3" ht="19.2">
      <c r="A49696" s="2"/>
      <c r="B49696" s="2"/>
      <c r="C49696" s="2"/>
    </row>
    <row r="49697" spans="1:3" ht="19.2">
      <c r="A49697" s="2"/>
      <c r="B49697" s="2"/>
      <c r="C49697" s="2"/>
    </row>
    <row r="49698" spans="1:3" ht="19.2">
      <c r="A49698" s="2"/>
      <c r="B49698" s="2"/>
      <c r="C49698" s="2"/>
    </row>
    <row r="49699" spans="1:3" ht="19.2">
      <c r="A49699" s="2"/>
      <c r="B49699" s="2"/>
      <c r="C49699" s="2"/>
    </row>
    <row r="49700" spans="1:3" ht="19.2">
      <c r="A49700" s="2"/>
      <c r="B49700" s="2"/>
      <c r="C49700" s="2"/>
    </row>
    <row r="49701" spans="1:3" ht="19.2">
      <c r="A49701" s="2"/>
      <c r="B49701" s="2"/>
      <c r="C49701" s="2"/>
    </row>
    <row r="49702" spans="1:3" ht="19.2">
      <c r="A49702" s="2"/>
      <c r="B49702" s="2"/>
      <c r="C49702" s="2"/>
    </row>
    <row r="49703" spans="1:3" ht="19.2">
      <c r="A49703" s="2"/>
      <c r="B49703" s="2"/>
      <c r="C49703" s="2"/>
    </row>
    <row r="49704" spans="1:3" ht="19.2">
      <c r="A49704" s="2"/>
      <c r="B49704" s="2"/>
      <c r="C49704" s="2"/>
    </row>
    <row r="49705" spans="1:3" ht="19.2">
      <c r="A49705" s="2"/>
      <c r="B49705" s="2"/>
      <c r="C49705" s="2"/>
    </row>
    <row r="49706" spans="1:3" ht="19.2">
      <c r="A49706" s="2"/>
      <c r="B49706" s="2"/>
      <c r="C49706" s="2"/>
    </row>
    <row r="49707" spans="1:3" ht="19.2">
      <c r="A49707" s="2"/>
      <c r="B49707" s="2"/>
      <c r="C49707" s="2"/>
    </row>
    <row r="49708" spans="1:3" ht="19.2">
      <c r="A49708" s="2"/>
      <c r="B49708" s="2"/>
      <c r="C49708" s="2"/>
    </row>
    <row r="49709" spans="1:3" ht="19.2">
      <c r="A49709" s="2"/>
      <c r="B49709" s="2"/>
      <c r="C49709" s="2"/>
    </row>
    <row r="49710" spans="1:3" ht="19.2">
      <c r="A49710" s="2"/>
      <c r="B49710" s="2"/>
      <c r="C49710" s="2"/>
    </row>
    <row r="49711" spans="1:3" ht="19.2">
      <c r="A49711" s="2"/>
      <c r="B49711" s="2"/>
      <c r="C49711" s="2"/>
    </row>
    <row r="49712" spans="1:3" ht="19.2">
      <c r="A49712" s="2"/>
      <c r="B49712" s="2"/>
      <c r="C49712" s="2"/>
    </row>
    <row r="49713" spans="1:3" ht="19.2">
      <c r="A49713" s="2"/>
      <c r="B49713" s="2"/>
      <c r="C49713" s="2"/>
    </row>
    <row r="49714" spans="1:3" ht="19.2">
      <c r="A49714" s="2"/>
      <c r="B49714" s="2"/>
      <c r="C49714" s="2"/>
    </row>
    <row r="49715" spans="1:3" ht="19.2">
      <c r="A49715" s="2"/>
      <c r="B49715" s="2"/>
      <c r="C49715" s="2"/>
    </row>
    <row r="49716" spans="1:3" ht="19.2">
      <c r="A49716" s="2"/>
      <c r="B49716" s="2"/>
      <c r="C49716" s="2"/>
    </row>
    <row r="49717" spans="1:3" ht="19.2">
      <c r="A49717" s="2"/>
      <c r="B49717" s="2"/>
      <c r="C49717" s="2"/>
    </row>
    <row r="49718" spans="1:3" ht="19.2">
      <c r="A49718" s="2"/>
      <c r="B49718" s="2"/>
      <c r="C49718" s="2"/>
    </row>
    <row r="49719" spans="1:3" ht="19.2">
      <c r="A49719" s="2"/>
      <c r="B49719" s="2"/>
      <c r="C49719" s="2"/>
    </row>
    <row r="49720" spans="1:3" ht="19.2">
      <c r="A49720" s="2"/>
      <c r="B49720" s="2"/>
      <c r="C49720" s="2"/>
    </row>
    <row r="49721" spans="1:3" ht="19.2">
      <c r="A49721" s="2"/>
      <c r="B49721" s="2"/>
      <c r="C49721" s="2"/>
    </row>
    <row r="49722" spans="1:3" ht="19.2">
      <c r="A49722" s="2"/>
      <c r="B49722" s="2"/>
      <c r="C49722" s="2"/>
    </row>
    <row r="49723" spans="1:3" ht="19.2">
      <c r="A49723" s="2"/>
      <c r="B49723" s="2"/>
      <c r="C49723" s="2"/>
    </row>
    <row r="49724" spans="1:3" ht="19.2">
      <c r="A49724" s="2"/>
      <c r="B49724" s="2"/>
      <c r="C49724" s="2"/>
    </row>
    <row r="49725" spans="1:3" ht="19.2">
      <c r="A49725" s="2"/>
      <c r="B49725" s="2"/>
      <c r="C49725" s="2"/>
    </row>
    <row r="49726" spans="1:3" ht="19.2">
      <c r="A49726" s="2"/>
      <c r="B49726" s="2"/>
      <c r="C49726" s="2"/>
    </row>
    <row r="49727" spans="1:3" ht="19.2">
      <c r="A49727" s="2"/>
      <c r="B49727" s="2"/>
      <c r="C49727" s="2"/>
    </row>
    <row r="49728" spans="1:3" ht="19.2">
      <c r="A49728" s="2"/>
      <c r="B49728" s="2"/>
      <c r="C49728" s="2"/>
    </row>
    <row r="49729" spans="1:3" ht="19.2">
      <c r="A49729" s="2"/>
      <c r="B49729" s="2"/>
      <c r="C49729" s="2"/>
    </row>
    <row r="49730" spans="1:3" ht="19.2">
      <c r="A49730" s="2"/>
      <c r="B49730" s="2"/>
      <c r="C49730" s="2"/>
    </row>
    <row r="49731" spans="1:3" ht="19.2">
      <c r="A49731" s="2"/>
      <c r="B49731" s="2"/>
      <c r="C49731" s="2"/>
    </row>
    <row r="49732" spans="1:3" ht="19.2">
      <c r="A49732" s="2"/>
      <c r="B49732" s="2"/>
      <c r="C49732" s="2"/>
    </row>
    <row r="49733" spans="1:3" ht="19.2">
      <c r="A49733" s="2"/>
      <c r="B49733" s="2"/>
      <c r="C49733" s="2"/>
    </row>
    <row r="49734" spans="1:3" ht="19.2">
      <c r="A49734" s="2"/>
      <c r="B49734" s="2"/>
      <c r="C49734" s="2"/>
    </row>
    <row r="49735" spans="1:3" ht="19.2">
      <c r="A49735" s="2"/>
      <c r="B49735" s="2"/>
      <c r="C49735" s="2"/>
    </row>
    <row r="49736" spans="1:3" ht="19.2">
      <c r="A49736" s="2"/>
      <c r="B49736" s="2"/>
      <c r="C49736" s="2"/>
    </row>
    <row r="49737" spans="1:3" ht="19.2">
      <c r="A49737" s="2"/>
      <c r="B49737" s="2"/>
      <c r="C49737" s="2"/>
    </row>
    <row r="49738" spans="1:3" ht="19.2">
      <c r="A49738" s="2"/>
      <c r="B49738" s="2"/>
      <c r="C49738" s="2"/>
    </row>
    <row r="49739" spans="1:3" ht="19.2">
      <c r="A49739" s="2"/>
      <c r="B49739" s="2"/>
      <c r="C49739" s="2"/>
    </row>
    <row r="49740" spans="1:3" ht="19.2">
      <c r="A49740" s="2"/>
      <c r="B49740" s="2"/>
      <c r="C49740" s="2"/>
    </row>
    <row r="49741" spans="1:3" ht="19.2">
      <c r="A49741" s="2"/>
      <c r="B49741" s="2"/>
      <c r="C49741" s="2"/>
    </row>
    <row r="49742" spans="1:3" ht="19.2">
      <c r="A49742" s="2"/>
      <c r="B49742" s="2"/>
      <c r="C49742" s="2"/>
    </row>
    <row r="49743" spans="1:3" ht="19.2">
      <c r="A49743" s="2"/>
      <c r="B49743" s="2"/>
      <c r="C49743" s="2"/>
    </row>
    <row r="49744" spans="1:3" ht="19.2">
      <c r="A49744" s="2"/>
      <c r="B49744" s="2"/>
      <c r="C49744" s="2"/>
    </row>
    <row r="49745" spans="1:3" ht="19.2">
      <c r="A49745" s="2"/>
      <c r="B49745" s="2"/>
      <c r="C49745" s="2"/>
    </row>
    <row r="49746" spans="1:3" ht="19.2">
      <c r="A49746" s="2"/>
      <c r="B49746" s="2"/>
      <c r="C49746" s="2"/>
    </row>
    <row r="49747" spans="1:3" ht="19.2">
      <c r="A49747" s="2"/>
      <c r="B49747" s="2"/>
      <c r="C49747" s="2"/>
    </row>
    <row r="49748" spans="1:3" ht="19.2">
      <c r="A49748" s="2"/>
      <c r="B49748" s="2"/>
      <c r="C49748" s="2"/>
    </row>
    <row r="49749" spans="1:3" ht="19.2">
      <c r="A49749" s="2"/>
      <c r="B49749" s="2"/>
      <c r="C49749" s="2"/>
    </row>
    <row r="49750" spans="1:3" ht="19.2">
      <c r="A49750" s="2"/>
      <c r="B49750" s="2"/>
      <c r="C49750" s="2"/>
    </row>
    <row r="49751" spans="1:3" ht="19.2">
      <c r="A49751" s="2"/>
      <c r="B49751" s="2"/>
      <c r="C49751" s="2"/>
    </row>
    <row r="49752" spans="1:3" ht="19.2">
      <c r="A49752" s="2"/>
      <c r="B49752" s="2"/>
      <c r="C49752" s="2"/>
    </row>
    <row r="49753" spans="1:3" ht="19.2">
      <c r="A49753" s="2"/>
      <c r="B49753" s="2"/>
      <c r="C49753" s="2"/>
    </row>
    <row r="49754" spans="1:3" ht="19.2">
      <c r="A49754" s="2"/>
      <c r="B49754" s="2"/>
      <c r="C49754" s="2"/>
    </row>
    <row r="49755" spans="1:3" ht="19.2">
      <c r="A49755" s="2"/>
      <c r="B49755" s="2"/>
      <c r="C49755" s="2"/>
    </row>
    <row r="49756" spans="1:3" ht="19.2">
      <c r="A49756" s="2"/>
      <c r="B49756" s="2"/>
      <c r="C49756" s="2"/>
    </row>
    <row r="49757" spans="1:3" ht="19.2">
      <c r="A49757" s="2"/>
      <c r="B49757" s="2"/>
      <c r="C49757" s="2"/>
    </row>
    <row r="49758" spans="1:3" ht="19.2">
      <c r="A49758" s="2"/>
      <c r="B49758" s="2"/>
      <c r="C49758" s="2"/>
    </row>
    <row r="49759" spans="1:3" ht="19.2">
      <c r="A49759" s="2"/>
      <c r="B49759" s="2"/>
      <c r="C49759" s="2"/>
    </row>
    <row r="49760" spans="1:3" ht="19.2">
      <c r="A49760" s="2"/>
      <c r="B49760" s="2"/>
      <c r="C49760" s="2"/>
    </row>
    <row r="49761" spans="1:3" ht="19.2">
      <c r="A49761" s="2"/>
      <c r="B49761" s="2"/>
      <c r="C49761" s="2"/>
    </row>
    <row r="49762" spans="1:3" ht="19.2">
      <c r="A49762" s="2"/>
      <c r="B49762" s="2"/>
      <c r="C49762" s="2"/>
    </row>
    <row r="49763" spans="1:3" ht="19.2">
      <c r="A49763" s="2"/>
      <c r="B49763" s="2"/>
      <c r="C49763" s="2"/>
    </row>
    <row r="49764" spans="1:3" ht="19.2">
      <c r="A49764" s="2"/>
      <c r="B49764" s="2"/>
      <c r="C49764" s="2"/>
    </row>
    <row r="49765" spans="1:3" ht="19.2">
      <c r="A49765" s="2"/>
      <c r="B49765" s="2"/>
      <c r="C49765" s="2"/>
    </row>
    <row r="49766" spans="1:3" ht="19.2">
      <c r="A49766" s="2"/>
      <c r="B49766" s="2"/>
      <c r="C49766" s="2"/>
    </row>
    <row r="49767" spans="1:3" ht="19.2">
      <c r="A49767" s="2"/>
      <c r="B49767" s="2"/>
      <c r="C49767" s="2"/>
    </row>
    <row r="49768" spans="1:3" ht="19.2">
      <c r="A49768" s="2"/>
      <c r="B49768" s="2"/>
      <c r="C49768" s="2"/>
    </row>
    <row r="49769" spans="1:3" ht="19.2">
      <c r="A49769" s="2"/>
      <c r="B49769" s="2"/>
      <c r="C49769" s="2"/>
    </row>
    <row r="49770" spans="1:3" ht="19.2">
      <c r="A49770" s="2"/>
      <c r="B49770" s="2"/>
      <c r="C49770" s="2"/>
    </row>
    <row r="49771" spans="1:3" ht="19.2">
      <c r="A49771" s="2"/>
      <c r="B49771" s="2"/>
      <c r="C49771" s="2"/>
    </row>
    <row r="49772" spans="1:3" ht="19.2">
      <c r="A49772" s="2"/>
      <c r="B49772" s="2"/>
      <c r="C49772" s="2"/>
    </row>
    <row r="49773" spans="1:3" ht="19.2">
      <c r="A49773" s="2"/>
      <c r="B49773" s="2"/>
      <c r="C49773" s="2"/>
    </row>
    <row r="49774" spans="1:3" ht="19.2">
      <c r="A49774" s="2"/>
      <c r="B49774" s="2"/>
      <c r="C49774" s="2"/>
    </row>
    <row r="49775" spans="1:3" ht="19.2">
      <c r="A49775" s="2"/>
      <c r="B49775" s="2"/>
      <c r="C49775" s="2"/>
    </row>
    <row r="49776" spans="1:3" ht="19.2">
      <c r="A49776" s="2"/>
      <c r="B49776" s="2"/>
      <c r="C49776" s="2"/>
    </row>
    <row r="49777" spans="1:3" ht="19.2">
      <c r="A49777" s="2"/>
      <c r="B49777" s="2"/>
      <c r="C49777" s="2"/>
    </row>
    <row r="49778" spans="1:3" ht="19.2">
      <c r="A49778" s="2"/>
      <c r="B49778" s="2"/>
      <c r="C49778" s="2"/>
    </row>
    <row r="49779" spans="1:3" ht="19.2">
      <c r="A49779" s="2"/>
      <c r="B49779" s="2"/>
      <c r="C49779" s="2"/>
    </row>
    <row r="49780" spans="1:3" ht="19.2">
      <c r="A49780" s="2"/>
      <c r="B49780" s="2"/>
      <c r="C49780" s="2"/>
    </row>
    <row r="49781" spans="1:3" ht="19.2">
      <c r="A49781" s="2"/>
      <c r="B49781" s="2"/>
      <c r="C49781" s="2"/>
    </row>
    <row r="49782" spans="1:3" ht="19.2">
      <c r="A49782" s="2"/>
      <c r="B49782" s="2"/>
      <c r="C49782" s="2"/>
    </row>
    <row r="49783" spans="1:3" ht="19.2">
      <c r="A49783" s="2"/>
      <c r="B49783" s="2"/>
      <c r="C49783" s="2"/>
    </row>
    <row r="49784" spans="1:3" ht="19.2">
      <c r="A49784" s="2"/>
      <c r="B49784" s="2"/>
      <c r="C49784" s="2"/>
    </row>
    <row r="49785" spans="1:3" ht="19.2">
      <c r="A49785" s="2"/>
      <c r="B49785" s="2"/>
      <c r="C49785" s="2"/>
    </row>
    <row r="49786" spans="1:3" ht="19.2">
      <c r="A49786" s="2"/>
      <c r="B49786" s="2"/>
      <c r="C49786" s="2"/>
    </row>
    <row r="49787" spans="1:3" ht="19.2">
      <c r="A49787" s="2"/>
      <c r="B49787" s="2"/>
      <c r="C49787" s="2"/>
    </row>
    <row r="49788" spans="1:3" ht="19.2">
      <c r="A49788" s="2"/>
      <c r="B49788" s="2"/>
      <c r="C49788" s="2"/>
    </row>
    <row r="49789" spans="1:3" ht="19.2">
      <c r="A49789" s="2"/>
      <c r="B49789" s="2"/>
      <c r="C49789" s="2"/>
    </row>
    <row r="49790" spans="1:3" ht="19.2">
      <c r="A49790" s="2"/>
      <c r="B49790" s="2"/>
      <c r="C49790" s="2"/>
    </row>
    <row r="49791" spans="1:3" ht="19.2">
      <c r="A49791" s="2"/>
      <c r="B49791" s="2"/>
      <c r="C49791" s="2"/>
    </row>
    <row r="49792" spans="1:3" ht="19.2">
      <c r="A49792" s="2"/>
      <c r="B49792" s="2"/>
      <c r="C49792" s="2"/>
    </row>
    <row r="49793" spans="1:3" ht="19.2">
      <c r="A49793" s="2"/>
      <c r="B49793" s="2"/>
      <c r="C49793" s="2"/>
    </row>
    <row r="49794" spans="1:3" ht="19.2">
      <c r="A49794" s="2"/>
      <c r="B49794" s="2"/>
      <c r="C49794" s="2"/>
    </row>
    <row r="49795" spans="1:3" ht="19.2">
      <c r="A49795" s="2"/>
      <c r="B49795" s="2"/>
      <c r="C49795" s="2"/>
    </row>
    <row r="49796" spans="1:3" ht="19.2">
      <c r="A49796" s="2"/>
      <c r="B49796" s="2"/>
      <c r="C49796" s="2"/>
    </row>
    <row r="49797" spans="1:3" ht="19.2">
      <c r="A49797" s="2"/>
      <c r="B49797" s="2"/>
      <c r="C49797" s="2"/>
    </row>
    <row r="49798" spans="1:3" ht="19.2">
      <c r="A49798" s="2"/>
      <c r="B49798" s="2"/>
      <c r="C49798" s="2"/>
    </row>
    <row r="49799" spans="1:3" ht="19.2">
      <c r="A49799" s="2"/>
      <c r="B49799" s="2"/>
      <c r="C49799" s="2"/>
    </row>
    <row r="49800" spans="1:3" ht="19.2">
      <c r="A49800" s="2"/>
      <c r="B49800" s="2"/>
      <c r="C49800" s="2"/>
    </row>
    <row r="49801" spans="1:3" ht="19.2">
      <c r="A49801" s="2"/>
      <c r="B49801" s="2"/>
      <c r="C49801" s="2"/>
    </row>
    <row r="49802" spans="1:3" ht="19.2">
      <c r="A49802" s="2"/>
      <c r="B49802" s="2"/>
      <c r="C49802" s="2"/>
    </row>
    <row r="49803" spans="1:3" ht="19.2">
      <c r="A49803" s="2"/>
      <c r="B49803" s="2"/>
      <c r="C49803" s="2"/>
    </row>
    <row r="49804" spans="1:3" ht="19.2">
      <c r="A49804" s="2"/>
      <c r="B49804" s="2"/>
      <c r="C49804" s="2"/>
    </row>
    <row r="49805" spans="1:3" ht="19.2">
      <c r="A49805" s="2"/>
      <c r="B49805" s="2"/>
      <c r="C49805" s="2"/>
    </row>
    <row r="49806" spans="1:3" ht="19.2">
      <c r="A49806" s="2"/>
      <c r="B49806" s="2"/>
      <c r="C49806" s="2"/>
    </row>
    <row r="49807" spans="1:3" ht="19.2">
      <c r="A49807" s="2"/>
      <c r="B49807" s="2"/>
      <c r="C49807" s="2"/>
    </row>
    <row r="49808" spans="1:3" ht="19.2">
      <c r="A49808" s="2"/>
      <c r="B49808" s="2"/>
      <c r="C49808" s="2"/>
    </row>
    <row r="49809" spans="1:3" ht="19.2">
      <c r="A49809" s="2"/>
      <c r="B49809" s="2"/>
      <c r="C49809" s="2"/>
    </row>
    <row r="49810" spans="1:3" ht="19.2">
      <c r="A49810" s="2"/>
      <c r="B49810" s="2"/>
      <c r="C49810" s="2"/>
    </row>
    <row r="49811" spans="1:3" ht="19.2">
      <c r="A49811" s="2"/>
      <c r="B49811" s="2"/>
      <c r="C49811" s="2"/>
    </row>
    <row r="49812" spans="1:3" ht="19.2">
      <c r="A49812" s="2"/>
      <c r="B49812" s="2"/>
      <c r="C49812" s="2"/>
    </row>
    <row r="49813" spans="1:3" ht="19.2">
      <c r="A49813" s="2"/>
      <c r="B49813" s="2"/>
      <c r="C49813" s="2"/>
    </row>
    <row r="49814" spans="1:3" ht="19.2">
      <c r="A49814" s="2"/>
      <c r="B49814" s="2"/>
      <c r="C49814" s="2"/>
    </row>
    <row r="49815" spans="1:3" ht="19.2">
      <c r="A49815" s="2"/>
      <c r="B49815" s="2"/>
      <c r="C49815" s="2"/>
    </row>
    <row r="49816" spans="1:3" ht="19.2">
      <c r="A49816" s="2"/>
      <c r="B49816" s="2"/>
      <c r="C49816" s="2"/>
    </row>
    <row r="49817" spans="1:3" ht="19.2">
      <c r="A49817" s="2"/>
      <c r="B49817" s="2"/>
      <c r="C49817" s="2"/>
    </row>
    <row r="49818" spans="1:3" ht="19.2">
      <c r="A49818" s="2"/>
      <c r="B49818" s="2"/>
      <c r="C49818" s="2"/>
    </row>
    <row r="49819" spans="1:3" ht="19.2">
      <c r="A49819" s="2"/>
      <c r="B49819" s="2"/>
      <c r="C49819" s="2"/>
    </row>
    <row r="49820" spans="1:3" ht="19.2">
      <c r="A49820" s="2"/>
      <c r="B49820" s="2"/>
      <c r="C49820" s="2"/>
    </row>
    <row r="49821" spans="1:3" ht="19.2">
      <c r="A49821" s="2"/>
      <c r="B49821" s="2"/>
      <c r="C49821" s="2"/>
    </row>
    <row r="49822" spans="1:3" ht="19.2">
      <c r="A49822" s="2"/>
      <c r="B49822" s="2"/>
      <c r="C49822" s="2"/>
    </row>
    <row r="49823" spans="1:3" ht="19.2">
      <c r="A49823" s="2"/>
      <c r="B49823" s="2"/>
      <c r="C49823" s="2"/>
    </row>
    <row r="49824" spans="1:3" ht="19.2">
      <c r="A49824" s="2"/>
      <c r="B49824" s="2"/>
      <c r="C49824" s="2"/>
    </row>
    <row r="49825" spans="1:3" ht="19.2">
      <c r="A49825" s="2"/>
      <c r="B49825" s="2"/>
      <c r="C49825" s="2"/>
    </row>
    <row r="49826" spans="1:3" ht="19.2">
      <c r="A49826" s="2"/>
      <c r="B49826" s="2"/>
      <c r="C49826" s="2"/>
    </row>
    <row r="49827" spans="1:3" ht="19.2">
      <c r="A49827" s="2"/>
      <c r="B49827" s="2"/>
      <c r="C49827" s="2"/>
    </row>
    <row r="49828" spans="1:3" ht="19.2">
      <c r="A49828" s="2"/>
      <c r="B49828" s="2"/>
      <c r="C49828" s="2"/>
    </row>
    <row r="49829" spans="1:3" ht="19.2">
      <c r="A49829" s="2"/>
      <c r="B49829" s="2"/>
      <c r="C49829" s="2"/>
    </row>
    <row r="49830" spans="1:3" ht="19.2">
      <c r="A49830" s="2"/>
      <c r="B49830" s="2"/>
      <c r="C49830" s="2"/>
    </row>
    <row r="49831" spans="1:3" ht="19.2">
      <c r="A49831" s="2"/>
      <c r="B49831" s="2"/>
      <c r="C49831" s="2"/>
    </row>
    <row r="49832" spans="1:3" ht="19.2">
      <c r="A49832" s="2"/>
      <c r="B49832" s="2"/>
      <c r="C49832" s="2"/>
    </row>
    <row r="49833" spans="1:3" ht="19.2">
      <c r="A49833" s="2"/>
      <c r="B49833" s="2"/>
      <c r="C49833" s="2"/>
    </row>
    <row r="49834" spans="1:3" ht="19.2">
      <c r="A49834" s="2"/>
      <c r="B49834" s="2"/>
      <c r="C49834" s="2"/>
    </row>
    <row r="49835" spans="1:3" ht="19.2">
      <c r="A49835" s="2"/>
      <c r="B49835" s="2"/>
      <c r="C49835" s="2"/>
    </row>
    <row r="49836" spans="1:3" ht="19.2">
      <c r="A49836" s="2"/>
      <c r="B49836" s="2"/>
      <c r="C49836" s="2"/>
    </row>
    <row r="49837" spans="1:3" ht="19.2">
      <c r="A49837" s="2"/>
      <c r="B49837" s="2"/>
      <c r="C49837" s="2"/>
    </row>
    <row r="49838" spans="1:3" ht="19.2">
      <c r="A49838" s="2"/>
      <c r="B49838" s="2"/>
      <c r="C49838" s="2"/>
    </row>
    <row r="49839" spans="1:3" ht="19.2">
      <c r="A49839" s="2"/>
      <c r="B49839" s="2"/>
      <c r="C49839" s="2"/>
    </row>
    <row r="49840" spans="1:3" ht="19.2">
      <c r="A49840" s="2"/>
      <c r="B49840" s="2"/>
      <c r="C49840" s="2"/>
    </row>
    <row r="49841" spans="1:3" ht="19.2">
      <c r="A49841" s="2"/>
      <c r="B49841" s="2"/>
      <c r="C49841" s="2"/>
    </row>
    <row r="49842" spans="1:3" ht="19.2">
      <c r="A49842" s="2"/>
      <c r="B49842" s="2"/>
      <c r="C49842" s="2"/>
    </row>
    <row r="49843" spans="1:3" ht="19.2">
      <c r="A49843" s="2"/>
      <c r="B49843" s="2"/>
      <c r="C49843" s="2"/>
    </row>
    <row r="49844" spans="1:3" ht="19.2">
      <c r="A49844" s="2"/>
      <c r="B49844" s="2"/>
      <c r="C49844" s="2"/>
    </row>
    <row r="49845" spans="1:3" ht="19.2">
      <c r="A49845" s="2"/>
      <c r="B49845" s="2"/>
      <c r="C49845" s="2"/>
    </row>
    <row r="49846" spans="1:3" ht="19.2">
      <c r="A49846" s="2"/>
      <c r="B49846" s="2"/>
      <c r="C49846" s="2"/>
    </row>
    <row r="49847" spans="1:3" ht="19.2">
      <c r="A49847" s="2"/>
      <c r="B49847" s="2"/>
      <c r="C49847" s="2"/>
    </row>
    <row r="49848" spans="1:3" ht="19.2">
      <c r="A49848" s="2"/>
      <c r="B49848" s="2"/>
      <c r="C49848" s="2"/>
    </row>
    <row r="49849" spans="1:3" ht="19.2">
      <c r="A49849" s="2"/>
      <c r="B49849" s="2"/>
      <c r="C49849" s="2"/>
    </row>
    <row r="49850" spans="1:3" ht="19.2">
      <c r="A49850" s="2"/>
      <c r="B49850" s="2"/>
      <c r="C49850" s="2"/>
    </row>
    <row r="49851" spans="1:3" ht="19.2">
      <c r="A49851" s="2"/>
      <c r="B49851" s="2"/>
      <c r="C49851" s="2"/>
    </row>
    <row r="49852" spans="1:3" ht="19.2">
      <c r="A49852" s="2"/>
      <c r="B49852" s="2"/>
      <c r="C49852" s="2"/>
    </row>
    <row r="49853" spans="1:3" ht="19.2">
      <c r="A49853" s="2"/>
      <c r="B49853" s="2"/>
      <c r="C49853" s="2"/>
    </row>
    <row r="49854" spans="1:3" ht="19.2">
      <c r="A49854" s="2"/>
      <c r="B49854" s="2"/>
      <c r="C49854" s="2"/>
    </row>
    <row r="49855" spans="1:3" ht="19.2">
      <c r="A49855" s="2"/>
      <c r="B49855" s="2"/>
      <c r="C49855" s="2"/>
    </row>
    <row r="49856" spans="1:3" ht="19.2">
      <c r="A49856" s="2"/>
      <c r="B49856" s="2"/>
      <c r="C49856" s="2"/>
    </row>
    <row r="49857" spans="1:3" ht="19.2">
      <c r="A49857" s="2"/>
      <c r="B49857" s="2"/>
      <c r="C49857" s="2"/>
    </row>
    <row r="49858" spans="1:3" ht="19.2">
      <c r="A49858" s="2"/>
      <c r="B49858" s="2"/>
      <c r="C49858" s="2"/>
    </row>
    <row r="49859" spans="1:3" ht="19.2">
      <c r="A49859" s="2"/>
      <c r="B49859" s="2"/>
      <c r="C49859" s="2"/>
    </row>
    <row r="49860" spans="1:3" ht="19.2">
      <c r="A49860" s="2"/>
      <c r="B49860" s="2"/>
      <c r="C49860" s="2"/>
    </row>
    <row r="49861" spans="1:3" ht="19.2">
      <c r="A49861" s="2"/>
      <c r="B49861" s="2"/>
      <c r="C49861" s="2"/>
    </row>
    <row r="49862" spans="1:3" ht="19.2">
      <c r="A49862" s="2"/>
      <c r="B49862" s="2"/>
      <c r="C49862" s="2"/>
    </row>
    <row r="49863" spans="1:3" ht="19.2">
      <c r="A49863" s="2"/>
      <c r="B49863" s="2"/>
      <c r="C49863" s="2"/>
    </row>
    <row r="49864" spans="1:3" ht="19.2">
      <c r="A49864" s="2"/>
      <c r="B49864" s="2"/>
      <c r="C49864" s="2"/>
    </row>
    <row r="49865" spans="1:3" ht="19.2">
      <c r="A49865" s="2"/>
      <c r="B49865" s="2"/>
      <c r="C49865" s="2"/>
    </row>
    <row r="49866" spans="1:3" ht="19.2">
      <c r="A49866" s="2"/>
      <c r="B49866" s="2"/>
      <c r="C49866" s="2"/>
    </row>
    <row r="49867" spans="1:3" ht="19.2">
      <c r="A49867" s="2"/>
      <c r="B49867" s="2"/>
      <c r="C49867" s="2"/>
    </row>
    <row r="49868" spans="1:3" ht="19.2">
      <c r="A49868" s="2"/>
      <c r="B49868" s="2"/>
      <c r="C49868" s="2"/>
    </row>
    <row r="49869" spans="1:3" ht="19.2">
      <c r="A49869" s="2"/>
      <c r="B49869" s="2"/>
      <c r="C49869" s="2"/>
    </row>
    <row r="49870" spans="1:3" ht="19.2">
      <c r="A49870" s="2"/>
      <c r="B49870" s="2"/>
      <c r="C49870" s="2"/>
    </row>
    <row r="49871" spans="1:3" ht="19.2">
      <c r="A49871" s="2"/>
      <c r="B49871" s="2"/>
      <c r="C49871" s="2"/>
    </row>
    <row r="49872" spans="1:3" ht="19.2">
      <c r="A49872" s="2"/>
      <c r="B49872" s="2"/>
      <c r="C49872" s="2"/>
    </row>
    <row r="49873" spans="1:3" ht="19.2">
      <c r="A49873" s="2"/>
      <c r="B49873" s="2"/>
      <c r="C49873" s="2"/>
    </row>
    <row r="49874" spans="1:3" ht="19.2">
      <c r="A49874" s="2"/>
      <c r="B49874" s="2"/>
      <c r="C49874" s="2"/>
    </row>
    <row r="49875" spans="1:3" ht="19.2">
      <c r="A49875" s="2"/>
      <c r="B49875" s="2"/>
      <c r="C49875" s="2"/>
    </row>
    <row r="49876" spans="1:3" ht="19.2">
      <c r="A49876" s="2"/>
      <c r="B49876" s="2"/>
      <c r="C49876" s="2"/>
    </row>
    <row r="49877" spans="1:3" ht="19.2">
      <c r="A49877" s="2"/>
      <c r="B49877" s="2"/>
      <c r="C49877" s="2"/>
    </row>
    <row r="49878" spans="1:3" ht="19.2">
      <c r="A49878" s="2"/>
      <c r="B49878" s="2"/>
      <c r="C49878" s="2"/>
    </row>
    <row r="49879" spans="1:3" ht="19.2">
      <c r="A49879" s="2"/>
      <c r="B49879" s="2"/>
      <c r="C49879" s="2"/>
    </row>
    <row r="49880" spans="1:3" ht="19.2">
      <c r="A49880" s="2"/>
      <c r="B49880" s="2"/>
      <c r="C49880" s="2"/>
    </row>
    <row r="49881" spans="1:3" ht="19.2">
      <c r="A49881" s="2"/>
      <c r="B49881" s="2"/>
      <c r="C49881" s="2"/>
    </row>
    <row r="49882" spans="1:3" ht="19.2">
      <c r="A49882" s="2"/>
      <c r="B49882" s="2"/>
      <c r="C49882" s="2"/>
    </row>
    <row r="49883" spans="1:3" ht="19.2">
      <c r="A49883" s="2"/>
      <c r="B49883" s="2"/>
      <c r="C49883" s="2"/>
    </row>
    <row r="49884" spans="1:3" ht="19.2">
      <c r="A49884" s="2"/>
      <c r="B49884" s="2"/>
      <c r="C49884" s="2"/>
    </row>
    <row r="49885" spans="1:3" ht="19.2">
      <c r="A49885" s="2"/>
      <c r="B49885" s="2"/>
      <c r="C49885" s="2"/>
    </row>
    <row r="49886" spans="1:3" ht="19.2">
      <c r="A49886" s="2"/>
      <c r="B49886" s="2"/>
      <c r="C49886" s="2"/>
    </row>
    <row r="49887" spans="1:3" ht="19.2">
      <c r="A49887" s="2"/>
      <c r="B49887" s="2"/>
      <c r="C49887" s="2"/>
    </row>
    <row r="49888" spans="1:3" ht="19.2">
      <c r="A49888" s="2"/>
      <c r="B49888" s="2"/>
      <c r="C49888" s="2"/>
    </row>
    <row r="49889" spans="1:3" ht="19.2">
      <c r="A49889" s="2"/>
      <c r="B49889" s="2"/>
      <c r="C49889" s="2"/>
    </row>
    <row r="49890" spans="1:3" ht="19.2">
      <c r="A49890" s="2"/>
      <c r="B49890" s="2"/>
      <c r="C49890" s="2"/>
    </row>
    <row r="49891" spans="1:3" ht="19.2">
      <c r="A49891" s="2"/>
      <c r="B49891" s="2"/>
      <c r="C49891" s="2"/>
    </row>
    <row r="49892" spans="1:3" ht="19.2">
      <c r="A49892" s="2"/>
      <c r="B49892" s="2"/>
      <c r="C49892" s="2"/>
    </row>
    <row r="49893" spans="1:3" ht="19.2">
      <c r="A49893" s="2"/>
      <c r="B49893" s="2"/>
      <c r="C49893" s="2"/>
    </row>
    <row r="49894" spans="1:3" ht="19.2">
      <c r="A49894" s="2"/>
      <c r="B49894" s="2"/>
      <c r="C49894" s="2"/>
    </row>
    <row r="49895" spans="1:3" ht="19.2">
      <c r="A49895" s="2"/>
      <c r="B49895" s="2"/>
      <c r="C49895" s="2"/>
    </row>
    <row r="49896" spans="1:3" ht="19.2">
      <c r="A49896" s="2"/>
      <c r="B49896" s="2"/>
      <c r="C49896" s="2"/>
    </row>
    <row r="49897" spans="1:3" ht="19.2">
      <c r="A49897" s="2"/>
      <c r="B49897" s="2"/>
      <c r="C49897" s="2"/>
    </row>
    <row r="49898" spans="1:3" ht="19.2">
      <c r="A49898" s="2"/>
      <c r="B49898" s="2"/>
      <c r="C49898" s="2"/>
    </row>
    <row r="49899" spans="1:3" ht="19.2">
      <c r="A49899" s="2"/>
      <c r="B49899" s="2"/>
      <c r="C49899" s="2"/>
    </row>
    <row r="49900" spans="1:3" ht="19.2">
      <c r="A49900" s="2"/>
      <c r="B49900" s="2"/>
      <c r="C49900" s="2"/>
    </row>
    <row r="49901" spans="1:3" ht="19.2">
      <c r="A49901" s="2"/>
      <c r="B49901" s="2"/>
      <c r="C49901" s="2"/>
    </row>
    <row r="49902" spans="1:3" ht="19.2">
      <c r="A49902" s="2"/>
      <c r="B49902" s="2"/>
      <c r="C49902" s="2"/>
    </row>
    <row r="49903" spans="1:3" ht="19.2">
      <c r="A49903" s="2"/>
      <c r="B49903" s="2"/>
      <c r="C49903" s="2"/>
    </row>
    <row r="49904" spans="1:3" ht="19.2">
      <c r="A49904" s="2"/>
      <c r="B49904" s="2"/>
      <c r="C49904" s="2"/>
    </row>
    <row r="49905" spans="1:3" ht="19.2">
      <c r="A49905" s="2"/>
      <c r="B49905" s="2"/>
      <c r="C49905" s="2"/>
    </row>
    <row r="49906" spans="1:3" ht="19.2">
      <c r="A49906" s="2"/>
      <c r="B49906" s="2"/>
      <c r="C49906" s="2"/>
    </row>
    <row r="49907" spans="1:3" ht="19.2">
      <c r="A49907" s="2"/>
      <c r="B49907" s="2"/>
      <c r="C49907" s="2"/>
    </row>
    <row r="49908" spans="1:3" ht="19.2">
      <c r="A49908" s="2"/>
      <c r="B49908" s="2"/>
      <c r="C49908" s="2"/>
    </row>
    <row r="49909" spans="1:3" ht="19.2">
      <c r="A49909" s="2"/>
      <c r="B49909" s="2"/>
      <c r="C49909" s="2"/>
    </row>
    <row r="49910" spans="1:3" ht="19.2">
      <c r="A49910" s="2"/>
      <c r="B49910" s="2"/>
      <c r="C49910" s="2"/>
    </row>
    <row r="49911" spans="1:3" ht="19.2">
      <c r="A49911" s="2"/>
      <c r="B49911" s="2"/>
      <c r="C49911" s="2"/>
    </row>
    <row r="49912" spans="1:3" ht="19.2">
      <c r="A49912" s="2"/>
      <c r="B49912" s="2"/>
      <c r="C49912" s="2"/>
    </row>
    <row r="49913" spans="1:3" ht="19.2">
      <c r="A49913" s="2"/>
      <c r="B49913" s="2"/>
      <c r="C49913" s="2"/>
    </row>
    <row r="49914" spans="1:3" ht="19.2">
      <c r="A49914" s="2"/>
      <c r="B49914" s="2"/>
      <c r="C49914" s="2"/>
    </row>
    <row r="49915" spans="1:3" ht="19.2">
      <c r="A49915" s="2"/>
      <c r="B49915" s="2"/>
      <c r="C49915" s="2"/>
    </row>
    <row r="49916" spans="1:3" ht="19.2">
      <c r="A49916" s="2"/>
      <c r="B49916" s="2"/>
      <c r="C49916" s="2"/>
    </row>
    <row r="49917" spans="1:3" ht="19.2">
      <c r="A49917" s="2"/>
      <c r="B49917" s="2"/>
      <c r="C49917" s="2"/>
    </row>
    <row r="49918" spans="1:3" ht="19.2">
      <c r="A49918" s="2"/>
      <c r="B49918" s="2"/>
      <c r="C49918" s="2"/>
    </row>
    <row r="49919" spans="1:3" ht="19.2">
      <c r="A49919" s="2"/>
      <c r="B49919" s="2"/>
      <c r="C49919" s="2"/>
    </row>
    <row r="49920" spans="1:3" ht="19.2">
      <c r="A49920" s="2"/>
      <c r="B49920" s="2"/>
      <c r="C49920" s="2"/>
    </row>
    <row r="49921" spans="1:3" ht="19.2">
      <c r="A49921" s="2"/>
      <c r="B49921" s="2"/>
      <c r="C49921" s="2"/>
    </row>
    <row r="49922" spans="1:3" ht="19.2">
      <c r="A49922" s="2"/>
      <c r="B49922" s="2"/>
      <c r="C49922" s="2"/>
    </row>
    <row r="49923" spans="1:3" ht="19.2">
      <c r="A49923" s="2"/>
      <c r="B49923" s="2"/>
      <c r="C49923" s="2"/>
    </row>
    <row r="49924" spans="1:3" ht="19.2">
      <c r="A49924" s="2"/>
      <c r="B49924" s="2"/>
      <c r="C49924" s="2"/>
    </row>
    <row r="49925" spans="1:3" ht="19.2">
      <c r="A49925" s="2"/>
      <c r="B49925" s="2"/>
      <c r="C49925" s="2"/>
    </row>
    <row r="49926" spans="1:3" ht="19.2">
      <c r="A49926" s="2"/>
      <c r="B49926" s="2"/>
      <c r="C49926" s="2"/>
    </row>
    <row r="49927" spans="1:3" ht="19.2">
      <c r="A49927" s="2"/>
      <c r="B49927" s="2"/>
      <c r="C49927" s="2"/>
    </row>
    <row r="49928" spans="1:3" ht="19.2">
      <c r="A49928" s="2"/>
      <c r="B49928" s="2"/>
      <c r="C49928" s="2"/>
    </row>
    <row r="49929" spans="1:3" ht="19.2">
      <c r="A49929" s="2"/>
      <c r="B49929" s="2"/>
      <c r="C49929" s="2"/>
    </row>
    <row r="49930" spans="1:3" ht="19.2">
      <c r="A49930" s="2"/>
      <c r="B49930" s="2"/>
      <c r="C49930" s="2"/>
    </row>
    <row r="49931" spans="1:3" ht="19.2">
      <c r="A49931" s="2"/>
      <c r="B49931" s="2"/>
      <c r="C49931" s="2"/>
    </row>
    <row r="49932" spans="1:3" ht="19.2">
      <c r="A49932" s="2"/>
      <c r="B49932" s="2"/>
      <c r="C49932" s="2"/>
    </row>
    <row r="49933" spans="1:3" ht="19.2">
      <c r="A49933" s="2"/>
      <c r="B49933" s="2"/>
      <c r="C49933" s="2"/>
    </row>
    <row r="49934" spans="1:3" ht="19.2">
      <c r="A49934" s="2"/>
      <c r="B49934" s="2"/>
      <c r="C49934" s="2"/>
    </row>
    <row r="49935" spans="1:3" ht="19.2">
      <c r="A49935" s="2"/>
      <c r="B49935" s="2"/>
      <c r="C49935" s="2"/>
    </row>
    <row r="49936" spans="1:3" ht="19.2">
      <c r="A49936" s="2"/>
      <c r="B49936" s="2"/>
      <c r="C49936" s="2"/>
    </row>
    <row r="49937" spans="1:3" ht="19.2">
      <c r="A49937" s="2"/>
      <c r="B49937" s="2"/>
      <c r="C49937" s="2"/>
    </row>
    <row r="49938" spans="1:3" ht="19.2">
      <c r="A49938" s="2"/>
      <c r="B49938" s="2"/>
      <c r="C49938" s="2"/>
    </row>
    <row r="49939" spans="1:3" ht="19.2">
      <c r="A49939" s="2"/>
      <c r="B49939" s="2"/>
      <c r="C49939" s="2"/>
    </row>
    <row r="49940" spans="1:3" ht="19.2">
      <c r="A49940" s="2"/>
      <c r="B49940" s="2"/>
      <c r="C49940" s="2"/>
    </row>
    <row r="49941" spans="1:3" ht="19.2">
      <c r="A49941" s="2"/>
      <c r="B49941" s="2"/>
      <c r="C49941" s="2"/>
    </row>
    <row r="49942" spans="1:3" ht="19.2">
      <c r="A49942" s="2"/>
      <c r="B49942" s="2"/>
      <c r="C49942" s="2"/>
    </row>
    <row r="49943" spans="1:3" ht="19.2">
      <c r="A49943" s="2"/>
      <c r="B49943" s="2"/>
      <c r="C49943" s="2"/>
    </row>
    <row r="49944" spans="1:3" ht="19.2">
      <c r="A49944" s="2"/>
      <c r="B49944" s="2"/>
      <c r="C49944" s="2"/>
    </row>
    <row r="49945" spans="1:3" ht="19.2">
      <c r="A49945" s="2"/>
      <c r="B49945" s="2"/>
      <c r="C49945" s="2"/>
    </row>
    <row r="49946" spans="1:3" ht="19.2">
      <c r="A49946" s="2"/>
      <c r="B49946" s="2"/>
      <c r="C49946" s="2"/>
    </row>
    <row r="49947" spans="1:3" ht="19.2">
      <c r="A49947" s="2"/>
      <c r="B49947" s="2"/>
      <c r="C49947" s="2"/>
    </row>
    <row r="49948" spans="1:3" ht="19.2">
      <c r="A49948" s="2"/>
      <c r="B49948" s="2"/>
      <c r="C49948" s="2"/>
    </row>
    <row r="49949" spans="1:3" ht="19.2">
      <c r="A49949" s="2"/>
      <c r="B49949" s="2"/>
      <c r="C49949" s="2"/>
    </row>
    <row r="49950" spans="1:3" ht="19.2">
      <c r="A49950" s="2"/>
      <c r="B49950" s="2"/>
      <c r="C49950" s="2"/>
    </row>
    <row r="49951" spans="1:3" ht="19.2">
      <c r="A49951" s="2"/>
      <c r="B49951" s="2"/>
      <c r="C49951" s="2"/>
    </row>
    <row r="49952" spans="1:3" ht="19.2">
      <c r="A49952" s="2"/>
      <c r="B49952" s="2"/>
      <c r="C49952" s="2"/>
    </row>
    <row r="49953" spans="1:3" ht="19.2">
      <c r="A49953" s="2"/>
      <c r="B49953" s="2"/>
      <c r="C49953" s="2"/>
    </row>
    <row r="49954" spans="1:3" ht="19.2">
      <c r="A49954" s="2"/>
      <c r="B49954" s="2"/>
      <c r="C49954" s="2"/>
    </row>
    <row r="49955" spans="1:3" ht="19.2">
      <c r="A49955" s="2"/>
      <c r="B49955" s="2"/>
      <c r="C49955" s="2"/>
    </row>
    <row r="49956" spans="1:3" ht="19.2">
      <c r="A49956" s="2"/>
      <c r="B49956" s="2"/>
      <c r="C49956" s="2"/>
    </row>
    <row r="49957" spans="1:3" ht="19.2">
      <c r="A49957" s="2"/>
      <c r="B49957" s="2"/>
      <c r="C49957" s="2"/>
    </row>
    <row r="49958" spans="1:3" ht="19.2">
      <c r="A49958" s="2"/>
      <c r="B49958" s="2"/>
      <c r="C49958" s="2"/>
    </row>
    <row r="49959" spans="1:3" ht="19.2">
      <c r="A49959" s="2"/>
      <c r="B49959" s="2"/>
      <c r="C49959" s="2"/>
    </row>
    <row r="49960" spans="1:3" ht="19.2">
      <c r="A49960" s="2"/>
      <c r="B49960" s="2"/>
      <c r="C49960" s="2"/>
    </row>
    <row r="49961" spans="1:3" ht="19.2">
      <c r="A49961" s="2"/>
      <c r="B49961" s="2"/>
      <c r="C49961" s="2"/>
    </row>
    <row r="49962" spans="1:3" ht="19.2">
      <c r="A49962" s="2"/>
      <c r="B49962" s="2"/>
      <c r="C49962" s="2"/>
    </row>
    <row r="49963" spans="1:3" ht="19.2">
      <c r="A49963" s="2"/>
      <c r="B49963" s="2"/>
      <c r="C49963" s="2"/>
    </row>
    <row r="49964" spans="1:3" ht="19.2">
      <c r="A49964" s="2"/>
      <c r="B49964" s="2"/>
      <c r="C49964" s="2"/>
    </row>
    <row r="49965" spans="1:3" ht="19.2">
      <c r="A49965" s="2"/>
      <c r="B49965" s="2"/>
      <c r="C49965" s="2"/>
    </row>
    <row r="49966" spans="1:3" ht="19.2">
      <c r="A49966" s="2"/>
      <c r="B49966" s="2"/>
      <c r="C49966" s="2"/>
    </row>
    <row r="49967" spans="1:3" ht="19.2">
      <c r="A49967" s="2"/>
      <c r="B49967" s="2"/>
      <c r="C49967" s="2"/>
    </row>
    <row r="49968" spans="1:3" ht="19.2">
      <c r="A49968" s="2"/>
      <c r="B49968" s="2"/>
      <c r="C49968" s="2"/>
    </row>
    <row r="49969" spans="1:3" ht="19.2">
      <c r="A49969" s="2"/>
      <c r="B49969" s="2"/>
      <c r="C49969" s="2"/>
    </row>
    <row r="49970" spans="1:3" ht="19.2">
      <c r="A49970" s="2"/>
      <c r="B49970" s="2"/>
      <c r="C49970" s="2"/>
    </row>
    <row r="49971" spans="1:3" ht="19.2">
      <c r="A49971" s="2"/>
      <c r="B49971" s="2"/>
      <c r="C49971" s="2"/>
    </row>
    <row r="49972" spans="1:3" ht="19.2">
      <c r="A49972" s="2"/>
      <c r="B49972" s="2"/>
      <c r="C49972" s="2"/>
    </row>
    <row r="49973" spans="1:3" ht="19.2">
      <c r="A49973" s="2"/>
      <c r="B49973" s="2"/>
      <c r="C49973" s="2"/>
    </row>
    <row r="49974" spans="1:3" ht="19.2">
      <c r="A49974" s="2"/>
      <c r="B49974" s="2"/>
      <c r="C49974" s="2"/>
    </row>
    <row r="49975" spans="1:3" ht="19.2">
      <c r="A49975" s="2"/>
      <c r="B49975" s="2"/>
      <c r="C49975" s="2"/>
    </row>
    <row r="49976" spans="1:3" ht="19.2">
      <c r="A49976" s="2"/>
      <c r="B49976" s="2"/>
      <c r="C49976" s="2"/>
    </row>
    <row r="49977" spans="1:3" ht="19.2">
      <c r="A49977" s="2"/>
      <c r="B49977" s="2"/>
      <c r="C49977" s="2"/>
    </row>
    <row r="49978" spans="1:3" ht="19.2">
      <c r="A49978" s="2"/>
      <c r="B49978" s="2"/>
      <c r="C49978" s="2"/>
    </row>
    <row r="49979" spans="1:3" ht="19.2">
      <c r="A49979" s="2"/>
      <c r="B49979" s="2"/>
      <c r="C49979" s="2"/>
    </row>
    <row r="49980" spans="1:3" ht="19.2">
      <c r="A49980" s="2"/>
      <c r="B49980" s="2"/>
      <c r="C49980" s="2"/>
    </row>
    <row r="49981" spans="1:3" ht="19.2">
      <c r="A49981" s="2"/>
      <c r="B49981" s="2"/>
      <c r="C49981" s="2"/>
    </row>
    <row r="49982" spans="1:3" ht="19.2">
      <c r="A49982" s="2"/>
      <c r="B49982" s="2"/>
      <c r="C49982" s="2"/>
    </row>
    <row r="49983" spans="1:3" ht="19.2">
      <c r="A49983" s="2"/>
      <c r="B49983" s="2"/>
      <c r="C49983" s="2"/>
    </row>
    <row r="49984" spans="1:3" ht="19.2">
      <c r="A49984" s="2"/>
      <c r="B49984" s="2"/>
      <c r="C49984" s="2"/>
    </row>
    <row r="49985" spans="1:3" ht="19.2">
      <c r="A49985" s="2"/>
      <c r="B49985" s="2"/>
      <c r="C49985" s="2"/>
    </row>
    <row r="49986" spans="1:3" ht="19.2">
      <c r="A49986" s="2"/>
      <c r="B49986" s="2"/>
      <c r="C49986" s="2"/>
    </row>
    <row r="49987" spans="1:3" ht="19.2">
      <c r="A49987" s="2"/>
      <c r="B49987" s="2"/>
      <c r="C49987" s="2"/>
    </row>
    <row r="49988" spans="1:3" ht="19.2">
      <c r="A49988" s="2"/>
      <c r="B49988" s="2"/>
      <c r="C49988" s="2"/>
    </row>
    <row r="49989" spans="1:3" ht="19.2">
      <c r="A49989" s="2"/>
      <c r="B49989" s="2"/>
      <c r="C49989" s="2"/>
    </row>
    <row r="49990" spans="1:3" ht="19.2">
      <c r="A49990" s="2"/>
      <c r="B49990" s="2"/>
      <c r="C49990" s="2"/>
    </row>
    <row r="49991" spans="1:3" ht="19.2">
      <c r="A49991" s="2"/>
      <c r="B49991" s="2"/>
      <c r="C49991" s="2"/>
    </row>
    <row r="49992" spans="1:3" ht="19.2">
      <c r="A49992" s="2"/>
      <c r="B49992" s="2"/>
      <c r="C49992" s="2"/>
    </row>
    <row r="49993" spans="1:3" ht="19.2">
      <c r="A49993" s="2"/>
      <c r="B49993" s="2"/>
      <c r="C49993" s="2"/>
    </row>
    <row r="49994" spans="1:3" ht="19.2">
      <c r="A49994" s="2"/>
      <c r="B49994" s="2"/>
      <c r="C49994" s="2"/>
    </row>
    <row r="49995" spans="1:3" ht="19.2">
      <c r="A49995" s="2"/>
      <c r="B49995" s="2"/>
      <c r="C49995" s="2"/>
    </row>
    <row r="49996" spans="1:3" ht="19.2">
      <c r="A49996" s="2"/>
      <c r="B49996" s="2"/>
      <c r="C49996" s="2"/>
    </row>
    <row r="49997" spans="1:3" ht="19.2">
      <c r="A49997" s="2"/>
      <c r="B49997" s="2"/>
      <c r="C49997" s="2"/>
    </row>
    <row r="49998" spans="1:3" ht="19.2">
      <c r="A49998" s="2"/>
      <c r="B49998" s="2"/>
      <c r="C49998" s="2"/>
    </row>
    <row r="49999" spans="1:3" ht="19.2">
      <c r="A49999" s="2"/>
      <c r="B49999" s="2"/>
      <c r="C49999" s="2"/>
    </row>
    <row r="50000" spans="1:3" ht="19.2">
      <c r="A50000" s="2"/>
      <c r="B50000" s="2"/>
      <c r="C50000" s="2"/>
    </row>
    <row r="50001" spans="1:3" ht="19.2">
      <c r="A50001" s="2"/>
      <c r="B50001" s="2"/>
      <c r="C50001" s="2"/>
    </row>
    <row r="50002" spans="1:3" ht="19.2">
      <c r="A50002" s="2"/>
      <c r="B50002" s="2"/>
      <c r="C50002" s="2"/>
    </row>
    <row r="50003" spans="1:3" ht="19.2">
      <c r="A50003" s="2"/>
      <c r="B50003" s="2"/>
      <c r="C50003" s="2"/>
    </row>
    <row r="50004" spans="1:3" ht="19.2">
      <c r="A50004" s="2"/>
      <c r="B50004" s="2"/>
      <c r="C50004" s="2"/>
    </row>
    <row r="50005" spans="1:3" ht="19.2">
      <c r="A50005" s="2"/>
      <c r="B50005" s="2"/>
      <c r="C50005" s="2"/>
    </row>
    <row r="50006" spans="1:3" ht="19.2">
      <c r="A50006" s="2"/>
      <c r="B50006" s="2"/>
      <c r="C50006" s="2"/>
    </row>
    <row r="50007" spans="1:3" ht="19.2">
      <c r="A50007" s="2"/>
      <c r="B50007" s="2"/>
      <c r="C50007" s="2"/>
    </row>
    <row r="50008" spans="1:3" ht="19.2">
      <c r="A50008" s="2"/>
      <c r="B50008" s="2"/>
      <c r="C50008" s="2"/>
    </row>
    <row r="50009" spans="1:3" ht="19.2">
      <c r="A50009" s="2"/>
      <c r="B50009" s="2"/>
      <c r="C50009" s="2"/>
    </row>
    <row r="50010" spans="1:3" ht="19.2">
      <c r="A50010" s="2"/>
      <c r="B50010" s="2"/>
      <c r="C50010" s="2"/>
    </row>
    <row r="50011" spans="1:3" ht="19.2">
      <c r="A50011" s="2"/>
      <c r="B50011" s="2"/>
      <c r="C50011" s="2"/>
    </row>
    <row r="50012" spans="1:3" ht="19.2">
      <c r="A50012" s="2"/>
      <c r="B50012" s="2"/>
      <c r="C50012" s="2"/>
    </row>
    <row r="50013" spans="1:3" ht="19.2">
      <c r="A50013" s="2"/>
      <c r="B50013" s="2"/>
      <c r="C50013" s="2"/>
    </row>
    <row r="50014" spans="1:3" ht="19.2">
      <c r="A50014" s="2"/>
      <c r="B50014" s="2"/>
      <c r="C50014" s="2"/>
    </row>
    <row r="50015" spans="1:3" ht="19.2">
      <c r="A50015" s="2"/>
      <c r="B50015" s="2"/>
      <c r="C50015" s="2"/>
    </row>
    <row r="50016" spans="1:3" ht="19.2">
      <c r="A50016" s="2"/>
      <c r="B50016" s="2"/>
      <c r="C50016" s="2"/>
    </row>
    <row r="50017" spans="1:3" ht="19.2">
      <c r="A50017" s="2"/>
      <c r="B50017" s="2"/>
      <c r="C50017" s="2"/>
    </row>
    <row r="50018" spans="1:3" ht="19.2">
      <c r="A50018" s="2"/>
      <c r="B50018" s="2"/>
      <c r="C50018" s="2"/>
    </row>
    <row r="50019" spans="1:3" ht="19.2">
      <c r="A50019" s="2"/>
      <c r="B50019" s="2"/>
      <c r="C50019" s="2"/>
    </row>
    <row r="50020" spans="1:3" ht="19.2">
      <c r="A50020" s="2"/>
      <c r="B50020" s="2"/>
      <c r="C50020" s="2"/>
    </row>
    <row r="50021" spans="1:3" ht="19.2">
      <c r="A50021" s="2"/>
      <c r="B50021" s="2"/>
      <c r="C50021" s="2"/>
    </row>
    <row r="50022" spans="1:3" ht="19.2">
      <c r="A50022" s="2"/>
      <c r="B50022" s="2"/>
      <c r="C50022" s="2"/>
    </row>
    <row r="50023" spans="1:3" ht="19.2">
      <c r="A50023" s="2"/>
      <c r="B50023" s="2"/>
      <c r="C50023" s="2"/>
    </row>
    <row r="50024" spans="1:3" ht="19.2">
      <c r="A50024" s="2"/>
      <c r="B50024" s="2"/>
      <c r="C50024" s="2"/>
    </row>
    <row r="50025" spans="1:3" ht="19.2">
      <c r="A50025" s="2"/>
      <c r="B50025" s="2"/>
      <c r="C50025" s="2"/>
    </row>
    <row r="50026" spans="1:3" ht="19.2">
      <c r="A50026" s="2"/>
      <c r="B50026" s="2"/>
      <c r="C50026" s="2"/>
    </row>
    <row r="50027" spans="1:3" ht="19.2">
      <c r="A50027" s="2"/>
      <c r="B50027" s="2"/>
      <c r="C50027" s="2"/>
    </row>
    <row r="50028" spans="1:3" ht="19.2">
      <c r="A50028" s="2"/>
      <c r="B50028" s="2"/>
      <c r="C50028" s="2"/>
    </row>
    <row r="50029" spans="1:3" ht="19.2">
      <c r="A50029" s="2"/>
      <c r="B50029" s="2"/>
      <c r="C50029" s="2"/>
    </row>
    <row r="50030" spans="1:3" ht="19.2">
      <c r="A50030" s="2"/>
      <c r="B50030" s="2"/>
      <c r="C50030" s="2"/>
    </row>
    <row r="50031" spans="1:3" ht="19.2">
      <c r="A50031" s="2"/>
      <c r="B50031" s="2"/>
      <c r="C50031" s="2"/>
    </row>
    <row r="50032" spans="1:3" ht="19.2">
      <c r="A50032" s="2"/>
      <c r="B50032" s="2"/>
      <c r="C50032" s="2"/>
    </row>
    <row r="50033" spans="1:3" ht="19.2">
      <c r="A50033" s="2"/>
      <c r="B50033" s="2"/>
      <c r="C50033" s="2"/>
    </row>
    <row r="50034" spans="1:3" ht="19.2">
      <c r="A50034" s="2"/>
      <c r="B50034" s="2"/>
      <c r="C50034" s="2"/>
    </row>
    <row r="50035" spans="1:3" ht="19.2">
      <c r="A50035" s="2"/>
      <c r="B50035" s="2"/>
      <c r="C50035" s="2"/>
    </row>
    <row r="50036" spans="1:3" ht="19.2">
      <c r="A50036" s="2"/>
      <c r="B50036" s="2"/>
      <c r="C50036" s="2"/>
    </row>
    <row r="50037" spans="1:3" ht="19.2">
      <c r="A50037" s="2"/>
      <c r="B50037" s="2"/>
      <c r="C50037" s="2"/>
    </row>
    <row r="50038" spans="1:3" ht="19.2">
      <c r="A50038" s="2"/>
      <c r="B50038" s="2"/>
      <c r="C50038" s="2"/>
    </row>
    <row r="50039" spans="1:3" ht="19.2">
      <c r="A50039" s="2"/>
      <c r="B50039" s="2"/>
      <c r="C50039" s="2"/>
    </row>
    <row r="50040" spans="1:3" ht="19.2">
      <c r="A50040" s="2"/>
      <c r="B50040" s="2"/>
      <c r="C50040" s="2"/>
    </row>
    <row r="50041" spans="1:3" ht="19.2">
      <c r="A50041" s="2"/>
      <c r="B50041" s="2"/>
      <c r="C50041" s="2"/>
    </row>
    <row r="50042" spans="1:3" ht="19.2">
      <c r="A50042" s="2"/>
      <c r="B50042" s="2"/>
      <c r="C50042" s="2"/>
    </row>
    <row r="50043" spans="1:3" ht="19.2">
      <c r="A50043" s="2"/>
      <c r="B50043" s="2"/>
      <c r="C50043" s="2"/>
    </row>
    <row r="50044" spans="1:3" ht="19.2">
      <c r="A50044" s="2"/>
      <c r="B50044" s="2"/>
      <c r="C50044" s="2"/>
    </row>
    <row r="50045" spans="1:3" ht="19.2">
      <c r="A50045" s="2"/>
      <c r="B50045" s="2"/>
      <c r="C50045" s="2"/>
    </row>
    <row r="50046" spans="1:3" ht="19.2">
      <c r="A50046" s="2"/>
      <c r="B50046" s="2"/>
      <c r="C50046" s="2"/>
    </row>
    <row r="50047" spans="1:3" ht="19.2">
      <c r="A50047" s="2"/>
      <c r="B50047" s="2"/>
      <c r="C50047" s="2"/>
    </row>
    <row r="50048" spans="1:3" ht="19.2">
      <c r="A50048" s="2"/>
      <c r="B50048" s="2"/>
      <c r="C50048" s="2"/>
    </row>
    <row r="50049" spans="1:3" ht="19.2">
      <c r="A50049" s="2"/>
      <c r="B50049" s="2"/>
      <c r="C50049" s="2"/>
    </row>
    <row r="50050" spans="1:3" ht="19.2">
      <c r="A50050" s="2"/>
      <c r="B50050" s="2"/>
      <c r="C50050" s="2"/>
    </row>
    <row r="50051" spans="1:3" ht="19.2">
      <c r="A50051" s="2"/>
      <c r="B50051" s="2"/>
      <c r="C50051" s="2"/>
    </row>
    <row r="50052" spans="1:3" ht="19.2">
      <c r="A50052" s="2"/>
      <c r="B50052" s="2"/>
      <c r="C50052" s="2"/>
    </row>
    <row r="50053" spans="1:3" ht="19.2">
      <c r="A50053" s="2"/>
      <c r="B50053" s="2"/>
      <c r="C50053" s="2"/>
    </row>
    <row r="50054" spans="1:3" ht="19.2">
      <c r="A50054" s="2"/>
      <c r="B50054" s="2"/>
      <c r="C50054" s="2"/>
    </row>
    <row r="50055" spans="1:3" ht="19.2">
      <c r="A50055" s="2"/>
      <c r="B50055" s="2"/>
      <c r="C50055" s="2"/>
    </row>
    <row r="50056" spans="1:3" ht="19.2">
      <c r="A50056" s="2"/>
      <c r="B50056" s="2"/>
      <c r="C50056" s="2"/>
    </row>
    <row r="50057" spans="1:3" ht="19.2">
      <c r="A50057" s="2"/>
      <c r="B50057" s="2"/>
      <c r="C50057" s="2"/>
    </row>
    <row r="50058" spans="1:3" ht="19.2">
      <c r="A50058" s="2"/>
      <c r="B50058" s="2"/>
      <c r="C50058" s="2"/>
    </row>
    <row r="50059" spans="1:3" ht="19.2">
      <c r="A50059" s="2"/>
      <c r="B50059" s="2"/>
      <c r="C50059" s="2"/>
    </row>
    <row r="50060" spans="1:3" ht="19.2">
      <c r="A50060" s="2"/>
      <c r="B50060" s="2"/>
      <c r="C50060" s="2"/>
    </row>
    <row r="50061" spans="1:3" ht="19.2">
      <c r="A50061" s="2"/>
      <c r="B50061" s="2"/>
      <c r="C50061" s="2"/>
    </row>
    <row r="50062" spans="1:3" ht="19.2">
      <c r="A50062" s="2"/>
      <c r="B50062" s="2"/>
      <c r="C50062" s="2"/>
    </row>
    <row r="50063" spans="1:3" ht="19.2">
      <c r="A50063" s="2"/>
      <c r="B50063" s="2"/>
      <c r="C50063" s="2"/>
    </row>
    <row r="50064" spans="1:3" ht="19.2">
      <c r="A50064" s="2"/>
      <c r="B50064" s="2"/>
      <c r="C50064" s="2"/>
    </row>
    <row r="50065" spans="1:3" ht="19.2">
      <c r="A50065" s="2"/>
      <c r="B50065" s="2"/>
      <c r="C50065" s="2"/>
    </row>
    <row r="50066" spans="1:3" ht="19.2">
      <c r="A50066" s="2"/>
      <c r="B50066" s="2"/>
      <c r="C50066" s="2"/>
    </row>
    <row r="50067" spans="1:3" ht="19.2">
      <c r="A50067" s="2"/>
      <c r="B50067" s="2"/>
      <c r="C50067" s="2"/>
    </row>
    <row r="50068" spans="1:3" ht="19.2">
      <c r="A50068" s="2"/>
      <c r="B50068" s="2"/>
      <c r="C50068" s="2"/>
    </row>
    <row r="50069" spans="1:3" ht="19.2">
      <c r="A50069" s="2"/>
      <c r="B50069" s="2"/>
      <c r="C50069" s="2"/>
    </row>
    <row r="50070" spans="1:3" ht="19.2">
      <c r="A50070" s="2"/>
      <c r="B50070" s="2"/>
      <c r="C50070" s="2"/>
    </row>
    <row r="50071" spans="1:3" ht="19.2">
      <c r="A50071" s="2"/>
      <c r="B50071" s="2"/>
      <c r="C50071" s="2"/>
    </row>
    <row r="50072" spans="1:3" ht="19.2">
      <c r="A50072" s="2"/>
      <c r="B50072" s="2"/>
      <c r="C50072" s="2"/>
    </row>
    <row r="50073" spans="1:3" ht="19.2">
      <c r="A50073" s="2"/>
      <c r="B50073" s="2"/>
      <c r="C50073" s="2"/>
    </row>
    <row r="50074" spans="1:3" ht="19.2">
      <c r="A50074" s="2"/>
      <c r="B50074" s="2"/>
      <c r="C50074" s="2"/>
    </row>
    <row r="50075" spans="1:3" ht="19.2">
      <c r="A50075" s="2"/>
      <c r="B50075" s="2"/>
      <c r="C50075" s="2"/>
    </row>
    <row r="50076" spans="1:3" ht="19.2">
      <c r="A50076" s="2"/>
      <c r="B50076" s="2"/>
      <c r="C50076" s="2"/>
    </row>
    <row r="50077" spans="1:3" ht="19.2">
      <c r="A50077" s="2"/>
      <c r="B50077" s="2"/>
      <c r="C50077" s="2"/>
    </row>
    <row r="50078" spans="1:3" ht="19.2">
      <c r="A50078" s="2"/>
      <c r="B50078" s="2"/>
      <c r="C50078" s="2"/>
    </row>
    <row r="50079" spans="1:3" ht="19.2">
      <c r="A50079" s="2"/>
      <c r="B50079" s="2"/>
      <c r="C50079" s="2"/>
    </row>
    <row r="50080" spans="1:3" ht="19.2">
      <c r="A50080" s="2"/>
      <c r="B50080" s="2"/>
      <c r="C50080" s="2"/>
    </row>
    <row r="50081" spans="1:3" ht="19.2">
      <c r="A50081" s="2"/>
      <c r="B50081" s="2"/>
      <c r="C50081" s="2"/>
    </row>
    <row r="50082" spans="1:3" ht="19.2">
      <c r="A50082" s="2"/>
      <c r="B50082" s="2"/>
      <c r="C50082" s="2"/>
    </row>
    <row r="50083" spans="1:3" ht="19.2">
      <c r="A50083" s="2"/>
      <c r="B50083" s="2"/>
      <c r="C50083" s="2"/>
    </row>
    <row r="50084" spans="1:3" ht="19.2">
      <c r="A50084" s="2"/>
      <c r="B50084" s="2"/>
      <c r="C50084" s="2"/>
    </row>
    <row r="50085" spans="1:3" ht="19.2">
      <c r="A50085" s="2"/>
      <c r="B50085" s="2"/>
      <c r="C50085" s="2"/>
    </row>
    <row r="50086" spans="1:3" ht="19.2">
      <c r="A50086" s="2"/>
      <c r="B50086" s="2"/>
      <c r="C50086" s="2"/>
    </row>
    <row r="50087" spans="1:3" ht="19.2">
      <c r="A50087" s="2"/>
      <c r="B50087" s="2"/>
      <c r="C50087" s="2"/>
    </row>
    <row r="50088" spans="1:3" ht="19.2">
      <c r="A50088" s="2"/>
      <c r="B50088" s="2"/>
      <c r="C50088" s="2"/>
    </row>
    <row r="50089" spans="1:3" ht="19.2">
      <c r="A50089" s="2"/>
      <c r="B50089" s="2"/>
      <c r="C50089" s="2"/>
    </row>
    <row r="50090" spans="1:3" ht="19.2">
      <c r="A50090" s="2"/>
      <c r="B50090" s="2"/>
      <c r="C50090" s="2"/>
    </row>
    <row r="50091" spans="1:3" ht="19.2">
      <c r="A50091" s="2"/>
      <c r="B50091" s="2"/>
      <c r="C50091" s="2"/>
    </row>
    <row r="50092" spans="1:3" ht="19.2">
      <c r="A50092" s="2"/>
      <c r="B50092" s="2"/>
      <c r="C50092" s="2"/>
    </row>
    <row r="50093" spans="1:3" ht="19.2">
      <c r="A50093" s="2"/>
      <c r="B50093" s="2"/>
      <c r="C50093" s="2"/>
    </row>
    <row r="50094" spans="1:3" ht="19.2">
      <c r="A50094" s="2"/>
      <c r="B50094" s="2"/>
      <c r="C50094" s="2"/>
    </row>
    <row r="50095" spans="1:3" ht="19.2">
      <c r="A50095" s="2"/>
      <c r="B50095" s="2"/>
      <c r="C50095" s="2"/>
    </row>
    <row r="50096" spans="1:3" ht="19.2">
      <c r="A50096" s="2"/>
      <c r="B50096" s="2"/>
      <c r="C50096" s="2"/>
    </row>
    <row r="50097" spans="1:3" ht="19.2">
      <c r="A50097" s="2"/>
      <c r="B50097" s="2"/>
      <c r="C50097" s="2"/>
    </row>
    <row r="50098" spans="1:3" ht="19.2">
      <c r="A50098" s="2"/>
      <c r="B50098" s="2"/>
      <c r="C50098" s="2"/>
    </row>
    <row r="50099" spans="1:3" ht="19.2">
      <c r="A50099" s="2"/>
      <c r="B50099" s="2"/>
      <c r="C50099" s="2"/>
    </row>
    <row r="50100" spans="1:3" ht="19.2">
      <c r="A50100" s="2"/>
      <c r="B50100" s="2"/>
      <c r="C50100" s="2"/>
    </row>
    <row r="50101" spans="1:3" ht="19.2">
      <c r="A50101" s="2"/>
      <c r="B50101" s="2"/>
      <c r="C50101" s="2"/>
    </row>
    <row r="50102" spans="1:3" ht="19.2">
      <c r="A50102" s="2"/>
      <c r="B50102" s="2"/>
      <c r="C50102" s="2"/>
    </row>
    <row r="50103" spans="1:3" ht="19.2">
      <c r="A50103" s="2"/>
      <c r="B50103" s="2"/>
      <c r="C50103" s="2"/>
    </row>
    <row r="50104" spans="1:3" ht="19.2">
      <c r="A50104" s="2"/>
      <c r="B50104" s="2"/>
      <c r="C50104" s="2"/>
    </row>
    <row r="50105" spans="1:3" ht="19.2">
      <c r="A50105" s="2"/>
      <c r="B50105" s="2"/>
      <c r="C50105" s="2"/>
    </row>
    <row r="50106" spans="1:3" ht="19.2">
      <c r="A50106" s="2"/>
      <c r="B50106" s="2"/>
      <c r="C50106" s="2"/>
    </row>
    <row r="50107" spans="1:3" ht="19.2">
      <c r="A50107" s="2"/>
      <c r="B50107" s="2"/>
      <c r="C50107" s="2"/>
    </row>
    <row r="50108" spans="1:3" ht="19.2">
      <c r="A50108" s="2"/>
      <c r="B50108" s="2"/>
      <c r="C50108" s="2"/>
    </row>
    <row r="50109" spans="1:3" ht="19.2">
      <c r="A50109" s="2"/>
      <c r="B50109" s="2"/>
      <c r="C50109" s="2"/>
    </row>
    <row r="50110" spans="1:3" ht="19.2">
      <c r="A50110" s="2"/>
      <c r="B50110" s="2"/>
      <c r="C50110" s="2"/>
    </row>
    <row r="50111" spans="1:3" ht="19.2">
      <c r="A50111" s="2"/>
      <c r="B50111" s="2"/>
      <c r="C50111" s="2"/>
    </row>
    <row r="50112" spans="1:3" ht="19.2">
      <c r="A50112" s="2"/>
      <c r="B50112" s="2"/>
      <c r="C50112" s="2"/>
    </row>
    <row r="50113" spans="1:3" ht="19.2">
      <c r="A50113" s="2"/>
      <c r="B50113" s="2"/>
      <c r="C50113" s="2"/>
    </row>
    <row r="50114" spans="1:3" ht="19.2">
      <c r="A50114" s="2"/>
      <c r="B50114" s="2"/>
      <c r="C50114" s="2"/>
    </row>
    <row r="50115" spans="1:3" ht="19.2">
      <c r="A50115" s="2"/>
      <c r="B50115" s="2"/>
      <c r="C50115" s="2"/>
    </row>
    <row r="50116" spans="1:3" ht="19.2">
      <c r="A50116" s="2"/>
      <c r="B50116" s="2"/>
      <c r="C50116" s="2"/>
    </row>
    <row r="50117" spans="1:3" ht="19.2">
      <c r="A50117" s="2"/>
      <c r="B50117" s="2"/>
      <c r="C50117" s="2"/>
    </row>
    <row r="50118" spans="1:3" ht="19.2">
      <c r="A50118" s="2"/>
      <c r="B50118" s="2"/>
      <c r="C50118" s="2"/>
    </row>
    <row r="50119" spans="1:3" ht="19.2">
      <c r="A50119" s="2"/>
      <c r="B50119" s="2"/>
      <c r="C50119" s="2"/>
    </row>
    <row r="50120" spans="1:3" ht="19.2">
      <c r="A50120" s="2"/>
      <c r="B50120" s="2"/>
      <c r="C50120" s="2"/>
    </row>
    <row r="50121" spans="1:3" ht="19.2">
      <c r="A50121" s="2"/>
      <c r="B50121" s="2"/>
      <c r="C50121" s="2"/>
    </row>
    <row r="50122" spans="1:3" ht="19.2">
      <c r="A50122" s="2"/>
      <c r="B50122" s="2"/>
      <c r="C50122" s="2"/>
    </row>
    <row r="50123" spans="1:3" ht="19.2">
      <c r="A50123" s="2"/>
      <c r="B50123" s="2"/>
      <c r="C50123" s="2"/>
    </row>
    <row r="50124" spans="1:3" ht="19.2">
      <c r="A50124" s="2"/>
      <c r="B50124" s="2"/>
      <c r="C50124" s="2"/>
    </row>
    <row r="50125" spans="1:3" ht="19.2">
      <c r="A50125" s="2"/>
      <c r="B50125" s="2"/>
      <c r="C50125" s="2"/>
    </row>
    <row r="50126" spans="1:3" ht="19.2">
      <c r="A50126" s="2"/>
      <c r="B50126" s="2"/>
      <c r="C50126" s="2"/>
    </row>
    <row r="50127" spans="1:3" ht="19.2">
      <c r="A50127" s="2"/>
      <c r="B50127" s="2"/>
      <c r="C50127" s="2"/>
    </row>
    <row r="50128" spans="1:3" ht="19.2">
      <c r="A50128" s="2"/>
      <c r="B50128" s="2"/>
      <c r="C50128" s="2"/>
    </row>
    <row r="50129" spans="1:3" ht="19.2">
      <c r="A50129" s="2"/>
      <c r="B50129" s="2"/>
      <c r="C50129" s="2"/>
    </row>
    <row r="50130" spans="1:3" ht="19.2">
      <c r="A50130" s="2"/>
      <c r="B50130" s="2"/>
      <c r="C50130" s="2"/>
    </row>
    <row r="50131" spans="1:3" ht="19.2">
      <c r="A50131" s="2"/>
      <c r="B50131" s="2"/>
      <c r="C50131" s="2"/>
    </row>
    <row r="50132" spans="1:3" ht="19.2">
      <c r="A50132" s="2"/>
      <c r="B50132" s="2"/>
      <c r="C50132" s="2"/>
    </row>
    <row r="50133" spans="1:3" ht="19.2">
      <c r="A50133" s="2"/>
      <c r="B50133" s="2"/>
      <c r="C50133" s="2"/>
    </row>
    <row r="50134" spans="1:3" ht="19.2">
      <c r="A50134" s="2"/>
      <c r="B50134" s="2"/>
      <c r="C50134" s="2"/>
    </row>
    <row r="50135" spans="1:3" ht="19.2">
      <c r="A50135" s="2"/>
      <c r="B50135" s="2"/>
      <c r="C50135" s="2"/>
    </row>
    <row r="50136" spans="1:3" ht="19.2">
      <c r="A50136" s="2"/>
      <c r="B50136" s="2"/>
      <c r="C50136" s="2"/>
    </row>
    <row r="50137" spans="1:3" ht="19.2">
      <c r="A50137" s="2"/>
      <c r="B50137" s="2"/>
      <c r="C50137" s="2"/>
    </row>
    <row r="50138" spans="1:3" ht="19.2">
      <c r="A50138" s="2"/>
      <c r="B50138" s="2"/>
      <c r="C50138" s="2"/>
    </row>
    <row r="50139" spans="1:3" ht="19.2">
      <c r="A50139" s="2"/>
      <c r="B50139" s="2"/>
      <c r="C50139" s="2"/>
    </row>
    <row r="50140" spans="1:3" ht="19.2">
      <c r="A50140" s="2"/>
      <c r="B50140" s="2"/>
      <c r="C50140" s="2"/>
    </row>
    <row r="50141" spans="1:3" ht="19.2">
      <c r="A50141" s="2"/>
      <c r="B50141" s="2"/>
      <c r="C50141" s="2"/>
    </row>
    <row r="50142" spans="1:3" ht="19.2">
      <c r="A50142" s="2"/>
      <c r="B50142" s="2"/>
      <c r="C50142" s="2"/>
    </row>
    <row r="50143" spans="1:3" ht="19.2">
      <c r="A50143" s="2"/>
      <c r="B50143" s="2"/>
      <c r="C50143" s="2"/>
    </row>
    <row r="50144" spans="1:3" ht="19.2">
      <c r="A50144" s="2"/>
      <c r="B50144" s="2"/>
      <c r="C50144" s="2"/>
    </row>
    <row r="50145" spans="1:3" ht="19.2">
      <c r="A50145" s="2"/>
      <c r="B50145" s="2"/>
      <c r="C50145" s="2"/>
    </row>
    <row r="50146" spans="1:3" ht="19.2">
      <c r="A50146" s="2"/>
      <c r="B50146" s="2"/>
      <c r="C50146" s="2"/>
    </row>
    <row r="50147" spans="1:3" ht="19.2">
      <c r="A50147" s="2"/>
      <c r="B50147" s="2"/>
      <c r="C50147" s="2"/>
    </row>
    <row r="50148" spans="1:3" ht="19.2">
      <c r="A50148" s="2"/>
      <c r="B50148" s="2"/>
      <c r="C50148" s="2"/>
    </row>
    <row r="50149" spans="1:3" ht="19.2">
      <c r="A50149" s="2"/>
      <c r="B50149" s="2"/>
      <c r="C50149" s="2"/>
    </row>
    <row r="50150" spans="1:3" ht="19.2">
      <c r="A50150" s="2"/>
      <c r="B50150" s="2"/>
      <c r="C50150" s="2"/>
    </row>
    <row r="50151" spans="1:3" ht="19.2">
      <c r="A50151" s="2"/>
      <c r="B50151" s="2"/>
      <c r="C50151" s="2"/>
    </row>
    <row r="50152" spans="1:3" ht="19.2">
      <c r="A50152" s="2"/>
      <c r="B50152" s="2"/>
      <c r="C50152" s="2"/>
    </row>
    <row r="50153" spans="1:3" ht="19.2">
      <c r="A50153" s="2"/>
      <c r="B50153" s="2"/>
      <c r="C50153" s="2"/>
    </row>
    <row r="50154" spans="1:3" ht="19.2">
      <c r="A50154" s="2"/>
      <c r="B50154" s="2"/>
      <c r="C50154" s="2"/>
    </row>
    <row r="50155" spans="1:3" ht="19.2">
      <c r="A50155" s="2"/>
      <c r="B50155" s="2"/>
      <c r="C50155" s="2"/>
    </row>
    <row r="50156" spans="1:3" ht="19.2">
      <c r="A50156" s="2"/>
      <c r="B50156" s="2"/>
      <c r="C50156" s="2"/>
    </row>
    <row r="50157" spans="1:3" ht="19.2">
      <c r="A50157" s="2"/>
      <c r="B50157" s="2"/>
      <c r="C50157" s="2"/>
    </row>
    <row r="50158" spans="1:3" ht="19.2">
      <c r="A50158" s="2"/>
      <c r="B50158" s="2"/>
      <c r="C50158" s="2"/>
    </row>
    <row r="50159" spans="1:3" ht="19.2">
      <c r="A50159" s="2"/>
      <c r="B50159" s="2"/>
      <c r="C50159" s="2"/>
    </row>
    <row r="50160" spans="1:3" ht="19.2">
      <c r="A50160" s="2"/>
      <c r="B50160" s="2"/>
      <c r="C50160" s="2"/>
    </row>
    <row r="50161" spans="1:3" ht="19.2">
      <c r="A50161" s="2"/>
      <c r="B50161" s="2"/>
      <c r="C50161" s="2"/>
    </row>
    <row r="50162" spans="1:3" ht="19.2">
      <c r="A50162" s="2"/>
      <c r="B50162" s="2"/>
      <c r="C50162" s="2"/>
    </row>
    <row r="50163" spans="1:3" ht="19.2">
      <c r="A50163" s="2"/>
      <c r="B50163" s="2"/>
      <c r="C50163" s="2"/>
    </row>
    <row r="50164" spans="1:3" ht="19.2">
      <c r="A50164" s="2"/>
      <c r="B50164" s="2"/>
      <c r="C50164" s="2"/>
    </row>
    <row r="50165" spans="1:3" ht="19.2">
      <c r="A50165" s="2"/>
      <c r="B50165" s="2"/>
      <c r="C50165" s="2"/>
    </row>
    <row r="50166" spans="1:3" ht="19.2">
      <c r="A50166" s="2"/>
      <c r="B50166" s="2"/>
      <c r="C50166" s="2"/>
    </row>
    <row r="50167" spans="1:3" ht="19.2">
      <c r="A50167" s="2"/>
      <c r="B50167" s="2"/>
      <c r="C50167" s="2"/>
    </row>
    <row r="50168" spans="1:3" ht="19.2">
      <c r="A50168" s="2"/>
      <c r="B50168" s="2"/>
      <c r="C50168" s="2"/>
    </row>
    <row r="50169" spans="1:3" ht="19.2">
      <c r="A50169" s="2"/>
      <c r="B50169" s="2"/>
      <c r="C50169" s="2"/>
    </row>
    <row r="50170" spans="1:3" ht="19.2">
      <c r="A50170" s="2"/>
      <c r="B50170" s="2"/>
      <c r="C50170" s="2"/>
    </row>
    <row r="50171" spans="1:3" ht="19.2">
      <c r="A50171" s="2"/>
      <c r="B50171" s="2"/>
      <c r="C50171" s="2"/>
    </row>
    <row r="50172" spans="1:3" ht="19.2">
      <c r="A50172" s="2"/>
      <c r="B50172" s="2"/>
      <c r="C50172" s="2"/>
    </row>
    <row r="50173" spans="1:3" ht="19.2">
      <c r="A50173" s="2"/>
      <c r="B50173" s="2"/>
      <c r="C50173" s="2"/>
    </row>
    <row r="50174" spans="1:3" ht="19.2">
      <c r="A50174" s="2"/>
      <c r="B50174" s="2"/>
      <c r="C50174" s="2"/>
    </row>
    <row r="50175" spans="1:3" ht="19.2">
      <c r="A50175" s="2"/>
      <c r="B50175" s="2"/>
      <c r="C50175" s="2"/>
    </row>
    <row r="50176" spans="1:3" ht="19.2">
      <c r="A50176" s="2"/>
      <c r="B50176" s="2"/>
      <c r="C50176" s="2"/>
    </row>
    <row r="50177" spans="1:3" ht="19.2">
      <c r="A50177" s="2"/>
      <c r="B50177" s="2"/>
      <c r="C50177" s="2"/>
    </row>
    <row r="50178" spans="1:3" ht="19.2">
      <c r="A50178" s="2"/>
      <c r="B50178" s="2"/>
      <c r="C50178" s="2"/>
    </row>
    <row r="50179" spans="1:3" ht="19.2">
      <c r="A50179" s="2"/>
      <c r="B50179" s="2"/>
      <c r="C50179" s="2"/>
    </row>
    <row r="50180" spans="1:3" ht="19.2">
      <c r="A50180" s="2"/>
      <c r="B50180" s="2"/>
      <c r="C50180" s="2"/>
    </row>
    <row r="50181" spans="1:3" ht="19.2">
      <c r="A50181" s="2"/>
      <c r="B50181" s="2"/>
      <c r="C50181" s="2"/>
    </row>
    <row r="50182" spans="1:3" ht="19.2">
      <c r="A50182" s="2"/>
      <c r="B50182" s="2"/>
      <c r="C50182" s="2"/>
    </row>
    <row r="50183" spans="1:3" ht="19.2">
      <c r="A50183" s="2"/>
      <c r="B50183" s="2"/>
      <c r="C50183" s="2"/>
    </row>
    <row r="50184" spans="1:3" ht="19.2">
      <c r="A50184" s="2"/>
      <c r="B50184" s="2"/>
      <c r="C50184" s="2"/>
    </row>
    <row r="50185" spans="1:3" ht="19.2">
      <c r="A50185" s="2"/>
      <c r="B50185" s="2"/>
      <c r="C50185" s="2"/>
    </row>
    <row r="50186" spans="1:3" ht="19.2">
      <c r="A50186" s="2"/>
      <c r="B50186" s="2"/>
      <c r="C50186" s="2"/>
    </row>
    <row r="50187" spans="1:3" ht="19.2">
      <c r="A50187" s="2"/>
      <c r="B50187" s="2"/>
      <c r="C50187" s="2"/>
    </row>
    <row r="50188" spans="1:3" ht="19.2">
      <c r="A50188" s="2"/>
      <c r="B50188" s="2"/>
      <c r="C50188" s="2"/>
    </row>
    <row r="50189" spans="1:3" ht="19.2">
      <c r="A50189" s="2"/>
      <c r="B50189" s="2"/>
      <c r="C50189" s="2"/>
    </row>
    <row r="50190" spans="1:3" ht="19.2">
      <c r="A50190" s="2"/>
      <c r="B50190" s="2"/>
      <c r="C50190" s="2"/>
    </row>
    <row r="50191" spans="1:3" ht="19.2">
      <c r="A50191" s="2"/>
      <c r="B50191" s="2"/>
      <c r="C50191" s="2"/>
    </row>
    <row r="50192" spans="1:3" ht="19.2">
      <c r="A50192" s="2"/>
      <c r="B50192" s="2"/>
      <c r="C50192" s="2"/>
    </row>
    <row r="50193" spans="1:3" ht="19.2">
      <c r="A50193" s="2"/>
      <c r="B50193" s="2"/>
      <c r="C50193" s="2"/>
    </row>
    <row r="50194" spans="1:3" ht="19.2">
      <c r="A50194" s="2"/>
      <c r="B50194" s="2"/>
      <c r="C50194" s="2"/>
    </row>
    <row r="50195" spans="1:3" ht="19.2">
      <c r="A50195" s="2"/>
      <c r="B50195" s="2"/>
      <c r="C50195" s="2"/>
    </row>
    <row r="50196" spans="1:3" ht="19.2">
      <c r="A50196" s="2"/>
      <c r="B50196" s="2"/>
      <c r="C50196" s="2"/>
    </row>
    <row r="50197" spans="1:3" ht="19.2">
      <c r="A50197" s="2"/>
      <c r="B50197" s="2"/>
      <c r="C50197" s="2"/>
    </row>
    <row r="50198" spans="1:3" ht="19.2">
      <c r="A50198" s="2"/>
      <c r="B50198" s="2"/>
      <c r="C50198" s="2"/>
    </row>
    <row r="50199" spans="1:3" ht="19.2">
      <c r="A50199" s="2"/>
      <c r="B50199" s="2"/>
      <c r="C50199" s="2"/>
    </row>
    <row r="50200" spans="1:3" ht="19.2">
      <c r="A50200" s="2"/>
      <c r="B50200" s="2"/>
      <c r="C50200" s="2"/>
    </row>
    <row r="50201" spans="1:3" ht="19.2">
      <c r="A50201" s="2"/>
      <c r="B50201" s="2"/>
      <c r="C50201" s="2"/>
    </row>
    <row r="50202" spans="1:3" ht="19.2">
      <c r="A50202" s="2"/>
      <c r="B50202" s="2"/>
      <c r="C50202" s="2"/>
    </row>
    <row r="50203" spans="1:3" ht="19.2">
      <c r="A50203" s="2"/>
      <c r="B50203" s="2"/>
      <c r="C50203" s="2"/>
    </row>
    <row r="50204" spans="1:3" ht="19.2">
      <c r="A50204" s="2"/>
      <c r="B50204" s="2"/>
      <c r="C50204" s="2"/>
    </row>
    <row r="50205" spans="1:3" ht="19.2">
      <c r="A50205" s="2"/>
      <c r="B50205" s="2"/>
      <c r="C50205" s="2"/>
    </row>
    <row r="50206" spans="1:3" ht="19.2">
      <c r="A50206" s="2"/>
      <c r="B50206" s="2"/>
      <c r="C50206" s="2"/>
    </row>
    <row r="50207" spans="1:3" ht="19.2">
      <c r="A50207" s="2"/>
      <c r="B50207" s="2"/>
      <c r="C50207" s="2"/>
    </row>
    <row r="50208" spans="1:3" ht="19.2">
      <c r="A50208" s="2"/>
      <c r="B50208" s="2"/>
      <c r="C50208" s="2"/>
    </row>
    <row r="50209" spans="1:3" ht="19.2">
      <c r="A50209" s="2"/>
      <c r="B50209" s="2"/>
      <c r="C50209" s="2"/>
    </row>
    <row r="50210" spans="1:3" ht="19.2">
      <c r="A50210" s="2"/>
      <c r="B50210" s="2"/>
      <c r="C50210" s="2"/>
    </row>
    <row r="50211" spans="1:3" ht="19.2">
      <c r="A50211" s="2"/>
      <c r="B50211" s="2"/>
      <c r="C50211" s="2"/>
    </row>
    <row r="50212" spans="1:3" ht="19.2">
      <c r="A50212" s="2"/>
      <c r="B50212" s="2"/>
      <c r="C50212" s="2"/>
    </row>
    <row r="50213" spans="1:3" ht="19.2">
      <c r="A50213" s="2"/>
      <c r="B50213" s="2"/>
      <c r="C50213" s="2"/>
    </row>
    <row r="50214" spans="1:3" ht="19.2">
      <c r="A50214" s="2"/>
      <c r="B50214" s="2"/>
      <c r="C50214" s="2"/>
    </row>
    <row r="50215" spans="1:3" ht="19.2">
      <c r="A50215" s="2"/>
      <c r="B50215" s="2"/>
      <c r="C50215" s="2"/>
    </row>
    <row r="50216" spans="1:3" ht="19.2">
      <c r="A50216" s="2"/>
      <c r="B50216" s="2"/>
      <c r="C50216" s="2"/>
    </row>
    <row r="50217" spans="1:3" ht="19.2">
      <c r="A50217" s="2"/>
      <c r="B50217" s="2"/>
      <c r="C50217" s="2"/>
    </row>
    <row r="50218" spans="1:3" ht="19.2">
      <c r="A50218" s="2"/>
      <c r="B50218" s="2"/>
      <c r="C50218" s="2"/>
    </row>
    <row r="50219" spans="1:3" ht="19.2">
      <c r="A50219" s="2"/>
      <c r="B50219" s="2"/>
      <c r="C50219" s="2"/>
    </row>
    <row r="50220" spans="1:3" ht="19.2">
      <c r="A50220" s="2"/>
      <c r="B50220" s="2"/>
      <c r="C50220" s="2"/>
    </row>
    <row r="50221" spans="1:3" ht="19.2">
      <c r="A50221" s="2"/>
      <c r="B50221" s="2"/>
      <c r="C50221" s="2"/>
    </row>
    <row r="50222" spans="1:3" ht="19.2">
      <c r="A50222" s="2"/>
      <c r="B50222" s="2"/>
      <c r="C50222" s="2"/>
    </row>
    <row r="50223" spans="1:3" ht="19.2">
      <c r="A50223" s="2"/>
      <c r="B50223" s="2"/>
      <c r="C50223" s="2"/>
    </row>
    <row r="50224" spans="1:3" ht="19.2">
      <c r="A50224" s="2"/>
      <c r="B50224" s="2"/>
      <c r="C50224" s="2"/>
    </row>
    <row r="50225" spans="1:3" ht="19.2">
      <c r="A50225" s="2"/>
      <c r="B50225" s="2"/>
      <c r="C50225" s="2"/>
    </row>
    <row r="50226" spans="1:3" ht="19.2">
      <c r="A50226" s="2"/>
      <c r="B50226" s="2"/>
      <c r="C50226" s="2"/>
    </row>
    <row r="50227" spans="1:3" ht="19.2">
      <c r="A50227" s="2"/>
      <c r="B50227" s="2"/>
      <c r="C50227" s="2"/>
    </row>
    <row r="50228" spans="1:3" ht="19.2">
      <c r="A50228" s="2"/>
      <c r="B50228" s="2"/>
      <c r="C50228" s="2"/>
    </row>
    <row r="50229" spans="1:3" ht="19.2">
      <c r="A50229" s="2"/>
      <c r="B50229" s="2"/>
      <c r="C50229" s="2"/>
    </row>
    <row r="50230" spans="1:3" ht="19.2">
      <c r="A50230" s="2"/>
      <c r="B50230" s="2"/>
      <c r="C50230" s="2"/>
    </row>
    <row r="50231" spans="1:3" ht="19.2">
      <c r="A50231" s="2"/>
      <c r="B50231" s="2"/>
      <c r="C50231" s="2"/>
    </row>
    <row r="50232" spans="1:3" ht="19.2">
      <c r="A50232" s="2"/>
      <c r="B50232" s="2"/>
      <c r="C50232" s="2"/>
    </row>
    <row r="50233" spans="1:3" ht="19.2">
      <c r="A50233" s="2"/>
      <c r="B50233" s="2"/>
      <c r="C50233" s="2"/>
    </row>
    <row r="50234" spans="1:3" ht="19.2">
      <c r="A50234" s="2"/>
      <c r="B50234" s="2"/>
      <c r="C50234" s="2"/>
    </row>
    <row r="50235" spans="1:3" ht="19.2">
      <c r="A50235" s="2"/>
      <c r="B50235" s="2"/>
      <c r="C50235" s="2"/>
    </row>
    <row r="50236" spans="1:3" ht="19.2">
      <c r="A50236" s="2"/>
      <c r="B50236" s="2"/>
      <c r="C50236" s="2"/>
    </row>
    <row r="50237" spans="1:3" ht="19.2">
      <c r="A50237" s="2"/>
      <c r="B50237" s="2"/>
      <c r="C50237" s="2"/>
    </row>
    <row r="50238" spans="1:3" ht="19.2">
      <c r="A50238" s="2"/>
      <c r="B50238" s="2"/>
      <c r="C50238" s="2"/>
    </row>
    <row r="50239" spans="1:3" ht="19.2">
      <c r="A50239" s="2"/>
      <c r="B50239" s="2"/>
      <c r="C50239" s="2"/>
    </row>
    <row r="50240" spans="1:3" ht="19.2">
      <c r="A50240" s="2"/>
      <c r="B50240" s="2"/>
      <c r="C50240" s="2"/>
    </row>
    <row r="50241" spans="1:3" ht="19.2">
      <c r="A50241" s="2"/>
      <c r="B50241" s="2"/>
      <c r="C50241" s="2"/>
    </row>
    <row r="50242" spans="1:3" ht="19.2">
      <c r="A50242" s="2"/>
      <c r="B50242" s="2"/>
      <c r="C50242" s="2"/>
    </row>
    <row r="50243" spans="1:3" ht="19.2">
      <c r="A50243" s="2"/>
      <c r="B50243" s="2"/>
      <c r="C50243" s="2"/>
    </row>
    <row r="50244" spans="1:3" ht="19.2">
      <c r="A50244" s="2"/>
      <c r="B50244" s="2"/>
      <c r="C50244" s="2"/>
    </row>
    <row r="50245" spans="1:3" ht="19.2">
      <c r="A50245" s="2"/>
      <c r="B50245" s="2"/>
      <c r="C50245" s="2"/>
    </row>
    <row r="50246" spans="1:3" ht="19.2">
      <c r="A50246" s="2"/>
      <c r="B50246" s="2"/>
      <c r="C50246" s="2"/>
    </row>
    <row r="50247" spans="1:3" ht="19.2">
      <c r="A50247" s="2"/>
      <c r="B50247" s="2"/>
      <c r="C50247" s="2"/>
    </row>
    <row r="50248" spans="1:3" ht="19.2">
      <c r="A50248" s="2"/>
      <c r="B50248" s="2"/>
      <c r="C50248" s="2"/>
    </row>
    <row r="50249" spans="1:3" ht="19.2">
      <c r="A50249" s="2"/>
      <c r="B50249" s="2"/>
      <c r="C50249" s="2"/>
    </row>
    <row r="50250" spans="1:3" ht="19.2">
      <c r="A50250" s="2"/>
      <c r="B50250" s="2"/>
      <c r="C50250" s="2"/>
    </row>
    <row r="50251" spans="1:3" ht="19.2">
      <c r="A50251" s="2"/>
      <c r="B50251" s="2"/>
      <c r="C50251" s="2"/>
    </row>
    <row r="50252" spans="1:3" ht="19.2">
      <c r="A50252" s="2"/>
      <c r="B50252" s="2"/>
      <c r="C50252" s="2"/>
    </row>
    <row r="50253" spans="1:3" ht="19.2">
      <c r="A50253" s="2"/>
      <c r="B50253" s="2"/>
      <c r="C50253" s="2"/>
    </row>
    <row r="50254" spans="1:3" ht="19.2">
      <c r="A50254" s="2"/>
      <c r="B50254" s="2"/>
      <c r="C50254" s="2"/>
    </row>
    <row r="50255" spans="1:3" ht="19.2">
      <c r="A50255" s="2"/>
      <c r="B50255" s="2"/>
      <c r="C50255" s="2"/>
    </row>
    <row r="50256" spans="1:3" ht="19.2">
      <c r="A50256" s="2"/>
      <c r="B50256" s="2"/>
      <c r="C50256" s="2"/>
    </row>
    <row r="50257" spans="1:3" ht="19.2">
      <c r="A50257" s="2"/>
      <c r="B50257" s="2"/>
      <c r="C50257" s="2"/>
    </row>
    <row r="50258" spans="1:3" ht="19.2">
      <c r="A50258" s="2"/>
      <c r="B50258" s="2"/>
      <c r="C50258" s="2"/>
    </row>
    <row r="50259" spans="1:3" ht="19.2">
      <c r="A50259" s="2"/>
      <c r="B50259" s="2"/>
      <c r="C50259" s="2"/>
    </row>
    <row r="50260" spans="1:3" ht="19.2">
      <c r="A50260" s="2"/>
      <c r="B50260" s="2"/>
      <c r="C50260" s="2"/>
    </row>
    <row r="50261" spans="1:3" ht="19.2">
      <c r="A50261" s="2"/>
      <c r="B50261" s="2"/>
      <c r="C50261" s="2"/>
    </row>
    <row r="50262" spans="1:3" ht="19.2">
      <c r="A50262" s="2"/>
      <c r="B50262" s="2"/>
      <c r="C50262" s="2"/>
    </row>
    <row r="50263" spans="1:3" ht="19.2">
      <c r="A50263" s="2"/>
      <c r="B50263" s="2"/>
      <c r="C50263" s="2"/>
    </row>
    <row r="50264" spans="1:3" ht="19.2">
      <c r="A50264" s="2"/>
      <c r="B50264" s="2"/>
      <c r="C50264" s="2"/>
    </row>
    <row r="50265" spans="1:3" ht="19.2">
      <c r="A50265" s="2"/>
      <c r="B50265" s="2"/>
      <c r="C50265" s="2"/>
    </row>
    <row r="50266" spans="1:3" ht="19.2">
      <c r="A50266" s="2"/>
      <c r="B50266" s="2"/>
      <c r="C50266" s="2"/>
    </row>
    <row r="50267" spans="1:3" ht="19.2">
      <c r="A50267" s="2"/>
      <c r="B50267" s="2"/>
      <c r="C50267" s="2"/>
    </row>
    <row r="50268" spans="1:3" ht="19.2">
      <c r="A50268" s="2"/>
      <c r="B50268" s="2"/>
      <c r="C50268" s="2"/>
    </row>
    <row r="50269" spans="1:3" ht="19.2">
      <c r="A50269" s="2"/>
      <c r="B50269" s="2"/>
      <c r="C50269" s="2"/>
    </row>
    <row r="50270" spans="1:3" ht="19.2">
      <c r="A50270" s="2"/>
      <c r="B50270" s="2"/>
      <c r="C50270" s="2"/>
    </row>
    <row r="50271" spans="1:3" ht="19.2">
      <c r="A50271" s="2"/>
      <c r="B50271" s="2"/>
      <c r="C50271" s="2"/>
    </row>
    <row r="50272" spans="1:3" ht="19.2">
      <c r="A50272" s="2"/>
      <c r="B50272" s="2"/>
      <c r="C50272" s="2"/>
    </row>
    <row r="50273" spans="1:3" ht="19.2">
      <c r="A50273" s="2"/>
      <c r="B50273" s="2"/>
      <c r="C50273" s="2"/>
    </row>
    <row r="50274" spans="1:3" ht="19.2">
      <c r="A50274" s="2"/>
      <c r="B50274" s="2"/>
      <c r="C50274" s="2"/>
    </row>
    <row r="50275" spans="1:3" ht="19.2">
      <c r="A50275" s="2"/>
      <c r="B50275" s="2"/>
      <c r="C50275" s="2"/>
    </row>
    <row r="50276" spans="1:3" ht="19.2">
      <c r="A50276" s="2"/>
      <c r="B50276" s="2"/>
      <c r="C50276" s="2"/>
    </row>
    <row r="50277" spans="1:3" ht="19.2">
      <c r="A50277" s="2"/>
      <c r="B50277" s="2"/>
      <c r="C50277" s="2"/>
    </row>
    <row r="50278" spans="1:3" ht="19.2">
      <c r="A50278" s="2"/>
      <c r="B50278" s="2"/>
      <c r="C50278" s="2"/>
    </row>
    <row r="50279" spans="1:3" ht="19.2">
      <c r="A50279" s="2"/>
      <c r="B50279" s="2"/>
      <c r="C50279" s="2"/>
    </row>
    <row r="50280" spans="1:3" ht="19.2">
      <c r="A50280" s="2"/>
      <c r="B50280" s="2"/>
      <c r="C50280" s="2"/>
    </row>
    <row r="50281" spans="1:3" ht="19.2">
      <c r="A50281" s="2"/>
      <c r="B50281" s="2"/>
      <c r="C50281" s="2"/>
    </row>
    <row r="50282" spans="1:3" ht="19.2">
      <c r="A50282" s="2"/>
      <c r="B50282" s="2"/>
      <c r="C50282" s="2"/>
    </row>
    <row r="50283" spans="1:3" ht="19.2">
      <c r="A50283" s="2"/>
      <c r="B50283" s="2"/>
      <c r="C50283" s="2"/>
    </row>
    <row r="50284" spans="1:3" ht="19.2">
      <c r="A50284" s="2"/>
      <c r="B50284" s="2"/>
      <c r="C50284" s="2"/>
    </row>
    <row r="50285" spans="1:3" ht="19.2">
      <c r="A50285" s="2"/>
      <c r="B50285" s="2"/>
      <c r="C50285" s="2"/>
    </row>
    <row r="50286" spans="1:3" ht="19.2">
      <c r="A50286" s="2"/>
      <c r="B50286" s="2"/>
      <c r="C50286" s="2"/>
    </row>
    <row r="50287" spans="1:3" ht="19.2">
      <c r="A50287" s="2"/>
      <c r="B50287" s="2"/>
      <c r="C50287" s="2"/>
    </row>
    <row r="50288" spans="1:3" ht="19.2">
      <c r="A50288" s="2"/>
      <c r="B50288" s="2"/>
      <c r="C50288" s="2"/>
    </row>
    <row r="50289" spans="1:3" ht="19.2">
      <c r="A50289" s="2"/>
      <c r="B50289" s="2"/>
      <c r="C50289" s="2"/>
    </row>
    <row r="50290" spans="1:3" ht="19.2">
      <c r="A50290" s="2"/>
      <c r="B50290" s="2"/>
      <c r="C50290" s="2"/>
    </row>
    <row r="50291" spans="1:3" ht="19.2">
      <c r="A50291" s="2"/>
      <c r="B50291" s="2"/>
      <c r="C50291" s="2"/>
    </row>
    <row r="50292" spans="1:3" ht="19.2">
      <c r="A50292" s="2"/>
      <c r="B50292" s="2"/>
      <c r="C50292" s="2"/>
    </row>
    <row r="50293" spans="1:3" ht="19.2">
      <c r="A50293" s="2"/>
      <c r="B50293" s="2"/>
      <c r="C50293" s="2"/>
    </row>
    <row r="50294" spans="1:3" ht="19.2">
      <c r="A50294" s="2"/>
      <c r="B50294" s="2"/>
      <c r="C50294" s="2"/>
    </row>
    <row r="50295" spans="1:3" ht="19.2">
      <c r="A50295" s="2"/>
      <c r="B50295" s="2"/>
      <c r="C50295" s="2"/>
    </row>
    <row r="50296" spans="1:3" ht="19.2">
      <c r="A50296" s="2"/>
      <c r="B50296" s="2"/>
      <c r="C50296" s="2"/>
    </row>
    <row r="50297" spans="1:3" ht="19.2">
      <c r="A50297" s="2"/>
      <c r="B50297" s="2"/>
      <c r="C50297" s="2"/>
    </row>
    <row r="50298" spans="1:3" ht="19.2">
      <c r="A50298" s="2"/>
      <c r="B50298" s="2"/>
      <c r="C50298" s="2"/>
    </row>
    <row r="50299" spans="1:3" ht="19.2">
      <c r="A50299" s="2"/>
      <c r="B50299" s="2"/>
      <c r="C50299" s="2"/>
    </row>
    <row r="50300" spans="1:3" ht="19.2">
      <c r="A50300" s="2"/>
      <c r="B50300" s="2"/>
      <c r="C50300" s="2"/>
    </row>
    <row r="50301" spans="1:3" ht="19.2">
      <c r="A50301" s="2"/>
      <c r="B50301" s="2"/>
      <c r="C50301" s="2"/>
    </row>
    <row r="50302" spans="1:3" ht="19.2">
      <c r="A50302" s="2"/>
      <c r="B50302" s="2"/>
      <c r="C50302" s="2"/>
    </row>
    <row r="50303" spans="1:3" ht="19.2">
      <c r="A50303" s="2"/>
      <c r="B50303" s="2"/>
      <c r="C50303" s="2"/>
    </row>
    <row r="50304" spans="1:3" ht="19.2">
      <c r="A50304" s="2"/>
      <c r="B50304" s="2"/>
      <c r="C50304" s="2"/>
    </row>
    <row r="50305" spans="1:3" ht="19.2">
      <c r="A50305" s="2"/>
      <c r="B50305" s="2"/>
      <c r="C50305" s="2"/>
    </row>
    <row r="50306" spans="1:3" ht="19.2">
      <c r="A50306" s="2"/>
      <c r="B50306" s="2"/>
      <c r="C50306" s="2"/>
    </row>
    <row r="50307" spans="1:3" ht="19.2">
      <c r="A50307" s="2"/>
      <c r="B50307" s="2"/>
      <c r="C50307" s="2"/>
    </row>
    <row r="50308" spans="1:3" ht="19.2">
      <c r="A50308" s="2"/>
      <c r="B50308" s="2"/>
      <c r="C50308" s="2"/>
    </row>
    <row r="50309" spans="1:3" ht="19.2">
      <c r="A50309" s="2"/>
      <c r="B50309" s="2"/>
      <c r="C50309" s="2"/>
    </row>
    <row r="50310" spans="1:3" ht="19.2">
      <c r="A50310" s="2"/>
      <c r="B50310" s="2"/>
      <c r="C50310" s="2"/>
    </row>
    <row r="50311" spans="1:3" ht="19.2">
      <c r="A50311" s="2"/>
      <c r="B50311" s="2"/>
      <c r="C50311" s="2"/>
    </row>
    <row r="50312" spans="1:3" ht="19.2">
      <c r="A50312" s="2"/>
      <c r="B50312" s="2"/>
      <c r="C50312" s="2"/>
    </row>
    <row r="50313" spans="1:3" ht="19.2">
      <c r="A50313" s="2"/>
      <c r="B50313" s="2"/>
      <c r="C50313" s="2"/>
    </row>
    <row r="50314" spans="1:3" ht="19.2">
      <c r="A50314" s="2"/>
      <c r="B50314" s="2"/>
      <c r="C50314" s="2"/>
    </row>
    <row r="50315" spans="1:3" ht="19.2">
      <c r="A50315" s="2"/>
      <c r="B50315" s="2"/>
      <c r="C50315" s="2"/>
    </row>
    <row r="50316" spans="1:3" ht="19.2">
      <c r="A50316" s="2"/>
      <c r="B50316" s="2"/>
      <c r="C50316" s="2"/>
    </row>
    <row r="50317" spans="1:3" ht="19.2">
      <c r="A50317" s="2"/>
      <c r="B50317" s="2"/>
      <c r="C50317" s="2"/>
    </row>
    <row r="50318" spans="1:3" ht="19.2">
      <c r="A50318" s="2"/>
      <c r="B50318" s="2"/>
      <c r="C50318" s="2"/>
    </row>
    <row r="50319" spans="1:3" ht="19.2">
      <c r="A50319" s="2"/>
      <c r="B50319" s="2"/>
      <c r="C50319" s="2"/>
    </row>
    <row r="50320" spans="1:3" ht="19.2">
      <c r="A50320" s="2"/>
      <c r="B50320" s="2"/>
      <c r="C50320" s="2"/>
    </row>
    <row r="50321" spans="1:3" ht="19.2">
      <c r="A50321" s="2"/>
      <c r="B50321" s="2"/>
      <c r="C50321" s="2"/>
    </row>
    <row r="50322" spans="1:3" ht="19.2">
      <c r="A50322" s="2"/>
      <c r="B50322" s="2"/>
      <c r="C50322" s="2"/>
    </row>
    <row r="50323" spans="1:3" ht="19.2">
      <c r="A50323" s="2"/>
      <c r="B50323" s="2"/>
      <c r="C50323" s="2"/>
    </row>
    <row r="50324" spans="1:3" ht="19.2">
      <c r="A50324" s="2"/>
      <c r="B50324" s="2"/>
      <c r="C50324" s="2"/>
    </row>
    <row r="50325" spans="1:3" ht="19.2">
      <c r="A50325" s="2"/>
      <c r="B50325" s="2"/>
      <c r="C50325" s="2"/>
    </row>
    <row r="50326" spans="1:3" ht="19.2">
      <c r="A50326" s="2"/>
      <c r="B50326" s="2"/>
      <c r="C50326" s="2"/>
    </row>
    <row r="50327" spans="1:3" ht="19.2">
      <c r="A50327" s="2"/>
      <c r="B50327" s="2"/>
      <c r="C50327" s="2"/>
    </row>
    <row r="50328" spans="1:3" ht="19.2">
      <c r="A50328" s="2"/>
      <c r="B50328" s="2"/>
      <c r="C50328" s="2"/>
    </row>
    <row r="50329" spans="1:3" ht="19.2">
      <c r="A50329" s="2"/>
      <c r="B50329" s="2"/>
      <c r="C50329" s="2"/>
    </row>
    <row r="50330" spans="1:3" ht="19.2">
      <c r="A50330" s="2"/>
      <c r="B50330" s="2"/>
      <c r="C50330" s="2"/>
    </row>
    <row r="50331" spans="1:3" ht="19.2">
      <c r="A50331" s="2"/>
      <c r="B50331" s="2"/>
      <c r="C50331" s="2"/>
    </row>
    <row r="50332" spans="1:3" ht="19.2">
      <c r="A50332" s="2"/>
      <c r="B50332" s="2"/>
      <c r="C50332" s="2"/>
    </row>
    <row r="50333" spans="1:3" ht="19.2">
      <c r="A50333" s="2"/>
      <c r="B50333" s="2"/>
      <c r="C50333" s="2"/>
    </row>
    <row r="50334" spans="1:3" ht="19.2">
      <c r="A50334" s="2"/>
      <c r="B50334" s="2"/>
      <c r="C50334" s="2"/>
    </row>
    <row r="50335" spans="1:3" ht="19.2">
      <c r="A50335" s="2"/>
      <c r="B50335" s="2"/>
      <c r="C50335" s="2"/>
    </row>
    <row r="50336" spans="1:3" ht="19.2">
      <c r="A50336" s="2"/>
      <c r="B50336" s="2"/>
      <c r="C50336" s="2"/>
    </row>
    <row r="50337" spans="1:3" ht="19.2">
      <c r="A50337" s="2"/>
      <c r="B50337" s="2"/>
      <c r="C50337" s="2"/>
    </row>
    <row r="50338" spans="1:3" ht="19.2">
      <c r="A50338" s="2"/>
      <c r="B50338" s="2"/>
      <c r="C50338" s="2"/>
    </row>
    <row r="50339" spans="1:3" ht="19.2">
      <c r="A50339" s="2"/>
      <c r="B50339" s="2"/>
      <c r="C50339" s="2"/>
    </row>
    <row r="50340" spans="1:3" ht="19.2">
      <c r="A50340" s="2"/>
      <c r="B50340" s="2"/>
      <c r="C50340" s="2"/>
    </row>
    <row r="50341" spans="1:3" ht="19.2">
      <c r="A50341" s="2"/>
      <c r="B50341" s="2"/>
      <c r="C50341" s="2"/>
    </row>
    <row r="50342" spans="1:3" ht="19.2">
      <c r="A50342" s="2"/>
      <c r="B50342" s="2"/>
      <c r="C50342" s="2"/>
    </row>
    <row r="50343" spans="1:3" ht="19.2">
      <c r="A50343" s="2"/>
      <c r="B50343" s="2"/>
      <c r="C50343" s="2"/>
    </row>
    <row r="50344" spans="1:3" ht="19.2">
      <c r="A50344" s="2"/>
      <c r="B50344" s="2"/>
      <c r="C50344" s="2"/>
    </row>
    <row r="50345" spans="1:3" ht="19.2">
      <c r="A50345" s="2"/>
      <c r="B50345" s="2"/>
      <c r="C50345" s="2"/>
    </row>
    <row r="50346" spans="1:3" ht="19.2">
      <c r="A50346" s="2"/>
      <c r="B50346" s="2"/>
      <c r="C50346" s="2"/>
    </row>
    <row r="50347" spans="1:3" ht="19.2">
      <c r="A50347" s="2"/>
      <c r="B50347" s="2"/>
      <c r="C50347" s="2"/>
    </row>
    <row r="50348" spans="1:3" ht="19.2">
      <c r="A50348" s="2"/>
      <c r="B50348" s="2"/>
      <c r="C50348" s="2"/>
    </row>
    <row r="50349" spans="1:3" ht="19.2">
      <c r="A50349" s="2"/>
      <c r="B50349" s="2"/>
      <c r="C50349" s="2"/>
    </row>
    <row r="50350" spans="1:3" ht="19.2">
      <c r="A50350" s="2"/>
      <c r="B50350" s="2"/>
      <c r="C50350" s="2"/>
    </row>
    <row r="50351" spans="1:3" ht="19.2">
      <c r="A50351" s="2"/>
      <c r="B50351" s="2"/>
      <c r="C50351" s="2"/>
    </row>
    <row r="50352" spans="1:3" ht="19.2">
      <c r="A50352" s="2"/>
      <c r="B50352" s="2"/>
      <c r="C50352" s="2"/>
    </row>
    <row r="50353" spans="1:3" ht="19.2">
      <c r="A50353" s="2"/>
      <c r="B50353" s="2"/>
      <c r="C50353" s="2"/>
    </row>
    <row r="50354" spans="1:3" ht="19.2">
      <c r="A50354" s="2"/>
      <c r="B50354" s="2"/>
      <c r="C50354" s="2"/>
    </row>
    <row r="50355" spans="1:3" ht="19.2">
      <c r="A50355" s="2"/>
      <c r="B50355" s="2"/>
      <c r="C50355" s="2"/>
    </row>
    <row r="50356" spans="1:3" ht="19.2">
      <c r="A50356" s="2"/>
      <c r="B50356" s="2"/>
      <c r="C50356" s="2"/>
    </row>
    <row r="50357" spans="1:3" ht="19.2">
      <c r="A50357" s="2"/>
      <c r="B50357" s="2"/>
      <c r="C50357" s="2"/>
    </row>
    <row r="50358" spans="1:3" ht="19.2">
      <c r="A50358" s="2"/>
      <c r="B50358" s="2"/>
      <c r="C50358" s="2"/>
    </row>
    <row r="50359" spans="1:3" ht="19.2">
      <c r="A50359" s="2"/>
      <c r="B50359" s="2"/>
      <c r="C50359" s="2"/>
    </row>
    <row r="50360" spans="1:3" ht="19.2">
      <c r="A50360" s="2"/>
      <c r="B50360" s="2"/>
      <c r="C50360" s="2"/>
    </row>
    <row r="50361" spans="1:3" ht="19.2">
      <c r="A50361" s="2"/>
      <c r="B50361" s="2"/>
      <c r="C50361" s="2"/>
    </row>
    <row r="50362" spans="1:3" ht="19.2">
      <c r="A50362" s="2"/>
      <c r="B50362" s="2"/>
      <c r="C50362" s="2"/>
    </row>
    <row r="50363" spans="1:3" ht="19.2">
      <c r="A50363" s="2"/>
      <c r="B50363" s="2"/>
      <c r="C50363" s="2"/>
    </row>
    <row r="50364" spans="1:3" ht="19.2">
      <c r="A50364" s="2"/>
      <c r="B50364" s="2"/>
      <c r="C50364" s="2"/>
    </row>
    <row r="50365" spans="1:3" ht="19.2">
      <c r="A50365" s="2"/>
      <c r="B50365" s="2"/>
      <c r="C50365" s="2"/>
    </row>
    <row r="50366" spans="1:3" ht="19.2">
      <c r="A50366" s="2"/>
      <c r="B50366" s="2"/>
      <c r="C50366" s="2"/>
    </row>
    <row r="50367" spans="1:3" ht="19.2">
      <c r="A50367" s="2"/>
      <c r="B50367" s="2"/>
      <c r="C50367" s="2"/>
    </row>
    <row r="50368" spans="1:3" ht="19.2">
      <c r="A50368" s="2"/>
      <c r="B50368" s="2"/>
      <c r="C50368" s="2"/>
    </row>
    <row r="50369" spans="1:3" ht="19.2">
      <c r="A50369" s="2"/>
      <c r="B50369" s="2"/>
      <c r="C50369" s="2"/>
    </row>
    <row r="50370" spans="1:3" ht="19.2">
      <c r="A50370" s="2"/>
      <c r="B50370" s="2"/>
      <c r="C50370" s="2"/>
    </row>
    <row r="50371" spans="1:3" ht="19.2">
      <c r="A50371" s="2"/>
      <c r="B50371" s="2"/>
      <c r="C50371" s="2"/>
    </row>
    <row r="50372" spans="1:3" ht="19.2">
      <c r="A50372" s="2"/>
      <c r="B50372" s="2"/>
      <c r="C50372" s="2"/>
    </row>
    <row r="50373" spans="1:3" ht="19.2">
      <c r="A50373" s="2"/>
      <c r="B50373" s="2"/>
      <c r="C50373" s="2"/>
    </row>
    <row r="50374" spans="1:3" ht="19.2">
      <c r="A50374" s="2"/>
      <c r="B50374" s="2"/>
      <c r="C50374" s="2"/>
    </row>
    <row r="50375" spans="1:3" ht="19.2">
      <c r="A50375" s="2"/>
      <c r="B50375" s="2"/>
      <c r="C50375" s="2"/>
    </row>
    <row r="50376" spans="1:3" ht="19.2">
      <c r="A50376" s="2"/>
      <c r="B50376" s="2"/>
      <c r="C50376" s="2"/>
    </row>
    <row r="50377" spans="1:3" ht="19.2">
      <c r="A50377" s="2"/>
      <c r="B50377" s="2"/>
      <c r="C50377" s="2"/>
    </row>
    <row r="50378" spans="1:3" ht="19.2">
      <c r="A50378" s="2"/>
      <c r="B50378" s="2"/>
      <c r="C50378" s="2"/>
    </row>
    <row r="50379" spans="1:3" ht="19.2">
      <c r="A50379" s="2"/>
      <c r="B50379" s="2"/>
      <c r="C50379" s="2"/>
    </row>
    <row r="50380" spans="1:3" ht="19.2">
      <c r="A50380" s="2"/>
      <c r="B50380" s="2"/>
      <c r="C50380" s="2"/>
    </row>
    <row r="50381" spans="1:3" ht="19.2">
      <c r="A50381" s="2"/>
      <c r="B50381" s="2"/>
      <c r="C50381" s="2"/>
    </row>
    <row r="50382" spans="1:3" ht="19.2">
      <c r="A50382" s="2"/>
      <c r="B50382" s="2"/>
      <c r="C50382" s="2"/>
    </row>
    <row r="50383" spans="1:3" ht="19.2">
      <c r="A50383" s="2"/>
      <c r="B50383" s="2"/>
      <c r="C50383" s="2"/>
    </row>
    <row r="50384" spans="1:3" ht="19.2">
      <c r="A50384" s="2"/>
      <c r="B50384" s="2"/>
      <c r="C50384" s="2"/>
    </row>
    <row r="50385" spans="1:3" ht="19.2">
      <c r="A50385" s="2"/>
      <c r="B50385" s="2"/>
      <c r="C50385" s="2"/>
    </row>
    <row r="50386" spans="1:3" ht="19.2">
      <c r="A50386" s="2"/>
      <c r="B50386" s="2"/>
      <c r="C50386" s="2"/>
    </row>
    <row r="50387" spans="1:3" ht="19.2">
      <c r="A50387" s="2"/>
      <c r="B50387" s="2"/>
      <c r="C50387" s="2"/>
    </row>
    <row r="50388" spans="1:3" ht="19.2">
      <c r="A50388" s="2"/>
      <c r="B50388" s="2"/>
      <c r="C50388" s="2"/>
    </row>
    <row r="50389" spans="1:3" ht="19.2">
      <c r="A50389" s="2"/>
      <c r="B50389" s="2"/>
      <c r="C50389" s="2"/>
    </row>
    <row r="50390" spans="1:3" ht="19.2">
      <c r="A50390" s="2"/>
      <c r="B50390" s="2"/>
      <c r="C50390" s="2"/>
    </row>
    <row r="50391" spans="1:3" ht="19.2">
      <c r="A50391" s="2"/>
      <c r="B50391" s="2"/>
      <c r="C50391" s="2"/>
    </row>
    <row r="50392" spans="1:3" ht="19.2">
      <c r="A50392" s="2"/>
      <c r="B50392" s="2"/>
      <c r="C50392" s="2"/>
    </row>
    <row r="50393" spans="1:3" ht="19.2">
      <c r="A50393" s="2"/>
      <c r="B50393" s="2"/>
      <c r="C50393" s="2"/>
    </row>
    <row r="50394" spans="1:3" ht="19.2">
      <c r="A50394" s="2"/>
      <c r="B50394" s="2"/>
      <c r="C50394" s="2"/>
    </row>
    <row r="50395" spans="1:3" ht="19.2">
      <c r="A50395" s="2"/>
      <c r="B50395" s="2"/>
      <c r="C50395" s="2"/>
    </row>
    <row r="50396" spans="1:3" ht="19.2">
      <c r="A50396" s="2"/>
      <c r="B50396" s="2"/>
      <c r="C50396" s="2"/>
    </row>
    <row r="50397" spans="1:3" ht="19.2">
      <c r="A50397" s="2"/>
      <c r="B50397" s="2"/>
      <c r="C50397" s="2"/>
    </row>
    <row r="50398" spans="1:3" ht="19.2">
      <c r="A50398" s="2"/>
      <c r="B50398" s="2"/>
      <c r="C50398" s="2"/>
    </row>
    <row r="50399" spans="1:3" ht="19.2">
      <c r="A50399" s="2"/>
      <c r="B50399" s="2"/>
      <c r="C50399" s="2"/>
    </row>
    <row r="50400" spans="1:3" ht="19.2">
      <c r="A50400" s="2"/>
      <c r="B50400" s="2"/>
      <c r="C50400" s="2"/>
    </row>
    <row r="50401" spans="1:3" ht="19.2">
      <c r="A50401" s="2"/>
      <c r="B50401" s="2"/>
      <c r="C50401" s="2"/>
    </row>
    <row r="50402" spans="1:3" ht="19.2">
      <c r="A50402" s="2"/>
      <c r="B50402" s="2"/>
      <c r="C50402" s="2"/>
    </row>
    <row r="50403" spans="1:3" ht="19.2">
      <c r="A50403" s="2"/>
      <c r="B50403" s="2"/>
      <c r="C50403" s="2"/>
    </row>
    <row r="50404" spans="1:3" ht="19.2">
      <c r="A50404" s="2"/>
      <c r="B50404" s="2"/>
      <c r="C50404" s="2"/>
    </row>
    <row r="50405" spans="1:3" ht="19.2">
      <c r="A50405" s="2"/>
      <c r="B50405" s="2"/>
      <c r="C50405" s="2"/>
    </row>
    <row r="50406" spans="1:3" ht="19.2">
      <c r="A50406" s="2"/>
      <c r="B50406" s="2"/>
      <c r="C50406" s="2"/>
    </row>
    <row r="50407" spans="1:3" ht="19.2">
      <c r="A50407" s="2"/>
      <c r="B50407" s="2"/>
      <c r="C50407" s="2"/>
    </row>
    <row r="50408" spans="1:3" ht="19.2">
      <c r="A50408" s="2"/>
      <c r="B50408" s="2"/>
      <c r="C50408" s="2"/>
    </row>
    <row r="50409" spans="1:3" ht="19.2">
      <c r="A50409" s="2"/>
      <c r="B50409" s="2"/>
      <c r="C50409" s="2"/>
    </row>
    <row r="50410" spans="1:3" ht="19.2">
      <c r="A50410" s="2"/>
      <c r="B50410" s="2"/>
      <c r="C50410" s="2"/>
    </row>
    <row r="50411" spans="1:3" ht="19.2">
      <c r="A50411" s="2"/>
      <c r="B50411" s="2"/>
      <c r="C50411" s="2"/>
    </row>
    <row r="50412" spans="1:3" ht="19.2">
      <c r="A50412" s="2"/>
      <c r="B50412" s="2"/>
      <c r="C50412" s="2"/>
    </row>
    <row r="50413" spans="1:3" ht="19.2">
      <c r="A50413" s="2"/>
      <c r="B50413" s="2"/>
      <c r="C50413" s="2"/>
    </row>
    <row r="50414" spans="1:3" ht="19.2">
      <c r="A50414" s="2"/>
      <c r="B50414" s="2"/>
      <c r="C50414" s="2"/>
    </row>
    <row r="50415" spans="1:3" ht="19.2">
      <c r="A50415" s="2"/>
      <c r="B50415" s="2"/>
      <c r="C50415" s="2"/>
    </row>
    <row r="50416" spans="1:3" ht="19.2">
      <c r="A50416" s="2"/>
      <c r="B50416" s="2"/>
      <c r="C50416" s="2"/>
    </row>
    <row r="50417" spans="1:3" ht="19.2">
      <c r="A50417" s="2"/>
      <c r="B50417" s="2"/>
      <c r="C50417" s="2"/>
    </row>
    <row r="50418" spans="1:3" ht="19.2">
      <c r="A50418" s="2"/>
      <c r="B50418" s="2"/>
      <c r="C50418" s="2"/>
    </row>
    <row r="50419" spans="1:3" ht="19.2">
      <c r="A50419" s="2"/>
      <c r="B50419" s="2"/>
      <c r="C50419" s="2"/>
    </row>
    <row r="50420" spans="1:3" ht="19.2">
      <c r="A50420" s="2"/>
      <c r="B50420" s="2"/>
      <c r="C50420" s="2"/>
    </row>
    <row r="50421" spans="1:3" ht="19.2">
      <c r="A50421" s="2"/>
      <c r="B50421" s="2"/>
      <c r="C50421" s="2"/>
    </row>
    <row r="50422" spans="1:3" ht="19.2">
      <c r="A50422" s="2"/>
      <c r="B50422" s="2"/>
      <c r="C50422" s="2"/>
    </row>
    <row r="50423" spans="1:3" ht="19.2">
      <c r="A50423" s="2"/>
      <c r="B50423" s="2"/>
      <c r="C50423" s="2"/>
    </row>
    <row r="50424" spans="1:3" ht="19.2">
      <c r="A50424" s="2"/>
      <c r="B50424" s="2"/>
      <c r="C50424" s="2"/>
    </row>
    <row r="50425" spans="1:3" ht="19.2">
      <c r="A50425" s="2"/>
      <c r="B50425" s="2"/>
      <c r="C50425" s="2"/>
    </row>
    <row r="50426" spans="1:3" ht="19.2">
      <c r="A50426" s="2"/>
      <c r="B50426" s="2"/>
      <c r="C50426" s="2"/>
    </row>
    <row r="50427" spans="1:3" ht="19.2">
      <c r="A50427" s="2"/>
      <c r="B50427" s="2"/>
      <c r="C50427" s="2"/>
    </row>
    <row r="50428" spans="1:3" ht="19.2">
      <c r="A50428" s="2"/>
      <c r="B50428" s="2"/>
      <c r="C50428" s="2"/>
    </row>
    <row r="50429" spans="1:3" ht="19.2">
      <c r="A50429" s="2"/>
      <c r="B50429" s="2"/>
      <c r="C50429" s="2"/>
    </row>
    <row r="50430" spans="1:3" ht="19.2">
      <c r="A50430" s="2"/>
      <c r="B50430" s="2"/>
      <c r="C50430" s="2"/>
    </row>
    <row r="50431" spans="1:3" ht="19.2">
      <c r="A50431" s="2"/>
      <c r="B50431" s="2"/>
      <c r="C50431" s="2"/>
    </row>
    <row r="50432" spans="1:3" ht="19.2">
      <c r="A50432" s="2"/>
      <c r="B50432" s="2"/>
      <c r="C50432" s="2"/>
    </row>
    <row r="50433" spans="1:3" ht="19.2">
      <c r="A50433" s="2"/>
      <c r="B50433" s="2"/>
      <c r="C50433" s="2"/>
    </row>
    <row r="50434" spans="1:3" ht="19.2">
      <c r="A50434" s="2"/>
      <c r="B50434" s="2"/>
      <c r="C50434" s="2"/>
    </row>
    <row r="50435" spans="1:3" ht="19.2">
      <c r="A50435" s="2"/>
      <c r="B50435" s="2"/>
      <c r="C50435" s="2"/>
    </row>
    <row r="50436" spans="1:3" ht="19.2">
      <c r="A50436" s="2"/>
      <c r="B50436" s="2"/>
      <c r="C50436" s="2"/>
    </row>
    <row r="50437" spans="1:3" ht="19.2">
      <c r="A50437" s="2"/>
      <c r="B50437" s="2"/>
      <c r="C50437" s="2"/>
    </row>
    <row r="50438" spans="1:3" ht="19.2">
      <c r="A50438" s="2"/>
      <c r="B50438" s="2"/>
      <c r="C50438" s="2"/>
    </row>
    <row r="50439" spans="1:3" ht="19.2">
      <c r="A50439" s="2"/>
      <c r="B50439" s="2"/>
      <c r="C50439" s="2"/>
    </row>
    <row r="50440" spans="1:3" ht="19.2">
      <c r="A50440" s="2"/>
      <c r="B50440" s="2"/>
      <c r="C50440" s="2"/>
    </row>
    <row r="50441" spans="1:3" ht="19.2">
      <c r="A50441" s="2"/>
      <c r="B50441" s="2"/>
      <c r="C50441" s="2"/>
    </row>
    <row r="50442" spans="1:3" ht="19.2">
      <c r="A50442" s="2"/>
      <c r="B50442" s="2"/>
      <c r="C50442" s="2"/>
    </row>
    <row r="50443" spans="1:3" ht="19.2">
      <c r="A50443" s="2"/>
      <c r="B50443" s="2"/>
      <c r="C50443" s="2"/>
    </row>
    <row r="50444" spans="1:3" ht="19.2">
      <c r="A50444" s="2"/>
      <c r="B50444" s="2"/>
      <c r="C50444" s="2"/>
    </row>
    <row r="50445" spans="1:3" ht="19.2">
      <c r="A50445" s="2"/>
      <c r="B50445" s="2"/>
      <c r="C50445" s="2"/>
    </row>
    <row r="50446" spans="1:3" ht="19.2">
      <c r="A50446" s="2"/>
      <c r="B50446" s="2"/>
      <c r="C50446" s="2"/>
    </row>
    <row r="50447" spans="1:3" ht="19.2">
      <c r="A50447" s="2"/>
      <c r="B50447" s="2"/>
      <c r="C50447" s="2"/>
    </row>
    <row r="50448" spans="1:3" ht="19.2">
      <c r="A50448" s="2"/>
      <c r="B50448" s="2"/>
      <c r="C50448" s="2"/>
    </row>
    <row r="50449" spans="1:3" ht="19.2">
      <c r="A50449" s="2"/>
      <c r="B50449" s="2"/>
      <c r="C50449" s="2"/>
    </row>
    <row r="50450" spans="1:3" ht="19.2">
      <c r="A50450" s="2"/>
      <c r="B50450" s="2"/>
      <c r="C50450" s="2"/>
    </row>
    <row r="50451" spans="1:3" ht="19.2">
      <c r="A50451" s="2"/>
      <c r="B50451" s="2"/>
      <c r="C50451" s="2"/>
    </row>
    <row r="50452" spans="1:3" ht="19.2">
      <c r="A50452" s="2"/>
      <c r="B50452" s="2"/>
      <c r="C50452" s="2"/>
    </row>
    <row r="50453" spans="1:3" ht="19.2">
      <c r="A50453" s="2"/>
      <c r="B50453" s="2"/>
      <c r="C50453" s="2"/>
    </row>
    <row r="50454" spans="1:3" ht="19.2">
      <c r="A50454" s="2"/>
      <c r="B50454" s="2"/>
      <c r="C50454" s="2"/>
    </row>
    <row r="50455" spans="1:3" ht="19.2">
      <c r="A50455" s="2"/>
      <c r="B50455" s="2"/>
      <c r="C50455" s="2"/>
    </row>
    <row r="50456" spans="1:3" ht="19.2">
      <c r="A50456" s="2"/>
      <c r="B50456" s="2"/>
      <c r="C50456" s="2"/>
    </row>
    <row r="50457" spans="1:3" ht="19.2">
      <c r="A50457" s="2"/>
      <c r="B50457" s="2"/>
      <c r="C50457" s="2"/>
    </row>
    <row r="50458" spans="1:3" ht="19.2">
      <c r="A50458" s="2"/>
      <c r="B50458" s="2"/>
      <c r="C50458" s="2"/>
    </row>
    <row r="50459" spans="1:3" ht="19.2">
      <c r="A50459" s="2"/>
      <c r="B50459" s="2"/>
      <c r="C50459" s="2"/>
    </row>
    <row r="50460" spans="1:3" ht="19.2">
      <c r="A50460" s="2"/>
      <c r="B50460" s="2"/>
      <c r="C50460" s="2"/>
    </row>
    <row r="50461" spans="1:3" ht="19.2">
      <c r="A50461" s="2"/>
      <c r="B50461" s="2"/>
      <c r="C50461" s="2"/>
    </row>
    <row r="50462" spans="1:3" ht="19.2">
      <c r="A50462" s="2"/>
      <c r="B50462" s="2"/>
      <c r="C50462" s="2"/>
    </row>
    <row r="50463" spans="1:3" ht="19.2">
      <c r="A50463" s="2"/>
      <c r="B50463" s="2"/>
      <c r="C50463" s="2"/>
    </row>
    <row r="50464" spans="1:3" ht="19.2">
      <c r="A50464" s="2"/>
      <c r="B50464" s="2"/>
      <c r="C50464" s="2"/>
    </row>
    <row r="50465" spans="1:3" ht="19.2">
      <c r="A50465" s="2"/>
      <c r="B50465" s="2"/>
      <c r="C50465" s="2"/>
    </row>
    <row r="50466" spans="1:3" ht="19.2">
      <c r="A50466" s="2"/>
      <c r="B50466" s="2"/>
      <c r="C50466" s="2"/>
    </row>
    <row r="50467" spans="1:3" ht="19.2">
      <c r="A50467" s="2"/>
      <c r="B50467" s="2"/>
      <c r="C50467" s="2"/>
    </row>
    <row r="50468" spans="1:3" ht="19.2">
      <c r="A50468" s="2"/>
      <c r="B50468" s="2"/>
      <c r="C50468" s="2"/>
    </row>
    <row r="50469" spans="1:3" ht="19.2">
      <c r="A50469" s="2"/>
      <c r="B50469" s="2"/>
      <c r="C50469" s="2"/>
    </row>
    <row r="50470" spans="1:3" ht="19.2">
      <c r="A50470" s="2"/>
      <c r="B50470" s="2"/>
      <c r="C50470" s="2"/>
    </row>
    <row r="50471" spans="1:3" ht="19.2">
      <c r="A50471" s="2"/>
      <c r="B50471" s="2"/>
      <c r="C50471" s="2"/>
    </row>
    <row r="50472" spans="1:3" ht="19.2">
      <c r="A50472" s="2"/>
      <c r="B50472" s="2"/>
      <c r="C50472" s="2"/>
    </row>
    <row r="50473" spans="1:3" ht="19.2">
      <c r="A50473" s="2"/>
      <c r="B50473" s="2"/>
      <c r="C50473" s="2"/>
    </row>
    <row r="50474" spans="1:3" ht="19.2">
      <c r="A50474" s="2"/>
      <c r="B50474" s="2"/>
      <c r="C50474" s="2"/>
    </row>
    <row r="50475" spans="1:3" ht="19.2">
      <c r="A50475" s="2"/>
      <c r="B50475" s="2"/>
      <c r="C50475" s="2"/>
    </row>
    <row r="50476" spans="1:3" ht="19.2">
      <c r="A50476" s="2"/>
      <c r="B50476" s="2"/>
      <c r="C50476" s="2"/>
    </row>
    <row r="50477" spans="1:3" ht="19.2">
      <c r="A50477" s="2"/>
      <c r="B50477" s="2"/>
      <c r="C50477" s="2"/>
    </row>
    <row r="50478" spans="1:3" ht="19.2">
      <c r="A50478" s="2"/>
      <c r="B50478" s="2"/>
      <c r="C50478" s="2"/>
    </row>
    <row r="50479" spans="1:3" ht="19.2">
      <c r="A50479" s="2"/>
      <c r="B50479" s="2"/>
      <c r="C50479" s="2"/>
    </row>
    <row r="50480" spans="1:3" ht="19.2">
      <c r="A50480" s="2"/>
      <c r="B50480" s="2"/>
      <c r="C50480" s="2"/>
    </row>
    <row r="50481" spans="1:3" ht="19.2">
      <c r="A50481" s="2"/>
      <c r="B50481" s="2"/>
      <c r="C50481" s="2"/>
    </row>
    <row r="50482" spans="1:3" ht="19.2">
      <c r="A50482" s="2"/>
      <c r="B50482" s="2"/>
      <c r="C50482" s="2"/>
    </row>
    <row r="50483" spans="1:3" ht="19.2">
      <c r="A50483" s="2"/>
      <c r="B50483" s="2"/>
      <c r="C50483" s="2"/>
    </row>
    <row r="50484" spans="1:3" ht="19.2">
      <c r="A50484" s="2"/>
      <c r="B50484" s="2"/>
      <c r="C50484" s="2"/>
    </row>
    <row r="50485" spans="1:3" ht="19.2">
      <c r="A50485" s="2"/>
      <c r="B50485" s="2"/>
      <c r="C50485" s="2"/>
    </row>
    <row r="50486" spans="1:3" ht="19.2">
      <c r="A50486" s="2"/>
      <c r="B50486" s="2"/>
      <c r="C50486" s="2"/>
    </row>
    <row r="50487" spans="1:3" ht="19.2">
      <c r="A50487" s="2"/>
      <c r="B50487" s="2"/>
      <c r="C50487" s="2"/>
    </row>
    <row r="50488" spans="1:3" ht="19.2">
      <c r="A50488" s="2"/>
      <c r="B50488" s="2"/>
      <c r="C50488" s="2"/>
    </row>
    <row r="50489" spans="1:3" ht="19.2">
      <c r="A50489" s="2"/>
      <c r="B50489" s="2"/>
      <c r="C50489" s="2"/>
    </row>
    <row r="50490" spans="1:3" ht="19.2">
      <c r="A50490" s="2"/>
      <c r="B50490" s="2"/>
      <c r="C50490" s="2"/>
    </row>
    <row r="50491" spans="1:3" ht="19.2">
      <c r="A50491" s="2"/>
      <c r="B50491" s="2"/>
      <c r="C50491" s="2"/>
    </row>
    <row r="50492" spans="1:3" ht="19.2">
      <c r="A50492" s="2"/>
      <c r="B50492" s="2"/>
      <c r="C50492" s="2"/>
    </row>
    <row r="50493" spans="1:3" ht="19.2">
      <c r="A50493" s="2"/>
      <c r="B50493" s="2"/>
      <c r="C50493" s="2"/>
    </row>
    <row r="50494" spans="1:3" ht="19.2">
      <c r="A50494" s="2"/>
      <c r="B50494" s="2"/>
      <c r="C50494" s="2"/>
    </row>
    <row r="50495" spans="1:3" ht="19.2">
      <c r="A50495" s="2"/>
      <c r="B50495" s="2"/>
      <c r="C50495" s="2"/>
    </row>
    <row r="50496" spans="1:3" ht="19.2">
      <c r="A50496" s="2"/>
      <c r="B50496" s="2"/>
      <c r="C50496" s="2"/>
    </row>
    <row r="50497" spans="1:3" ht="19.2">
      <c r="A50497" s="2"/>
      <c r="B50497" s="2"/>
      <c r="C50497" s="2"/>
    </row>
    <row r="50498" spans="1:3" ht="19.2">
      <c r="A50498" s="2"/>
      <c r="B50498" s="2"/>
      <c r="C50498" s="2"/>
    </row>
    <row r="50499" spans="1:3" ht="19.2">
      <c r="A50499" s="2"/>
      <c r="B50499" s="2"/>
      <c r="C50499" s="2"/>
    </row>
    <row r="50500" spans="1:3" ht="19.2">
      <c r="A50500" s="2"/>
      <c r="B50500" s="2"/>
      <c r="C50500" s="2"/>
    </row>
    <row r="50501" spans="1:3" ht="19.2">
      <c r="A50501" s="2"/>
      <c r="B50501" s="2"/>
      <c r="C50501" s="2"/>
    </row>
    <row r="50502" spans="1:3" ht="19.2">
      <c r="A50502" s="2"/>
      <c r="B50502" s="2"/>
      <c r="C50502" s="2"/>
    </row>
    <row r="50503" spans="1:3" ht="19.2">
      <c r="A50503" s="2"/>
      <c r="B50503" s="2"/>
      <c r="C50503" s="2"/>
    </row>
    <row r="50504" spans="1:3" ht="19.2">
      <c r="A50504" s="2"/>
      <c r="B50504" s="2"/>
      <c r="C50504" s="2"/>
    </row>
    <row r="50505" spans="1:3" ht="19.2">
      <c r="A50505" s="2"/>
      <c r="B50505" s="2"/>
      <c r="C50505" s="2"/>
    </row>
    <row r="50506" spans="1:3" ht="19.2">
      <c r="A50506" s="2"/>
      <c r="B50506" s="2"/>
      <c r="C50506" s="2"/>
    </row>
    <row r="50507" spans="1:3" ht="19.2">
      <c r="A50507" s="2"/>
      <c r="B50507" s="2"/>
      <c r="C50507" s="2"/>
    </row>
    <row r="50508" spans="1:3" ht="19.2">
      <c r="A50508" s="2"/>
      <c r="B50508" s="2"/>
      <c r="C50508" s="2"/>
    </row>
    <row r="50509" spans="1:3" ht="19.2">
      <c r="A50509" s="2"/>
      <c r="B50509" s="2"/>
      <c r="C50509" s="2"/>
    </row>
    <row r="50510" spans="1:3" ht="19.2">
      <c r="A50510" s="2"/>
      <c r="B50510" s="2"/>
      <c r="C50510" s="2"/>
    </row>
    <row r="50511" spans="1:3" ht="19.2">
      <c r="A50511" s="2"/>
      <c r="B50511" s="2"/>
      <c r="C50511" s="2"/>
    </row>
    <row r="50512" spans="1:3" ht="19.2">
      <c r="A50512" s="2"/>
      <c r="B50512" s="2"/>
      <c r="C50512" s="2"/>
    </row>
    <row r="50513" spans="1:3" ht="19.2">
      <c r="A50513" s="2"/>
      <c r="B50513" s="2"/>
      <c r="C50513" s="2"/>
    </row>
    <row r="50514" spans="1:3" ht="19.2">
      <c r="A50514" s="2"/>
      <c r="B50514" s="2"/>
      <c r="C50514" s="2"/>
    </row>
    <row r="50515" spans="1:3" ht="19.2">
      <c r="A50515" s="2"/>
      <c r="B50515" s="2"/>
      <c r="C50515" s="2"/>
    </row>
    <row r="50516" spans="1:3" ht="19.2">
      <c r="A50516" s="2"/>
      <c r="B50516" s="2"/>
      <c r="C50516" s="2"/>
    </row>
    <row r="50517" spans="1:3" ht="19.2">
      <c r="A50517" s="2"/>
      <c r="B50517" s="2"/>
      <c r="C50517" s="2"/>
    </row>
    <row r="50518" spans="1:3" ht="19.2">
      <c r="A50518" s="2"/>
      <c r="B50518" s="2"/>
      <c r="C50518" s="2"/>
    </row>
    <row r="50519" spans="1:3" ht="19.2">
      <c r="A50519" s="2"/>
      <c r="B50519" s="2"/>
      <c r="C50519" s="2"/>
    </row>
    <row r="50520" spans="1:3" ht="19.2">
      <c r="A50520" s="2"/>
      <c r="B50520" s="2"/>
      <c r="C50520" s="2"/>
    </row>
    <row r="50521" spans="1:3" ht="19.2">
      <c r="A50521" s="2"/>
      <c r="B50521" s="2"/>
      <c r="C50521" s="2"/>
    </row>
    <row r="50522" spans="1:3" ht="19.2">
      <c r="A50522" s="2"/>
      <c r="B50522" s="2"/>
      <c r="C50522" s="2"/>
    </row>
    <row r="50523" spans="1:3" ht="19.2">
      <c r="A50523" s="2"/>
      <c r="B50523" s="2"/>
      <c r="C50523" s="2"/>
    </row>
    <row r="50524" spans="1:3" ht="19.2">
      <c r="A50524" s="2"/>
      <c r="B50524" s="2"/>
      <c r="C50524" s="2"/>
    </row>
    <row r="50525" spans="1:3" ht="19.2">
      <c r="A50525" s="2"/>
      <c r="B50525" s="2"/>
      <c r="C50525" s="2"/>
    </row>
    <row r="50526" spans="1:3" ht="19.2">
      <c r="A50526" s="2"/>
      <c r="B50526" s="2"/>
      <c r="C50526" s="2"/>
    </row>
    <row r="50527" spans="1:3" ht="19.2">
      <c r="A50527" s="2"/>
      <c r="B50527" s="2"/>
      <c r="C50527" s="2"/>
    </row>
    <row r="50528" spans="1:3" ht="19.2">
      <c r="A50528" s="2"/>
      <c r="B50528" s="2"/>
      <c r="C50528" s="2"/>
    </row>
    <row r="50529" spans="1:3" ht="19.2">
      <c r="A50529" s="2"/>
      <c r="B50529" s="2"/>
      <c r="C50529" s="2"/>
    </row>
    <row r="50530" spans="1:3" ht="19.2">
      <c r="A50530" s="2"/>
      <c r="B50530" s="2"/>
      <c r="C50530" s="2"/>
    </row>
    <row r="50531" spans="1:3" ht="19.2">
      <c r="A50531" s="2"/>
      <c r="B50531" s="2"/>
      <c r="C50531" s="2"/>
    </row>
    <row r="50532" spans="1:3" ht="19.2">
      <c r="A50532" s="2"/>
      <c r="B50532" s="2"/>
      <c r="C50532" s="2"/>
    </row>
    <row r="50533" spans="1:3" ht="19.2">
      <c r="A50533" s="2"/>
      <c r="B50533" s="2"/>
      <c r="C50533" s="2"/>
    </row>
    <row r="50534" spans="1:3" ht="19.2">
      <c r="A50534" s="2"/>
      <c r="B50534" s="2"/>
      <c r="C50534" s="2"/>
    </row>
    <row r="50535" spans="1:3" ht="19.2">
      <c r="A50535" s="2"/>
      <c r="B50535" s="2"/>
      <c r="C50535" s="2"/>
    </row>
    <row r="50536" spans="1:3" ht="19.2">
      <c r="A50536" s="2"/>
      <c r="B50536" s="2"/>
      <c r="C50536" s="2"/>
    </row>
    <row r="50537" spans="1:3" ht="19.2">
      <c r="A50537" s="2"/>
      <c r="B50537" s="2"/>
      <c r="C50537" s="2"/>
    </row>
    <row r="50538" spans="1:3" ht="19.2">
      <c r="A50538" s="2"/>
      <c r="B50538" s="2"/>
      <c r="C50538" s="2"/>
    </row>
    <row r="50539" spans="1:3" ht="19.2">
      <c r="A50539" s="2"/>
      <c r="B50539" s="2"/>
      <c r="C50539" s="2"/>
    </row>
    <row r="50540" spans="1:3" ht="19.2">
      <c r="A50540" s="2"/>
      <c r="B50540" s="2"/>
      <c r="C50540" s="2"/>
    </row>
    <row r="50541" spans="1:3" ht="19.2">
      <c r="A50541" s="2"/>
      <c r="B50541" s="2"/>
      <c r="C50541" s="2"/>
    </row>
    <row r="50542" spans="1:3" ht="19.2">
      <c r="A50542" s="2"/>
      <c r="B50542" s="2"/>
      <c r="C50542" s="2"/>
    </row>
    <row r="50543" spans="1:3" ht="19.2">
      <c r="A50543" s="2"/>
      <c r="B50543" s="2"/>
      <c r="C50543" s="2"/>
    </row>
    <row r="50544" spans="1:3" ht="19.2">
      <c r="A50544" s="2"/>
      <c r="B50544" s="2"/>
      <c r="C50544" s="2"/>
    </row>
    <row r="50545" spans="1:3" ht="19.2">
      <c r="A50545" s="2"/>
      <c r="B50545" s="2"/>
      <c r="C50545" s="2"/>
    </row>
    <row r="50546" spans="1:3" ht="19.2">
      <c r="A50546" s="2"/>
      <c r="B50546" s="2"/>
      <c r="C50546" s="2"/>
    </row>
    <row r="50547" spans="1:3" ht="19.2">
      <c r="A50547" s="2"/>
      <c r="B50547" s="2"/>
      <c r="C50547" s="2"/>
    </row>
    <row r="50548" spans="1:3" ht="19.2">
      <c r="A50548" s="2"/>
      <c r="B50548" s="2"/>
      <c r="C50548" s="2"/>
    </row>
    <row r="50549" spans="1:3" ht="19.2">
      <c r="A50549" s="2"/>
      <c r="B50549" s="2"/>
      <c r="C50549" s="2"/>
    </row>
    <row r="50550" spans="1:3" ht="19.2">
      <c r="A50550" s="2"/>
      <c r="B50550" s="2"/>
      <c r="C50550" s="2"/>
    </row>
    <row r="50551" spans="1:3" ht="19.2">
      <c r="A50551" s="2"/>
      <c r="B50551" s="2"/>
      <c r="C50551" s="2"/>
    </row>
    <row r="50552" spans="1:3" ht="19.2">
      <c r="A50552" s="2"/>
      <c r="B50552" s="2"/>
      <c r="C50552" s="2"/>
    </row>
    <row r="50553" spans="1:3" ht="19.2">
      <c r="A50553" s="2"/>
      <c r="B50553" s="2"/>
      <c r="C50553" s="2"/>
    </row>
    <row r="50554" spans="1:3" ht="19.2">
      <c r="A50554" s="2"/>
      <c r="B50554" s="2"/>
      <c r="C50554" s="2"/>
    </row>
    <row r="50555" spans="1:3" ht="19.2">
      <c r="A50555" s="2"/>
      <c r="B50555" s="2"/>
      <c r="C50555" s="2"/>
    </row>
    <row r="50556" spans="1:3" ht="19.2">
      <c r="A50556" s="2"/>
      <c r="B50556" s="2"/>
      <c r="C50556" s="2"/>
    </row>
    <row r="50557" spans="1:3" ht="19.2">
      <c r="A50557" s="2"/>
      <c r="B50557" s="2"/>
      <c r="C50557" s="2"/>
    </row>
    <row r="50558" spans="1:3" ht="19.2">
      <c r="A50558" s="2"/>
      <c r="B50558" s="2"/>
      <c r="C50558" s="2"/>
    </row>
    <row r="50559" spans="1:3" ht="19.2">
      <c r="A50559" s="2"/>
      <c r="B50559" s="2"/>
      <c r="C50559" s="2"/>
    </row>
    <row r="50560" spans="1:3" ht="19.2">
      <c r="A50560" s="2"/>
      <c r="B50560" s="2"/>
      <c r="C50560" s="2"/>
    </row>
    <row r="50561" spans="1:3" ht="19.2">
      <c r="A50561" s="2"/>
      <c r="B50561" s="2"/>
      <c r="C50561" s="2"/>
    </row>
    <row r="50562" spans="1:3" ht="19.2">
      <c r="A50562" s="2"/>
      <c r="B50562" s="2"/>
      <c r="C50562" s="2"/>
    </row>
    <row r="50563" spans="1:3" ht="19.2">
      <c r="A50563" s="2"/>
      <c r="B50563" s="2"/>
      <c r="C50563" s="2"/>
    </row>
    <row r="50564" spans="1:3" ht="19.2">
      <c r="A50564" s="2"/>
      <c r="B50564" s="2"/>
      <c r="C50564" s="2"/>
    </row>
    <row r="50565" spans="1:3" ht="19.2">
      <c r="A50565" s="2"/>
      <c r="B50565" s="2"/>
      <c r="C50565" s="2"/>
    </row>
    <row r="50566" spans="1:3" ht="19.2">
      <c r="A50566" s="2"/>
      <c r="B50566" s="2"/>
      <c r="C50566" s="2"/>
    </row>
    <row r="50567" spans="1:3" ht="19.2">
      <c r="A50567" s="2"/>
      <c r="B50567" s="2"/>
      <c r="C50567" s="2"/>
    </row>
    <row r="50568" spans="1:3" ht="19.2">
      <c r="A50568" s="2"/>
      <c r="B50568" s="2"/>
      <c r="C50568" s="2"/>
    </row>
    <row r="50569" spans="1:3" ht="19.2">
      <c r="A50569" s="2"/>
      <c r="B50569" s="2"/>
      <c r="C50569" s="2"/>
    </row>
    <row r="50570" spans="1:3" ht="19.2">
      <c r="A50570" s="2"/>
      <c r="B50570" s="2"/>
      <c r="C50570" s="2"/>
    </row>
    <row r="50571" spans="1:3" ht="19.2">
      <c r="A50571" s="2"/>
      <c r="B50571" s="2"/>
      <c r="C50571" s="2"/>
    </row>
    <row r="50572" spans="1:3" ht="19.2">
      <c r="A50572" s="2"/>
      <c r="B50572" s="2"/>
      <c r="C50572" s="2"/>
    </row>
    <row r="50573" spans="1:3" ht="19.2">
      <c r="A50573" s="2"/>
      <c r="B50573" s="2"/>
      <c r="C50573" s="2"/>
    </row>
    <row r="50574" spans="1:3" ht="19.2">
      <c r="A50574" s="2"/>
      <c r="B50574" s="2"/>
      <c r="C50574" s="2"/>
    </row>
    <row r="50575" spans="1:3" ht="19.2">
      <c r="A50575" s="2"/>
      <c r="B50575" s="2"/>
      <c r="C50575" s="2"/>
    </row>
    <row r="50576" spans="1:3" ht="19.2">
      <c r="A50576" s="2"/>
      <c r="B50576" s="2"/>
      <c r="C50576" s="2"/>
    </row>
    <row r="50577" spans="1:3" ht="19.2">
      <c r="A50577" s="2"/>
      <c r="B50577" s="2"/>
      <c r="C50577" s="2"/>
    </row>
    <row r="50578" spans="1:3" ht="19.2">
      <c r="A50578" s="2"/>
      <c r="B50578" s="2"/>
      <c r="C50578" s="2"/>
    </row>
    <row r="50579" spans="1:3" ht="19.2">
      <c r="A50579" s="2"/>
      <c r="B50579" s="2"/>
      <c r="C50579" s="2"/>
    </row>
    <row r="50580" spans="1:3" ht="19.2">
      <c r="A50580" s="2"/>
      <c r="B50580" s="2"/>
      <c r="C50580" s="2"/>
    </row>
    <row r="50581" spans="1:3" ht="19.2">
      <c r="A50581" s="2"/>
      <c r="B50581" s="2"/>
      <c r="C50581" s="2"/>
    </row>
    <row r="50582" spans="1:3" ht="19.2">
      <c r="A50582" s="2"/>
      <c r="B50582" s="2"/>
      <c r="C50582" s="2"/>
    </row>
    <row r="50583" spans="1:3" ht="19.2">
      <c r="A50583" s="2"/>
      <c r="B50583" s="2"/>
      <c r="C50583" s="2"/>
    </row>
    <row r="50584" spans="1:3" ht="19.2">
      <c r="A50584" s="2"/>
      <c r="B50584" s="2"/>
      <c r="C50584" s="2"/>
    </row>
    <row r="50585" spans="1:3" ht="19.2">
      <c r="A50585" s="2"/>
      <c r="B50585" s="2"/>
      <c r="C50585" s="2"/>
    </row>
    <row r="50586" spans="1:3" ht="19.2">
      <c r="A50586" s="2"/>
      <c r="B50586" s="2"/>
      <c r="C50586" s="2"/>
    </row>
    <row r="50587" spans="1:3" ht="19.2">
      <c r="A50587" s="2"/>
      <c r="B50587" s="2"/>
      <c r="C50587" s="2"/>
    </row>
    <row r="50588" spans="1:3" ht="19.2">
      <c r="A50588" s="2"/>
      <c r="B50588" s="2"/>
      <c r="C50588" s="2"/>
    </row>
    <row r="50589" spans="1:3" ht="19.2">
      <c r="A50589" s="2"/>
      <c r="B50589" s="2"/>
      <c r="C50589" s="2"/>
    </row>
    <row r="50590" spans="1:3" ht="19.2">
      <c r="A50590" s="2"/>
      <c r="B50590" s="2"/>
      <c r="C50590" s="2"/>
    </row>
    <row r="50591" spans="1:3" ht="19.2">
      <c r="A50591" s="2"/>
      <c r="B50591" s="2"/>
      <c r="C50591" s="2"/>
    </row>
    <row r="50592" spans="1:3" ht="19.2">
      <c r="A50592" s="2"/>
      <c r="B50592" s="2"/>
      <c r="C50592" s="2"/>
    </row>
    <row r="50593" spans="1:3" ht="19.2">
      <c r="A50593" s="2"/>
      <c r="B50593" s="2"/>
      <c r="C50593" s="2"/>
    </row>
    <row r="50594" spans="1:3" ht="19.2">
      <c r="A50594" s="2"/>
      <c r="B50594" s="2"/>
      <c r="C50594" s="2"/>
    </row>
    <row r="50595" spans="1:3" ht="19.2">
      <c r="A50595" s="2"/>
      <c r="B50595" s="2"/>
      <c r="C50595" s="2"/>
    </row>
    <row r="50596" spans="1:3" ht="19.2">
      <c r="A50596" s="2"/>
      <c r="B50596" s="2"/>
      <c r="C50596" s="2"/>
    </row>
    <row r="50597" spans="1:3" ht="19.2">
      <c r="A50597" s="2"/>
      <c r="B50597" s="2"/>
      <c r="C50597" s="2"/>
    </row>
    <row r="50598" spans="1:3" ht="19.2">
      <c r="A50598" s="2"/>
      <c r="B50598" s="2"/>
      <c r="C50598" s="2"/>
    </row>
    <row r="50599" spans="1:3" ht="19.2">
      <c r="A50599" s="2"/>
      <c r="B50599" s="2"/>
      <c r="C50599" s="2"/>
    </row>
    <row r="50600" spans="1:3" ht="19.2">
      <c r="A50600" s="2"/>
      <c r="B50600" s="2"/>
      <c r="C50600" s="2"/>
    </row>
    <row r="50601" spans="1:3" ht="19.2">
      <c r="A50601" s="2"/>
      <c r="B50601" s="2"/>
      <c r="C50601" s="2"/>
    </row>
    <row r="50602" spans="1:3" ht="19.2">
      <c r="A50602" s="2"/>
      <c r="B50602" s="2"/>
      <c r="C50602" s="2"/>
    </row>
    <row r="50603" spans="1:3" ht="19.2">
      <c r="A50603" s="2"/>
      <c r="B50603" s="2"/>
      <c r="C50603" s="2"/>
    </row>
    <row r="50604" spans="1:3" ht="19.2">
      <c r="A50604" s="2"/>
      <c r="B50604" s="2"/>
      <c r="C50604" s="2"/>
    </row>
    <row r="50605" spans="1:3" ht="19.2">
      <c r="A50605" s="2"/>
      <c r="B50605" s="2"/>
      <c r="C50605" s="2"/>
    </row>
    <row r="50606" spans="1:3" ht="19.2">
      <c r="A50606" s="2"/>
      <c r="B50606" s="2"/>
      <c r="C50606" s="2"/>
    </row>
    <row r="50607" spans="1:3" ht="19.2">
      <c r="A50607" s="2"/>
      <c r="B50607" s="2"/>
      <c r="C50607" s="2"/>
    </row>
    <row r="50608" spans="1:3" ht="19.2">
      <c r="A50608" s="2"/>
      <c r="B50608" s="2"/>
      <c r="C50608" s="2"/>
    </row>
    <row r="50609" spans="1:3" ht="19.2">
      <c r="A50609" s="2"/>
      <c r="B50609" s="2"/>
      <c r="C50609" s="2"/>
    </row>
    <row r="50610" spans="1:3" ht="19.2">
      <c r="A50610" s="2"/>
      <c r="B50610" s="2"/>
      <c r="C50610" s="2"/>
    </row>
    <row r="50611" spans="1:3" ht="19.2">
      <c r="A50611" s="2"/>
      <c r="B50611" s="2"/>
      <c r="C50611" s="2"/>
    </row>
    <row r="50612" spans="1:3" ht="19.2">
      <c r="A50612" s="2"/>
      <c r="B50612" s="2"/>
      <c r="C50612" s="2"/>
    </row>
    <row r="50613" spans="1:3" ht="19.2">
      <c r="A50613" s="2"/>
      <c r="B50613" s="2"/>
      <c r="C50613" s="2"/>
    </row>
    <row r="50614" spans="1:3" ht="19.2">
      <c r="A50614" s="2"/>
      <c r="B50614" s="2"/>
      <c r="C50614" s="2"/>
    </row>
    <row r="50615" spans="1:3" ht="19.2">
      <c r="A50615" s="2"/>
      <c r="B50615" s="2"/>
      <c r="C50615" s="2"/>
    </row>
    <row r="50616" spans="1:3" ht="19.2">
      <c r="A50616" s="2"/>
      <c r="B50616" s="2"/>
      <c r="C50616" s="2"/>
    </row>
    <row r="50617" spans="1:3" ht="19.2">
      <c r="A50617" s="2"/>
      <c r="B50617" s="2"/>
      <c r="C50617" s="2"/>
    </row>
    <row r="50618" spans="1:3" ht="19.2">
      <c r="A50618" s="2"/>
      <c r="B50618" s="2"/>
      <c r="C50618" s="2"/>
    </row>
    <row r="50619" spans="1:3" ht="19.2">
      <c r="A50619" s="2"/>
      <c r="B50619" s="2"/>
      <c r="C50619" s="2"/>
    </row>
    <row r="50620" spans="1:3" ht="19.2">
      <c r="A50620" s="2"/>
      <c r="B50620" s="2"/>
      <c r="C50620" s="2"/>
    </row>
    <row r="50621" spans="1:3" ht="19.2">
      <c r="A50621" s="2"/>
      <c r="B50621" s="2"/>
      <c r="C50621" s="2"/>
    </row>
    <row r="50622" spans="1:3" ht="19.2">
      <c r="A50622" s="2"/>
      <c r="B50622" s="2"/>
      <c r="C50622" s="2"/>
    </row>
    <row r="50623" spans="1:3" ht="19.2">
      <c r="A50623" s="2"/>
      <c r="B50623" s="2"/>
      <c r="C50623" s="2"/>
    </row>
    <row r="50624" spans="1:3" ht="19.2">
      <c r="A50624" s="2"/>
      <c r="B50624" s="2"/>
      <c r="C50624" s="2"/>
    </row>
    <row r="50625" spans="1:3" ht="19.2">
      <c r="A50625" s="2"/>
      <c r="B50625" s="2"/>
      <c r="C50625" s="2"/>
    </row>
    <row r="50626" spans="1:3" ht="19.2">
      <c r="A50626" s="2"/>
      <c r="B50626" s="2"/>
      <c r="C50626" s="2"/>
    </row>
    <row r="50627" spans="1:3" ht="19.2">
      <c r="A50627" s="2"/>
      <c r="B50627" s="2"/>
      <c r="C50627" s="2"/>
    </row>
    <row r="50628" spans="1:3" ht="19.2">
      <c r="A50628" s="2"/>
      <c r="B50628" s="2"/>
      <c r="C50628" s="2"/>
    </row>
    <row r="50629" spans="1:3" ht="19.2">
      <c r="A50629" s="2"/>
      <c r="B50629" s="2"/>
      <c r="C50629" s="2"/>
    </row>
    <row r="50630" spans="1:3" ht="19.2">
      <c r="A50630" s="2"/>
      <c r="B50630" s="2"/>
      <c r="C50630" s="2"/>
    </row>
    <row r="50631" spans="1:3" ht="19.2">
      <c r="A50631" s="2"/>
      <c r="B50631" s="2"/>
      <c r="C50631" s="2"/>
    </row>
    <row r="50632" spans="1:3" ht="19.2">
      <c r="A50632" s="2"/>
      <c r="B50632" s="2"/>
      <c r="C50632" s="2"/>
    </row>
    <row r="50633" spans="1:3" ht="19.2">
      <c r="A50633" s="2"/>
      <c r="B50633" s="2"/>
      <c r="C50633" s="2"/>
    </row>
    <row r="50634" spans="1:3" ht="19.2">
      <c r="A50634" s="2"/>
      <c r="B50634" s="2"/>
      <c r="C50634" s="2"/>
    </row>
    <row r="50635" spans="1:3" ht="19.2">
      <c r="A50635" s="2"/>
      <c r="B50635" s="2"/>
      <c r="C50635" s="2"/>
    </row>
    <row r="50636" spans="1:3" ht="19.2">
      <c r="A50636" s="2"/>
      <c r="B50636" s="2"/>
      <c r="C50636" s="2"/>
    </row>
    <row r="50637" spans="1:3" ht="19.2">
      <c r="A50637" s="2"/>
      <c r="B50637" s="2"/>
      <c r="C50637" s="2"/>
    </row>
    <row r="50638" spans="1:3" ht="19.2">
      <c r="A50638" s="2"/>
      <c r="B50638" s="2"/>
      <c r="C50638" s="2"/>
    </row>
    <row r="50639" spans="1:3" ht="19.2">
      <c r="A50639" s="2"/>
      <c r="B50639" s="2"/>
      <c r="C50639" s="2"/>
    </row>
    <row r="50640" spans="1:3" ht="19.2">
      <c r="A50640" s="2"/>
      <c r="B50640" s="2"/>
      <c r="C50640" s="2"/>
    </row>
    <row r="50641" spans="1:3" ht="19.2">
      <c r="A50641" s="2"/>
      <c r="B50641" s="2"/>
      <c r="C50641" s="2"/>
    </row>
    <row r="50642" spans="1:3" ht="19.2">
      <c r="A50642" s="2"/>
      <c r="B50642" s="2"/>
      <c r="C50642" s="2"/>
    </row>
    <row r="50643" spans="1:3" ht="19.2">
      <c r="A50643" s="2"/>
      <c r="B50643" s="2"/>
      <c r="C50643" s="2"/>
    </row>
    <row r="50644" spans="1:3" ht="19.2">
      <c r="A50644" s="2"/>
      <c r="B50644" s="2"/>
      <c r="C50644" s="2"/>
    </row>
    <row r="50645" spans="1:3" ht="19.2">
      <c r="A50645" s="2"/>
      <c r="B50645" s="2"/>
      <c r="C50645" s="2"/>
    </row>
    <row r="50646" spans="1:3" ht="19.2">
      <c r="A50646" s="2"/>
      <c r="B50646" s="2"/>
      <c r="C50646" s="2"/>
    </row>
    <row r="50647" spans="1:3" ht="19.2">
      <c r="A50647" s="2"/>
      <c r="B50647" s="2"/>
      <c r="C50647" s="2"/>
    </row>
    <row r="50648" spans="1:3" ht="19.2">
      <c r="A50648" s="2"/>
      <c r="B50648" s="2"/>
      <c r="C50648" s="2"/>
    </row>
    <row r="50649" spans="1:3" ht="19.2">
      <c r="A50649" s="2"/>
      <c r="B50649" s="2"/>
      <c r="C50649" s="2"/>
    </row>
    <row r="50650" spans="1:3" ht="19.2">
      <c r="A50650" s="2"/>
      <c r="B50650" s="2"/>
      <c r="C50650" s="2"/>
    </row>
    <row r="50651" spans="1:3" ht="19.2">
      <c r="A50651" s="2"/>
      <c r="B50651" s="2"/>
      <c r="C50651" s="2"/>
    </row>
    <row r="50652" spans="1:3" ht="19.2">
      <c r="A50652" s="2"/>
      <c r="B50652" s="2"/>
      <c r="C50652" s="2"/>
    </row>
    <row r="50653" spans="1:3" ht="19.2">
      <c r="A50653" s="2"/>
      <c r="B50653" s="2"/>
      <c r="C50653" s="2"/>
    </row>
    <row r="50654" spans="1:3" ht="19.2">
      <c r="A50654" s="2"/>
      <c r="B50654" s="2"/>
      <c r="C50654" s="2"/>
    </row>
    <row r="50655" spans="1:3" ht="19.2">
      <c r="A50655" s="2"/>
      <c r="B50655" s="2"/>
      <c r="C50655" s="2"/>
    </row>
    <row r="50656" spans="1:3" ht="19.2">
      <c r="A50656" s="2"/>
      <c r="B50656" s="2"/>
      <c r="C50656" s="2"/>
    </row>
    <row r="50657" spans="1:3" ht="19.2">
      <c r="A50657" s="2"/>
      <c r="B50657" s="2"/>
      <c r="C50657" s="2"/>
    </row>
    <row r="50658" spans="1:3" ht="19.2">
      <c r="A50658" s="2"/>
      <c r="B50658" s="2"/>
      <c r="C50658" s="2"/>
    </row>
    <row r="50659" spans="1:3" ht="19.2">
      <c r="A50659" s="2"/>
      <c r="B50659" s="2"/>
      <c r="C50659" s="2"/>
    </row>
    <row r="50660" spans="1:3" ht="19.2">
      <c r="A50660" s="2"/>
      <c r="B50660" s="2"/>
      <c r="C50660" s="2"/>
    </row>
    <row r="50661" spans="1:3" ht="19.2">
      <c r="A50661" s="2"/>
      <c r="B50661" s="2"/>
      <c r="C50661" s="2"/>
    </row>
    <row r="50662" spans="1:3" ht="19.2">
      <c r="A50662" s="2"/>
      <c r="B50662" s="2"/>
      <c r="C50662" s="2"/>
    </row>
    <row r="50663" spans="1:3" ht="19.2">
      <c r="A50663" s="2"/>
      <c r="B50663" s="2"/>
      <c r="C50663" s="2"/>
    </row>
    <row r="50664" spans="1:3" ht="19.2">
      <c r="A50664" s="2"/>
      <c r="B50664" s="2"/>
      <c r="C50664" s="2"/>
    </row>
    <row r="50665" spans="1:3" ht="19.2">
      <c r="A50665" s="2"/>
      <c r="B50665" s="2"/>
      <c r="C50665" s="2"/>
    </row>
    <row r="50666" spans="1:3" ht="19.2">
      <c r="A50666" s="2"/>
      <c r="B50666" s="2"/>
      <c r="C50666" s="2"/>
    </row>
    <row r="50667" spans="1:3" ht="19.2">
      <c r="A50667" s="2"/>
      <c r="B50667" s="2"/>
      <c r="C50667" s="2"/>
    </row>
    <row r="50668" spans="1:3" ht="19.2">
      <c r="A50668" s="2"/>
      <c r="B50668" s="2"/>
      <c r="C50668" s="2"/>
    </row>
    <row r="50669" spans="1:3" ht="19.2">
      <c r="A50669" s="2"/>
      <c r="B50669" s="2"/>
      <c r="C50669" s="2"/>
    </row>
    <row r="50670" spans="1:3" ht="19.2">
      <c r="A50670" s="2"/>
      <c r="B50670" s="2"/>
      <c r="C50670" s="2"/>
    </row>
    <row r="50671" spans="1:3" ht="19.2">
      <c r="A50671" s="2"/>
      <c r="B50671" s="2"/>
      <c r="C50671" s="2"/>
    </row>
    <row r="50672" spans="1:3" ht="19.2">
      <c r="A50672" s="2"/>
      <c r="B50672" s="2"/>
      <c r="C50672" s="2"/>
    </row>
    <row r="50673" spans="1:3" ht="19.2">
      <c r="A50673" s="2"/>
      <c r="B50673" s="2"/>
      <c r="C50673" s="2"/>
    </row>
    <row r="50674" spans="1:3" ht="19.2">
      <c r="A50674" s="2"/>
      <c r="B50674" s="2"/>
      <c r="C50674" s="2"/>
    </row>
    <row r="50675" spans="1:3" ht="19.2">
      <c r="A50675" s="2"/>
      <c r="B50675" s="2"/>
      <c r="C50675" s="2"/>
    </row>
    <row r="50676" spans="1:3" ht="19.2">
      <c r="A50676" s="2"/>
      <c r="B50676" s="2"/>
      <c r="C50676" s="2"/>
    </row>
    <row r="50677" spans="1:3" ht="19.2">
      <c r="A50677" s="2"/>
      <c r="B50677" s="2"/>
      <c r="C50677" s="2"/>
    </row>
    <row r="50678" spans="1:3" ht="19.2">
      <c r="A50678" s="2"/>
      <c r="B50678" s="2"/>
      <c r="C50678" s="2"/>
    </row>
    <row r="50679" spans="1:3" ht="19.2">
      <c r="A50679" s="2"/>
      <c r="B50679" s="2"/>
      <c r="C50679" s="2"/>
    </row>
    <row r="50680" spans="1:3" ht="19.2">
      <c r="A50680" s="2"/>
      <c r="B50680" s="2"/>
      <c r="C50680" s="2"/>
    </row>
    <row r="50681" spans="1:3" ht="19.2">
      <c r="A50681" s="2"/>
      <c r="B50681" s="2"/>
      <c r="C50681" s="2"/>
    </row>
    <row r="50682" spans="1:3" ht="19.2">
      <c r="A50682" s="2"/>
      <c r="B50682" s="2"/>
      <c r="C50682" s="2"/>
    </row>
    <row r="50683" spans="1:3" ht="19.2">
      <c r="A50683" s="2"/>
      <c r="B50683" s="2"/>
      <c r="C50683" s="2"/>
    </row>
    <row r="50684" spans="1:3" ht="19.2">
      <c r="A50684" s="2"/>
      <c r="B50684" s="2"/>
      <c r="C50684" s="2"/>
    </row>
    <row r="50685" spans="1:3" ht="19.2">
      <c r="A50685" s="2"/>
      <c r="B50685" s="2"/>
      <c r="C50685" s="2"/>
    </row>
    <row r="50686" spans="1:3" ht="19.2">
      <c r="A50686" s="2"/>
      <c r="B50686" s="2"/>
      <c r="C50686" s="2"/>
    </row>
    <row r="50687" spans="1:3" ht="19.2">
      <c r="A50687" s="2"/>
      <c r="B50687" s="2"/>
      <c r="C50687" s="2"/>
    </row>
    <row r="50688" spans="1:3" ht="19.2">
      <c r="A50688" s="2"/>
      <c r="B50688" s="2"/>
      <c r="C50688" s="2"/>
    </row>
    <row r="50689" spans="1:3" ht="19.2">
      <c r="A50689" s="2"/>
      <c r="B50689" s="2"/>
      <c r="C50689" s="2"/>
    </row>
    <row r="50690" spans="1:3" ht="19.2">
      <c r="A50690" s="2"/>
      <c r="B50690" s="2"/>
      <c r="C50690" s="2"/>
    </row>
    <row r="50691" spans="1:3" ht="19.2">
      <c r="A50691" s="2"/>
      <c r="B50691" s="2"/>
      <c r="C50691" s="2"/>
    </row>
    <row r="50692" spans="1:3" ht="19.2">
      <c r="A50692" s="2"/>
      <c r="B50692" s="2"/>
      <c r="C50692" s="2"/>
    </row>
    <row r="50693" spans="1:3" ht="19.2">
      <c r="A50693" s="2"/>
      <c r="B50693" s="2"/>
      <c r="C50693" s="2"/>
    </row>
    <row r="50694" spans="1:3" ht="19.2">
      <c r="A50694" s="2"/>
      <c r="B50694" s="2"/>
      <c r="C50694" s="2"/>
    </row>
    <row r="50695" spans="1:3" ht="19.2">
      <c r="A50695" s="2"/>
      <c r="B50695" s="2"/>
      <c r="C50695" s="2"/>
    </row>
    <row r="50696" spans="1:3" ht="19.2">
      <c r="A50696" s="2"/>
      <c r="B50696" s="2"/>
      <c r="C50696" s="2"/>
    </row>
    <row r="50697" spans="1:3" ht="19.2">
      <c r="A50697" s="2"/>
      <c r="B50697" s="2"/>
      <c r="C50697" s="2"/>
    </row>
    <row r="50698" spans="1:3" ht="19.2">
      <c r="A50698" s="2"/>
      <c r="B50698" s="2"/>
      <c r="C50698" s="2"/>
    </row>
    <row r="50699" spans="1:3" ht="19.2">
      <c r="A50699" s="2"/>
      <c r="B50699" s="2"/>
      <c r="C50699" s="2"/>
    </row>
    <row r="50700" spans="1:3" ht="19.2">
      <c r="A50700" s="2"/>
      <c r="B50700" s="2"/>
      <c r="C50700" s="2"/>
    </row>
    <row r="50701" spans="1:3" ht="19.2">
      <c r="A50701" s="2"/>
      <c r="B50701" s="2"/>
      <c r="C50701" s="2"/>
    </row>
    <row r="50702" spans="1:3" ht="19.2">
      <c r="A50702" s="2"/>
      <c r="B50702" s="2"/>
      <c r="C50702" s="2"/>
    </row>
    <row r="50703" spans="1:3" ht="19.2">
      <c r="A50703" s="2"/>
      <c r="B50703" s="2"/>
      <c r="C50703" s="2"/>
    </row>
    <row r="50704" spans="1:3" ht="19.2">
      <c r="A50704" s="2"/>
      <c r="B50704" s="2"/>
      <c r="C50704" s="2"/>
    </row>
    <row r="50705" spans="1:3" ht="19.2">
      <c r="A50705" s="2"/>
      <c r="B50705" s="2"/>
      <c r="C50705" s="2"/>
    </row>
    <row r="50706" spans="1:3" ht="19.2">
      <c r="A50706" s="2"/>
      <c r="B50706" s="2"/>
      <c r="C50706" s="2"/>
    </row>
    <row r="50707" spans="1:3" ht="19.2">
      <c r="A50707" s="2"/>
      <c r="B50707" s="2"/>
      <c r="C50707" s="2"/>
    </row>
    <row r="50708" spans="1:3" ht="19.2">
      <c r="A50708" s="2"/>
      <c r="B50708" s="2"/>
      <c r="C50708" s="2"/>
    </row>
    <row r="50709" spans="1:3" ht="19.2">
      <c r="A50709" s="2"/>
      <c r="B50709" s="2"/>
      <c r="C50709" s="2"/>
    </row>
    <row r="50710" spans="1:3" ht="19.2">
      <c r="A50710" s="2"/>
      <c r="B50710" s="2"/>
      <c r="C50710" s="2"/>
    </row>
    <row r="50711" spans="1:3" ht="19.2">
      <c r="A50711" s="2"/>
      <c r="B50711" s="2"/>
      <c r="C50711" s="2"/>
    </row>
    <row r="50712" spans="1:3" ht="19.2">
      <c r="A50712" s="2"/>
      <c r="B50712" s="2"/>
      <c r="C50712" s="2"/>
    </row>
    <row r="50713" spans="1:3" ht="19.2">
      <c r="A50713" s="2"/>
      <c r="B50713" s="2"/>
      <c r="C50713" s="2"/>
    </row>
    <row r="50714" spans="1:3" ht="19.2">
      <c r="A50714" s="2"/>
      <c r="B50714" s="2"/>
      <c r="C50714" s="2"/>
    </row>
    <row r="50715" spans="1:3" ht="19.2">
      <c r="A50715" s="2"/>
      <c r="B50715" s="2"/>
      <c r="C50715" s="2"/>
    </row>
    <row r="50716" spans="1:3" ht="19.2">
      <c r="A50716" s="2"/>
      <c r="B50716" s="2"/>
      <c r="C50716" s="2"/>
    </row>
    <row r="50717" spans="1:3" ht="19.2">
      <c r="A50717" s="2"/>
      <c r="B50717" s="2"/>
      <c r="C50717" s="2"/>
    </row>
    <row r="50718" spans="1:3" ht="19.2">
      <c r="A50718" s="2"/>
      <c r="B50718" s="2"/>
      <c r="C50718" s="2"/>
    </row>
    <row r="50719" spans="1:3" ht="19.2">
      <c r="A50719" s="2"/>
      <c r="B50719" s="2"/>
      <c r="C50719" s="2"/>
    </row>
    <row r="50720" spans="1:3" ht="19.2">
      <c r="A50720" s="2"/>
      <c r="B50720" s="2"/>
      <c r="C50720" s="2"/>
    </row>
    <row r="50721" spans="1:3" ht="19.2">
      <c r="A50721" s="2"/>
      <c r="B50721" s="2"/>
      <c r="C50721" s="2"/>
    </row>
    <row r="50722" spans="1:3" ht="19.2">
      <c r="A50722" s="2"/>
      <c r="B50722" s="2"/>
      <c r="C50722" s="2"/>
    </row>
    <row r="50723" spans="1:3" ht="19.2">
      <c r="A50723" s="2"/>
      <c r="B50723" s="2"/>
      <c r="C50723" s="2"/>
    </row>
    <row r="50724" spans="1:3" ht="19.2">
      <c r="A50724" s="2"/>
      <c r="B50724" s="2"/>
      <c r="C50724" s="2"/>
    </row>
    <row r="50725" spans="1:3" ht="19.2">
      <c r="A50725" s="2"/>
      <c r="B50725" s="2"/>
      <c r="C50725" s="2"/>
    </row>
    <row r="50726" spans="1:3" ht="19.2">
      <c r="A50726" s="2"/>
      <c r="B50726" s="2"/>
      <c r="C50726" s="2"/>
    </row>
    <row r="50727" spans="1:3" ht="19.2">
      <c r="A50727" s="2"/>
      <c r="B50727" s="2"/>
      <c r="C50727" s="2"/>
    </row>
    <row r="50728" spans="1:3" ht="19.2">
      <c r="A50728" s="2"/>
      <c r="B50728" s="2"/>
      <c r="C50728" s="2"/>
    </row>
    <row r="50729" spans="1:3" ht="19.2">
      <c r="A50729" s="2"/>
      <c r="B50729" s="2"/>
      <c r="C50729" s="2"/>
    </row>
    <row r="50730" spans="1:3" ht="19.2">
      <c r="A50730" s="2"/>
      <c r="B50730" s="2"/>
      <c r="C50730" s="2"/>
    </row>
    <row r="50731" spans="1:3" ht="19.2">
      <c r="A50731" s="2"/>
      <c r="B50731" s="2"/>
      <c r="C50731" s="2"/>
    </row>
    <row r="50732" spans="1:3" ht="19.2">
      <c r="A50732" s="2"/>
      <c r="B50732" s="2"/>
      <c r="C50732" s="2"/>
    </row>
    <row r="50733" spans="1:3" ht="19.2">
      <c r="A50733" s="2"/>
      <c r="B50733" s="2"/>
      <c r="C50733" s="2"/>
    </row>
    <row r="50734" spans="1:3" ht="19.2">
      <c r="A50734" s="2"/>
      <c r="B50734" s="2"/>
      <c r="C50734" s="2"/>
    </row>
    <row r="50735" spans="1:3" ht="19.2">
      <c r="A50735" s="2"/>
      <c r="B50735" s="2"/>
      <c r="C50735" s="2"/>
    </row>
    <row r="50736" spans="1:3" ht="19.2">
      <c r="A50736" s="2"/>
      <c r="B50736" s="2"/>
      <c r="C50736" s="2"/>
    </row>
    <row r="50737" spans="1:3" ht="19.2">
      <c r="A50737" s="2"/>
      <c r="B50737" s="2"/>
      <c r="C50737" s="2"/>
    </row>
    <row r="50738" spans="1:3" ht="19.2">
      <c r="A50738" s="2"/>
      <c r="B50738" s="2"/>
      <c r="C50738" s="2"/>
    </row>
    <row r="50739" spans="1:3" ht="19.2">
      <c r="A50739" s="2"/>
      <c r="B50739" s="2"/>
      <c r="C50739" s="2"/>
    </row>
    <row r="50740" spans="1:3" ht="19.2">
      <c r="A50740" s="2"/>
      <c r="B50740" s="2"/>
      <c r="C50740" s="2"/>
    </row>
    <row r="50741" spans="1:3" ht="19.2">
      <c r="A50741" s="2"/>
      <c r="B50741" s="2"/>
      <c r="C50741" s="2"/>
    </row>
    <row r="50742" spans="1:3" ht="19.2">
      <c r="A50742" s="2"/>
      <c r="B50742" s="2"/>
      <c r="C50742" s="2"/>
    </row>
    <row r="50743" spans="1:3" ht="19.2">
      <c r="A50743" s="2"/>
      <c r="B50743" s="2"/>
      <c r="C50743" s="2"/>
    </row>
    <row r="50744" spans="1:3" ht="19.2">
      <c r="A50744" s="2"/>
      <c r="B50744" s="2"/>
      <c r="C50744" s="2"/>
    </row>
    <row r="50745" spans="1:3" ht="19.2">
      <c r="A50745" s="2"/>
      <c r="B50745" s="2"/>
      <c r="C50745" s="2"/>
    </row>
    <row r="50746" spans="1:3" ht="19.2">
      <c r="A50746" s="2"/>
      <c r="B50746" s="2"/>
      <c r="C50746" s="2"/>
    </row>
    <row r="50747" spans="1:3" ht="19.2">
      <c r="A50747" s="2"/>
      <c r="B50747" s="2"/>
      <c r="C50747" s="2"/>
    </row>
    <row r="50748" spans="1:3" ht="19.2">
      <c r="A50748" s="2"/>
      <c r="B50748" s="2"/>
      <c r="C50748" s="2"/>
    </row>
    <row r="50749" spans="1:3" ht="19.2">
      <c r="A50749" s="2"/>
      <c r="B50749" s="2"/>
      <c r="C50749" s="2"/>
    </row>
    <row r="50750" spans="1:3" ht="19.2">
      <c r="A50750" s="2"/>
      <c r="B50750" s="2"/>
      <c r="C50750" s="2"/>
    </row>
    <row r="50751" spans="1:3" ht="19.2">
      <c r="A50751" s="2"/>
      <c r="B50751" s="2"/>
      <c r="C50751" s="2"/>
    </row>
    <row r="50752" spans="1:3" ht="19.2">
      <c r="A50752" s="2"/>
      <c r="B50752" s="2"/>
      <c r="C50752" s="2"/>
    </row>
    <row r="50753" spans="1:3" ht="19.2">
      <c r="A50753" s="2"/>
      <c r="B50753" s="2"/>
      <c r="C50753" s="2"/>
    </row>
    <row r="50754" spans="1:3" ht="19.2">
      <c r="A50754" s="2"/>
      <c r="B50754" s="2"/>
      <c r="C50754" s="2"/>
    </row>
    <row r="50755" spans="1:3" ht="19.2">
      <c r="A50755" s="2"/>
      <c r="B50755" s="2"/>
      <c r="C50755" s="2"/>
    </row>
    <row r="50756" spans="1:3" ht="19.2">
      <c r="A50756" s="2"/>
      <c r="B50756" s="2"/>
      <c r="C50756" s="2"/>
    </row>
    <row r="50757" spans="1:3" ht="19.2">
      <c r="A50757" s="2"/>
      <c r="B50757" s="2"/>
      <c r="C50757" s="2"/>
    </row>
    <row r="50758" spans="1:3" ht="19.2">
      <c r="A50758" s="2"/>
      <c r="B50758" s="2"/>
      <c r="C50758" s="2"/>
    </row>
    <row r="50759" spans="1:3" ht="19.2">
      <c r="A50759" s="2"/>
      <c r="B50759" s="2"/>
      <c r="C50759" s="2"/>
    </row>
    <row r="50760" spans="1:3" ht="19.2">
      <c r="A50760" s="2"/>
      <c r="B50760" s="2"/>
      <c r="C50760" s="2"/>
    </row>
    <row r="50761" spans="1:3" ht="19.2">
      <c r="A50761" s="2"/>
      <c r="B50761" s="2"/>
      <c r="C50761" s="2"/>
    </row>
    <row r="50762" spans="1:3" ht="19.2">
      <c r="A50762" s="2"/>
      <c r="B50762" s="2"/>
      <c r="C50762" s="2"/>
    </row>
    <row r="50763" spans="1:3" ht="19.2">
      <c r="A50763" s="2"/>
      <c r="B50763" s="2"/>
      <c r="C50763" s="2"/>
    </row>
    <row r="50764" spans="1:3" ht="19.2">
      <c r="A50764" s="2"/>
      <c r="B50764" s="2"/>
      <c r="C50764" s="2"/>
    </row>
    <row r="50765" spans="1:3" ht="19.2">
      <c r="A50765" s="2"/>
      <c r="B50765" s="2"/>
      <c r="C50765" s="2"/>
    </row>
    <row r="50766" spans="1:3" ht="19.2">
      <c r="A50766" s="2"/>
      <c r="B50766" s="2"/>
      <c r="C50766" s="2"/>
    </row>
    <row r="50767" spans="1:3" ht="19.2">
      <c r="A50767" s="2"/>
      <c r="B50767" s="2"/>
      <c r="C50767" s="2"/>
    </row>
    <row r="50768" spans="1:3" ht="19.2">
      <c r="A50768" s="2"/>
      <c r="B50768" s="2"/>
      <c r="C50768" s="2"/>
    </row>
    <row r="50769" spans="1:3" ht="19.2">
      <c r="A50769" s="2"/>
      <c r="B50769" s="2"/>
      <c r="C50769" s="2"/>
    </row>
    <row r="50770" spans="1:3" ht="19.2">
      <c r="A50770" s="2"/>
      <c r="B50770" s="2"/>
      <c r="C50770" s="2"/>
    </row>
    <row r="50771" spans="1:3" ht="19.2">
      <c r="A50771" s="2"/>
      <c r="B50771" s="2"/>
      <c r="C50771" s="2"/>
    </row>
    <row r="50772" spans="1:3" ht="19.2">
      <c r="A50772" s="2"/>
      <c r="B50772" s="2"/>
      <c r="C50772" s="2"/>
    </row>
    <row r="50773" spans="1:3" ht="19.2">
      <c r="A50773" s="2"/>
      <c r="B50773" s="2"/>
      <c r="C50773" s="2"/>
    </row>
    <row r="50774" spans="1:3" ht="19.2">
      <c r="A50774" s="2"/>
      <c r="B50774" s="2"/>
      <c r="C50774" s="2"/>
    </row>
    <row r="50775" spans="1:3" ht="19.2">
      <c r="A50775" s="2"/>
      <c r="B50775" s="2"/>
      <c r="C50775" s="2"/>
    </row>
    <row r="50776" spans="1:3" ht="19.2">
      <c r="A50776" s="2"/>
      <c r="B50776" s="2"/>
      <c r="C50776" s="2"/>
    </row>
    <row r="50777" spans="1:3" ht="19.2">
      <c r="A50777" s="2"/>
      <c r="B50777" s="2"/>
      <c r="C50777" s="2"/>
    </row>
    <row r="50778" spans="1:3" ht="19.2">
      <c r="A50778" s="2"/>
      <c r="B50778" s="2"/>
      <c r="C50778" s="2"/>
    </row>
    <row r="50779" spans="1:3" ht="19.2">
      <c r="A50779" s="2"/>
      <c r="B50779" s="2"/>
      <c r="C50779" s="2"/>
    </row>
    <row r="50780" spans="1:3" ht="19.2">
      <c r="A50780" s="2"/>
      <c r="B50780" s="2"/>
      <c r="C50780" s="2"/>
    </row>
    <row r="50781" spans="1:3" ht="19.2">
      <c r="A50781" s="2"/>
      <c r="B50781" s="2"/>
      <c r="C50781" s="2"/>
    </row>
    <row r="50782" spans="1:3" ht="19.2">
      <c r="A50782" s="2"/>
      <c r="B50782" s="2"/>
      <c r="C50782" s="2"/>
    </row>
    <row r="50783" spans="1:3" ht="19.2">
      <c r="A50783" s="2"/>
      <c r="B50783" s="2"/>
      <c r="C50783" s="2"/>
    </row>
    <row r="50784" spans="1:3" ht="19.2">
      <c r="A50784" s="2"/>
      <c r="B50784" s="2"/>
      <c r="C50784" s="2"/>
    </row>
    <row r="50785" spans="1:3" ht="19.2">
      <c r="A50785" s="2"/>
      <c r="B50785" s="2"/>
      <c r="C50785" s="2"/>
    </row>
    <row r="50786" spans="1:3" ht="19.2">
      <c r="A50786" s="2"/>
      <c r="B50786" s="2"/>
      <c r="C50786" s="2"/>
    </row>
    <row r="50787" spans="1:3" ht="19.2">
      <c r="A50787" s="2"/>
      <c r="B50787" s="2"/>
      <c r="C50787" s="2"/>
    </row>
    <row r="50788" spans="1:3" ht="19.2">
      <c r="A50788" s="2"/>
      <c r="B50788" s="2"/>
      <c r="C50788" s="2"/>
    </row>
    <row r="50789" spans="1:3" ht="19.2">
      <c r="A50789" s="2"/>
      <c r="B50789" s="2"/>
      <c r="C50789" s="2"/>
    </row>
    <row r="50790" spans="1:3" ht="19.2">
      <c r="A50790" s="2"/>
      <c r="B50790" s="2"/>
      <c r="C50790" s="2"/>
    </row>
    <row r="50791" spans="1:3" ht="19.2">
      <c r="A50791" s="2"/>
      <c r="B50791" s="2"/>
      <c r="C50791" s="2"/>
    </row>
    <row r="50792" spans="1:3" ht="19.2">
      <c r="A50792" s="2"/>
      <c r="B50792" s="2"/>
      <c r="C50792" s="2"/>
    </row>
    <row r="50793" spans="1:3" ht="19.2">
      <c r="A50793" s="2"/>
      <c r="B50793" s="2"/>
      <c r="C50793" s="2"/>
    </row>
    <row r="50794" spans="1:3" ht="19.2">
      <c r="A50794" s="2"/>
      <c r="B50794" s="2"/>
      <c r="C50794" s="2"/>
    </row>
    <row r="50795" spans="1:3" ht="19.2">
      <c r="A50795" s="2"/>
      <c r="B50795" s="2"/>
      <c r="C50795" s="2"/>
    </row>
    <row r="50796" spans="1:3" ht="19.2">
      <c r="A50796" s="2"/>
      <c r="B50796" s="2"/>
      <c r="C50796" s="2"/>
    </row>
    <row r="50797" spans="1:3" ht="19.2">
      <c r="A50797" s="2"/>
      <c r="B50797" s="2"/>
      <c r="C50797" s="2"/>
    </row>
    <row r="50798" spans="1:3" ht="19.2">
      <c r="A50798" s="2"/>
      <c r="B50798" s="2"/>
      <c r="C50798" s="2"/>
    </row>
    <row r="50799" spans="1:3" ht="19.2">
      <c r="A50799" s="2"/>
      <c r="B50799" s="2"/>
      <c r="C50799" s="2"/>
    </row>
    <row r="50800" spans="1:3" ht="19.2">
      <c r="A50800" s="2"/>
      <c r="B50800" s="2"/>
      <c r="C50800" s="2"/>
    </row>
    <row r="50801" spans="1:3" ht="19.2">
      <c r="A50801" s="2"/>
      <c r="B50801" s="2"/>
      <c r="C50801" s="2"/>
    </row>
    <row r="50802" spans="1:3" ht="19.2">
      <c r="A50802" s="2"/>
      <c r="B50802" s="2"/>
      <c r="C50802" s="2"/>
    </row>
    <row r="50803" spans="1:3" ht="19.2">
      <c r="A50803" s="2"/>
      <c r="B50803" s="2"/>
      <c r="C50803" s="2"/>
    </row>
    <row r="50804" spans="1:3" ht="19.2">
      <c r="A50804" s="2"/>
      <c r="B50804" s="2"/>
      <c r="C50804" s="2"/>
    </row>
    <row r="50805" spans="1:3" ht="19.2">
      <c r="A50805" s="2"/>
      <c r="B50805" s="2"/>
      <c r="C50805" s="2"/>
    </row>
    <row r="50806" spans="1:3" ht="19.2">
      <c r="A50806" s="2"/>
      <c r="B50806" s="2"/>
      <c r="C50806" s="2"/>
    </row>
    <row r="50807" spans="1:3" ht="19.2">
      <c r="A50807" s="2"/>
      <c r="B50807" s="2"/>
      <c r="C50807" s="2"/>
    </row>
    <row r="50808" spans="1:3" ht="19.2">
      <c r="A50808" s="2"/>
      <c r="B50808" s="2"/>
      <c r="C50808" s="2"/>
    </row>
    <row r="50809" spans="1:3" ht="19.2">
      <c r="A50809" s="2"/>
      <c r="B50809" s="2"/>
      <c r="C50809" s="2"/>
    </row>
    <row r="50810" spans="1:3" ht="19.2">
      <c r="A50810" s="2"/>
      <c r="B50810" s="2"/>
      <c r="C50810" s="2"/>
    </row>
    <row r="50811" spans="1:3" ht="19.2">
      <c r="A50811" s="2"/>
      <c r="B50811" s="2"/>
      <c r="C50811" s="2"/>
    </row>
    <row r="50812" spans="1:3" ht="19.2">
      <c r="A50812" s="2"/>
      <c r="B50812" s="2"/>
      <c r="C50812" s="2"/>
    </row>
    <row r="50813" spans="1:3" ht="19.2">
      <c r="A50813" s="2"/>
      <c r="B50813" s="2"/>
      <c r="C50813" s="2"/>
    </row>
    <row r="50814" spans="1:3" ht="19.2">
      <c r="A50814" s="2"/>
      <c r="B50814" s="2"/>
      <c r="C50814" s="2"/>
    </row>
    <row r="50815" spans="1:3" ht="19.2">
      <c r="A50815" s="2"/>
      <c r="B50815" s="2"/>
      <c r="C50815" s="2"/>
    </row>
    <row r="50816" spans="1:3" ht="19.2">
      <c r="A50816" s="2"/>
      <c r="B50816" s="2"/>
      <c r="C50816" s="2"/>
    </row>
    <row r="50817" spans="1:3" ht="19.2">
      <c r="A50817" s="2"/>
      <c r="B50817" s="2"/>
      <c r="C50817" s="2"/>
    </row>
    <row r="50818" spans="1:3" ht="19.2">
      <c r="A50818" s="2"/>
      <c r="B50818" s="2"/>
      <c r="C50818" s="2"/>
    </row>
    <row r="50819" spans="1:3" ht="19.2">
      <c r="A50819" s="2"/>
      <c r="B50819" s="2"/>
      <c r="C50819" s="2"/>
    </row>
    <row r="50820" spans="1:3" ht="19.2">
      <c r="A50820" s="2"/>
      <c r="B50820" s="2"/>
      <c r="C50820" s="2"/>
    </row>
    <row r="50821" spans="1:3" ht="19.2">
      <c r="A50821" s="2"/>
      <c r="B50821" s="2"/>
      <c r="C50821" s="2"/>
    </row>
    <row r="50822" spans="1:3" ht="19.2">
      <c r="A50822" s="2"/>
      <c r="B50822" s="2"/>
      <c r="C50822" s="2"/>
    </row>
    <row r="50823" spans="1:3" ht="19.2">
      <c r="A50823" s="2"/>
      <c r="B50823" s="2"/>
      <c r="C50823" s="2"/>
    </row>
    <row r="50824" spans="1:3" ht="19.2">
      <c r="A50824" s="2"/>
      <c r="B50824" s="2"/>
      <c r="C50824" s="2"/>
    </row>
    <row r="50825" spans="1:3" ht="19.2">
      <c r="A50825" s="2"/>
      <c r="B50825" s="2"/>
      <c r="C50825" s="2"/>
    </row>
    <row r="50826" spans="1:3" ht="19.2">
      <c r="A50826" s="2"/>
      <c r="B50826" s="2"/>
      <c r="C50826" s="2"/>
    </row>
    <row r="50827" spans="1:3" ht="19.2">
      <c r="A50827" s="2"/>
      <c r="B50827" s="2"/>
      <c r="C50827" s="2"/>
    </row>
    <row r="50828" spans="1:3" ht="19.2">
      <c r="A50828" s="2"/>
      <c r="B50828" s="2"/>
      <c r="C50828" s="2"/>
    </row>
    <row r="50829" spans="1:3" ht="19.2">
      <c r="A50829" s="2"/>
      <c r="B50829" s="2"/>
      <c r="C50829" s="2"/>
    </row>
    <row r="50830" spans="1:3" ht="19.2">
      <c r="A50830" s="2"/>
      <c r="B50830" s="2"/>
      <c r="C50830" s="2"/>
    </row>
    <row r="50831" spans="1:3" ht="19.2">
      <c r="A50831" s="2"/>
      <c r="B50831" s="2"/>
      <c r="C50831" s="2"/>
    </row>
    <row r="50832" spans="1:3" ht="19.2">
      <c r="A50832" s="2"/>
      <c r="B50832" s="2"/>
      <c r="C50832" s="2"/>
    </row>
    <row r="50833" spans="1:3" ht="19.2">
      <c r="A50833" s="2"/>
      <c r="B50833" s="2"/>
      <c r="C50833" s="2"/>
    </row>
    <row r="50834" spans="1:3" ht="19.2">
      <c r="A50834" s="2"/>
      <c r="B50834" s="2"/>
      <c r="C50834" s="2"/>
    </row>
    <row r="50835" spans="1:3" ht="19.2">
      <c r="A50835" s="2"/>
      <c r="B50835" s="2"/>
      <c r="C50835" s="2"/>
    </row>
    <row r="50836" spans="1:3" ht="19.2">
      <c r="A50836" s="2"/>
      <c r="B50836" s="2"/>
      <c r="C50836" s="2"/>
    </row>
    <row r="50837" spans="1:3" ht="19.2">
      <c r="A50837" s="2"/>
      <c r="B50837" s="2"/>
      <c r="C50837" s="2"/>
    </row>
    <row r="50838" spans="1:3" ht="19.2">
      <c r="A50838" s="2"/>
      <c r="B50838" s="2"/>
      <c r="C50838" s="2"/>
    </row>
    <row r="50839" spans="1:3" ht="19.2">
      <c r="A50839" s="2"/>
      <c r="B50839" s="2"/>
      <c r="C50839" s="2"/>
    </row>
    <row r="50840" spans="1:3" ht="19.2">
      <c r="A50840" s="2"/>
      <c r="B50840" s="2"/>
      <c r="C50840" s="2"/>
    </row>
    <row r="50841" spans="1:3" ht="19.2">
      <c r="A50841" s="2"/>
      <c r="B50841" s="2"/>
      <c r="C50841" s="2"/>
    </row>
    <row r="50842" spans="1:3" ht="19.2">
      <c r="A50842" s="2"/>
      <c r="B50842" s="2"/>
      <c r="C50842" s="2"/>
    </row>
    <row r="50843" spans="1:3" ht="19.2">
      <c r="A50843" s="2"/>
      <c r="B50843" s="2"/>
      <c r="C50843" s="2"/>
    </row>
    <row r="50844" spans="1:3" ht="19.2">
      <c r="A50844" s="2"/>
      <c r="B50844" s="2"/>
      <c r="C50844" s="2"/>
    </row>
    <row r="50845" spans="1:3" ht="19.2">
      <c r="A50845" s="2"/>
      <c r="B50845" s="2"/>
      <c r="C50845" s="2"/>
    </row>
    <row r="50846" spans="1:3" ht="19.2">
      <c r="A50846" s="2"/>
      <c r="B50846" s="2"/>
      <c r="C50846" s="2"/>
    </row>
    <row r="50847" spans="1:3" ht="19.2">
      <c r="A50847" s="2"/>
      <c r="B50847" s="2"/>
      <c r="C50847" s="2"/>
    </row>
    <row r="50848" spans="1:3" ht="19.2">
      <c r="A50848" s="2"/>
      <c r="B50848" s="2"/>
      <c r="C50848" s="2"/>
    </row>
    <row r="50849" spans="1:3" ht="19.2">
      <c r="A50849" s="2"/>
      <c r="B50849" s="2"/>
      <c r="C50849" s="2"/>
    </row>
    <row r="50850" spans="1:3" ht="19.2">
      <c r="A50850" s="2"/>
      <c r="B50850" s="2"/>
      <c r="C50850" s="2"/>
    </row>
    <row r="50851" spans="1:3" ht="19.2">
      <c r="A50851" s="2"/>
      <c r="B50851" s="2"/>
      <c r="C50851" s="2"/>
    </row>
    <row r="50852" spans="1:3" ht="19.2">
      <c r="A50852" s="2"/>
      <c r="B50852" s="2"/>
      <c r="C50852" s="2"/>
    </row>
    <row r="50853" spans="1:3" ht="19.2">
      <c r="A50853" s="2"/>
      <c r="B50853" s="2"/>
      <c r="C50853" s="2"/>
    </row>
    <row r="50854" spans="1:3" ht="19.2">
      <c r="A50854" s="2"/>
      <c r="B50854" s="2"/>
      <c r="C50854" s="2"/>
    </row>
    <row r="50855" spans="1:3" ht="19.2">
      <c r="A50855" s="2"/>
      <c r="B50855" s="2"/>
      <c r="C50855" s="2"/>
    </row>
    <row r="50856" spans="1:3" ht="19.2">
      <c r="A50856" s="2"/>
      <c r="B50856" s="2"/>
      <c r="C50856" s="2"/>
    </row>
    <row r="50857" spans="1:3" ht="19.2">
      <c r="A50857" s="2"/>
      <c r="B50857" s="2"/>
      <c r="C50857" s="2"/>
    </row>
    <row r="50858" spans="1:3" ht="19.2">
      <c r="A50858" s="2"/>
      <c r="B50858" s="2"/>
      <c r="C50858" s="2"/>
    </row>
    <row r="50859" spans="1:3" ht="19.2">
      <c r="A50859" s="2"/>
      <c r="B50859" s="2"/>
      <c r="C50859" s="2"/>
    </row>
    <row r="50860" spans="1:3" ht="19.2">
      <c r="A50860" s="2"/>
      <c r="B50860" s="2"/>
      <c r="C50860" s="2"/>
    </row>
    <row r="50861" spans="1:3" ht="19.2">
      <c r="A50861" s="2"/>
      <c r="B50861" s="2"/>
      <c r="C50861" s="2"/>
    </row>
    <row r="50862" spans="1:3" ht="19.2">
      <c r="A50862" s="2"/>
      <c r="B50862" s="2"/>
      <c r="C50862" s="2"/>
    </row>
    <row r="50863" spans="1:3" ht="19.2">
      <c r="A50863" s="2"/>
      <c r="B50863" s="2"/>
      <c r="C50863" s="2"/>
    </row>
    <row r="50864" spans="1:3" ht="19.2">
      <c r="A50864" s="2"/>
      <c r="B50864" s="2"/>
      <c r="C50864" s="2"/>
    </row>
    <row r="50865" spans="1:3" ht="19.2">
      <c r="A50865" s="2"/>
      <c r="B50865" s="2"/>
      <c r="C50865" s="2"/>
    </row>
    <row r="50866" spans="1:3" ht="19.2">
      <c r="A50866" s="2"/>
      <c r="B50866" s="2"/>
      <c r="C50866" s="2"/>
    </row>
    <row r="50867" spans="1:3" ht="19.2">
      <c r="A50867" s="2"/>
      <c r="B50867" s="2"/>
      <c r="C50867" s="2"/>
    </row>
    <row r="50868" spans="1:3" ht="19.2">
      <c r="A50868" s="2"/>
      <c r="B50868" s="2"/>
      <c r="C50868" s="2"/>
    </row>
    <row r="50869" spans="1:3" ht="19.2">
      <c r="A50869" s="2"/>
      <c r="B50869" s="2"/>
      <c r="C50869" s="2"/>
    </row>
    <row r="50870" spans="1:3" ht="19.2">
      <c r="A50870" s="2"/>
      <c r="B50870" s="2"/>
      <c r="C50870" s="2"/>
    </row>
    <row r="50871" spans="1:3" ht="19.2">
      <c r="A50871" s="2"/>
      <c r="B50871" s="2"/>
      <c r="C50871" s="2"/>
    </row>
    <row r="50872" spans="1:3" ht="19.2">
      <c r="A50872" s="2"/>
      <c r="B50872" s="2"/>
      <c r="C50872" s="2"/>
    </row>
    <row r="50873" spans="1:3" ht="19.2">
      <c r="A50873" s="2"/>
      <c r="B50873" s="2"/>
      <c r="C50873" s="2"/>
    </row>
    <row r="50874" spans="1:3" ht="19.2">
      <c r="A50874" s="2"/>
      <c r="B50874" s="2"/>
      <c r="C50874" s="2"/>
    </row>
    <row r="50875" spans="1:3" ht="19.2">
      <c r="A50875" s="2"/>
      <c r="B50875" s="2"/>
      <c r="C50875" s="2"/>
    </row>
    <row r="50876" spans="1:3" ht="19.2">
      <c r="A50876" s="2"/>
      <c r="B50876" s="2"/>
      <c r="C50876" s="2"/>
    </row>
    <row r="50877" spans="1:3" ht="19.2">
      <c r="A50877" s="2"/>
      <c r="B50877" s="2"/>
      <c r="C50877" s="2"/>
    </row>
    <row r="50878" spans="1:3" ht="19.2">
      <c r="A50878" s="2"/>
      <c r="B50878" s="2"/>
      <c r="C50878" s="2"/>
    </row>
    <row r="50879" spans="1:3" ht="19.2">
      <c r="A50879" s="2"/>
      <c r="B50879" s="2"/>
      <c r="C50879" s="2"/>
    </row>
    <row r="50880" spans="1:3" ht="19.2">
      <c r="A50880" s="2"/>
      <c r="B50880" s="2"/>
      <c r="C50880" s="2"/>
    </row>
    <row r="50881" spans="1:3" ht="19.2">
      <c r="A50881" s="2"/>
      <c r="B50881" s="2"/>
      <c r="C50881" s="2"/>
    </row>
    <row r="50882" spans="1:3" ht="19.2">
      <c r="A50882" s="2"/>
      <c r="B50882" s="2"/>
      <c r="C50882" s="2"/>
    </row>
    <row r="50883" spans="1:3" ht="19.2">
      <c r="A50883" s="2"/>
      <c r="B50883" s="2"/>
      <c r="C50883" s="2"/>
    </row>
    <row r="50884" spans="1:3" ht="19.2">
      <c r="A50884" s="2"/>
      <c r="B50884" s="2"/>
      <c r="C50884" s="2"/>
    </row>
    <row r="50885" spans="1:3" ht="19.2">
      <c r="A50885" s="2"/>
      <c r="B50885" s="2"/>
      <c r="C50885" s="2"/>
    </row>
    <row r="50886" spans="1:3" ht="19.2">
      <c r="A50886" s="2"/>
      <c r="B50886" s="2"/>
      <c r="C50886" s="2"/>
    </row>
    <row r="50887" spans="1:3" ht="19.2">
      <c r="A50887" s="2"/>
      <c r="B50887" s="2"/>
      <c r="C50887" s="2"/>
    </row>
    <row r="50888" spans="1:3" ht="19.2">
      <c r="A50888" s="2"/>
      <c r="B50888" s="2"/>
      <c r="C50888" s="2"/>
    </row>
    <row r="50889" spans="1:3" ht="19.2">
      <c r="A50889" s="2"/>
      <c r="B50889" s="2"/>
      <c r="C50889" s="2"/>
    </row>
    <row r="50890" spans="1:3" ht="19.2">
      <c r="A50890" s="2"/>
      <c r="B50890" s="2"/>
      <c r="C50890" s="2"/>
    </row>
    <row r="50891" spans="1:3" ht="19.2">
      <c r="A50891" s="2"/>
      <c r="B50891" s="2"/>
      <c r="C50891" s="2"/>
    </row>
    <row r="50892" spans="1:3" ht="19.2">
      <c r="A50892" s="2"/>
      <c r="B50892" s="2"/>
      <c r="C50892" s="2"/>
    </row>
    <row r="50893" spans="1:3" ht="19.2">
      <c r="A50893" s="2"/>
      <c r="B50893" s="2"/>
      <c r="C50893" s="2"/>
    </row>
    <row r="50894" spans="1:3" ht="19.2">
      <c r="A50894" s="2"/>
      <c r="B50894" s="2"/>
      <c r="C50894" s="2"/>
    </row>
    <row r="50895" spans="1:3" ht="19.2">
      <c r="A50895" s="2"/>
      <c r="B50895" s="2"/>
      <c r="C50895" s="2"/>
    </row>
    <row r="50896" spans="1:3" ht="19.2">
      <c r="A50896" s="2"/>
      <c r="B50896" s="2"/>
      <c r="C50896" s="2"/>
    </row>
    <row r="50897" spans="1:3" ht="19.2">
      <c r="A50897" s="2"/>
      <c r="B50897" s="2"/>
      <c r="C50897" s="2"/>
    </row>
    <row r="50898" spans="1:3" ht="19.2">
      <c r="A50898" s="2"/>
      <c r="B50898" s="2"/>
      <c r="C50898" s="2"/>
    </row>
    <row r="50899" spans="1:3" ht="19.2">
      <c r="A50899" s="2"/>
      <c r="B50899" s="2"/>
      <c r="C50899" s="2"/>
    </row>
    <row r="50900" spans="1:3" ht="19.2">
      <c r="A50900" s="2"/>
      <c r="B50900" s="2"/>
      <c r="C50900" s="2"/>
    </row>
    <row r="50901" spans="1:3" ht="19.2">
      <c r="A50901" s="2"/>
      <c r="B50901" s="2"/>
      <c r="C50901" s="2"/>
    </row>
    <row r="50902" spans="1:3" ht="19.2">
      <c r="A50902" s="2"/>
      <c r="B50902" s="2"/>
      <c r="C50902" s="2"/>
    </row>
    <row r="50903" spans="1:3" ht="19.2">
      <c r="A50903" s="2"/>
      <c r="B50903" s="2"/>
      <c r="C50903" s="2"/>
    </row>
    <row r="50904" spans="1:3" ht="19.2">
      <c r="A50904" s="2"/>
      <c r="B50904" s="2"/>
      <c r="C50904" s="2"/>
    </row>
    <row r="50905" spans="1:3" ht="19.2">
      <c r="A50905" s="2"/>
      <c r="B50905" s="2"/>
      <c r="C50905" s="2"/>
    </row>
    <row r="50906" spans="1:3" ht="19.2">
      <c r="A50906" s="2"/>
      <c r="B50906" s="2"/>
      <c r="C50906" s="2"/>
    </row>
    <row r="50907" spans="1:3" ht="19.2">
      <c r="A50907" s="2"/>
      <c r="B50907" s="2"/>
      <c r="C50907" s="2"/>
    </row>
    <row r="50908" spans="1:3" ht="19.2">
      <c r="A50908" s="2"/>
      <c r="B50908" s="2"/>
      <c r="C50908" s="2"/>
    </row>
    <row r="50909" spans="1:3" ht="19.2">
      <c r="A50909" s="2"/>
      <c r="B50909" s="2"/>
      <c r="C50909" s="2"/>
    </row>
    <row r="50910" spans="1:3" ht="19.2">
      <c r="A50910" s="2"/>
      <c r="B50910" s="2"/>
      <c r="C50910" s="2"/>
    </row>
    <row r="50911" spans="1:3" ht="19.2">
      <c r="A50911" s="2"/>
      <c r="B50911" s="2"/>
      <c r="C50911" s="2"/>
    </row>
    <row r="50912" spans="1:3" ht="19.2">
      <c r="A50912" s="2"/>
      <c r="B50912" s="2"/>
      <c r="C50912" s="2"/>
    </row>
    <row r="50913" spans="1:3" ht="19.2">
      <c r="A50913" s="2"/>
      <c r="B50913" s="2"/>
      <c r="C50913" s="2"/>
    </row>
    <row r="50914" spans="1:3" ht="19.2">
      <c r="A50914" s="2"/>
      <c r="B50914" s="2"/>
      <c r="C50914" s="2"/>
    </row>
    <row r="50915" spans="1:3" ht="19.2">
      <c r="A50915" s="2"/>
      <c r="B50915" s="2"/>
      <c r="C50915" s="2"/>
    </row>
    <row r="50916" spans="1:3" ht="19.2">
      <c r="A50916" s="2"/>
      <c r="B50916" s="2"/>
      <c r="C50916" s="2"/>
    </row>
    <row r="50917" spans="1:3" ht="19.2">
      <c r="A50917" s="2"/>
      <c r="B50917" s="2"/>
      <c r="C50917" s="2"/>
    </row>
    <row r="50918" spans="1:3" ht="19.2">
      <c r="A50918" s="2"/>
      <c r="B50918" s="2"/>
      <c r="C50918" s="2"/>
    </row>
    <row r="50919" spans="1:3" ht="19.2">
      <c r="A50919" s="2"/>
      <c r="B50919" s="2"/>
      <c r="C50919" s="2"/>
    </row>
    <row r="50920" spans="1:3" ht="19.2">
      <c r="A50920" s="2"/>
      <c r="B50920" s="2"/>
      <c r="C50920" s="2"/>
    </row>
    <row r="50921" spans="1:3" ht="19.2">
      <c r="A50921" s="2"/>
      <c r="B50921" s="2"/>
      <c r="C50921" s="2"/>
    </row>
    <row r="50922" spans="1:3" ht="19.2">
      <c r="A50922" s="2"/>
      <c r="B50922" s="2"/>
      <c r="C50922" s="2"/>
    </row>
    <row r="50923" spans="1:3" ht="19.2">
      <c r="A50923" s="2"/>
      <c r="B50923" s="2"/>
      <c r="C50923" s="2"/>
    </row>
    <row r="50924" spans="1:3" ht="19.2">
      <c r="A50924" s="2"/>
      <c r="B50924" s="2"/>
      <c r="C50924" s="2"/>
    </row>
    <row r="50925" spans="1:3" ht="19.2">
      <c r="A50925" s="2"/>
      <c r="B50925" s="2"/>
      <c r="C50925" s="2"/>
    </row>
    <row r="50926" spans="1:3" ht="19.2">
      <c r="A50926" s="2"/>
      <c r="B50926" s="2"/>
      <c r="C50926" s="2"/>
    </row>
    <row r="50927" spans="1:3" ht="19.2">
      <c r="A50927" s="2"/>
      <c r="B50927" s="2"/>
      <c r="C50927" s="2"/>
    </row>
    <row r="50928" spans="1:3" ht="19.2">
      <c r="A50928" s="2"/>
      <c r="B50928" s="2"/>
      <c r="C50928" s="2"/>
    </row>
    <row r="50929" spans="1:3" ht="19.2">
      <c r="A50929" s="2"/>
      <c r="B50929" s="2"/>
      <c r="C50929" s="2"/>
    </row>
    <row r="50930" spans="1:3" ht="19.2">
      <c r="A50930" s="2"/>
      <c r="B50930" s="2"/>
      <c r="C50930" s="2"/>
    </row>
    <row r="50931" spans="1:3" ht="19.2">
      <c r="A50931" s="2"/>
      <c r="B50931" s="2"/>
      <c r="C50931" s="2"/>
    </row>
    <row r="50932" spans="1:3" ht="19.2">
      <c r="A50932" s="2"/>
      <c r="B50932" s="2"/>
      <c r="C50932" s="2"/>
    </row>
    <row r="50933" spans="1:3" ht="19.2">
      <c r="A50933" s="2"/>
      <c r="B50933" s="2"/>
      <c r="C50933" s="2"/>
    </row>
    <row r="50934" spans="1:3" ht="19.2">
      <c r="A50934" s="2"/>
      <c r="B50934" s="2"/>
      <c r="C50934" s="2"/>
    </row>
    <row r="50935" spans="1:3" ht="19.2">
      <c r="A50935" s="2"/>
      <c r="B50935" s="2"/>
      <c r="C50935" s="2"/>
    </row>
    <row r="50936" spans="1:3" ht="19.2">
      <c r="A50936" s="2"/>
      <c r="B50936" s="2"/>
      <c r="C50936" s="2"/>
    </row>
    <row r="50937" spans="1:3" ht="19.2">
      <c r="A50937" s="2"/>
      <c r="B50937" s="2"/>
      <c r="C50937" s="2"/>
    </row>
    <row r="50938" spans="1:3" ht="19.2">
      <c r="A50938" s="2"/>
      <c r="B50938" s="2"/>
      <c r="C50938" s="2"/>
    </row>
    <row r="50939" spans="1:3" ht="19.2">
      <c r="A50939" s="2"/>
      <c r="B50939" s="2"/>
      <c r="C50939" s="2"/>
    </row>
    <row r="50940" spans="1:3" ht="19.2">
      <c r="A50940" s="2"/>
      <c r="B50940" s="2"/>
      <c r="C50940" s="2"/>
    </row>
    <row r="50941" spans="1:3" ht="19.2">
      <c r="A50941" s="2"/>
      <c r="B50941" s="2"/>
      <c r="C50941" s="2"/>
    </row>
    <row r="50942" spans="1:3" ht="19.2">
      <c r="A50942" s="2"/>
      <c r="B50942" s="2"/>
      <c r="C50942" s="2"/>
    </row>
    <row r="50943" spans="1:3" ht="19.2">
      <c r="A50943" s="2"/>
      <c r="B50943" s="2"/>
      <c r="C50943" s="2"/>
    </row>
    <row r="50944" spans="1:3" ht="19.2">
      <c r="A50944" s="2"/>
      <c r="B50944" s="2"/>
      <c r="C50944" s="2"/>
    </row>
    <row r="50945" spans="1:3" ht="19.2">
      <c r="A50945" s="2"/>
      <c r="B50945" s="2"/>
      <c r="C50945" s="2"/>
    </row>
    <row r="50946" spans="1:3" ht="19.2">
      <c r="A50946" s="2"/>
      <c r="B50946" s="2"/>
      <c r="C50946" s="2"/>
    </row>
    <row r="50947" spans="1:3" ht="19.2">
      <c r="A50947" s="2"/>
      <c r="B50947" s="2"/>
      <c r="C50947" s="2"/>
    </row>
    <row r="50948" spans="1:3" ht="19.2">
      <c r="A50948" s="2"/>
      <c r="B50948" s="2"/>
      <c r="C50948" s="2"/>
    </row>
    <row r="50949" spans="1:3" ht="19.2">
      <c r="A50949" s="2"/>
      <c r="B50949" s="2"/>
      <c r="C50949" s="2"/>
    </row>
    <row r="50950" spans="1:3" ht="19.2">
      <c r="A50950" s="2"/>
      <c r="B50950" s="2"/>
      <c r="C50950" s="2"/>
    </row>
    <row r="50951" spans="1:3" ht="19.2">
      <c r="A50951" s="2"/>
      <c r="B50951" s="2"/>
      <c r="C50951" s="2"/>
    </row>
    <row r="50952" spans="1:3" ht="19.2">
      <c r="A50952" s="2"/>
      <c r="B50952" s="2"/>
      <c r="C50952" s="2"/>
    </row>
    <row r="50953" spans="1:3" ht="19.2">
      <c r="A50953" s="2"/>
      <c r="B50953" s="2"/>
      <c r="C50953" s="2"/>
    </row>
    <row r="50954" spans="1:3" ht="19.2">
      <c r="A50954" s="2"/>
      <c r="B50954" s="2"/>
      <c r="C50954" s="2"/>
    </row>
    <row r="50955" spans="1:3" ht="19.2">
      <c r="A50955" s="2"/>
      <c r="B50955" s="2"/>
      <c r="C50955" s="2"/>
    </row>
    <row r="50956" spans="1:3" ht="19.2">
      <c r="A50956" s="2"/>
      <c r="B50956" s="2"/>
      <c r="C50956" s="2"/>
    </row>
    <row r="50957" spans="1:3" ht="19.2">
      <c r="A50957" s="2"/>
      <c r="B50957" s="2"/>
      <c r="C50957" s="2"/>
    </row>
    <row r="50958" spans="1:3" ht="19.2">
      <c r="A50958" s="2"/>
      <c r="B50958" s="2"/>
      <c r="C50958" s="2"/>
    </row>
    <row r="50959" spans="1:3" ht="19.2">
      <c r="A50959" s="2"/>
      <c r="B50959" s="2"/>
      <c r="C50959" s="2"/>
    </row>
    <row r="50960" spans="1:3" ht="19.2">
      <c r="A50960" s="2"/>
      <c r="B50960" s="2"/>
      <c r="C50960" s="2"/>
    </row>
    <row r="50961" spans="1:3" ht="19.2">
      <c r="A50961" s="2"/>
      <c r="B50961" s="2"/>
      <c r="C50961" s="2"/>
    </row>
    <row r="50962" spans="1:3" ht="19.2">
      <c r="A50962" s="2"/>
      <c r="B50962" s="2"/>
      <c r="C50962" s="2"/>
    </row>
    <row r="50963" spans="1:3" ht="19.2">
      <c r="A50963" s="2"/>
      <c r="B50963" s="2"/>
      <c r="C50963" s="2"/>
    </row>
    <row r="50964" spans="1:3" ht="19.2">
      <c r="A50964" s="2"/>
      <c r="B50964" s="2"/>
      <c r="C50964" s="2"/>
    </row>
    <row r="50965" spans="1:3" ht="19.2">
      <c r="A50965" s="2"/>
      <c r="B50965" s="2"/>
      <c r="C50965" s="2"/>
    </row>
    <row r="50966" spans="1:3" ht="19.2">
      <c r="A50966" s="2"/>
      <c r="B50966" s="2"/>
      <c r="C50966" s="2"/>
    </row>
    <row r="50967" spans="1:3" ht="19.2">
      <c r="A50967" s="2"/>
      <c r="B50967" s="2"/>
      <c r="C50967" s="2"/>
    </row>
    <row r="50968" spans="1:3" ht="19.2">
      <c r="A50968" s="2"/>
      <c r="B50968" s="2"/>
      <c r="C50968" s="2"/>
    </row>
    <row r="50969" spans="1:3" ht="19.2">
      <c r="A50969" s="2"/>
      <c r="B50969" s="2"/>
      <c r="C50969" s="2"/>
    </row>
    <row r="50970" spans="1:3" ht="19.2">
      <c r="A50970" s="2"/>
      <c r="B50970" s="2"/>
      <c r="C50970" s="2"/>
    </row>
    <row r="50971" spans="1:3" ht="19.2">
      <c r="A50971" s="2"/>
      <c r="B50971" s="2"/>
      <c r="C50971" s="2"/>
    </row>
    <row r="50972" spans="1:3" ht="19.2">
      <c r="A50972" s="2"/>
      <c r="B50972" s="2"/>
      <c r="C50972" s="2"/>
    </row>
    <row r="50973" spans="1:3" ht="19.2">
      <c r="A50973" s="2"/>
      <c r="B50973" s="2"/>
      <c r="C50973" s="2"/>
    </row>
    <row r="50974" spans="1:3" ht="19.2">
      <c r="A50974" s="2"/>
      <c r="B50974" s="2"/>
      <c r="C50974" s="2"/>
    </row>
    <row r="50975" spans="1:3" ht="19.2">
      <c r="A50975" s="2"/>
      <c r="B50975" s="2"/>
      <c r="C50975" s="2"/>
    </row>
    <row r="50976" spans="1:3" ht="19.2">
      <c r="A50976" s="2"/>
      <c r="B50976" s="2"/>
      <c r="C50976" s="2"/>
    </row>
    <row r="50977" spans="1:3" ht="19.2">
      <c r="A50977" s="2"/>
      <c r="B50977" s="2"/>
      <c r="C50977" s="2"/>
    </row>
    <row r="50978" spans="1:3" ht="19.2">
      <c r="A50978" s="2"/>
      <c r="B50978" s="2"/>
      <c r="C50978" s="2"/>
    </row>
    <row r="50979" spans="1:3" ht="19.2">
      <c r="A50979" s="2"/>
      <c r="B50979" s="2"/>
      <c r="C50979" s="2"/>
    </row>
    <row r="50980" spans="1:3" ht="19.2">
      <c r="A50980" s="2"/>
      <c r="B50980" s="2"/>
      <c r="C50980" s="2"/>
    </row>
    <row r="50981" spans="1:3" ht="19.2">
      <c r="A50981" s="2"/>
      <c r="B50981" s="2"/>
      <c r="C50981" s="2"/>
    </row>
    <row r="50982" spans="1:3" ht="19.2">
      <c r="A50982" s="2"/>
      <c r="B50982" s="2"/>
      <c r="C50982" s="2"/>
    </row>
    <row r="50983" spans="1:3" ht="19.2">
      <c r="A50983" s="2"/>
      <c r="B50983" s="2"/>
      <c r="C50983" s="2"/>
    </row>
    <row r="50984" spans="1:3" ht="19.2">
      <c r="A50984" s="2"/>
      <c r="B50984" s="2"/>
      <c r="C50984" s="2"/>
    </row>
    <row r="50985" spans="1:3" ht="19.2">
      <c r="A50985" s="2"/>
      <c r="B50985" s="2"/>
      <c r="C50985" s="2"/>
    </row>
    <row r="50986" spans="1:3" ht="19.2">
      <c r="A50986" s="2"/>
      <c r="B50986" s="2"/>
      <c r="C50986" s="2"/>
    </row>
    <row r="50987" spans="1:3" ht="19.2">
      <c r="A50987" s="2"/>
      <c r="B50987" s="2"/>
      <c r="C50987" s="2"/>
    </row>
    <row r="50988" spans="1:3" ht="19.2">
      <c r="A50988" s="2"/>
      <c r="B50988" s="2"/>
      <c r="C50988" s="2"/>
    </row>
    <row r="50989" spans="1:3" ht="19.2">
      <c r="A50989" s="2"/>
      <c r="B50989" s="2"/>
      <c r="C50989" s="2"/>
    </row>
    <row r="50990" spans="1:3" ht="19.2">
      <c r="A50990" s="2"/>
      <c r="B50990" s="2"/>
      <c r="C50990" s="2"/>
    </row>
    <row r="50991" spans="1:3" ht="19.2">
      <c r="A50991" s="2"/>
      <c r="B50991" s="2"/>
      <c r="C50991" s="2"/>
    </row>
    <row r="50992" spans="1:3" ht="19.2">
      <c r="A50992" s="2"/>
      <c r="B50992" s="2"/>
      <c r="C50992" s="2"/>
    </row>
    <row r="50993" spans="1:3" ht="19.2">
      <c r="A50993" s="2"/>
      <c r="B50993" s="2"/>
      <c r="C50993" s="2"/>
    </row>
    <row r="50994" spans="1:3" ht="19.2">
      <c r="A50994" s="2"/>
      <c r="B50994" s="2"/>
      <c r="C50994" s="2"/>
    </row>
    <row r="50995" spans="1:3" ht="19.2">
      <c r="A50995" s="2"/>
      <c r="B50995" s="2"/>
      <c r="C50995" s="2"/>
    </row>
    <row r="50996" spans="1:3" ht="19.2">
      <c r="A50996" s="2"/>
      <c r="B50996" s="2"/>
      <c r="C50996" s="2"/>
    </row>
    <row r="50997" spans="1:3" ht="19.2">
      <c r="A50997" s="2"/>
      <c r="B50997" s="2"/>
      <c r="C50997" s="2"/>
    </row>
    <row r="50998" spans="1:3" ht="19.2">
      <c r="A50998" s="2"/>
      <c r="B50998" s="2"/>
      <c r="C50998" s="2"/>
    </row>
    <row r="50999" spans="1:3" ht="19.2">
      <c r="A50999" s="2"/>
      <c r="B50999" s="2"/>
      <c r="C50999" s="2"/>
    </row>
    <row r="51000" spans="1:3" ht="19.2">
      <c r="A51000" s="2"/>
      <c r="B51000" s="2"/>
      <c r="C51000" s="2"/>
    </row>
    <row r="51001" spans="1:3" ht="19.2">
      <c r="A51001" s="2"/>
      <c r="B51001" s="2"/>
      <c r="C51001" s="2"/>
    </row>
    <row r="51002" spans="1:3" ht="19.2">
      <c r="A51002" s="2"/>
      <c r="B51002" s="2"/>
      <c r="C51002" s="2"/>
    </row>
    <row r="51003" spans="1:3" ht="19.2">
      <c r="A51003" s="2"/>
      <c r="B51003" s="2"/>
      <c r="C51003" s="2"/>
    </row>
    <row r="51004" spans="1:3" ht="19.2">
      <c r="A51004" s="2"/>
      <c r="B51004" s="2"/>
      <c r="C51004" s="2"/>
    </row>
    <row r="51005" spans="1:3" ht="19.2">
      <c r="A51005" s="2"/>
      <c r="B51005" s="2"/>
      <c r="C51005" s="2"/>
    </row>
    <row r="51006" spans="1:3" ht="19.2">
      <c r="A51006" s="2"/>
      <c r="B51006" s="2"/>
      <c r="C51006" s="2"/>
    </row>
    <row r="51007" spans="1:3" ht="19.2">
      <c r="A51007" s="2"/>
      <c r="B51007" s="2"/>
      <c r="C51007" s="2"/>
    </row>
    <row r="51008" spans="1:3" ht="19.2">
      <c r="A51008" s="2"/>
      <c r="B51008" s="2"/>
      <c r="C51008" s="2"/>
    </row>
    <row r="51009" spans="1:3" ht="19.2">
      <c r="A51009" s="2"/>
      <c r="B51009" s="2"/>
      <c r="C51009" s="2"/>
    </row>
    <row r="51010" spans="1:3" ht="19.2">
      <c r="A51010" s="2"/>
      <c r="B51010" s="2"/>
      <c r="C51010" s="2"/>
    </row>
    <row r="51011" spans="1:3" ht="19.2">
      <c r="A51011" s="2"/>
      <c r="B51011" s="2"/>
      <c r="C51011" s="2"/>
    </row>
    <row r="51012" spans="1:3" ht="19.2">
      <c r="A51012" s="2"/>
      <c r="B51012" s="2"/>
      <c r="C51012" s="2"/>
    </row>
    <row r="51013" spans="1:3" ht="19.2">
      <c r="A51013" s="2"/>
      <c r="B51013" s="2"/>
      <c r="C51013" s="2"/>
    </row>
    <row r="51014" spans="1:3" ht="19.2">
      <c r="A51014" s="2"/>
      <c r="B51014" s="2"/>
      <c r="C51014" s="2"/>
    </row>
    <row r="51015" spans="1:3" ht="19.2">
      <c r="A51015" s="2"/>
      <c r="B51015" s="2"/>
      <c r="C51015" s="2"/>
    </row>
    <row r="51016" spans="1:3" ht="19.2">
      <c r="A51016" s="2"/>
      <c r="B51016" s="2"/>
      <c r="C51016" s="2"/>
    </row>
    <row r="51017" spans="1:3" ht="19.2">
      <c r="A51017" s="2"/>
      <c r="B51017" s="2"/>
      <c r="C51017" s="2"/>
    </row>
    <row r="51018" spans="1:3" ht="19.2">
      <c r="A51018" s="2"/>
      <c r="B51018" s="2"/>
      <c r="C51018" s="2"/>
    </row>
    <row r="51019" spans="1:3" ht="19.2">
      <c r="A51019" s="2"/>
      <c r="B51019" s="2"/>
      <c r="C51019" s="2"/>
    </row>
    <row r="51020" spans="1:3" ht="19.2">
      <c r="A51020" s="2"/>
      <c r="B51020" s="2"/>
      <c r="C51020" s="2"/>
    </row>
    <row r="51021" spans="1:3" ht="19.2">
      <c r="A51021" s="2"/>
      <c r="B51021" s="2"/>
      <c r="C51021" s="2"/>
    </row>
    <row r="51022" spans="1:3" ht="19.2">
      <c r="A51022" s="2"/>
      <c r="B51022" s="2"/>
      <c r="C51022" s="2"/>
    </row>
    <row r="51023" spans="1:3" ht="19.2">
      <c r="A51023" s="2"/>
      <c r="B51023" s="2"/>
      <c r="C51023" s="2"/>
    </row>
    <row r="51024" spans="1:3" ht="19.2">
      <c r="A51024" s="2"/>
      <c r="B51024" s="2"/>
      <c r="C51024" s="2"/>
    </row>
    <row r="51025" spans="1:3" ht="19.2">
      <c r="A51025" s="2"/>
      <c r="B51025" s="2"/>
      <c r="C51025" s="2"/>
    </row>
    <row r="51026" spans="1:3" ht="19.2">
      <c r="A51026" s="2"/>
      <c r="B51026" s="2"/>
      <c r="C51026" s="2"/>
    </row>
    <row r="51027" spans="1:3" ht="19.2">
      <c r="A51027" s="2"/>
      <c r="B51027" s="2"/>
      <c r="C51027" s="2"/>
    </row>
    <row r="51028" spans="1:3" ht="19.2">
      <c r="A51028" s="2"/>
      <c r="B51028" s="2"/>
      <c r="C51028" s="2"/>
    </row>
    <row r="51029" spans="1:3" ht="19.2">
      <c r="A51029" s="2"/>
      <c r="B51029" s="2"/>
      <c r="C51029" s="2"/>
    </row>
    <row r="51030" spans="1:3" ht="19.2">
      <c r="A51030" s="2"/>
      <c r="B51030" s="2"/>
      <c r="C51030" s="2"/>
    </row>
    <row r="51031" spans="1:3" ht="19.2">
      <c r="A51031" s="2"/>
      <c r="B51031" s="2"/>
      <c r="C51031" s="2"/>
    </row>
    <row r="51032" spans="1:3" ht="19.2">
      <c r="A51032" s="2"/>
      <c r="B51032" s="2"/>
      <c r="C51032" s="2"/>
    </row>
    <row r="51033" spans="1:3" ht="19.2">
      <c r="A51033" s="2"/>
      <c r="B51033" s="2"/>
      <c r="C51033" s="2"/>
    </row>
    <row r="51034" spans="1:3" ht="19.2">
      <c r="A51034" s="2"/>
      <c r="B51034" s="2"/>
      <c r="C51034" s="2"/>
    </row>
    <row r="51035" spans="1:3" ht="19.2">
      <c r="A51035" s="2"/>
      <c r="B51035" s="2"/>
      <c r="C51035" s="2"/>
    </row>
    <row r="51036" spans="1:3" ht="19.2">
      <c r="A51036" s="2"/>
      <c r="B51036" s="2"/>
      <c r="C51036" s="2"/>
    </row>
    <row r="51037" spans="1:3" ht="19.2">
      <c r="A51037" s="2"/>
      <c r="B51037" s="2"/>
      <c r="C51037" s="2"/>
    </row>
    <row r="51038" spans="1:3" ht="19.2">
      <c r="A51038" s="2"/>
      <c r="B51038" s="2"/>
      <c r="C51038" s="2"/>
    </row>
    <row r="51039" spans="1:3" ht="19.2">
      <c r="A51039" s="2"/>
      <c r="B51039" s="2"/>
      <c r="C51039" s="2"/>
    </row>
    <row r="51040" spans="1:3" ht="19.2">
      <c r="A51040" s="2"/>
      <c r="B51040" s="2"/>
      <c r="C51040" s="2"/>
    </row>
    <row r="51041" spans="1:3" ht="19.2">
      <c r="A51041" s="2"/>
      <c r="B51041" s="2"/>
      <c r="C51041" s="2"/>
    </row>
    <row r="51042" spans="1:3" ht="19.2">
      <c r="A51042" s="2"/>
      <c r="B51042" s="2"/>
      <c r="C51042" s="2"/>
    </row>
    <row r="51043" spans="1:3" ht="19.2">
      <c r="A51043" s="2"/>
      <c r="B51043" s="2"/>
      <c r="C51043" s="2"/>
    </row>
    <row r="51044" spans="1:3" ht="19.2">
      <c r="A51044" s="2"/>
      <c r="B51044" s="2"/>
      <c r="C51044" s="2"/>
    </row>
    <row r="51045" spans="1:3" ht="19.2">
      <c r="A51045" s="2"/>
      <c r="B51045" s="2"/>
      <c r="C51045" s="2"/>
    </row>
    <row r="51046" spans="1:3" ht="19.2">
      <c r="A51046" s="2"/>
      <c r="B51046" s="2"/>
      <c r="C51046" s="2"/>
    </row>
    <row r="51047" spans="1:3" ht="19.2">
      <c r="A51047" s="2"/>
      <c r="B51047" s="2"/>
      <c r="C51047" s="2"/>
    </row>
    <row r="51048" spans="1:3" ht="19.2">
      <c r="A51048" s="2"/>
      <c r="B51048" s="2"/>
      <c r="C51048" s="2"/>
    </row>
    <row r="51049" spans="1:3" ht="19.2">
      <c r="A51049" s="2"/>
      <c r="B51049" s="2"/>
      <c r="C51049" s="2"/>
    </row>
    <row r="51050" spans="1:3" ht="19.2">
      <c r="A51050" s="2"/>
      <c r="B51050" s="2"/>
      <c r="C51050" s="2"/>
    </row>
    <row r="51051" spans="1:3" ht="19.2">
      <c r="A51051" s="2"/>
      <c r="B51051" s="2"/>
      <c r="C51051" s="2"/>
    </row>
    <row r="51052" spans="1:3" ht="19.2">
      <c r="A51052" s="2"/>
      <c r="B51052" s="2"/>
      <c r="C51052" s="2"/>
    </row>
    <row r="51053" spans="1:3" ht="19.2">
      <c r="A51053" s="2"/>
      <c r="B51053" s="2"/>
      <c r="C51053" s="2"/>
    </row>
    <row r="51054" spans="1:3" ht="19.2">
      <c r="A51054" s="2"/>
      <c r="B51054" s="2"/>
      <c r="C51054" s="2"/>
    </row>
    <row r="51055" spans="1:3" ht="19.2">
      <c r="A51055" s="2"/>
      <c r="B51055" s="2"/>
      <c r="C51055" s="2"/>
    </row>
    <row r="51056" spans="1:3" ht="19.2">
      <c r="A51056" s="2"/>
      <c r="B51056" s="2"/>
      <c r="C51056" s="2"/>
    </row>
    <row r="51057" spans="1:3" ht="19.2">
      <c r="A51057" s="2"/>
      <c r="B51057" s="2"/>
      <c r="C51057" s="2"/>
    </row>
    <row r="51058" spans="1:3" ht="19.2">
      <c r="A51058" s="2"/>
      <c r="B51058" s="2"/>
      <c r="C51058" s="2"/>
    </row>
    <row r="51059" spans="1:3" ht="19.2">
      <c r="A51059" s="2"/>
      <c r="B51059" s="2"/>
      <c r="C51059" s="2"/>
    </row>
    <row r="51060" spans="1:3" ht="19.2">
      <c r="A51060" s="2"/>
      <c r="B51060" s="2"/>
      <c r="C51060" s="2"/>
    </row>
    <row r="51061" spans="1:3" ht="19.2">
      <c r="A51061" s="2"/>
      <c r="B51061" s="2"/>
      <c r="C51061" s="2"/>
    </row>
    <row r="51062" spans="1:3" ht="19.2">
      <c r="A51062" s="2"/>
      <c r="B51062" s="2"/>
      <c r="C51062" s="2"/>
    </row>
    <row r="51063" spans="1:3" ht="19.2">
      <c r="A51063" s="2"/>
      <c r="B51063" s="2"/>
      <c r="C51063" s="2"/>
    </row>
    <row r="51064" spans="1:3" ht="19.2">
      <c r="A51064" s="2"/>
      <c r="B51064" s="2"/>
      <c r="C51064" s="2"/>
    </row>
    <row r="51065" spans="1:3" ht="19.2">
      <c r="A51065" s="2"/>
      <c r="B51065" s="2"/>
      <c r="C51065" s="2"/>
    </row>
    <row r="51066" spans="1:3" ht="19.2">
      <c r="A51066" s="2"/>
      <c r="B51066" s="2"/>
      <c r="C51066" s="2"/>
    </row>
    <row r="51067" spans="1:3" ht="19.2">
      <c r="A51067" s="2"/>
      <c r="B51067" s="2"/>
      <c r="C51067" s="2"/>
    </row>
    <row r="51068" spans="1:3" ht="19.2">
      <c r="A51068" s="2"/>
      <c r="B51068" s="2"/>
      <c r="C51068" s="2"/>
    </row>
    <row r="51069" spans="1:3" ht="19.2">
      <c r="A51069" s="2"/>
      <c r="B51069" s="2"/>
      <c r="C51069" s="2"/>
    </row>
    <row r="51070" spans="1:3" ht="19.2">
      <c r="A51070" s="2"/>
      <c r="B51070" s="2"/>
      <c r="C51070" s="2"/>
    </row>
    <row r="51071" spans="1:3" ht="19.2">
      <c r="A51071" s="2"/>
      <c r="B51071" s="2"/>
      <c r="C51071" s="2"/>
    </row>
    <row r="51072" spans="1:3" ht="19.2">
      <c r="A51072" s="2"/>
      <c r="B51072" s="2"/>
      <c r="C51072" s="2"/>
    </row>
    <row r="51073" spans="1:3" ht="19.2">
      <c r="A51073" s="2"/>
      <c r="B51073" s="2"/>
      <c r="C51073" s="2"/>
    </row>
    <row r="51074" spans="1:3" ht="19.2">
      <c r="A51074" s="2"/>
      <c r="B51074" s="2"/>
      <c r="C51074" s="2"/>
    </row>
    <row r="51075" spans="1:3" ht="19.2">
      <c r="A51075" s="2"/>
      <c r="B51075" s="2"/>
      <c r="C51075" s="2"/>
    </row>
    <row r="51076" spans="1:3" ht="19.2">
      <c r="A51076" s="2"/>
      <c r="B51076" s="2"/>
      <c r="C51076" s="2"/>
    </row>
    <row r="51077" spans="1:3" ht="19.2">
      <c r="A51077" s="2"/>
      <c r="B51077" s="2"/>
      <c r="C51077" s="2"/>
    </row>
    <row r="51078" spans="1:3" ht="19.2">
      <c r="A51078" s="2"/>
      <c r="B51078" s="2"/>
      <c r="C51078" s="2"/>
    </row>
    <row r="51079" spans="1:3" ht="19.2">
      <c r="A51079" s="2"/>
      <c r="B51079" s="2"/>
      <c r="C51079" s="2"/>
    </row>
    <row r="51080" spans="1:3" ht="19.2">
      <c r="A51080" s="2"/>
      <c r="B51080" s="2"/>
      <c r="C51080" s="2"/>
    </row>
    <row r="51081" spans="1:3" ht="19.2">
      <c r="A51081" s="2"/>
      <c r="B51081" s="2"/>
      <c r="C51081" s="2"/>
    </row>
    <row r="51082" spans="1:3" ht="19.2">
      <c r="A51082" s="2"/>
      <c r="B51082" s="2"/>
      <c r="C51082" s="2"/>
    </row>
    <row r="51083" spans="1:3" ht="19.2">
      <c r="A51083" s="2"/>
      <c r="B51083" s="2"/>
      <c r="C51083" s="2"/>
    </row>
    <row r="51084" spans="1:3" ht="19.2">
      <c r="A51084" s="2"/>
      <c r="B51084" s="2"/>
      <c r="C51084" s="2"/>
    </row>
    <row r="51085" spans="1:3" ht="19.2">
      <c r="A51085" s="2"/>
      <c r="B51085" s="2"/>
      <c r="C51085" s="2"/>
    </row>
    <row r="51086" spans="1:3" ht="19.2">
      <c r="A51086" s="2"/>
      <c r="B51086" s="2"/>
      <c r="C51086" s="2"/>
    </row>
    <row r="51087" spans="1:3" ht="19.2">
      <c r="A51087" s="2"/>
      <c r="B51087" s="2"/>
      <c r="C51087" s="2"/>
    </row>
    <row r="51088" spans="1:3" ht="19.2">
      <c r="A51088" s="2"/>
      <c r="B51088" s="2"/>
      <c r="C51088" s="2"/>
    </row>
    <row r="51089" spans="1:3" ht="19.2">
      <c r="A51089" s="2"/>
      <c r="B51089" s="2"/>
      <c r="C51089" s="2"/>
    </row>
    <row r="51090" spans="1:3" ht="19.2">
      <c r="A51090" s="2"/>
      <c r="B51090" s="2"/>
      <c r="C51090" s="2"/>
    </row>
    <row r="51091" spans="1:3" ht="19.2">
      <c r="A51091" s="2"/>
      <c r="B51091" s="2"/>
      <c r="C51091" s="2"/>
    </row>
    <row r="51092" spans="1:3" ht="19.2">
      <c r="A51092" s="2"/>
      <c r="B51092" s="2"/>
      <c r="C51092" s="2"/>
    </row>
    <row r="51093" spans="1:3" ht="19.2">
      <c r="A51093" s="2"/>
      <c r="B51093" s="2"/>
      <c r="C51093" s="2"/>
    </row>
    <row r="51094" spans="1:3" ht="19.2">
      <c r="A51094" s="2"/>
      <c r="B51094" s="2"/>
      <c r="C51094" s="2"/>
    </row>
    <row r="51095" spans="1:3" ht="19.2">
      <c r="A51095" s="2"/>
      <c r="B51095" s="2"/>
      <c r="C51095" s="2"/>
    </row>
    <row r="51096" spans="1:3" ht="19.2">
      <c r="A51096" s="2"/>
      <c r="B51096" s="2"/>
      <c r="C51096" s="2"/>
    </row>
    <row r="51097" spans="1:3" ht="19.2">
      <c r="A51097" s="2"/>
      <c r="B51097" s="2"/>
      <c r="C51097" s="2"/>
    </row>
    <row r="51098" spans="1:3" ht="19.2">
      <c r="A51098" s="2"/>
      <c r="B51098" s="2"/>
      <c r="C51098" s="2"/>
    </row>
    <row r="51099" spans="1:3" ht="19.2">
      <c r="A51099" s="2"/>
      <c r="B51099" s="2"/>
      <c r="C51099" s="2"/>
    </row>
    <row r="51100" spans="1:3" ht="19.2">
      <c r="A51100" s="2"/>
      <c r="B51100" s="2"/>
      <c r="C51100" s="2"/>
    </row>
    <row r="51101" spans="1:3" ht="19.2">
      <c r="A51101" s="2"/>
      <c r="B51101" s="2"/>
      <c r="C51101" s="2"/>
    </row>
    <row r="51102" spans="1:3" ht="19.2">
      <c r="A51102" s="2"/>
      <c r="B51102" s="2"/>
      <c r="C51102" s="2"/>
    </row>
    <row r="51103" spans="1:3" ht="19.2">
      <c r="A51103" s="2"/>
      <c r="B51103" s="2"/>
      <c r="C51103" s="2"/>
    </row>
    <row r="51104" spans="1:3" ht="19.2">
      <c r="A51104" s="2"/>
      <c r="B51104" s="2"/>
      <c r="C51104" s="2"/>
    </row>
    <row r="51105" spans="1:3" ht="19.2">
      <c r="A51105" s="2"/>
      <c r="B51105" s="2"/>
      <c r="C51105" s="2"/>
    </row>
    <row r="51106" spans="1:3" ht="19.2">
      <c r="A51106" s="2"/>
      <c r="B51106" s="2"/>
      <c r="C51106" s="2"/>
    </row>
    <row r="51107" spans="1:3" ht="19.2">
      <c r="A51107" s="2"/>
      <c r="B51107" s="2"/>
      <c r="C51107" s="2"/>
    </row>
    <row r="51108" spans="1:3" ht="19.2">
      <c r="A51108" s="2"/>
      <c r="B51108" s="2"/>
      <c r="C51108" s="2"/>
    </row>
    <row r="51109" spans="1:3" ht="19.2">
      <c r="A51109" s="2"/>
      <c r="B51109" s="2"/>
      <c r="C51109" s="2"/>
    </row>
    <row r="51110" spans="1:3" ht="19.2">
      <c r="A51110" s="2"/>
      <c r="B51110" s="2"/>
      <c r="C51110" s="2"/>
    </row>
    <row r="51111" spans="1:3" ht="19.2">
      <c r="A51111" s="2"/>
      <c r="B51111" s="2"/>
      <c r="C51111" s="2"/>
    </row>
    <row r="51112" spans="1:3" ht="19.2">
      <c r="A51112" s="2"/>
      <c r="B51112" s="2"/>
      <c r="C51112" s="2"/>
    </row>
    <row r="51113" spans="1:3" ht="19.2">
      <c r="A51113" s="2"/>
      <c r="B51113" s="2"/>
      <c r="C51113" s="2"/>
    </row>
    <row r="51114" spans="1:3" ht="19.2">
      <c r="A51114" s="2"/>
      <c r="B51114" s="2"/>
      <c r="C51114" s="2"/>
    </row>
    <row r="51115" spans="1:3" ht="19.2">
      <c r="A51115" s="2"/>
      <c r="B51115" s="2"/>
      <c r="C51115" s="2"/>
    </row>
    <row r="51116" spans="1:3" ht="19.2">
      <c r="A51116" s="2"/>
      <c r="B51116" s="2"/>
      <c r="C51116" s="2"/>
    </row>
    <row r="51117" spans="1:3" ht="19.2">
      <c r="A51117" s="2"/>
      <c r="B51117" s="2"/>
      <c r="C51117" s="2"/>
    </row>
    <row r="51118" spans="1:3" ht="19.2">
      <c r="A51118" s="2"/>
      <c r="B51118" s="2"/>
      <c r="C51118" s="2"/>
    </row>
    <row r="51119" spans="1:3" ht="19.2">
      <c r="A51119" s="2"/>
      <c r="B51119" s="2"/>
      <c r="C51119" s="2"/>
    </row>
    <row r="51120" spans="1:3" ht="19.2">
      <c r="A51120" s="2"/>
      <c r="B51120" s="2"/>
      <c r="C51120" s="2"/>
    </row>
    <row r="51121" spans="1:3" ht="19.2">
      <c r="A51121" s="2"/>
      <c r="B51121" s="2"/>
      <c r="C51121" s="2"/>
    </row>
    <row r="51122" spans="1:3" ht="19.2">
      <c r="A51122" s="2"/>
      <c r="B51122" s="2"/>
      <c r="C51122" s="2"/>
    </row>
    <row r="51123" spans="1:3" ht="19.2">
      <c r="A51123" s="2"/>
      <c r="B51123" s="2"/>
      <c r="C51123" s="2"/>
    </row>
    <row r="51124" spans="1:3" ht="19.2">
      <c r="A51124" s="2"/>
      <c r="B51124" s="2"/>
      <c r="C51124" s="2"/>
    </row>
    <row r="51125" spans="1:3" ht="19.2">
      <c r="A51125" s="2"/>
      <c r="B51125" s="2"/>
      <c r="C51125" s="2"/>
    </row>
    <row r="51126" spans="1:3" ht="19.2">
      <c r="A51126" s="2"/>
      <c r="B51126" s="2"/>
      <c r="C51126" s="2"/>
    </row>
    <row r="51127" spans="1:3" ht="19.2">
      <c r="A51127" s="2"/>
      <c r="B51127" s="2"/>
      <c r="C51127" s="2"/>
    </row>
    <row r="51128" spans="1:3" ht="19.2">
      <c r="A51128" s="2"/>
      <c r="B51128" s="2"/>
      <c r="C51128" s="2"/>
    </row>
    <row r="51129" spans="1:3" ht="19.2">
      <c r="A51129" s="2"/>
      <c r="B51129" s="2"/>
      <c r="C51129" s="2"/>
    </row>
    <row r="51130" spans="1:3" ht="19.2">
      <c r="A51130" s="2"/>
      <c r="B51130" s="2"/>
      <c r="C51130" s="2"/>
    </row>
    <row r="51131" spans="1:3" ht="19.2">
      <c r="A51131" s="2"/>
      <c r="B51131" s="2"/>
      <c r="C51131" s="2"/>
    </row>
    <row r="51132" spans="1:3" ht="19.2">
      <c r="A51132" s="2"/>
      <c r="B51132" s="2"/>
      <c r="C51132" s="2"/>
    </row>
    <row r="51133" spans="1:3" ht="19.2">
      <c r="A51133" s="2"/>
      <c r="B51133" s="2"/>
      <c r="C51133" s="2"/>
    </row>
    <row r="51134" spans="1:3" ht="19.2">
      <c r="A51134" s="2"/>
      <c r="B51134" s="2"/>
      <c r="C51134" s="2"/>
    </row>
    <row r="51135" spans="1:3" ht="19.2">
      <c r="A51135" s="2"/>
      <c r="B51135" s="2"/>
      <c r="C51135" s="2"/>
    </row>
    <row r="51136" spans="1:3" ht="19.2">
      <c r="A51136" s="2"/>
      <c r="B51136" s="2"/>
      <c r="C51136" s="2"/>
    </row>
    <row r="51137" spans="1:3" ht="19.2">
      <c r="A51137" s="2"/>
      <c r="B51137" s="2"/>
      <c r="C51137" s="2"/>
    </row>
    <row r="51138" spans="1:3" ht="19.2">
      <c r="A51138" s="2"/>
      <c r="B51138" s="2"/>
      <c r="C51138" s="2"/>
    </row>
    <row r="51139" spans="1:3" ht="19.2">
      <c r="A51139" s="2"/>
      <c r="B51139" s="2"/>
      <c r="C51139" s="2"/>
    </row>
    <row r="51140" spans="1:3" ht="19.2">
      <c r="A51140" s="2"/>
      <c r="B51140" s="2"/>
      <c r="C51140" s="2"/>
    </row>
    <row r="51141" spans="1:3" ht="19.2">
      <c r="A51141" s="2"/>
      <c r="B51141" s="2"/>
      <c r="C51141" s="2"/>
    </row>
    <row r="51142" spans="1:3" ht="19.2">
      <c r="A51142" s="2"/>
      <c r="B51142" s="2"/>
      <c r="C51142" s="2"/>
    </row>
    <row r="51143" spans="1:3" ht="19.2">
      <c r="A51143" s="2"/>
      <c r="B51143" s="2"/>
      <c r="C51143" s="2"/>
    </row>
    <row r="51144" spans="1:3" ht="19.2">
      <c r="A51144" s="2"/>
      <c r="B51144" s="2"/>
      <c r="C51144" s="2"/>
    </row>
    <row r="51145" spans="1:3" ht="19.2">
      <c r="A51145" s="2"/>
      <c r="B51145" s="2"/>
      <c r="C51145" s="2"/>
    </row>
    <row r="51146" spans="1:3" ht="19.2">
      <c r="A51146" s="2"/>
      <c r="B51146" s="2"/>
      <c r="C51146" s="2"/>
    </row>
    <row r="51147" spans="1:3" ht="19.2">
      <c r="A51147" s="2"/>
      <c r="B51147" s="2"/>
      <c r="C51147" s="2"/>
    </row>
    <row r="51148" spans="1:3" ht="19.2">
      <c r="A51148" s="2"/>
      <c r="B51148" s="2"/>
      <c r="C51148" s="2"/>
    </row>
    <row r="51149" spans="1:3" ht="19.2">
      <c r="A51149" s="2"/>
      <c r="B51149" s="2"/>
      <c r="C51149" s="2"/>
    </row>
    <row r="51150" spans="1:3" ht="19.2">
      <c r="A51150" s="2"/>
      <c r="B51150" s="2"/>
      <c r="C51150" s="2"/>
    </row>
    <row r="51151" spans="1:3" ht="19.2">
      <c r="A51151" s="2"/>
      <c r="B51151" s="2"/>
      <c r="C51151" s="2"/>
    </row>
    <row r="51152" spans="1:3" ht="19.2">
      <c r="A51152" s="2"/>
      <c r="B51152" s="2"/>
      <c r="C51152" s="2"/>
    </row>
    <row r="51153" spans="1:3" ht="19.2">
      <c r="A51153" s="2"/>
      <c r="B51153" s="2"/>
      <c r="C51153" s="2"/>
    </row>
    <row r="51154" spans="1:3" ht="19.2">
      <c r="A51154" s="2"/>
      <c r="B51154" s="2"/>
      <c r="C51154" s="2"/>
    </row>
    <row r="51155" spans="1:3" ht="19.2">
      <c r="A51155" s="2"/>
      <c r="B51155" s="2"/>
      <c r="C51155" s="2"/>
    </row>
    <row r="51156" spans="1:3" ht="19.2">
      <c r="A51156" s="2"/>
      <c r="B51156" s="2"/>
      <c r="C51156" s="2"/>
    </row>
    <row r="51157" spans="1:3" ht="19.2">
      <c r="A51157" s="2"/>
      <c r="B51157" s="2"/>
      <c r="C51157" s="2"/>
    </row>
    <row r="51158" spans="1:3" ht="19.2">
      <c r="A51158" s="2"/>
      <c r="B51158" s="2"/>
      <c r="C51158" s="2"/>
    </row>
    <row r="51159" spans="1:3" ht="19.2">
      <c r="A51159" s="2"/>
      <c r="B51159" s="2"/>
      <c r="C51159" s="2"/>
    </row>
    <row r="51160" spans="1:3" ht="19.2">
      <c r="A51160" s="2"/>
      <c r="B51160" s="2"/>
      <c r="C51160" s="2"/>
    </row>
    <row r="51161" spans="1:3" ht="19.2">
      <c r="A51161" s="2"/>
      <c r="B51161" s="2"/>
      <c r="C51161" s="2"/>
    </row>
    <row r="51162" spans="1:3" ht="19.2">
      <c r="A51162" s="2"/>
      <c r="B51162" s="2"/>
      <c r="C51162" s="2"/>
    </row>
    <row r="51163" spans="1:3" ht="19.2">
      <c r="A51163" s="2"/>
      <c r="B51163" s="2"/>
      <c r="C51163" s="2"/>
    </row>
    <row r="51164" spans="1:3" ht="19.2">
      <c r="A51164" s="2"/>
      <c r="B51164" s="2"/>
      <c r="C51164" s="2"/>
    </row>
    <row r="51165" spans="1:3" ht="19.2">
      <c r="A51165" s="2"/>
      <c r="B51165" s="2"/>
      <c r="C51165" s="2"/>
    </row>
    <row r="51166" spans="1:3" ht="19.2">
      <c r="A51166" s="2"/>
      <c r="B51166" s="2"/>
      <c r="C51166" s="2"/>
    </row>
    <row r="51167" spans="1:3" ht="19.2">
      <c r="A51167" s="2"/>
      <c r="B51167" s="2"/>
      <c r="C51167" s="2"/>
    </row>
    <row r="51168" spans="1:3" ht="19.2">
      <c r="A51168" s="2"/>
      <c r="B51168" s="2"/>
      <c r="C51168" s="2"/>
    </row>
    <row r="51169" spans="1:3" ht="19.2">
      <c r="A51169" s="2"/>
      <c r="B51169" s="2"/>
      <c r="C51169" s="2"/>
    </row>
    <row r="51170" spans="1:3" ht="19.2">
      <c r="A51170" s="2"/>
      <c r="B51170" s="2"/>
      <c r="C51170" s="2"/>
    </row>
    <row r="51171" spans="1:3" ht="19.2">
      <c r="A51171" s="2"/>
      <c r="B51171" s="2"/>
      <c r="C51171" s="2"/>
    </row>
    <row r="51172" spans="1:3" ht="19.2">
      <c r="A51172" s="2"/>
      <c r="B51172" s="2"/>
      <c r="C51172" s="2"/>
    </row>
    <row r="51173" spans="1:3" ht="19.2">
      <c r="A51173" s="2"/>
      <c r="B51173" s="2"/>
      <c r="C51173" s="2"/>
    </row>
    <row r="51174" spans="1:3" ht="19.2">
      <c r="A51174" s="2"/>
      <c r="B51174" s="2"/>
      <c r="C51174" s="2"/>
    </row>
    <row r="51175" spans="1:3" ht="19.2">
      <c r="A51175" s="2"/>
      <c r="B51175" s="2"/>
      <c r="C51175" s="2"/>
    </row>
    <row r="51176" spans="1:3" ht="19.2">
      <c r="A51176" s="2"/>
      <c r="B51176" s="2"/>
      <c r="C51176" s="2"/>
    </row>
    <row r="51177" spans="1:3" ht="19.2">
      <c r="A51177" s="2"/>
      <c r="B51177" s="2"/>
      <c r="C51177" s="2"/>
    </row>
    <row r="51178" spans="1:3" ht="19.2">
      <c r="A51178" s="2"/>
      <c r="B51178" s="2"/>
      <c r="C51178" s="2"/>
    </row>
    <row r="51179" spans="1:3" ht="19.2">
      <c r="A51179" s="2"/>
      <c r="B51179" s="2"/>
      <c r="C51179" s="2"/>
    </row>
    <row r="51180" spans="1:3" ht="19.2">
      <c r="A51180" s="2"/>
      <c r="B51180" s="2"/>
      <c r="C51180" s="2"/>
    </row>
    <row r="51181" spans="1:3" ht="19.2">
      <c r="A51181" s="2"/>
      <c r="B51181" s="2"/>
      <c r="C51181" s="2"/>
    </row>
    <row r="51182" spans="1:3" ht="19.2">
      <c r="A51182" s="2"/>
      <c r="B51182" s="2"/>
      <c r="C51182" s="2"/>
    </row>
    <row r="51183" spans="1:3" ht="19.2">
      <c r="A51183" s="2"/>
      <c r="B51183" s="2"/>
      <c r="C51183" s="2"/>
    </row>
    <row r="51184" spans="1:3" ht="19.2">
      <c r="A51184" s="2"/>
      <c r="B51184" s="2"/>
      <c r="C51184" s="2"/>
    </row>
    <row r="51185" spans="1:3" ht="19.2">
      <c r="A51185" s="2"/>
      <c r="B51185" s="2"/>
      <c r="C51185" s="2"/>
    </row>
    <row r="51186" spans="1:3" ht="19.2">
      <c r="A51186" s="2"/>
      <c r="B51186" s="2"/>
      <c r="C51186" s="2"/>
    </row>
    <row r="51187" spans="1:3" ht="19.2">
      <c r="A51187" s="2"/>
      <c r="B51187" s="2"/>
      <c r="C51187" s="2"/>
    </row>
    <row r="51188" spans="1:3" ht="19.2">
      <c r="A51188" s="2"/>
      <c r="B51188" s="2"/>
      <c r="C51188" s="2"/>
    </row>
    <row r="51189" spans="1:3" ht="19.2">
      <c r="A51189" s="2"/>
      <c r="B51189" s="2"/>
      <c r="C51189" s="2"/>
    </row>
    <row r="51190" spans="1:3" ht="19.2">
      <c r="A51190" s="2"/>
      <c r="B51190" s="2"/>
      <c r="C51190" s="2"/>
    </row>
    <row r="51191" spans="1:3" ht="19.2">
      <c r="A51191" s="2"/>
      <c r="B51191" s="2"/>
      <c r="C51191" s="2"/>
    </row>
    <row r="51192" spans="1:3" ht="19.2">
      <c r="A51192" s="2"/>
      <c r="B51192" s="2"/>
      <c r="C51192" s="2"/>
    </row>
    <row r="51193" spans="1:3" ht="19.2">
      <c r="A51193" s="2"/>
      <c r="B51193" s="2"/>
      <c r="C51193" s="2"/>
    </row>
    <row r="51194" spans="1:3" ht="19.2">
      <c r="A51194" s="2"/>
      <c r="B51194" s="2"/>
      <c r="C51194" s="2"/>
    </row>
    <row r="51195" spans="1:3" ht="19.2">
      <c r="A51195" s="2"/>
      <c r="B51195" s="2"/>
      <c r="C51195" s="2"/>
    </row>
    <row r="51196" spans="1:3" ht="19.2">
      <c r="A51196" s="2"/>
      <c r="B51196" s="2"/>
      <c r="C51196" s="2"/>
    </row>
    <row r="51197" spans="1:3" ht="19.2">
      <c r="A51197" s="2"/>
      <c r="B51197" s="2"/>
      <c r="C51197" s="2"/>
    </row>
    <row r="51198" spans="1:3" ht="19.2">
      <c r="A51198" s="2"/>
      <c r="B51198" s="2"/>
      <c r="C51198" s="2"/>
    </row>
    <row r="51199" spans="1:3" ht="19.2">
      <c r="A51199" s="2"/>
      <c r="B51199" s="2"/>
      <c r="C51199" s="2"/>
    </row>
    <row r="51200" spans="1:3" ht="19.2">
      <c r="A51200" s="2"/>
      <c r="B51200" s="2"/>
      <c r="C51200" s="2"/>
    </row>
    <row r="51201" spans="1:3" ht="19.2">
      <c r="A51201" s="2"/>
      <c r="B51201" s="2"/>
      <c r="C51201" s="2"/>
    </row>
    <row r="51202" spans="1:3" ht="19.2">
      <c r="A51202" s="2"/>
      <c r="B51202" s="2"/>
      <c r="C51202" s="2"/>
    </row>
    <row r="51203" spans="1:3" ht="19.2">
      <c r="A51203" s="2"/>
      <c r="B51203" s="2"/>
      <c r="C51203" s="2"/>
    </row>
    <row r="51204" spans="1:3" ht="19.2">
      <c r="A51204" s="2"/>
      <c r="B51204" s="2"/>
      <c r="C51204" s="2"/>
    </row>
    <row r="51205" spans="1:3" ht="19.2">
      <c r="A51205" s="2"/>
      <c r="B51205" s="2"/>
      <c r="C51205" s="2"/>
    </row>
    <row r="51206" spans="1:3" ht="19.2">
      <c r="A51206" s="2"/>
      <c r="B51206" s="2"/>
      <c r="C51206" s="2"/>
    </row>
    <row r="51207" spans="1:3" ht="19.2">
      <c r="A51207" s="2"/>
      <c r="B51207" s="2"/>
      <c r="C51207" s="2"/>
    </row>
    <row r="51208" spans="1:3" ht="19.2">
      <c r="A51208" s="2"/>
      <c r="B51208" s="2"/>
      <c r="C51208" s="2"/>
    </row>
    <row r="51209" spans="1:3" ht="19.2">
      <c r="A51209" s="2"/>
      <c r="B51209" s="2"/>
      <c r="C51209" s="2"/>
    </row>
    <row r="51210" spans="1:3" ht="19.2">
      <c r="A51210" s="2"/>
      <c r="B51210" s="2"/>
      <c r="C51210" s="2"/>
    </row>
    <row r="51211" spans="1:3" ht="19.2">
      <c r="A51211" s="2"/>
      <c r="B51211" s="2"/>
      <c r="C51211" s="2"/>
    </row>
    <row r="51212" spans="1:3" ht="19.2">
      <c r="A51212" s="2"/>
      <c r="B51212" s="2"/>
      <c r="C51212" s="2"/>
    </row>
    <row r="51213" spans="1:3" ht="19.2">
      <c r="A51213" s="2"/>
      <c r="B51213" s="2"/>
      <c r="C51213" s="2"/>
    </row>
    <row r="51214" spans="1:3" ht="19.2">
      <c r="A51214" s="2"/>
      <c r="B51214" s="2"/>
      <c r="C51214" s="2"/>
    </row>
    <row r="51215" spans="1:3" ht="19.2">
      <c r="A51215" s="2"/>
      <c r="B51215" s="2"/>
      <c r="C51215" s="2"/>
    </row>
    <row r="51216" spans="1:3" ht="19.2">
      <c r="A51216" s="2"/>
      <c r="B51216" s="2"/>
      <c r="C51216" s="2"/>
    </row>
    <row r="51217" spans="1:3" ht="19.2">
      <c r="A51217" s="2"/>
      <c r="B51217" s="2"/>
      <c r="C51217" s="2"/>
    </row>
    <row r="51218" spans="1:3" ht="19.2">
      <c r="A51218" s="2"/>
      <c r="B51218" s="2"/>
      <c r="C51218" s="2"/>
    </row>
    <row r="51219" spans="1:3" ht="19.2">
      <c r="A51219" s="2"/>
      <c r="B51219" s="2"/>
      <c r="C51219" s="2"/>
    </row>
    <row r="51220" spans="1:3" ht="19.2">
      <c r="A51220" s="2"/>
      <c r="B51220" s="2"/>
      <c r="C51220" s="2"/>
    </row>
    <row r="51221" spans="1:3" ht="19.2">
      <c r="A51221" s="2"/>
      <c r="B51221" s="2"/>
      <c r="C51221" s="2"/>
    </row>
    <row r="51222" spans="1:3" ht="19.2">
      <c r="A51222" s="2"/>
      <c r="B51222" s="2"/>
      <c r="C51222" s="2"/>
    </row>
    <row r="51223" spans="1:3" ht="19.2">
      <c r="A51223" s="2"/>
      <c r="B51223" s="2"/>
      <c r="C51223" s="2"/>
    </row>
    <row r="51224" spans="1:3" ht="19.2">
      <c r="A51224" s="2"/>
      <c r="B51224" s="2"/>
      <c r="C51224" s="2"/>
    </row>
    <row r="51225" spans="1:3" ht="19.2">
      <c r="A51225" s="2"/>
      <c r="B51225" s="2"/>
      <c r="C51225" s="2"/>
    </row>
    <row r="51226" spans="1:3" ht="19.2">
      <c r="A51226" s="2"/>
      <c r="B51226" s="2"/>
      <c r="C51226" s="2"/>
    </row>
    <row r="51227" spans="1:3" ht="19.2">
      <c r="A51227" s="2"/>
      <c r="B51227" s="2"/>
      <c r="C51227" s="2"/>
    </row>
    <row r="51228" spans="1:3" ht="19.2">
      <c r="A51228" s="2"/>
      <c r="B51228" s="2"/>
      <c r="C51228" s="2"/>
    </row>
    <row r="51229" spans="1:3" ht="19.2">
      <c r="A51229" s="2"/>
      <c r="B51229" s="2"/>
      <c r="C51229" s="2"/>
    </row>
    <row r="51230" spans="1:3" ht="19.2">
      <c r="A51230" s="2"/>
      <c r="B51230" s="2"/>
      <c r="C51230" s="2"/>
    </row>
    <row r="51231" spans="1:3" ht="19.2">
      <c r="A51231" s="2"/>
      <c r="B51231" s="2"/>
      <c r="C51231" s="2"/>
    </row>
    <row r="51232" spans="1:3" ht="19.2">
      <c r="A51232" s="2"/>
      <c r="B51232" s="2"/>
      <c r="C51232" s="2"/>
    </row>
    <row r="51233" spans="1:3" ht="19.2">
      <c r="A51233" s="2"/>
      <c r="B51233" s="2"/>
      <c r="C51233" s="2"/>
    </row>
    <row r="51234" spans="1:3" ht="19.2">
      <c r="A51234" s="2"/>
      <c r="B51234" s="2"/>
      <c r="C51234" s="2"/>
    </row>
    <row r="51235" spans="1:3" ht="19.2">
      <c r="A51235" s="2"/>
      <c r="B51235" s="2"/>
      <c r="C51235" s="2"/>
    </row>
    <row r="51236" spans="1:3" ht="19.2">
      <c r="A51236" s="2"/>
      <c r="B51236" s="2"/>
      <c r="C51236" s="2"/>
    </row>
    <row r="51237" spans="1:3" ht="19.2">
      <c r="A51237" s="2"/>
      <c r="B51237" s="2"/>
      <c r="C51237" s="2"/>
    </row>
    <row r="51238" spans="1:3" ht="19.2">
      <c r="A51238" s="2"/>
      <c r="B51238" s="2"/>
      <c r="C51238" s="2"/>
    </row>
    <row r="51239" spans="1:3" ht="19.2">
      <c r="A51239" s="2"/>
      <c r="B51239" s="2"/>
      <c r="C51239" s="2"/>
    </row>
    <row r="51240" spans="1:3" ht="19.2">
      <c r="A51240" s="2"/>
      <c r="B51240" s="2"/>
      <c r="C51240" s="2"/>
    </row>
    <row r="51241" spans="1:3" ht="19.2">
      <c r="A51241" s="2"/>
      <c r="B51241" s="2"/>
      <c r="C51241" s="2"/>
    </row>
    <row r="51242" spans="1:3" ht="19.2">
      <c r="A51242" s="2"/>
      <c r="B51242" s="2"/>
      <c r="C51242" s="2"/>
    </row>
    <row r="51243" spans="1:3" ht="19.2">
      <c r="A51243" s="2"/>
      <c r="B51243" s="2"/>
      <c r="C51243" s="2"/>
    </row>
    <row r="51244" spans="1:3" ht="19.2">
      <c r="A51244" s="2"/>
      <c r="B51244" s="2"/>
      <c r="C51244" s="2"/>
    </row>
    <row r="51245" spans="1:3" ht="19.2">
      <c r="A51245" s="2"/>
      <c r="B51245" s="2"/>
      <c r="C51245" s="2"/>
    </row>
    <row r="51246" spans="1:3" ht="19.2">
      <c r="A51246" s="2"/>
      <c r="B51246" s="2"/>
      <c r="C51246" s="2"/>
    </row>
    <row r="51247" spans="1:3" ht="19.2">
      <c r="A51247" s="2"/>
      <c r="B51247" s="2"/>
      <c r="C51247" s="2"/>
    </row>
    <row r="51248" spans="1:3" ht="19.2">
      <c r="A51248" s="2"/>
      <c r="B51248" s="2"/>
      <c r="C51248" s="2"/>
    </row>
    <row r="51249" spans="1:3" ht="19.2">
      <c r="A51249" s="2"/>
      <c r="B51249" s="2"/>
      <c r="C51249" s="2"/>
    </row>
    <row r="51250" spans="1:3" ht="19.2">
      <c r="A51250" s="2"/>
      <c r="B51250" s="2"/>
      <c r="C51250" s="2"/>
    </row>
    <row r="51251" spans="1:3" ht="19.2">
      <c r="A51251" s="2"/>
      <c r="B51251" s="2"/>
      <c r="C51251" s="2"/>
    </row>
    <row r="51252" spans="1:3" ht="19.2">
      <c r="A51252" s="2"/>
      <c r="B51252" s="2"/>
      <c r="C51252" s="2"/>
    </row>
    <row r="51253" spans="1:3" ht="19.2">
      <c r="A51253" s="2"/>
      <c r="B51253" s="2"/>
      <c r="C51253" s="2"/>
    </row>
    <row r="51254" spans="1:3" ht="19.2">
      <c r="A51254" s="2"/>
      <c r="B51254" s="2"/>
      <c r="C51254" s="2"/>
    </row>
    <row r="51255" spans="1:3" ht="19.2">
      <c r="A51255" s="2"/>
      <c r="B51255" s="2"/>
      <c r="C51255" s="2"/>
    </row>
    <row r="51256" spans="1:3" ht="19.2">
      <c r="A51256" s="2"/>
      <c r="B51256" s="2"/>
      <c r="C51256" s="2"/>
    </row>
    <row r="51257" spans="1:3" ht="19.2">
      <c r="A51257" s="2"/>
      <c r="B51257" s="2"/>
      <c r="C51257" s="2"/>
    </row>
    <row r="51258" spans="1:3" ht="19.2">
      <c r="A51258" s="2"/>
      <c r="B51258" s="2"/>
      <c r="C51258" s="2"/>
    </row>
    <row r="51259" spans="1:3" ht="19.2">
      <c r="A51259" s="2"/>
      <c r="B51259" s="2"/>
      <c r="C51259" s="2"/>
    </row>
    <row r="51260" spans="1:3" ht="19.2">
      <c r="A51260" s="2"/>
      <c r="B51260" s="2"/>
      <c r="C51260" s="2"/>
    </row>
    <row r="51261" spans="1:3" ht="19.2">
      <c r="A51261" s="2"/>
      <c r="B51261" s="2"/>
      <c r="C51261" s="2"/>
    </row>
    <row r="51262" spans="1:3" ht="19.2">
      <c r="A51262" s="2"/>
      <c r="B51262" s="2"/>
      <c r="C51262" s="2"/>
    </row>
    <row r="51263" spans="1:3" ht="19.2">
      <c r="A51263" s="2"/>
      <c r="B51263" s="2"/>
      <c r="C51263" s="2"/>
    </row>
    <row r="51264" spans="1:3" ht="19.2">
      <c r="A51264" s="2"/>
      <c r="B51264" s="2"/>
      <c r="C51264" s="2"/>
    </row>
    <row r="51265" spans="1:3" ht="19.2">
      <c r="A51265" s="2"/>
      <c r="B51265" s="2"/>
      <c r="C51265" s="2"/>
    </row>
    <row r="51266" spans="1:3" ht="19.2">
      <c r="A51266" s="2"/>
      <c r="B51266" s="2"/>
      <c r="C51266" s="2"/>
    </row>
    <row r="51267" spans="1:3" ht="19.2">
      <c r="A51267" s="2"/>
      <c r="B51267" s="2"/>
      <c r="C51267" s="2"/>
    </row>
    <row r="51268" spans="1:3" ht="19.2">
      <c r="A51268" s="2"/>
      <c r="B51268" s="2"/>
      <c r="C51268" s="2"/>
    </row>
    <row r="51269" spans="1:3" ht="19.2">
      <c r="A51269" s="2"/>
      <c r="B51269" s="2"/>
      <c r="C51269" s="2"/>
    </row>
    <row r="51270" spans="1:3" ht="19.2">
      <c r="A51270" s="2"/>
      <c r="B51270" s="2"/>
      <c r="C51270" s="2"/>
    </row>
    <row r="51271" spans="1:3" ht="19.2">
      <c r="A51271" s="2"/>
      <c r="B51271" s="2"/>
      <c r="C51271" s="2"/>
    </row>
    <row r="51272" spans="1:3" ht="19.2">
      <c r="A51272" s="2"/>
      <c r="B51272" s="2"/>
      <c r="C51272" s="2"/>
    </row>
    <row r="51273" spans="1:3" ht="19.2">
      <c r="A51273" s="2"/>
      <c r="B51273" s="2"/>
      <c r="C51273" s="2"/>
    </row>
    <row r="51274" spans="1:3" ht="19.2">
      <c r="A51274" s="2"/>
      <c r="B51274" s="2"/>
      <c r="C51274" s="2"/>
    </row>
    <row r="51275" spans="1:3" ht="19.2">
      <c r="A51275" s="2"/>
      <c r="B51275" s="2"/>
      <c r="C51275" s="2"/>
    </row>
    <row r="51276" spans="1:3" ht="19.2">
      <c r="A51276" s="2"/>
      <c r="B51276" s="2"/>
      <c r="C51276" s="2"/>
    </row>
    <row r="51277" spans="1:3" ht="19.2">
      <c r="A51277" s="2"/>
      <c r="B51277" s="2"/>
      <c r="C51277" s="2"/>
    </row>
    <row r="51278" spans="1:3" ht="19.2">
      <c r="A51278" s="2"/>
      <c r="B51278" s="2"/>
      <c r="C51278" s="2"/>
    </row>
    <row r="51279" spans="1:3" ht="19.2">
      <c r="A51279" s="2"/>
      <c r="B51279" s="2"/>
      <c r="C51279" s="2"/>
    </row>
    <row r="51280" spans="1:3" ht="19.2">
      <c r="A51280" s="2"/>
      <c r="B51280" s="2"/>
      <c r="C51280" s="2"/>
    </row>
    <row r="51281" spans="1:3" ht="19.2">
      <c r="A51281" s="2"/>
      <c r="B51281" s="2"/>
      <c r="C51281" s="2"/>
    </row>
    <row r="51282" spans="1:3" ht="19.2">
      <c r="A51282" s="2"/>
      <c r="B51282" s="2"/>
      <c r="C51282" s="2"/>
    </row>
    <row r="51283" spans="1:3" ht="19.2">
      <c r="A51283" s="2"/>
      <c r="B51283" s="2"/>
      <c r="C51283" s="2"/>
    </row>
    <row r="51284" spans="1:3" ht="19.2">
      <c r="A51284" s="2"/>
      <c r="B51284" s="2"/>
      <c r="C51284" s="2"/>
    </row>
    <row r="51285" spans="1:3" ht="19.2">
      <c r="A51285" s="2"/>
      <c r="B51285" s="2"/>
      <c r="C51285" s="2"/>
    </row>
    <row r="51286" spans="1:3" ht="19.2">
      <c r="A51286" s="2"/>
      <c r="B51286" s="2"/>
      <c r="C51286" s="2"/>
    </row>
    <row r="51287" spans="1:3" ht="19.2">
      <c r="A51287" s="2"/>
      <c r="B51287" s="2"/>
      <c r="C51287" s="2"/>
    </row>
    <row r="51288" spans="1:3" ht="19.2">
      <c r="A51288" s="2"/>
      <c r="B51288" s="2"/>
      <c r="C51288" s="2"/>
    </row>
    <row r="51289" spans="1:3" ht="19.2">
      <c r="A51289" s="2"/>
      <c r="B51289" s="2"/>
      <c r="C51289" s="2"/>
    </row>
    <row r="51290" spans="1:3" ht="19.2">
      <c r="A51290" s="2"/>
      <c r="B51290" s="2"/>
      <c r="C51290" s="2"/>
    </row>
    <row r="51291" spans="1:3" ht="19.2">
      <c r="A51291" s="2"/>
      <c r="B51291" s="2"/>
      <c r="C51291" s="2"/>
    </row>
    <row r="51292" spans="1:3" ht="19.2">
      <c r="A51292" s="2"/>
      <c r="B51292" s="2"/>
      <c r="C51292" s="2"/>
    </row>
    <row r="51293" spans="1:3" ht="19.2">
      <c r="A51293" s="2"/>
      <c r="B51293" s="2"/>
      <c r="C51293" s="2"/>
    </row>
    <row r="51294" spans="1:3" ht="19.2">
      <c r="A51294" s="2"/>
      <c r="B51294" s="2"/>
      <c r="C51294" s="2"/>
    </row>
    <row r="51295" spans="1:3" ht="19.2">
      <c r="A51295" s="2"/>
      <c r="B51295" s="2"/>
      <c r="C51295" s="2"/>
    </row>
    <row r="51296" spans="1:3" ht="19.2">
      <c r="A51296" s="2"/>
      <c r="B51296" s="2"/>
      <c r="C51296" s="2"/>
    </row>
    <row r="51297" spans="1:3" ht="19.2">
      <c r="A51297" s="2"/>
      <c r="B51297" s="2"/>
      <c r="C51297" s="2"/>
    </row>
    <row r="51298" spans="1:3" ht="19.2">
      <c r="A51298" s="2"/>
      <c r="B51298" s="2"/>
      <c r="C51298" s="2"/>
    </row>
    <row r="51299" spans="1:3" ht="19.2">
      <c r="A51299" s="2"/>
      <c r="B51299" s="2"/>
      <c r="C51299" s="2"/>
    </row>
    <row r="51300" spans="1:3" ht="19.2">
      <c r="A51300" s="2"/>
      <c r="B51300" s="2"/>
      <c r="C51300" s="2"/>
    </row>
    <row r="51301" spans="1:3" ht="19.2">
      <c r="A51301" s="2"/>
      <c r="B51301" s="2"/>
      <c r="C51301" s="2"/>
    </row>
    <row r="51302" spans="1:3" ht="19.2">
      <c r="A51302" s="2"/>
      <c r="B51302" s="2"/>
      <c r="C51302" s="2"/>
    </row>
    <row r="51303" spans="1:3" ht="19.2">
      <c r="A51303" s="2"/>
      <c r="B51303" s="2"/>
      <c r="C51303" s="2"/>
    </row>
    <row r="51304" spans="1:3" ht="19.2">
      <c r="A51304" s="2"/>
      <c r="B51304" s="2"/>
      <c r="C51304" s="2"/>
    </row>
    <row r="51305" spans="1:3" ht="19.2">
      <c r="A51305" s="2"/>
      <c r="B51305" s="2"/>
      <c r="C51305" s="2"/>
    </row>
    <row r="51306" spans="1:3" ht="19.2">
      <c r="A51306" s="2"/>
      <c r="B51306" s="2"/>
      <c r="C51306" s="2"/>
    </row>
    <row r="51307" spans="1:3" ht="19.2">
      <c r="A51307" s="2"/>
      <c r="B51307" s="2"/>
      <c r="C51307" s="2"/>
    </row>
    <row r="51308" spans="1:3" ht="19.2">
      <c r="A51308" s="2"/>
      <c r="B51308" s="2"/>
      <c r="C51308" s="2"/>
    </row>
    <row r="51309" spans="1:3" ht="19.2">
      <c r="A51309" s="2"/>
      <c r="B51309" s="2"/>
      <c r="C51309" s="2"/>
    </row>
    <row r="51310" spans="1:3" ht="19.2">
      <c r="A51310" s="2"/>
      <c r="B51310" s="2"/>
      <c r="C51310" s="2"/>
    </row>
    <row r="51311" spans="1:3" ht="19.2">
      <c r="A51311" s="2"/>
      <c r="B51311" s="2"/>
      <c r="C51311" s="2"/>
    </row>
    <row r="51312" spans="1:3" ht="19.2">
      <c r="A51312" s="2"/>
      <c r="B51312" s="2"/>
      <c r="C51312" s="2"/>
    </row>
    <row r="51313" spans="1:3" ht="19.2">
      <c r="A51313" s="2"/>
      <c r="B51313" s="2"/>
      <c r="C51313" s="2"/>
    </row>
    <row r="51314" spans="1:3" ht="19.2">
      <c r="A51314" s="2"/>
      <c r="B51314" s="2"/>
      <c r="C51314" s="2"/>
    </row>
    <row r="51315" spans="1:3" ht="19.2">
      <c r="A51315" s="2"/>
      <c r="B51315" s="2"/>
      <c r="C51315" s="2"/>
    </row>
    <row r="51316" spans="1:3" ht="19.2">
      <c r="A51316" s="2"/>
      <c r="B51316" s="2"/>
      <c r="C51316" s="2"/>
    </row>
    <row r="51317" spans="1:3" ht="19.2">
      <c r="A51317" s="2"/>
      <c r="B51317" s="2"/>
      <c r="C51317" s="2"/>
    </row>
    <row r="51318" spans="1:3" ht="19.2">
      <c r="A51318" s="2"/>
      <c r="B51318" s="2"/>
      <c r="C51318" s="2"/>
    </row>
    <row r="51319" spans="1:3" ht="19.2">
      <c r="A51319" s="2"/>
      <c r="B51319" s="2"/>
      <c r="C51319" s="2"/>
    </row>
    <row r="51320" spans="1:3" ht="19.2">
      <c r="A51320" s="2"/>
      <c r="B51320" s="2"/>
      <c r="C51320" s="2"/>
    </row>
    <row r="51321" spans="1:3" ht="19.2">
      <c r="A51321" s="2"/>
      <c r="B51321" s="2"/>
      <c r="C51321" s="2"/>
    </row>
    <row r="51322" spans="1:3" ht="19.2">
      <c r="A51322" s="2"/>
      <c r="B51322" s="2"/>
      <c r="C51322" s="2"/>
    </row>
    <row r="51323" spans="1:3" ht="19.2">
      <c r="A51323" s="2"/>
      <c r="B51323" s="2"/>
      <c r="C51323" s="2"/>
    </row>
    <row r="51324" spans="1:3" ht="19.2">
      <c r="A51324" s="2"/>
      <c r="B51324" s="2"/>
      <c r="C51324" s="2"/>
    </row>
    <row r="51325" spans="1:3" ht="19.2">
      <c r="A51325" s="2"/>
      <c r="B51325" s="2"/>
      <c r="C51325" s="2"/>
    </row>
    <row r="51326" spans="1:3" ht="19.2">
      <c r="A51326" s="2"/>
      <c r="B51326" s="2"/>
      <c r="C51326" s="2"/>
    </row>
    <row r="51327" spans="1:3" ht="19.2">
      <c r="A51327" s="2"/>
      <c r="B51327" s="2"/>
      <c r="C51327" s="2"/>
    </row>
    <row r="51328" spans="1:3" ht="19.2">
      <c r="A51328" s="2"/>
      <c r="B51328" s="2"/>
      <c r="C51328" s="2"/>
    </row>
    <row r="51329" spans="1:3" ht="19.2">
      <c r="A51329" s="2"/>
      <c r="B51329" s="2"/>
      <c r="C51329" s="2"/>
    </row>
    <row r="51330" spans="1:3" ht="19.2">
      <c r="A51330" s="2"/>
      <c r="B51330" s="2"/>
      <c r="C51330" s="2"/>
    </row>
    <row r="51331" spans="1:3" ht="19.2">
      <c r="A51331" s="2"/>
      <c r="B51331" s="2"/>
      <c r="C51331" s="2"/>
    </row>
    <row r="51332" spans="1:3" ht="19.2">
      <c r="A51332" s="2"/>
      <c r="B51332" s="2"/>
      <c r="C51332" s="2"/>
    </row>
    <row r="51333" spans="1:3" ht="19.2">
      <c r="A51333" s="2"/>
      <c r="B51333" s="2"/>
      <c r="C51333" s="2"/>
    </row>
    <row r="51334" spans="1:3" ht="19.2">
      <c r="A51334" s="2"/>
      <c r="B51334" s="2"/>
      <c r="C51334" s="2"/>
    </row>
    <row r="51335" spans="1:3" ht="19.2">
      <c r="A51335" s="2"/>
      <c r="B51335" s="2"/>
      <c r="C51335" s="2"/>
    </row>
    <row r="51336" spans="1:3" ht="19.2">
      <c r="A51336" s="2"/>
      <c r="B51336" s="2"/>
      <c r="C51336" s="2"/>
    </row>
    <row r="51337" spans="1:3" ht="19.2">
      <c r="A51337" s="2"/>
      <c r="B51337" s="2"/>
      <c r="C51337" s="2"/>
    </row>
    <row r="51338" spans="1:3" ht="19.2">
      <c r="A51338" s="2"/>
      <c r="B51338" s="2"/>
      <c r="C51338" s="2"/>
    </row>
    <row r="51339" spans="1:3" ht="19.2">
      <c r="A51339" s="2"/>
      <c r="B51339" s="2"/>
      <c r="C51339" s="2"/>
    </row>
    <row r="51340" spans="1:3" ht="19.2">
      <c r="A51340" s="2"/>
      <c r="B51340" s="2"/>
      <c r="C51340" s="2"/>
    </row>
    <row r="51341" spans="1:3" ht="19.2">
      <c r="A51341" s="2"/>
      <c r="B51341" s="2"/>
      <c r="C51341" s="2"/>
    </row>
    <row r="51342" spans="1:3" ht="19.2">
      <c r="A51342" s="2"/>
      <c r="B51342" s="2"/>
      <c r="C51342" s="2"/>
    </row>
    <row r="51343" spans="1:3" ht="19.2">
      <c r="A51343" s="2"/>
      <c r="B51343" s="2"/>
      <c r="C51343" s="2"/>
    </row>
    <row r="51344" spans="1:3" ht="19.2">
      <c r="A51344" s="2"/>
      <c r="B51344" s="2"/>
      <c r="C51344" s="2"/>
    </row>
    <row r="51345" spans="1:3" ht="19.2">
      <c r="A51345" s="2"/>
      <c r="B51345" s="2"/>
      <c r="C51345" s="2"/>
    </row>
    <row r="51346" spans="1:3" ht="19.2">
      <c r="A51346" s="2"/>
      <c r="B51346" s="2"/>
      <c r="C51346" s="2"/>
    </row>
    <row r="51347" spans="1:3" ht="19.2">
      <c r="A51347" s="2"/>
      <c r="B51347" s="2"/>
      <c r="C51347" s="2"/>
    </row>
    <row r="51348" spans="1:3" ht="19.2">
      <c r="A51348" s="2"/>
      <c r="B51348" s="2"/>
      <c r="C51348" s="2"/>
    </row>
    <row r="51349" spans="1:3" ht="19.2">
      <c r="A51349" s="2"/>
      <c r="B51349" s="2"/>
      <c r="C51349" s="2"/>
    </row>
    <row r="51350" spans="1:3" ht="19.2">
      <c r="A51350" s="2"/>
      <c r="B51350" s="2"/>
      <c r="C51350" s="2"/>
    </row>
    <row r="51351" spans="1:3" ht="19.2">
      <c r="A51351" s="2"/>
      <c r="B51351" s="2"/>
      <c r="C51351" s="2"/>
    </row>
    <row r="51352" spans="1:3" ht="19.2">
      <c r="A51352" s="2"/>
      <c r="B51352" s="2"/>
      <c r="C51352" s="2"/>
    </row>
    <row r="51353" spans="1:3" ht="19.2">
      <c r="A51353" s="2"/>
      <c r="B51353" s="2"/>
      <c r="C51353" s="2"/>
    </row>
    <row r="51354" spans="1:3" ht="19.2">
      <c r="A51354" s="2"/>
      <c r="B51354" s="2"/>
      <c r="C51354" s="2"/>
    </row>
    <row r="51355" spans="1:3" ht="19.2">
      <c r="A51355" s="2"/>
      <c r="B51355" s="2"/>
      <c r="C51355" s="2"/>
    </row>
    <row r="51356" spans="1:3" ht="19.2">
      <c r="A51356" s="2"/>
      <c r="B51356" s="2"/>
      <c r="C51356" s="2"/>
    </row>
    <row r="51357" spans="1:3" ht="19.2">
      <c r="A51357" s="2"/>
      <c r="B51357" s="2"/>
      <c r="C51357" s="2"/>
    </row>
    <row r="51358" spans="1:3" ht="19.2">
      <c r="A51358" s="2"/>
      <c r="B51358" s="2"/>
      <c r="C51358" s="2"/>
    </row>
    <row r="51359" spans="1:3" ht="19.2">
      <c r="A51359" s="2"/>
      <c r="B51359" s="2"/>
      <c r="C51359" s="2"/>
    </row>
    <row r="51360" spans="1:3" ht="19.2">
      <c r="A51360" s="2"/>
      <c r="B51360" s="2"/>
      <c r="C51360" s="2"/>
    </row>
    <row r="51361" spans="1:3" ht="19.2">
      <c r="A51361" s="2"/>
      <c r="B51361" s="2"/>
      <c r="C51361" s="2"/>
    </row>
    <row r="51362" spans="1:3" ht="19.2">
      <c r="A51362" s="2"/>
      <c r="B51362" s="2"/>
      <c r="C51362" s="2"/>
    </row>
    <row r="51363" spans="1:3" ht="19.2">
      <c r="A51363" s="2"/>
      <c r="B51363" s="2"/>
      <c r="C51363" s="2"/>
    </row>
    <row r="51364" spans="1:3" ht="19.2">
      <c r="A51364" s="2"/>
      <c r="B51364" s="2"/>
      <c r="C51364" s="2"/>
    </row>
    <row r="51365" spans="1:3" ht="19.2">
      <c r="A51365" s="2"/>
      <c r="B51365" s="2"/>
      <c r="C51365" s="2"/>
    </row>
    <row r="51366" spans="1:3" ht="19.2">
      <c r="A51366" s="2"/>
      <c r="B51366" s="2"/>
      <c r="C51366" s="2"/>
    </row>
    <row r="51367" spans="1:3" ht="19.2">
      <c r="A51367" s="2"/>
      <c r="B51367" s="2"/>
      <c r="C51367" s="2"/>
    </row>
    <row r="51368" spans="1:3" ht="19.2">
      <c r="A51368" s="2"/>
      <c r="B51368" s="2"/>
      <c r="C51368" s="2"/>
    </row>
    <row r="51369" spans="1:3" ht="19.2">
      <c r="A51369" s="2"/>
      <c r="B51369" s="2"/>
      <c r="C51369" s="2"/>
    </row>
    <row r="51370" spans="1:3" ht="19.2">
      <c r="A51370" s="2"/>
      <c r="B51370" s="2"/>
      <c r="C51370" s="2"/>
    </row>
    <row r="51371" spans="1:3" ht="19.2">
      <c r="A51371" s="2"/>
      <c r="B51371" s="2"/>
      <c r="C51371" s="2"/>
    </row>
    <row r="51372" spans="1:3" ht="19.2">
      <c r="A51372" s="2"/>
      <c r="B51372" s="2"/>
      <c r="C51372" s="2"/>
    </row>
    <row r="51373" spans="1:3" ht="19.2">
      <c r="A51373" s="2"/>
      <c r="B51373" s="2"/>
      <c r="C51373" s="2"/>
    </row>
    <row r="51374" spans="1:3" ht="19.2">
      <c r="A51374" s="2"/>
      <c r="B51374" s="2"/>
      <c r="C51374" s="2"/>
    </row>
    <row r="51375" spans="1:3" ht="19.2">
      <c r="A51375" s="2"/>
      <c r="B51375" s="2"/>
      <c r="C51375" s="2"/>
    </row>
    <row r="51376" spans="1:3" ht="19.2">
      <c r="A51376" s="2"/>
      <c r="B51376" s="2"/>
      <c r="C51376" s="2"/>
    </row>
    <row r="51377" spans="1:3" ht="19.2">
      <c r="A51377" s="2"/>
      <c r="B51377" s="2"/>
      <c r="C51377" s="2"/>
    </row>
    <row r="51378" spans="1:3" ht="19.2">
      <c r="A51378" s="2"/>
      <c r="B51378" s="2"/>
      <c r="C51378" s="2"/>
    </row>
    <row r="51379" spans="1:3" ht="19.2">
      <c r="A51379" s="2"/>
      <c r="B51379" s="2"/>
      <c r="C51379" s="2"/>
    </row>
    <row r="51380" spans="1:3" ht="19.2">
      <c r="A51380" s="2"/>
      <c r="B51380" s="2"/>
      <c r="C51380" s="2"/>
    </row>
    <row r="51381" spans="1:3" ht="19.2">
      <c r="A51381" s="2"/>
      <c r="B51381" s="2"/>
      <c r="C51381" s="2"/>
    </row>
    <row r="51382" spans="1:3" ht="19.2">
      <c r="A51382" s="2"/>
      <c r="B51382" s="2"/>
      <c r="C51382" s="2"/>
    </row>
    <row r="51383" spans="1:3" ht="19.2">
      <c r="A51383" s="2"/>
      <c r="B51383" s="2"/>
      <c r="C51383" s="2"/>
    </row>
    <row r="51384" spans="1:3" ht="19.2">
      <c r="A51384" s="2"/>
      <c r="B51384" s="2"/>
      <c r="C51384" s="2"/>
    </row>
    <row r="51385" spans="1:3" ht="19.2">
      <c r="A51385" s="2"/>
      <c r="B51385" s="2"/>
      <c r="C51385" s="2"/>
    </row>
    <row r="51386" spans="1:3" ht="19.2">
      <c r="A51386" s="2"/>
      <c r="B51386" s="2"/>
      <c r="C51386" s="2"/>
    </row>
    <row r="51387" spans="1:3" ht="19.2">
      <c r="A51387" s="2"/>
      <c r="B51387" s="2"/>
      <c r="C51387" s="2"/>
    </row>
    <row r="51388" spans="1:3" ht="19.2">
      <c r="A51388" s="2"/>
      <c r="B51388" s="2"/>
      <c r="C51388" s="2"/>
    </row>
    <row r="51389" spans="1:3" ht="19.2">
      <c r="A51389" s="2"/>
      <c r="B51389" s="2"/>
      <c r="C51389" s="2"/>
    </row>
    <row r="51390" spans="1:3" ht="19.2">
      <c r="A51390" s="2"/>
      <c r="B51390" s="2"/>
      <c r="C51390" s="2"/>
    </row>
    <row r="51391" spans="1:3" ht="19.2">
      <c r="A51391" s="2"/>
      <c r="B51391" s="2"/>
      <c r="C51391" s="2"/>
    </row>
    <row r="51392" spans="1:3" ht="19.2">
      <c r="A51392" s="2"/>
      <c r="B51392" s="2"/>
      <c r="C51392" s="2"/>
    </row>
    <row r="51393" spans="1:3" ht="19.2">
      <c r="A51393" s="2"/>
      <c r="B51393" s="2"/>
      <c r="C51393" s="2"/>
    </row>
    <row r="51394" spans="1:3" ht="19.2">
      <c r="A51394" s="2"/>
      <c r="B51394" s="2"/>
      <c r="C51394" s="2"/>
    </row>
    <row r="51395" spans="1:3" ht="19.2">
      <c r="A51395" s="2"/>
      <c r="B51395" s="2"/>
      <c r="C51395" s="2"/>
    </row>
    <row r="51396" spans="1:3" ht="19.2">
      <c r="A51396" s="2"/>
      <c r="B51396" s="2"/>
      <c r="C51396" s="2"/>
    </row>
    <row r="51397" spans="1:3" ht="19.2">
      <c r="A51397" s="2"/>
      <c r="B51397" s="2"/>
      <c r="C51397" s="2"/>
    </row>
    <row r="51398" spans="1:3" ht="19.2">
      <c r="A51398" s="2"/>
      <c r="B51398" s="2"/>
      <c r="C51398" s="2"/>
    </row>
    <row r="51399" spans="1:3" ht="19.2">
      <c r="A51399" s="2"/>
      <c r="B51399" s="2"/>
      <c r="C51399" s="2"/>
    </row>
    <row r="51400" spans="1:3" ht="19.2">
      <c r="A51400" s="2"/>
      <c r="B51400" s="2"/>
      <c r="C51400" s="2"/>
    </row>
    <row r="51401" spans="1:3" ht="19.2">
      <c r="A51401" s="2"/>
      <c r="B51401" s="2"/>
      <c r="C51401" s="2"/>
    </row>
    <row r="51402" spans="1:3" ht="19.2">
      <c r="A51402" s="2"/>
      <c r="B51402" s="2"/>
      <c r="C51402" s="2"/>
    </row>
    <row r="51403" spans="1:3" ht="19.2">
      <c r="A51403" s="2"/>
      <c r="B51403" s="2"/>
      <c r="C51403" s="2"/>
    </row>
    <row r="51404" spans="1:3" ht="19.2">
      <c r="A51404" s="2"/>
      <c r="B51404" s="2"/>
      <c r="C51404" s="2"/>
    </row>
    <row r="51405" spans="1:3" ht="19.2">
      <c r="A51405" s="2"/>
      <c r="B51405" s="2"/>
      <c r="C51405" s="2"/>
    </row>
    <row r="51406" spans="1:3" ht="19.2">
      <c r="A51406" s="2"/>
      <c r="B51406" s="2"/>
      <c r="C51406" s="2"/>
    </row>
    <row r="51407" spans="1:3" ht="19.2">
      <c r="A51407" s="2"/>
      <c r="B51407" s="2"/>
      <c r="C51407" s="2"/>
    </row>
    <row r="51408" spans="1:3" ht="19.2">
      <c r="A51408" s="2"/>
      <c r="B51408" s="2"/>
      <c r="C51408" s="2"/>
    </row>
    <row r="51409" spans="1:3" ht="19.2">
      <c r="A51409" s="2"/>
      <c r="B51409" s="2"/>
      <c r="C51409" s="2"/>
    </row>
    <row r="51410" spans="1:3" ht="19.2">
      <c r="A51410" s="2"/>
      <c r="B51410" s="2"/>
      <c r="C51410" s="2"/>
    </row>
    <row r="51411" spans="1:3" ht="19.2">
      <c r="A51411" s="2"/>
      <c r="B51411" s="2"/>
      <c r="C51411" s="2"/>
    </row>
    <row r="51412" spans="1:3" ht="19.2">
      <c r="A51412" s="2"/>
      <c r="B51412" s="2"/>
      <c r="C51412" s="2"/>
    </row>
    <row r="51413" spans="1:3" ht="19.2">
      <c r="A51413" s="2"/>
      <c r="B51413" s="2"/>
      <c r="C51413" s="2"/>
    </row>
    <row r="51414" spans="1:3" ht="19.2">
      <c r="A51414" s="2"/>
      <c r="B51414" s="2"/>
      <c r="C51414" s="2"/>
    </row>
    <row r="51415" spans="1:3" ht="19.2">
      <c r="A51415" s="2"/>
      <c r="B51415" s="2"/>
      <c r="C51415" s="2"/>
    </row>
    <row r="51416" spans="1:3" ht="19.2">
      <c r="A51416" s="2"/>
      <c r="B51416" s="2"/>
      <c r="C51416" s="2"/>
    </row>
    <row r="51417" spans="1:3" ht="19.2">
      <c r="A51417" s="2"/>
      <c r="B51417" s="2"/>
      <c r="C51417" s="2"/>
    </row>
    <row r="51418" spans="1:3" ht="19.2">
      <c r="A51418" s="2"/>
      <c r="B51418" s="2"/>
      <c r="C51418" s="2"/>
    </row>
    <row r="51419" spans="1:3" ht="19.2">
      <c r="A51419" s="2"/>
      <c r="B51419" s="2"/>
      <c r="C51419" s="2"/>
    </row>
    <row r="51420" spans="1:3" ht="19.2">
      <c r="A51420" s="2"/>
      <c r="B51420" s="2"/>
      <c r="C51420" s="2"/>
    </row>
    <row r="51421" spans="1:3" ht="19.2">
      <c r="A51421" s="2"/>
      <c r="B51421" s="2"/>
      <c r="C51421" s="2"/>
    </row>
    <row r="51422" spans="1:3" ht="19.2">
      <c r="A51422" s="2"/>
      <c r="B51422" s="2"/>
      <c r="C51422" s="2"/>
    </row>
    <row r="51423" spans="1:3" ht="19.2">
      <c r="A51423" s="2"/>
      <c r="B51423" s="2"/>
      <c r="C51423" s="2"/>
    </row>
    <row r="51424" spans="1:3" ht="19.2">
      <c r="A51424" s="2"/>
      <c r="B51424" s="2"/>
      <c r="C51424" s="2"/>
    </row>
    <row r="51425" spans="1:3" ht="19.2">
      <c r="A51425" s="2"/>
      <c r="B51425" s="2"/>
      <c r="C51425" s="2"/>
    </row>
    <row r="51426" spans="1:3" ht="19.2">
      <c r="A51426" s="2"/>
      <c r="B51426" s="2"/>
      <c r="C51426" s="2"/>
    </row>
    <row r="51427" spans="1:3" ht="19.2">
      <c r="A51427" s="2"/>
      <c r="B51427" s="2"/>
      <c r="C51427" s="2"/>
    </row>
    <row r="51428" spans="1:3" ht="19.2">
      <c r="A51428" s="2"/>
      <c r="B51428" s="2"/>
      <c r="C51428" s="2"/>
    </row>
    <row r="51429" spans="1:3" ht="19.2">
      <c r="A51429" s="2"/>
      <c r="B51429" s="2"/>
      <c r="C51429" s="2"/>
    </row>
    <row r="51430" spans="1:3" ht="19.2">
      <c r="A51430" s="2"/>
      <c r="B51430" s="2"/>
      <c r="C51430" s="2"/>
    </row>
    <row r="51431" spans="1:3" ht="19.2">
      <c r="A51431" s="2"/>
      <c r="B51431" s="2"/>
      <c r="C51431" s="2"/>
    </row>
    <row r="51432" spans="1:3" ht="19.2">
      <c r="A51432" s="2"/>
      <c r="B51432" s="2"/>
      <c r="C51432" s="2"/>
    </row>
    <row r="51433" spans="1:3" ht="19.2">
      <c r="A51433" s="2"/>
      <c r="B51433" s="2"/>
      <c r="C51433" s="2"/>
    </row>
    <row r="51434" spans="1:3" ht="19.2">
      <c r="A51434" s="2"/>
      <c r="B51434" s="2"/>
      <c r="C51434" s="2"/>
    </row>
    <row r="51435" spans="1:3" ht="19.2">
      <c r="A51435" s="2"/>
      <c r="B51435" s="2"/>
      <c r="C51435" s="2"/>
    </row>
    <row r="51436" spans="1:3" ht="19.2">
      <c r="A51436" s="2"/>
      <c r="B51436" s="2"/>
      <c r="C51436" s="2"/>
    </row>
    <row r="51437" spans="1:3" ht="19.2">
      <c r="A51437" s="2"/>
      <c r="B51437" s="2"/>
      <c r="C51437" s="2"/>
    </row>
    <row r="51438" spans="1:3" ht="19.2">
      <c r="A51438" s="2"/>
      <c r="B51438" s="2"/>
      <c r="C51438" s="2"/>
    </row>
    <row r="51439" spans="1:3" ht="19.2">
      <c r="A51439" s="2"/>
      <c r="B51439" s="2"/>
      <c r="C51439" s="2"/>
    </row>
    <row r="51440" spans="1:3" ht="19.2">
      <c r="A51440" s="2"/>
      <c r="B51440" s="2"/>
      <c r="C51440" s="2"/>
    </row>
    <row r="51441" spans="1:3" ht="19.2">
      <c r="A51441" s="2"/>
      <c r="B51441" s="2"/>
      <c r="C51441" s="2"/>
    </row>
    <row r="51442" spans="1:3" ht="19.2">
      <c r="A51442" s="2"/>
      <c r="B51442" s="2"/>
      <c r="C51442" s="2"/>
    </row>
    <row r="51443" spans="1:3" ht="19.2">
      <c r="A51443" s="2"/>
      <c r="B51443" s="2"/>
      <c r="C51443" s="2"/>
    </row>
    <row r="51444" spans="1:3" ht="19.2">
      <c r="A51444" s="2"/>
      <c r="B51444" s="2"/>
      <c r="C51444" s="2"/>
    </row>
    <row r="51445" spans="1:3" ht="19.2">
      <c r="A51445" s="2"/>
      <c r="B51445" s="2"/>
      <c r="C51445" s="2"/>
    </row>
    <row r="51446" spans="1:3" ht="19.2">
      <c r="A51446" s="2"/>
      <c r="B51446" s="2"/>
      <c r="C51446" s="2"/>
    </row>
    <row r="51447" spans="1:3" ht="19.2">
      <c r="A51447" s="2"/>
      <c r="B51447" s="2"/>
      <c r="C51447" s="2"/>
    </row>
    <row r="51448" spans="1:3" ht="19.2">
      <c r="A51448" s="2"/>
      <c r="B51448" s="2"/>
      <c r="C51448" s="2"/>
    </row>
    <row r="51449" spans="1:3" ht="19.2">
      <c r="A51449" s="2"/>
      <c r="B51449" s="2"/>
      <c r="C51449" s="2"/>
    </row>
    <row r="51450" spans="1:3" ht="19.2">
      <c r="A51450" s="2"/>
      <c r="B51450" s="2"/>
      <c r="C51450" s="2"/>
    </row>
    <row r="51451" spans="1:3" ht="19.2">
      <c r="A51451" s="2"/>
      <c r="B51451" s="2"/>
      <c r="C51451" s="2"/>
    </row>
    <row r="51452" spans="1:3" ht="19.2">
      <c r="A51452" s="2"/>
      <c r="B51452" s="2"/>
      <c r="C51452" s="2"/>
    </row>
    <row r="51453" spans="1:3" ht="19.2">
      <c r="A51453" s="2"/>
      <c r="B51453" s="2"/>
      <c r="C51453" s="2"/>
    </row>
    <row r="51454" spans="1:3" ht="19.2">
      <c r="A51454" s="2"/>
      <c r="B51454" s="2"/>
      <c r="C51454" s="2"/>
    </row>
    <row r="51455" spans="1:3" ht="19.2">
      <c r="A51455" s="2"/>
      <c r="B51455" s="2"/>
      <c r="C51455" s="2"/>
    </row>
    <row r="51456" spans="1:3" ht="19.2">
      <c r="A51456" s="2"/>
      <c r="B51456" s="2"/>
      <c r="C51456" s="2"/>
    </row>
    <row r="51457" spans="1:3" ht="19.2">
      <c r="A51457" s="2"/>
      <c r="B51457" s="2"/>
      <c r="C51457" s="2"/>
    </row>
    <row r="51458" spans="1:3" ht="19.2">
      <c r="A51458" s="2"/>
      <c r="B51458" s="2"/>
      <c r="C51458" s="2"/>
    </row>
    <row r="51459" spans="1:3" ht="19.2">
      <c r="A51459" s="2"/>
      <c r="B51459" s="2"/>
      <c r="C51459" s="2"/>
    </row>
    <row r="51460" spans="1:3" ht="19.2">
      <c r="A51460" s="2"/>
      <c r="B51460" s="2"/>
      <c r="C51460" s="2"/>
    </row>
    <row r="51461" spans="1:3" ht="19.2">
      <c r="A51461" s="2"/>
      <c r="B51461" s="2"/>
      <c r="C51461" s="2"/>
    </row>
    <row r="51462" spans="1:3" ht="19.2">
      <c r="A51462" s="2"/>
      <c r="B51462" s="2"/>
      <c r="C51462" s="2"/>
    </row>
    <row r="51463" spans="1:3" ht="19.2">
      <c r="A51463" s="2"/>
      <c r="B51463" s="2"/>
      <c r="C51463" s="2"/>
    </row>
    <row r="51464" spans="1:3" ht="19.2">
      <c r="A51464" s="2"/>
      <c r="B51464" s="2"/>
      <c r="C51464" s="2"/>
    </row>
    <row r="51465" spans="1:3" ht="19.2">
      <c r="A51465" s="2"/>
      <c r="B51465" s="2"/>
      <c r="C51465" s="2"/>
    </row>
    <row r="51466" spans="1:3" ht="19.2">
      <c r="A51466" s="2"/>
      <c r="B51466" s="2"/>
      <c r="C51466" s="2"/>
    </row>
    <row r="51467" spans="1:3" ht="19.2">
      <c r="A51467" s="2"/>
      <c r="B51467" s="2"/>
      <c r="C51467" s="2"/>
    </row>
    <row r="51468" spans="1:3" ht="19.2">
      <c r="A51468" s="2"/>
      <c r="B51468" s="2"/>
      <c r="C51468" s="2"/>
    </row>
    <row r="51469" spans="1:3" ht="19.2">
      <c r="A51469" s="2"/>
      <c r="B51469" s="2"/>
      <c r="C51469" s="2"/>
    </row>
    <row r="51470" spans="1:3" ht="19.2">
      <c r="A51470" s="2"/>
      <c r="B51470" s="2"/>
      <c r="C51470" s="2"/>
    </row>
    <row r="51471" spans="1:3" ht="19.2">
      <c r="A51471" s="2"/>
      <c r="B51471" s="2"/>
      <c r="C51471" s="2"/>
    </row>
    <row r="51472" spans="1:3" ht="19.2">
      <c r="A51472" s="2"/>
      <c r="B51472" s="2"/>
      <c r="C51472" s="2"/>
    </row>
    <row r="51473" spans="1:3" ht="19.2">
      <c r="A51473" s="2"/>
      <c r="B51473" s="2"/>
      <c r="C51473" s="2"/>
    </row>
    <row r="51474" spans="1:3" ht="19.2">
      <c r="A51474" s="2"/>
      <c r="B51474" s="2"/>
      <c r="C51474" s="2"/>
    </row>
    <row r="51475" spans="1:3" ht="19.2">
      <c r="A51475" s="2"/>
      <c r="B51475" s="2"/>
      <c r="C51475" s="2"/>
    </row>
    <row r="51476" spans="1:3" ht="19.2">
      <c r="A51476" s="2"/>
      <c r="B51476" s="2"/>
      <c r="C51476" s="2"/>
    </row>
    <row r="51477" spans="1:3" ht="19.2">
      <c r="A51477" s="2"/>
      <c r="B51477" s="2"/>
      <c r="C51477" s="2"/>
    </row>
    <row r="51478" spans="1:3" ht="19.2">
      <c r="A51478" s="2"/>
      <c r="B51478" s="2"/>
      <c r="C51478" s="2"/>
    </row>
    <row r="51479" spans="1:3" ht="19.2">
      <c r="A51479" s="2"/>
      <c r="B51479" s="2"/>
      <c r="C51479" s="2"/>
    </row>
    <row r="51480" spans="1:3" ht="19.2">
      <c r="A51480" s="2"/>
      <c r="B51480" s="2"/>
      <c r="C51480" s="2"/>
    </row>
    <row r="51481" spans="1:3" ht="19.2">
      <c r="A51481" s="2"/>
      <c r="B51481" s="2"/>
      <c r="C51481" s="2"/>
    </row>
    <row r="51482" spans="1:3" ht="19.2">
      <c r="A51482" s="2"/>
      <c r="B51482" s="2"/>
      <c r="C51482" s="2"/>
    </row>
    <row r="51483" spans="1:3" ht="19.2">
      <c r="A51483" s="2"/>
      <c r="B51483" s="2"/>
      <c r="C51483" s="2"/>
    </row>
    <row r="51484" spans="1:3" ht="19.2">
      <c r="A51484" s="2"/>
      <c r="B51484" s="2"/>
      <c r="C51484" s="2"/>
    </row>
    <row r="51485" spans="1:3" ht="19.2">
      <c r="A51485" s="2"/>
      <c r="B51485" s="2"/>
      <c r="C51485" s="2"/>
    </row>
    <row r="51486" spans="1:3" ht="19.2">
      <c r="A51486" s="2"/>
      <c r="B51486" s="2"/>
      <c r="C51486" s="2"/>
    </row>
    <row r="51487" spans="1:3" ht="19.2">
      <c r="A51487" s="2"/>
      <c r="B51487" s="2"/>
      <c r="C51487" s="2"/>
    </row>
    <row r="51488" spans="1:3" ht="19.2">
      <c r="A51488" s="2"/>
      <c r="B51488" s="2"/>
      <c r="C51488" s="2"/>
    </row>
    <row r="51489" spans="1:3" ht="19.2">
      <c r="A51489" s="2"/>
      <c r="B51489" s="2"/>
      <c r="C51489" s="2"/>
    </row>
    <row r="51490" spans="1:3" ht="19.2">
      <c r="A51490" s="2"/>
      <c r="B51490" s="2"/>
      <c r="C51490" s="2"/>
    </row>
    <row r="51491" spans="1:3" ht="19.2">
      <c r="A51491" s="2"/>
      <c r="B51491" s="2"/>
      <c r="C51491" s="2"/>
    </row>
    <row r="51492" spans="1:3" ht="19.2">
      <c r="A51492" s="2"/>
      <c r="B51492" s="2"/>
      <c r="C51492" s="2"/>
    </row>
    <row r="51493" spans="1:3" ht="19.2">
      <c r="A51493" s="2"/>
      <c r="B51493" s="2"/>
      <c r="C51493" s="2"/>
    </row>
    <row r="51494" spans="1:3" ht="19.2">
      <c r="A51494" s="2"/>
      <c r="B51494" s="2"/>
      <c r="C51494" s="2"/>
    </row>
    <row r="51495" spans="1:3" ht="19.2">
      <c r="A51495" s="2"/>
      <c r="B51495" s="2"/>
      <c r="C51495" s="2"/>
    </row>
    <row r="51496" spans="1:3" ht="19.2">
      <c r="A51496" s="2"/>
      <c r="B51496" s="2"/>
      <c r="C51496" s="2"/>
    </row>
    <row r="51497" spans="1:3" ht="19.2">
      <c r="A51497" s="2"/>
      <c r="B51497" s="2"/>
      <c r="C51497" s="2"/>
    </row>
    <row r="51498" spans="1:3" ht="19.2">
      <c r="A51498" s="2"/>
      <c r="B51498" s="2"/>
      <c r="C51498" s="2"/>
    </row>
    <row r="51499" spans="1:3" ht="19.2">
      <c r="A51499" s="2"/>
      <c r="B51499" s="2"/>
      <c r="C51499" s="2"/>
    </row>
    <row r="51500" spans="1:3" ht="19.2">
      <c r="A51500" s="2"/>
      <c r="B51500" s="2"/>
      <c r="C51500" s="2"/>
    </row>
    <row r="51501" spans="1:3" ht="19.2">
      <c r="A51501" s="2"/>
      <c r="B51501" s="2"/>
      <c r="C51501" s="2"/>
    </row>
    <row r="51502" spans="1:3" ht="19.2">
      <c r="A51502" s="2"/>
      <c r="B51502" s="2"/>
      <c r="C51502" s="2"/>
    </row>
    <row r="51503" spans="1:3" ht="19.2">
      <c r="A51503" s="2"/>
      <c r="B51503" s="2"/>
      <c r="C51503" s="2"/>
    </row>
    <row r="51504" spans="1:3" ht="19.2">
      <c r="A51504" s="2"/>
      <c r="B51504" s="2"/>
      <c r="C51504" s="2"/>
    </row>
    <row r="51505" spans="1:3" ht="19.2">
      <c r="A51505" s="2"/>
      <c r="B51505" s="2"/>
      <c r="C51505" s="2"/>
    </row>
    <row r="51506" spans="1:3" ht="19.2">
      <c r="A51506" s="2"/>
      <c r="B51506" s="2"/>
      <c r="C51506" s="2"/>
    </row>
    <row r="51507" spans="1:3" ht="19.2">
      <c r="A51507" s="2"/>
      <c r="B51507" s="2"/>
      <c r="C51507" s="2"/>
    </row>
    <row r="51508" spans="1:3" ht="19.2">
      <c r="A51508" s="2"/>
      <c r="B51508" s="2"/>
      <c r="C51508" s="2"/>
    </row>
    <row r="51509" spans="1:3" ht="19.2">
      <c r="A51509" s="2"/>
      <c r="B51509" s="2"/>
      <c r="C51509" s="2"/>
    </row>
    <row r="51510" spans="1:3" ht="19.2">
      <c r="A51510" s="2"/>
      <c r="B51510" s="2"/>
      <c r="C51510" s="2"/>
    </row>
    <row r="51511" spans="1:3" ht="19.2">
      <c r="A51511" s="2"/>
      <c r="B51511" s="2"/>
      <c r="C51511" s="2"/>
    </row>
    <row r="51512" spans="1:3" ht="19.2">
      <c r="A51512" s="2"/>
      <c r="B51512" s="2"/>
      <c r="C51512" s="2"/>
    </row>
    <row r="51513" spans="1:3" ht="19.2">
      <c r="A51513" s="2"/>
      <c r="B51513" s="2"/>
      <c r="C51513" s="2"/>
    </row>
    <row r="51514" spans="1:3" ht="19.2">
      <c r="A51514" s="2"/>
      <c r="B51514" s="2"/>
      <c r="C51514" s="2"/>
    </row>
    <row r="51515" spans="1:3" ht="19.2">
      <c r="A51515" s="2"/>
      <c r="B51515" s="2"/>
      <c r="C51515" s="2"/>
    </row>
    <row r="51516" spans="1:3" ht="19.2">
      <c r="A51516" s="2"/>
      <c r="B51516" s="2"/>
      <c r="C51516" s="2"/>
    </row>
    <row r="51517" spans="1:3" ht="19.2">
      <c r="A51517" s="2"/>
      <c r="B51517" s="2"/>
      <c r="C51517" s="2"/>
    </row>
    <row r="51518" spans="1:3" ht="19.2">
      <c r="A51518" s="2"/>
      <c r="B51518" s="2"/>
      <c r="C51518" s="2"/>
    </row>
    <row r="51519" spans="1:3" ht="19.2">
      <c r="A51519" s="2"/>
      <c r="B51519" s="2"/>
      <c r="C51519" s="2"/>
    </row>
    <row r="51520" spans="1:3" ht="19.2">
      <c r="A51520" s="2"/>
      <c r="B51520" s="2"/>
      <c r="C51520" s="2"/>
    </row>
    <row r="51521" spans="1:3" ht="19.2">
      <c r="A51521" s="2"/>
      <c r="B51521" s="2"/>
      <c r="C51521" s="2"/>
    </row>
    <row r="51522" spans="1:3" ht="19.2">
      <c r="A51522" s="2"/>
      <c r="B51522" s="2"/>
      <c r="C51522" s="2"/>
    </row>
    <row r="51523" spans="1:3" ht="19.2">
      <c r="A51523" s="2"/>
      <c r="B51523" s="2"/>
      <c r="C51523" s="2"/>
    </row>
    <row r="51524" spans="1:3" ht="19.2">
      <c r="A51524" s="2"/>
      <c r="B51524" s="2"/>
      <c r="C51524" s="2"/>
    </row>
    <row r="51525" spans="1:3" ht="19.2">
      <c r="A51525" s="2"/>
      <c r="B51525" s="2"/>
      <c r="C51525" s="2"/>
    </row>
    <row r="51526" spans="1:3" ht="19.2">
      <c r="A51526" s="2"/>
      <c r="B51526" s="2"/>
      <c r="C51526" s="2"/>
    </row>
    <row r="51527" spans="1:3" ht="19.2">
      <c r="A51527" s="2"/>
      <c r="B51527" s="2"/>
      <c r="C51527" s="2"/>
    </row>
    <row r="51528" spans="1:3" ht="19.2">
      <c r="A51528" s="2"/>
      <c r="B51528" s="2"/>
      <c r="C51528" s="2"/>
    </row>
    <row r="51529" spans="1:3" ht="19.2">
      <c r="A51529" s="2"/>
      <c r="B51529" s="2"/>
      <c r="C51529" s="2"/>
    </row>
    <row r="51530" spans="1:3" ht="19.2">
      <c r="A51530" s="2"/>
      <c r="B51530" s="2"/>
      <c r="C51530" s="2"/>
    </row>
    <row r="51531" spans="1:3" ht="19.2">
      <c r="A51531" s="2"/>
      <c r="B51531" s="2"/>
      <c r="C51531" s="2"/>
    </row>
    <row r="51532" spans="1:3" ht="19.2">
      <c r="A51532" s="2"/>
      <c r="B51532" s="2"/>
      <c r="C51532" s="2"/>
    </row>
    <row r="51533" spans="1:3" ht="19.2">
      <c r="A51533" s="2"/>
      <c r="B51533" s="2"/>
      <c r="C51533" s="2"/>
    </row>
    <row r="51534" spans="1:3" ht="19.2">
      <c r="A51534" s="2"/>
      <c r="B51534" s="2"/>
      <c r="C51534" s="2"/>
    </row>
    <row r="51535" spans="1:3" ht="19.2">
      <c r="A51535" s="2"/>
      <c r="B51535" s="2"/>
      <c r="C51535" s="2"/>
    </row>
    <row r="51536" spans="1:3" ht="19.2">
      <c r="A51536" s="2"/>
      <c r="B51536" s="2"/>
      <c r="C51536" s="2"/>
    </row>
    <row r="51537" spans="1:3" ht="19.2">
      <c r="A51537" s="2"/>
      <c r="B51537" s="2"/>
      <c r="C51537" s="2"/>
    </row>
    <row r="51538" spans="1:3" ht="19.2">
      <c r="A51538" s="2"/>
      <c r="B51538" s="2"/>
      <c r="C51538" s="2"/>
    </row>
    <row r="51539" spans="1:3" ht="19.2">
      <c r="A51539" s="2"/>
      <c r="B51539" s="2"/>
      <c r="C51539" s="2"/>
    </row>
    <row r="51540" spans="1:3" ht="19.2">
      <c r="A51540" s="2"/>
      <c r="B51540" s="2"/>
      <c r="C51540" s="2"/>
    </row>
    <row r="51541" spans="1:3" ht="19.2">
      <c r="A51541" s="2"/>
      <c r="B51541" s="2"/>
      <c r="C51541" s="2"/>
    </row>
    <row r="51542" spans="1:3" ht="19.2">
      <c r="A51542" s="2"/>
      <c r="B51542" s="2"/>
      <c r="C51542" s="2"/>
    </row>
    <row r="51543" spans="1:3" ht="19.2">
      <c r="A51543" s="2"/>
      <c r="B51543" s="2"/>
      <c r="C51543" s="2"/>
    </row>
    <row r="51544" spans="1:3" ht="19.2">
      <c r="A51544" s="2"/>
      <c r="B51544" s="2"/>
      <c r="C51544" s="2"/>
    </row>
    <row r="51545" spans="1:3" ht="19.2">
      <c r="A51545" s="2"/>
      <c r="B51545" s="2"/>
      <c r="C51545" s="2"/>
    </row>
    <row r="51546" spans="1:3" ht="19.2">
      <c r="A51546" s="2"/>
      <c r="B51546" s="2"/>
      <c r="C51546" s="2"/>
    </row>
    <row r="51547" spans="1:3" ht="19.2">
      <c r="A51547" s="2"/>
      <c r="B51547" s="2"/>
      <c r="C51547" s="2"/>
    </row>
    <row r="51548" spans="1:3" ht="19.2">
      <c r="A51548" s="2"/>
      <c r="B51548" s="2"/>
      <c r="C51548" s="2"/>
    </row>
    <row r="51549" spans="1:3" ht="19.2">
      <c r="A51549" s="2"/>
      <c r="B51549" s="2"/>
      <c r="C51549" s="2"/>
    </row>
    <row r="51550" spans="1:3" ht="19.2">
      <c r="A51550" s="2"/>
      <c r="B51550" s="2"/>
      <c r="C51550" s="2"/>
    </row>
    <row r="51551" spans="1:3" ht="19.2">
      <c r="A51551" s="2"/>
      <c r="B51551" s="2"/>
      <c r="C51551" s="2"/>
    </row>
    <row r="51552" spans="1:3" ht="19.2">
      <c r="A51552" s="2"/>
      <c r="B51552" s="2"/>
      <c r="C51552" s="2"/>
    </row>
    <row r="51553" spans="1:3" ht="19.2">
      <c r="A51553" s="2"/>
      <c r="B51553" s="2"/>
      <c r="C51553" s="2"/>
    </row>
    <row r="51554" spans="1:3" ht="19.2">
      <c r="A51554" s="2"/>
      <c r="B51554" s="2"/>
      <c r="C51554" s="2"/>
    </row>
    <row r="51555" spans="1:3" ht="19.2">
      <c r="A51555" s="2"/>
      <c r="B51555" s="2"/>
      <c r="C51555" s="2"/>
    </row>
    <row r="51556" spans="1:3" ht="19.2">
      <c r="A51556" s="2"/>
      <c r="B51556" s="2"/>
      <c r="C51556" s="2"/>
    </row>
    <row r="51557" spans="1:3" ht="19.2">
      <c r="A51557" s="2"/>
      <c r="B51557" s="2"/>
      <c r="C51557" s="2"/>
    </row>
    <row r="51558" spans="1:3" ht="19.2">
      <c r="A51558" s="2"/>
      <c r="B51558" s="2"/>
      <c r="C51558" s="2"/>
    </row>
    <row r="51559" spans="1:3" ht="19.2">
      <c r="A51559" s="2"/>
      <c r="B51559" s="2"/>
      <c r="C51559" s="2"/>
    </row>
    <row r="51560" spans="1:3" ht="19.2">
      <c r="A51560" s="2"/>
      <c r="B51560" s="2"/>
      <c r="C51560" s="2"/>
    </row>
    <row r="51561" spans="1:3" ht="19.2">
      <c r="A51561" s="2"/>
      <c r="B51561" s="2"/>
      <c r="C51561" s="2"/>
    </row>
    <row r="51562" spans="1:3" ht="19.2">
      <c r="A51562" s="2"/>
      <c r="B51562" s="2"/>
      <c r="C51562" s="2"/>
    </row>
    <row r="51563" spans="1:3" ht="19.2">
      <c r="A51563" s="2"/>
      <c r="B51563" s="2"/>
      <c r="C51563" s="2"/>
    </row>
    <row r="51564" spans="1:3" ht="19.2">
      <c r="A51564" s="2"/>
      <c r="B51564" s="2"/>
      <c r="C51564" s="2"/>
    </row>
    <row r="51565" spans="1:3" ht="19.2">
      <c r="A51565" s="2"/>
      <c r="B51565" s="2"/>
      <c r="C51565" s="2"/>
    </row>
    <row r="51566" spans="1:3" ht="19.2">
      <c r="A51566" s="2"/>
      <c r="B51566" s="2"/>
      <c r="C51566" s="2"/>
    </row>
    <row r="51567" spans="1:3" ht="19.2">
      <c r="A51567" s="2"/>
      <c r="B51567" s="2"/>
      <c r="C51567" s="2"/>
    </row>
    <row r="51568" spans="1:3" ht="19.2">
      <c r="A51568" s="2"/>
      <c r="B51568" s="2"/>
      <c r="C51568" s="2"/>
    </row>
    <row r="51569" spans="1:3" ht="19.2">
      <c r="A51569" s="2"/>
      <c r="B51569" s="2"/>
      <c r="C51569" s="2"/>
    </row>
    <row r="51570" spans="1:3" ht="19.2">
      <c r="A51570" s="2"/>
      <c r="B51570" s="2"/>
      <c r="C51570" s="2"/>
    </row>
    <row r="51571" spans="1:3" ht="19.2">
      <c r="A51571" s="2"/>
      <c r="B51571" s="2"/>
      <c r="C51571" s="2"/>
    </row>
    <row r="51572" spans="1:3" ht="19.2">
      <c r="A51572" s="2"/>
      <c r="B51572" s="2"/>
      <c r="C51572" s="2"/>
    </row>
    <row r="51573" spans="1:3" ht="19.2">
      <c r="A51573" s="2"/>
      <c r="B51573" s="2"/>
      <c r="C51573" s="2"/>
    </row>
    <row r="51574" spans="1:3" ht="19.2">
      <c r="A51574" s="2"/>
      <c r="B51574" s="2"/>
      <c r="C51574" s="2"/>
    </row>
    <row r="51575" spans="1:3" ht="19.2">
      <c r="A51575" s="2"/>
      <c r="B51575" s="2"/>
      <c r="C51575" s="2"/>
    </row>
    <row r="51576" spans="1:3" ht="19.2">
      <c r="A51576" s="2"/>
      <c r="B51576" s="2"/>
      <c r="C51576" s="2"/>
    </row>
    <row r="51577" spans="1:3" ht="19.2">
      <c r="A51577" s="2"/>
      <c r="B51577" s="2"/>
      <c r="C51577" s="2"/>
    </row>
    <row r="51578" spans="1:3" ht="19.2">
      <c r="A51578" s="2"/>
      <c r="B51578" s="2"/>
      <c r="C51578" s="2"/>
    </row>
    <row r="51579" spans="1:3" ht="19.2">
      <c r="A51579" s="2"/>
      <c r="B51579" s="2"/>
      <c r="C51579" s="2"/>
    </row>
    <row r="51580" spans="1:3" ht="19.2">
      <c r="A51580" s="2"/>
      <c r="B51580" s="2"/>
      <c r="C51580" s="2"/>
    </row>
    <row r="51581" spans="1:3" ht="19.2">
      <c r="A51581" s="2"/>
      <c r="B51581" s="2"/>
      <c r="C51581" s="2"/>
    </row>
    <row r="51582" spans="1:3" ht="19.2">
      <c r="A51582" s="2"/>
      <c r="B51582" s="2"/>
      <c r="C51582" s="2"/>
    </row>
    <row r="51583" spans="1:3" ht="19.2">
      <c r="A51583" s="2"/>
      <c r="B51583" s="2"/>
      <c r="C51583" s="2"/>
    </row>
    <row r="51584" spans="1:3" ht="19.2">
      <c r="A51584" s="2"/>
      <c r="B51584" s="2"/>
      <c r="C51584" s="2"/>
    </row>
    <row r="51585" spans="1:3" ht="19.2">
      <c r="A51585" s="2"/>
      <c r="B51585" s="2"/>
      <c r="C51585" s="2"/>
    </row>
    <row r="51586" spans="1:3" ht="19.2">
      <c r="A51586" s="2"/>
      <c r="B51586" s="2"/>
      <c r="C51586" s="2"/>
    </row>
    <row r="51587" spans="1:3" ht="19.2">
      <c r="A51587" s="2"/>
      <c r="B51587" s="2"/>
      <c r="C51587" s="2"/>
    </row>
    <row r="51588" spans="1:3" ht="19.2">
      <c r="A51588" s="2"/>
      <c r="B51588" s="2"/>
      <c r="C51588" s="2"/>
    </row>
    <row r="51589" spans="1:3" ht="19.2">
      <c r="A51589" s="2"/>
      <c r="B51589" s="2"/>
      <c r="C51589" s="2"/>
    </row>
    <row r="51590" spans="1:3" ht="19.2">
      <c r="A51590" s="2"/>
      <c r="B51590" s="2"/>
      <c r="C51590" s="2"/>
    </row>
    <row r="51591" spans="1:3" ht="19.2">
      <c r="A51591" s="2"/>
      <c r="B51591" s="2"/>
      <c r="C51591" s="2"/>
    </row>
    <row r="51592" spans="1:3" ht="19.2">
      <c r="A51592" s="2"/>
      <c r="B51592" s="2"/>
      <c r="C51592" s="2"/>
    </row>
    <row r="51593" spans="1:3" ht="19.2">
      <c r="A51593" s="2"/>
      <c r="B51593" s="2"/>
      <c r="C51593" s="2"/>
    </row>
    <row r="51594" spans="1:3" ht="19.2">
      <c r="A51594" s="2"/>
      <c r="B51594" s="2"/>
      <c r="C51594" s="2"/>
    </row>
    <row r="51595" spans="1:3" ht="19.2">
      <c r="A51595" s="2"/>
      <c r="B51595" s="2"/>
      <c r="C51595" s="2"/>
    </row>
    <row r="51596" spans="1:3" ht="19.2">
      <c r="A51596" s="2"/>
      <c r="B51596" s="2"/>
      <c r="C51596" s="2"/>
    </row>
    <row r="51597" spans="1:3" ht="19.2">
      <c r="A51597" s="2"/>
      <c r="B51597" s="2"/>
      <c r="C51597" s="2"/>
    </row>
    <row r="51598" spans="1:3" ht="19.2">
      <c r="A51598" s="2"/>
      <c r="B51598" s="2"/>
      <c r="C51598" s="2"/>
    </row>
    <row r="51599" spans="1:3" ht="19.2">
      <c r="A51599" s="2"/>
      <c r="B51599" s="2"/>
      <c r="C51599" s="2"/>
    </row>
    <row r="51600" spans="1:3" ht="19.2">
      <c r="A51600" s="2"/>
      <c r="B51600" s="2"/>
      <c r="C51600" s="2"/>
    </row>
    <row r="51601" spans="1:3" ht="19.2">
      <c r="A51601" s="2"/>
      <c r="B51601" s="2"/>
      <c r="C51601" s="2"/>
    </row>
    <row r="51602" spans="1:3" ht="19.2">
      <c r="A51602" s="2"/>
      <c r="B51602" s="2"/>
      <c r="C51602" s="2"/>
    </row>
    <row r="51603" spans="1:3" ht="19.2">
      <c r="A51603" s="2"/>
      <c r="B51603" s="2"/>
      <c r="C51603" s="2"/>
    </row>
    <row r="51604" spans="1:3" ht="19.2">
      <c r="A51604" s="2"/>
      <c r="B51604" s="2"/>
      <c r="C51604" s="2"/>
    </row>
    <row r="51605" spans="1:3" ht="19.2">
      <c r="A51605" s="2"/>
      <c r="B51605" s="2"/>
      <c r="C51605" s="2"/>
    </row>
    <row r="51606" spans="1:3" ht="19.2">
      <c r="A51606" s="2"/>
      <c r="B51606" s="2"/>
      <c r="C51606" s="2"/>
    </row>
    <row r="51607" spans="1:3" ht="19.2">
      <c r="A51607" s="2"/>
      <c r="B51607" s="2"/>
      <c r="C51607" s="2"/>
    </row>
    <row r="51608" spans="1:3" ht="19.2">
      <c r="A51608" s="2"/>
      <c r="B51608" s="2"/>
      <c r="C51608" s="2"/>
    </row>
    <row r="51609" spans="1:3" ht="19.2">
      <c r="A51609" s="2"/>
      <c r="B51609" s="2"/>
      <c r="C51609" s="2"/>
    </row>
    <row r="51610" spans="1:3" ht="19.2">
      <c r="A51610" s="2"/>
      <c r="B51610" s="2"/>
      <c r="C51610" s="2"/>
    </row>
    <row r="51611" spans="1:3" ht="19.2">
      <c r="A51611" s="2"/>
      <c r="B51611" s="2"/>
      <c r="C51611" s="2"/>
    </row>
    <row r="51612" spans="1:3" ht="19.2">
      <c r="A51612" s="2"/>
      <c r="B51612" s="2"/>
      <c r="C51612" s="2"/>
    </row>
    <row r="51613" spans="1:3" ht="19.2">
      <c r="A51613" s="2"/>
      <c r="B51613" s="2"/>
      <c r="C51613" s="2"/>
    </row>
    <row r="51614" spans="1:3" ht="19.2">
      <c r="A51614" s="2"/>
      <c r="B51614" s="2"/>
      <c r="C51614" s="2"/>
    </row>
    <row r="51615" spans="1:3" ht="19.2">
      <c r="A51615" s="2"/>
      <c r="B51615" s="2"/>
      <c r="C51615" s="2"/>
    </row>
    <row r="51616" spans="1:3" ht="19.2">
      <c r="A51616" s="2"/>
      <c r="B51616" s="2"/>
      <c r="C51616" s="2"/>
    </row>
    <row r="51617" spans="1:3" ht="19.2">
      <c r="A51617" s="2"/>
      <c r="B51617" s="2"/>
      <c r="C51617" s="2"/>
    </row>
    <row r="51618" spans="1:3" ht="19.2">
      <c r="A51618" s="2"/>
      <c r="B51618" s="2"/>
      <c r="C51618" s="2"/>
    </row>
    <row r="51619" spans="1:3" ht="19.2">
      <c r="A51619" s="2"/>
      <c r="B51619" s="2"/>
      <c r="C51619" s="2"/>
    </row>
    <row r="51620" spans="1:3" ht="19.2">
      <c r="A51620" s="2"/>
      <c r="B51620" s="2"/>
      <c r="C51620" s="2"/>
    </row>
    <row r="51621" spans="1:3" ht="19.2">
      <c r="A51621" s="2"/>
      <c r="B51621" s="2"/>
      <c r="C51621" s="2"/>
    </row>
    <row r="51622" spans="1:3" ht="19.2">
      <c r="A51622" s="2"/>
      <c r="B51622" s="2"/>
      <c r="C51622" s="2"/>
    </row>
    <row r="51623" spans="1:3" ht="19.2">
      <c r="A51623" s="2"/>
      <c r="B51623" s="2"/>
      <c r="C51623" s="2"/>
    </row>
    <row r="51624" spans="1:3" ht="19.2">
      <c r="A51624" s="2"/>
      <c r="B51624" s="2"/>
      <c r="C51624" s="2"/>
    </row>
    <row r="51625" spans="1:3" ht="19.2">
      <c r="A51625" s="2"/>
      <c r="B51625" s="2"/>
      <c r="C51625" s="2"/>
    </row>
    <row r="51626" spans="1:3" ht="19.2">
      <c r="A51626" s="2"/>
      <c r="B51626" s="2"/>
      <c r="C51626" s="2"/>
    </row>
    <row r="51627" spans="1:3" ht="19.2">
      <c r="A51627" s="2"/>
      <c r="B51627" s="2"/>
      <c r="C51627" s="2"/>
    </row>
    <row r="51628" spans="1:3" ht="19.2">
      <c r="A51628" s="2"/>
      <c r="B51628" s="2"/>
      <c r="C51628" s="2"/>
    </row>
    <row r="51629" spans="1:3" ht="19.2">
      <c r="A51629" s="2"/>
      <c r="B51629" s="2"/>
      <c r="C51629" s="2"/>
    </row>
    <row r="51630" spans="1:3" ht="19.2">
      <c r="A51630" s="2"/>
      <c r="B51630" s="2"/>
      <c r="C51630" s="2"/>
    </row>
    <row r="51631" spans="1:3" ht="19.2">
      <c r="A51631" s="2"/>
      <c r="B51631" s="2"/>
      <c r="C51631" s="2"/>
    </row>
    <row r="51632" spans="1:3" ht="19.2">
      <c r="A51632" s="2"/>
      <c r="B51632" s="2"/>
      <c r="C51632" s="2"/>
    </row>
    <row r="51633" spans="1:3" ht="19.2">
      <c r="A51633" s="2"/>
      <c r="B51633" s="2"/>
      <c r="C51633" s="2"/>
    </row>
    <row r="51634" spans="1:3" ht="19.2">
      <c r="A51634" s="2"/>
      <c r="B51634" s="2"/>
      <c r="C51634" s="2"/>
    </row>
    <row r="51635" spans="1:3" ht="19.2">
      <c r="A51635" s="2"/>
      <c r="B51635" s="2"/>
      <c r="C51635" s="2"/>
    </row>
    <row r="51636" spans="1:3" ht="19.2">
      <c r="A51636" s="2"/>
      <c r="B51636" s="2"/>
      <c r="C51636" s="2"/>
    </row>
    <row r="51637" spans="1:3" ht="19.2">
      <c r="A51637" s="2"/>
      <c r="B51637" s="2"/>
      <c r="C51637" s="2"/>
    </row>
    <row r="51638" spans="1:3" ht="19.2">
      <c r="A51638" s="2"/>
      <c r="B51638" s="2"/>
      <c r="C51638" s="2"/>
    </row>
    <row r="51639" spans="1:3" ht="19.2">
      <c r="A51639" s="2"/>
      <c r="B51639" s="2"/>
      <c r="C51639" s="2"/>
    </row>
    <row r="51640" spans="1:3" ht="19.2">
      <c r="A51640" s="2"/>
      <c r="B51640" s="2"/>
      <c r="C51640" s="2"/>
    </row>
    <row r="51641" spans="1:3" ht="19.2">
      <c r="A51641" s="2"/>
      <c r="B51641" s="2"/>
      <c r="C51641" s="2"/>
    </row>
    <row r="51642" spans="1:3" ht="19.2">
      <c r="A51642" s="2"/>
      <c r="B51642" s="2"/>
      <c r="C51642" s="2"/>
    </row>
    <row r="51643" spans="1:3" ht="19.2">
      <c r="A51643" s="2"/>
      <c r="B51643" s="2"/>
      <c r="C51643" s="2"/>
    </row>
    <row r="51644" spans="1:3" ht="19.2">
      <c r="A51644" s="2"/>
      <c r="B51644" s="2"/>
      <c r="C51644" s="2"/>
    </row>
    <row r="51645" spans="1:3" ht="19.2">
      <c r="A51645" s="2"/>
      <c r="B51645" s="2"/>
      <c r="C51645" s="2"/>
    </row>
    <row r="51646" spans="1:3" ht="19.2">
      <c r="A51646" s="2"/>
      <c r="B51646" s="2"/>
      <c r="C51646" s="2"/>
    </row>
    <row r="51647" spans="1:3" ht="19.2">
      <c r="A51647" s="2"/>
      <c r="B51647" s="2"/>
      <c r="C51647" s="2"/>
    </row>
    <row r="51648" spans="1:3" ht="19.2">
      <c r="A51648" s="2"/>
      <c r="B51648" s="2"/>
      <c r="C51648" s="2"/>
    </row>
    <row r="51649" spans="1:3" ht="19.2">
      <c r="A51649" s="2"/>
      <c r="B51649" s="2"/>
      <c r="C51649" s="2"/>
    </row>
    <row r="51650" spans="1:3" ht="19.2">
      <c r="A51650" s="2"/>
      <c r="B51650" s="2"/>
      <c r="C51650" s="2"/>
    </row>
    <row r="51651" spans="1:3" ht="19.2">
      <c r="A51651" s="2"/>
      <c r="B51651" s="2"/>
      <c r="C51651" s="2"/>
    </row>
    <row r="51652" spans="1:3" ht="19.2">
      <c r="A51652" s="2"/>
      <c r="B51652" s="2"/>
      <c r="C51652" s="2"/>
    </row>
    <row r="51653" spans="1:3" ht="19.2">
      <c r="A51653" s="2"/>
      <c r="B51653" s="2"/>
      <c r="C51653" s="2"/>
    </row>
    <row r="51654" spans="1:3" ht="19.2">
      <c r="A51654" s="2"/>
      <c r="B51654" s="2"/>
      <c r="C51654" s="2"/>
    </row>
    <row r="51655" spans="1:3" ht="19.2">
      <c r="A51655" s="2"/>
      <c r="B51655" s="2"/>
      <c r="C51655" s="2"/>
    </row>
    <row r="51656" spans="1:3" ht="19.2">
      <c r="A51656" s="2"/>
      <c r="B51656" s="2"/>
      <c r="C51656" s="2"/>
    </row>
    <row r="51657" spans="1:3" ht="19.2">
      <c r="A51657" s="2"/>
      <c r="B51657" s="2"/>
      <c r="C51657" s="2"/>
    </row>
    <row r="51658" spans="1:3" ht="19.2">
      <c r="A51658" s="2"/>
      <c r="B51658" s="2"/>
      <c r="C51658" s="2"/>
    </row>
    <row r="51659" spans="1:3" ht="19.2">
      <c r="A51659" s="2"/>
      <c r="B51659" s="2"/>
      <c r="C51659" s="2"/>
    </row>
    <row r="51660" spans="1:3" ht="19.2">
      <c r="A51660" s="2"/>
      <c r="B51660" s="2"/>
      <c r="C51660" s="2"/>
    </row>
    <row r="51661" spans="1:3" ht="19.2">
      <c r="A51661" s="2"/>
      <c r="B51661" s="2"/>
      <c r="C51661" s="2"/>
    </row>
    <row r="51662" spans="1:3" ht="19.2">
      <c r="A51662" s="2"/>
      <c r="B51662" s="2"/>
      <c r="C51662" s="2"/>
    </row>
    <row r="51663" spans="1:3" ht="19.2">
      <c r="A51663" s="2"/>
      <c r="B51663" s="2"/>
      <c r="C51663" s="2"/>
    </row>
    <row r="51664" spans="1:3" ht="19.2">
      <c r="A51664" s="2"/>
      <c r="B51664" s="2"/>
      <c r="C51664" s="2"/>
    </row>
    <row r="51665" spans="1:3" ht="19.2">
      <c r="A51665" s="2"/>
      <c r="B51665" s="2"/>
      <c r="C51665" s="2"/>
    </row>
    <row r="51666" spans="1:3" ht="19.2">
      <c r="A51666" s="2"/>
      <c r="B51666" s="2"/>
      <c r="C51666" s="2"/>
    </row>
    <row r="51667" spans="1:3" ht="19.2">
      <c r="A51667" s="2"/>
      <c r="B51667" s="2"/>
      <c r="C51667" s="2"/>
    </row>
    <row r="51668" spans="1:3" ht="19.2">
      <c r="A51668" s="2"/>
      <c r="B51668" s="2"/>
      <c r="C51668" s="2"/>
    </row>
    <row r="51669" spans="1:3" ht="19.2">
      <c r="A51669" s="2"/>
      <c r="B51669" s="2"/>
      <c r="C51669" s="2"/>
    </row>
    <row r="51670" spans="1:3" ht="19.2">
      <c r="A51670" s="2"/>
      <c r="B51670" s="2"/>
      <c r="C51670" s="2"/>
    </row>
    <row r="51671" spans="1:3" ht="19.2">
      <c r="A51671" s="2"/>
      <c r="B51671" s="2"/>
      <c r="C51671" s="2"/>
    </row>
    <row r="51672" spans="1:3" ht="19.2">
      <c r="A51672" s="2"/>
      <c r="B51672" s="2"/>
      <c r="C51672" s="2"/>
    </row>
    <row r="51673" spans="1:3" ht="19.2">
      <c r="A51673" s="2"/>
      <c r="B51673" s="2"/>
      <c r="C51673" s="2"/>
    </row>
    <row r="51674" spans="1:3" ht="19.2">
      <c r="A51674" s="2"/>
      <c r="B51674" s="2"/>
      <c r="C51674" s="2"/>
    </row>
    <row r="51675" spans="1:3" ht="19.2">
      <c r="A51675" s="2"/>
      <c r="B51675" s="2"/>
      <c r="C51675" s="2"/>
    </row>
    <row r="51676" spans="1:3" ht="19.2">
      <c r="A51676" s="2"/>
      <c r="B51676" s="2"/>
      <c r="C51676" s="2"/>
    </row>
    <row r="51677" spans="1:3" ht="19.2">
      <c r="A51677" s="2"/>
      <c r="B51677" s="2"/>
      <c r="C51677" s="2"/>
    </row>
    <row r="51678" spans="1:3" ht="19.2">
      <c r="A51678" s="2"/>
      <c r="B51678" s="2"/>
      <c r="C51678" s="2"/>
    </row>
    <row r="51679" spans="1:3" ht="19.2">
      <c r="A51679" s="2"/>
      <c r="B51679" s="2"/>
      <c r="C51679" s="2"/>
    </row>
    <row r="51680" spans="1:3" ht="19.2">
      <c r="A51680" s="2"/>
      <c r="B51680" s="2"/>
      <c r="C51680" s="2"/>
    </row>
    <row r="51681" spans="1:3" ht="19.2">
      <c r="A51681" s="2"/>
      <c r="B51681" s="2"/>
      <c r="C51681" s="2"/>
    </row>
    <row r="51682" spans="1:3" ht="19.2">
      <c r="A51682" s="2"/>
      <c r="B51682" s="2"/>
      <c r="C51682" s="2"/>
    </row>
    <row r="51683" spans="1:3" ht="19.2">
      <c r="A51683" s="2"/>
      <c r="B51683" s="2"/>
      <c r="C51683" s="2"/>
    </row>
    <row r="51684" spans="1:3" ht="19.2">
      <c r="A51684" s="2"/>
      <c r="B51684" s="2"/>
      <c r="C51684" s="2"/>
    </row>
    <row r="51685" spans="1:3" ht="19.2">
      <c r="A51685" s="2"/>
      <c r="B51685" s="2"/>
      <c r="C51685" s="2"/>
    </row>
    <row r="51686" spans="1:3" ht="19.2">
      <c r="A51686" s="2"/>
      <c r="B51686" s="2"/>
      <c r="C51686" s="2"/>
    </row>
    <row r="51687" spans="1:3" ht="19.2">
      <c r="A51687" s="2"/>
      <c r="B51687" s="2"/>
      <c r="C51687" s="2"/>
    </row>
    <row r="51688" spans="1:3" ht="19.2">
      <c r="A51688" s="2"/>
      <c r="B51688" s="2"/>
      <c r="C51688" s="2"/>
    </row>
    <row r="51689" spans="1:3" ht="19.2">
      <c r="A51689" s="2"/>
      <c r="B51689" s="2"/>
      <c r="C51689" s="2"/>
    </row>
    <row r="51690" spans="1:3" ht="19.2">
      <c r="A51690" s="2"/>
      <c r="B51690" s="2"/>
      <c r="C51690" s="2"/>
    </row>
    <row r="51691" spans="1:3" ht="19.2">
      <c r="A51691" s="2"/>
      <c r="B51691" s="2"/>
      <c r="C51691" s="2"/>
    </row>
    <row r="51692" spans="1:3" ht="19.2">
      <c r="A51692" s="2"/>
      <c r="B51692" s="2"/>
      <c r="C51692" s="2"/>
    </row>
    <row r="51693" spans="1:3" ht="19.2">
      <c r="A51693" s="2"/>
      <c r="B51693" s="2"/>
      <c r="C51693" s="2"/>
    </row>
    <row r="51694" spans="1:3" ht="19.2">
      <c r="A51694" s="2"/>
      <c r="B51694" s="2"/>
      <c r="C51694" s="2"/>
    </row>
    <row r="51695" spans="1:3" ht="19.2">
      <c r="A51695" s="2"/>
      <c r="B51695" s="2"/>
      <c r="C51695" s="2"/>
    </row>
    <row r="51696" spans="1:3" ht="19.2">
      <c r="A51696" s="2"/>
      <c r="B51696" s="2"/>
      <c r="C51696" s="2"/>
    </row>
    <row r="51697" spans="1:3" ht="19.2">
      <c r="A51697" s="2"/>
      <c r="B51697" s="2"/>
      <c r="C51697" s="2"/>
    </row>
    <row r="51698" spans="1:3" ht="19.2">
      <c r="A51698" s="2"/>
      <c r="B51698" s="2"/>
      <c r="C51698" s="2"/>
    </row>
    <row r="51699" spans="1:3" ht="19.2">
      <c r="A51699" s="2"/>
      <c r="B51699" s="2"/>
      <c r="C51699" s="2"/>
    </row>
    <row r="51700" spans="1:3" ht="19.2">
      <c r="A51700" s="2"/>
      <c r="B51700" s="2"/>
      <c r="C51700" s="2"/>
    </row>
    <row r="51701" spans="1:3" ht="19.2">
      <c r="A51701" s="2"/>
      <c r="B51701" s="2"/>
      <c r="C51701" s="2"/>
    </row>
    <row r="51702" spans="1:3" ht="19.2">
      <c r="A51702" s="2"/>
      <c r="B51702" s="2"/>
      <c r="C51702" s="2"/>
    </row>
    <row r="51703" spans="1:3" ht="19.2">
      <c r="A51703" s="2"/>
      <c r="B51703" s="2"/>
      <c r="C51703" s="2"/>
    </row>
    <row r="51704" spans="1:3" ht="19.2">
      <c r="A51704" s="2"/>
      <c r="B51704" s="2"/>
      <c r="C51704" s="2"/>
    </row>
    <row r="51705" spans="1:3" ht="19.2">
      <c r="A51705" s="2"/>
      <c r="B51705" s="2"/>
      <c r="C51705" s="2"/>
    </row>
    <row r="51706" spans="1:3" ht="19.2">
      <c r="A51706" s="2"/>
      <c r="B51706" s="2"/>
      <c r="C51706" s="2"/>
    </row>
    <row r="51707" spans="1:3" ht="19.2">
      <c r="A51707" s="2"/>
      <c r="B51707" s="2"/>
      <c r="C51707" s="2"/>
    </row>
    <row r="51708" spans="1:3" ht="19.2">
      <c r="A51708" s="2"/>
      <c r="B51708" s="2"/>
      <c r="C51708" s="2"/>
    </row>
    <row r="51709" spans="1:3" ht="19.2">
      <c r="A51709" s="2"/>
      <c r="B51709" s="2"/>
      <c r="C51709" s="2"/>
    </row>
    <row r="51710" spans="1:3" ht="19.2">
      <c r="A51710" s="2"/>
      <c r="B51710" s="2"/>
      <c r="C51710" s="2"/>
    </row>
    <row r="51711" spans="1:3" ht="19.2">
      <c r="A51711" s="2"/>
      <c r="B51711" s="2"/>
      <c r="C51711" s="2"/>
    </row>
    <row r="51712" spans="1:3" ht="19.2">
      <c r="A51712" s="2"/>
      <c r="B51712" s="2"/>
      <c r="C51712" s="2"/>
    </row>
    <row r="51713" spans="1:3" ht="19.2">
      <c r="A51713" s="2"/>
      <c r="B51713" s="2"/>
      <c r="C51713" s="2"/>
    </row>
    <row r="51714" spans="1:3" ht="19.2">
      <c r="A51714" s="2"/>
      <c r="B51714" s="2"/>
      <c r="C51714" s="2"/>
    </row>
    <row r="51715" spans="1:3" ht="19.2">
      <c r="A51715" s="2"/>
      <c r="B51715" s="2"/>
      <c r="C51715" s="2"/>
    </row>
    <row r="51716" spans="1:3" ht="19.2">
      <c r="A51716" s="2"/>
      <c r="B51716" s="2"/>
      <c r="C51716" s="2"/>
    </row>
    <row r="51717" spans="1:3" ht="19.2">
      <c r="A51717" s="2"/>
      <c r="B51717" s="2"/>
      <c r="C51717" s="2"/>
    </row>
    <row r="51718" spans="1:3" ht="19.2">
      <c r="A51718" s="2"/>
      <c r="B51718" s="2"/>
      <c r="C51718" s="2"/>
    </row>
    <row r="51719" spans="1:3" ht="19.2">
      <c r="A51719" s="2"/>
      <c r="B51719" s="2"/>
      <c r="C51719" s="2"/>
    </row>
    <row r="51720" spans="1:3" ht="19.2">
      <c r="A51720" s="2"/>
      <c r="B51720" s="2"/>
      <c r="C51720" s="2"/>
    </row>
    <row r="51721" spans="1:3" ht="19.2">
      <c r="A51721" s="2"/>
      <c r="B51721" s="2"/>
      <c r="C51721" s="2"/>
    </row>
    <row r="51722" spans="1:3" ht="19.2">
      <c r="A51722" s="2"/>
      <c r="B51722" s="2"/>
      <c r="C51722" s="2"/>
    </row>
    <row r="51723" spans="1:3" ht="19.2">
      <c r="A51723" s="2"/>
      <c r="B51723" s="2"/>
      <c r="C51723" s="2"/>
    </row>
    <row r="51724" spans="1:3" ht="19.2">
      <c r="A51724" s="2"/>
      <c r="B51724" s="2"/>
      <c r="C51724" s="2"/>
    </row>
    <row r="51725" spans="1:3" ht="19.2">
      <c r="A51725" s="2"/>
      <c r="B51725" s="2"/>
      <c r="C51725" s="2"/>
    </row>
    <row r="51726" spans="1:3" ht="19.2">
      <c r="A51726" s="2"/>
      <c r="B51726" s="2"/>
      <c r="C51726" s="2"/>
    </row>
    <row r="51727" spans="1:3" ht="19.2">
      <c r="A51727" s="2"/>
      <c r="B51727" s="2"/>
      <c r="C51727" s="2"/>
    </row>
    <row r="51728" spans="1:3" ht="19.2">
      <c r="A51728" s="2"/>
      <c r="B51728" s="2"/>
      <c r="C51728" s="2"/>
    </row>
    <row r="51729" spans="1:3" ht="19.2">
      <c r="A51729" s="2"/>
      <c r="B51729" s="2"/>
      <c r="C51729" s="2"/>
    </row>
    <row r="51730" spans="1:3" ht="19.2">
      <c r="A51730" s="2"/>
      <c r="B51730" s="2"/>
      <c r="C51730" s="2"/>
    </row>
    <row r="51731" spans="1:3" ht="19.2">
      <c r="A51731" s="2"/>
      <c r="B51731" s="2"/>
      <c r="C51731" s="2"/>
    </row>
    <row r="51732" spans="1:3" ht="19.2">
      <c r="A51732" s="2"/>
      <c r="B51732" s="2"/>
      <c r="C51732" s="2"/>
    </row>
    <row r="51733" spans="1:3" ht="19.2">
      <c r="A51733" s="2"/>
      <c r="B51733" s="2"/>
      <c r="C51733" s="2"/>
    </row>
    <row r="51734" spans="1:3" ht="19.2">
      <c r="A51734" s="2"/>
      <c r="B51734" s="2"/>
      <c r="C51734" s="2"/>
    </row>
    <row r="51735" spans="1:3" ht="19.2">
      <c r="A51735" s="2"/>
      <c r="B51735" s="2"/>
      <c r="C51735" s="2"/>
    </row>
    <row r="51736" spans="1:3" ht="19.2">
      <c r="A51736" s="2"/>
      <c r="B51736" s="2"/>
      <c r="C51736" s="2"/>
    </row>
    <row r="51737" spans="1:3" ht="19.2">
      <c r="A51737" s="2"/>
      <c r="B51737" s="2"/>
      <c r="C51737" s="2"/>
    </row>
    <row r="51738" spans="1:3" ht="19.2">
      <c r="A51738" s="2"/>
      <c r="B51738" s="2"/>
      <c r="C51738" s="2"/>
    </row>
    <row r="51739" spans="1:3" ht="19.2">
      <c r="A51739" s="2"/>
      <c r="B51739" s="2"/>
      <c r="C51739" s="2"/>
    </row>
    <row r="51740" spans="1:3" ht="19.2">
      <c r="A51740" s="2"/>
      <c r="B51740" s="2"/>
      <c r="C51740" s="2"/>
    </row>
    <row r="51741" spans="1:3" ht="19.2">
      <c r="A51741" s="2"/>
      <c r="B51741" s="2"/>
      <c r="C51741" s="2"/>
    </row>
    <row r="51742" spans="1:3" ht="19.2">
      <c r="A51742" s="2"/>
      <c r="B51742" s="2"/>
      <c r="C51742" s="2"/>
    </row>
    <row r="51743" spans="1:3" ht="19.2">
      <c r="A51743" s="2"/>
      <c r="B51743" s="2"/>
      <c r="C51743" s="2"/>
    </row>
    <row r="51744" spans="1:3" ht="19.2">
      <c r="A51744" s="2"/>
      <c r="B51744" s="2"/>
      <c r="C51744" s="2"/>
    </row>
    <row r="51745" spans="1:3" ht="19.2">
      <c r="A51745" s="2"/>
      <c r="B51745" s="2"/>
      <c r="C51745" s="2"/>
    </row>
    <row r="51746" spans="1:3" ht="19.2">
      <c r="A51746" s="2"/>
      <c r="B51746" s="2"/>
      <c r="C51746" s="2"/>
    </row>
    <row r="51747" spans="1:3" ht="19.2">
      <c r="A51747" s="2"/>
      <c r="B51747" s="2"/>
      <c r="C51747" s="2"/>
    </row>
    <row r="51748" spans="1:3" ht="19.2">
      <c r="A51748" s="2"/>
      <c r="B51748" s="2"/>
      <c r="C51748" s="2"/>
    </row>
    <row r="51749" spans="1:3" ht="19.2">
      <c r="A51749" s="2"/>
      <c r="B51749" s="2"/>
      <c r="C51749" s="2"/>
    </row>
    <row r="51750" spans="1:3" ht="19.2">
      <c r="A51750" s="2"/>
      <c r="B51750" s="2"/>
      <c r="C51750" s="2"/>
    </row>
    <row r="51751" spans="1:3" ht="19.2">
      <c r="A51751" s="2"/>
      <c r="B51751" s="2"/>
      <c r="C51751" s="2"/>
    </row>
    <row r="51752" spans="1:3" ht="19.2">
      <c r="A51752" s="2"/>
      <c r="B51752" s="2"/>
      <c r="C51752" s="2"/>
    </row>
    <row r="51753" spans="1:3" ht="19.2">
      <c r="A51753" s="2"/>
      <c r="B51753" s="2"/>
      <c r="C51753" s="2"/>
    </row>
    <row r="51754" spans="1:3" ht="19.2">
      <c r="A51754" s="2"/>
      <c r="B51754" s="2"/>
      <c r="C51754" s="2"/>
    </row>
    <row r="51755" spans="1:3" ht="19.2">
      <c r="A51755" s="2"/>
      <c r="B51755" s="2"/>
      <c r="C51755" s="2"/>
    </row>
    <row r="51756" spans="1:3" ht="19.2">
      <c r="A51756" s="2"/>
      <c r="B51756" s="2"/>
      <c r="C51756" s="2"/>
    </row>
    <row r="51757" spans="1:3" ht="19.2">
      <c r="A51757" s="2"/>
      <c r="B51757" s="2"/>
      <c r="C51757" s="2"/>
    </row>
    <row r="51758" spans="1:3" ht="19.2">
      <c r="A51758" s="2"/>
      <c r="B51758" s="2"/>
      <c r="C51758" s="2"/>
    </row>
    <row r="51759" spans="1:3" ht="19.2">
      <c r="A51759" s="2"/>
      <c r="B51759" s="2"/>
      <c r="C51759" s="2"/>
    </row>
    <row r="51760" spans="1:3" ht="19.2">
      <c r="A51760" s="2"/>
      <c r="B51760" s="2"/>
      <c r="C51760" s="2"/>
    </row>
    <row r="51761" spans="1:3" ht="19.2">
      <c r="A51761" s="2"/>
      <c r="B51761" s="2"/>
      <c r="C51761" s="2"/>
    </row>
    <row r="51762" spans="1:3" ht="19.2">
      <c r="A51762" s="2"/>
      <c r="B51762" s="2"/>
      <c r="C51762" s="2"/>
    </row>
    <row r="51763" spans="1:3" ht="19.2">
      <c r="A51763" s="2"/>
      <c r="B51763" s="2"/>
      <c r="C51763" s="2"/>
    </row>
    <row r="51764" spans="1:3" ht="19.2">
      <c r="A51764" s="2"/>
      <c r="B51764" s="2"/>
      <c r="C51764" s="2"/>
    </row>
    <row r="51765" spans="1:3" ht="19.2">
      <c r="A51765" s="2"/>
      <c r="B51765" s="2"/>
      <c r="C51765" s="2"/>
    </row>
    <row r="51766" spans="1:3" ht="19.2">
      <c r="A51766" s="2"/>
      <c r="B51766" s="2"/>
      <c r="C51766" s="2"/>
    </row>
    <row r="51767" spans="1:3" ht="19.2">
      <c r="A51767" s="2"/>
      <c r="B51767" s="2"/>
      <c r="C51767" s="2"/>
    </row>
    <row r="51768" spans="1:3" ht="19.2">
      <c r="A51768" s="2"/>
      <c r="B51768" s="2"/>
      <c r="C51768" s="2"/>
    </row>
    <row r="51769" spans="1:3" ht="19.2">
      <c r="A51769" s="2"/>
      <c r="B51769" s="2"/>
      <c r="C51769" s="2"/>
    </row>
    <row r="51770" spans="1:3" ht="19.2">
      <c r="A51770" s="2"/>
      <c r="B51770" s="2"/>
      <c r="C51770" s="2"/>
    </row>
    <row r="51771" spans="1:3" ht="19.2">
      <c r="A51771" s="2"/>
      <c r="B51771" s="2"/>
      <c r="C51771" s="2"/>
    </row>
    <row r="51772" spans="1:3" ht="19.2">
      <c r="A51772" s="2"/>
      <c r="B51772" s="2"/>
      <c r="C51772" s="2"/>
    </row>
    <row r="51773" spans="1:3" ht="19.2">
      <c r="A51773" s="2"/>
      <c r="B51773" s="2"/>
      <c r="C51773" s="2"/>
    </row>
    <row r="51774" spans="1:3" ht="19.2">
      <c r="A51774" s="2"/>
      <c r="B51774" s="2"/>
      <c r="C51774" s="2"/>
    </row>
    <row r="51775" spans="1:3" ht="19.2">
      <c r="A51775" s="2"/>
      <c r="B51775" s="2"/>
      <c r="C51775" s="2"/>
    </row>
    <row r="51776" spans="1:3" ht="19.2">
      <c r="A51776" s="2"/>
      <c r="B51776" s="2"/>
      <c r="C51776" s="2"/>
    </row>
    <row r="51777" spans="1:3" ht="19.2">
      <c r="A51777" s="2"/>
      <c r="B51777" s="2"/>
      <c r="C51777" s="2"/>
    </row>
    <row r="51778" spans="1:3" ht="19.2">
      <c r="A51778" s="2"/>
      <c r="B51778" s="2"/>
      <c r="C51778" s="2"/>
    </row>
    <row r="51779" spans="1:3" ht="19.2">
      <c r="A51779" s="2"/>
      <c r="B51779" s="2"/>
      <c r="C51779" s="2"/>
    </row>
    <row r="51780" spans="1:3" ht="19.2">
      <c r="A51780" s="2"/>
      <c r="B51780" s="2"/>
      <c r="C51780" s="2"/>
    </row>
    <row r="51781" spans="1:3" ht="19.2">
      <c r="A51781" s="2"/>
      <c r="B51781" s="2"/>
      <c r="C51781" s="2"/>
    </row>
    <row r="51782" spans="1:3" ht="19.2">
      <c r="A51782" s="2"/>
      <c r="B51782" s="2"/>
      <c r="C51782" s="2"/>
    </row>
    <row r="51783" spans="1:3" ht="19.2">
      <c r="A51783" s="2"/>
      <c r="B51783" s="2"/>
      <c r="C51783" s="2"/>
    </row>
    <row r="51784" spans="1:3" ht="19.2">
      <c r="A51784" s="2"/>
      <c r="B51784" s="2"/>
      <c r="C51784" s="2"/>
    </row>
    <row r="51785" spans="1:3" ht="19.2">
      <c r="A51785" s="2"/>
      <c r="B51785" s="2"/>
      <c r="C51785" s="2"/>
    </row>
    <row r="51786" spans="1:3" ht="19.2">
      <c r="A51786" s="2"/>
      <c r="B51786" s="2"/>
      <c r="C51786" s="2"/>
    </row>
    <row r="51787" spans="1:3" ht="19.2">
      <c r="A51787" s="2"/>
      <c r="B51787" s="2"/>
      <c r="C51787" s="2"/>
    </row>
    <row r="51788" spans="1:3" ht="19.2">
      <c r="A51788" s="2"/>
      <c r="B51788" s="2"/>
      <c r="C51788" s="2"/>
    </row>
    <row r="51789" spans="1:3" ht="19.2">
      <c r="A51789" s="2"/>
      <c r="B51789" s="2"/>
      <c r="C51789" s="2"/>
    </row>
    <row r="51790" spans="1:3" ht="19.2">
      <c r="A51790" s="2"/>
      <c r="B51790" s="2"/>
      <c r="C51790" s="2"/>
    </row>
    <row r="51791" spans="1:3" ht="19.2">
      <c r="A51791" s="2"/>
      <c r="B51791" s="2"/>
      <c r="C51791" s="2"/>
    </row>
    <row r="51792" spans="1:3" ht="19.2">
      <c r="A51792" s="2"/>
      <c r="B51792" s="2"/>
      <c r="C51792" s="2"/>
    </row>
    <row r="51793" spans="1:3" ht="19.2">
      <c r="A51793" s="2"/>
      <c r="B51793" s="2"/>
      <c r="C51793" s="2"/>
    </row>
    <row r="51794" spans="1:3" ht="19.2">
      <c r="A51794" s="2"/>
      <c r="B51794" s="2"/>
      <c r="C51794" s="2"/>
    </row>
    <row r="51795" spans="1:3" ht="19.2">
      <c r="A51795" s="2"/>
      <c r="B51795" s="2"/>
      <c r="C51795" s="2"/>
    </row>
    <row r="51796" spans="1:3" ht="19.2">
      <c r="A51796" s="2"/>
      <c r="B51796" s="2"/>
      <c r="C51796" s="2"/>
    </row>
    <row r="51797" spans="1:3" ht="19.2">
      <c r="A51797" s="2"/>
      <c r="B51797" s="2"/>
      <c r="C51797" s="2"/>
    </row>
    <row r="51798" spans="1:3" ht="19.2">
      <c r="A51798" s="2"/>
      <c r="B51798" s="2"/>
      <c r="C51798" s="2"/>
    </row>
    <row r="51799" spans="1:3" ht="19.2">
      <c r="A51799" s="2"/>
      <c r="B51799" s="2"/>
      <c r="C51799" s="2"/>
    </row>
    <row r="51800" spans="1:3" ht="19.2">
      <c r="A51800" s="2"/>
      <c r="B51800" s="2"/>
      <c r="C51800" s="2"/>
    </row>
    <row r="51801" spans="1:3" ht="19.2">
      <c r="A51801" s="2"/>
      <c r="B51801" s="2"/>
      <c r="C51801" s="2"/>
    </row>
    <row r="51802" spans="1:3" ht="19.2">
      <c r="A51802" s="2"/>
      <c r="B51802" s="2"/>
      <c r="C51802" s="2"/>
    </row>
    <row r="51803" spans="1:3" ht="19.2">
      <c r="A51803" s="2"/>
      <c r="B51803" s="2"/>
      <c r="C51803" s="2"/>
    </row>
    <row r="51804" spans="1:3" ht="19.2">
      <c r="A51804" s="2"/>
      <c r="B51804" s="2"/>
      <c r="C51804" s="2"/>
    </row>
    <row r="51805" spans="1:3" ht="19.2">
      <c r="A51805" s="2"/>
      <c r="B51805" s="2"/>
      <c r="C51805" s="2"/>
    </row>
    <row r="51806" spans="1:3" ht="19.2">
      <c r="A51806" s="2"/>
      <c r="B51806" s="2"/>
      <c r="C51806" s="2"/>
    </row>
    <row r="51807" spans="1:3" ht="19.2">
      <c r="A51807" s="2"/>
      <c r="B51807" s="2"/>
      <c r="C51807" s="2"/>
    </row>
    <row r="51808" spans="1:3" ht="19.2">
      <c r="A51808" s="2"/>
      <c r="B51808" s="2"/>
      <c r="C51808" s="2"/>
    </row>
    <row r="51809" spans="1:3" ht="19.2">
      <c r="A51809" s="2"/>
      <c r="B51809" s="2"/>
      <c r="C51809" s="2"/>
    </row>
    <row r="51810" spans="1:3" ht="19.2">
      <c r="A51810" s="2"/>
      <c r="B51810" s="2"/>
      <c r="C51810" s="2"/>
    </row>
    <row r="51811" spans="1:3" ht="19.2">
      <c r="A51811" s="2"/>
      <c r="B51811" s="2"/>
      <c r="C51811" s="2"/>
    </row>
    <row r="51812" spans="1:3" ht="19.2">
      <c r="A51812" s="2"/>
      <c r="B51812" s="2"/>
      <c r="C51812" s="2"/>
    </row>
    <row r="51813" spans="1:3" ht="19.2">
      <c r="A51813" s="2"/>
      <c r="B51813" s="2"/>
      <c r="C51813" s="2"/>
    </row>
    <row r="51814" spans="1:3" ht="19.2">
      <c r="A51814" s="2"/>
      <c r="B51814" s="2"/>
      <c r="C51814" s="2"/>
    </row>
    <row r="51815" spans="1:3" ht="19.2">
      <c r="A51815" s="2"/>
      <c r="B51815" s="2"/>
      <c r="C51815" s="2"/>
    </row>
    <row r="51816" spans="1:3" ht="19.2">
      <c r="A51816" s="2"/>
      <c r="B51816" s="2"/>
      <c r="C51816" s="2"/>
    </row>
    <row r="51817" spans="1:3" ht="19.2">
      <c r="A51817" s="2"/>
      <c r="B51817" s="2"/>
      <c r="C51817" s="2"/>
    </row>
    <row r="51818" spans="1:3" ht="19.2">
      <c r="A51818" s="2"/>
      <c r="B51818" s="2"/>
      <c r="C51818" s="2"/>
    </row>
    <row r="51819" spans="1:3" ht="19.2">
      <c r="A51819" s="2"/>
      <c r="B51819" s="2"/>
      <c r="C51819" s="2"/>
    </row>
    <row r="51820" spans="1:3" ht="19.2">
      <c r="A51820" s="2"/>
      <c r="B51820" s="2"/>
      <c r="C51820" s="2"/>
    </row>
    <row r="51821" spans="1:3" ht="19.2">
      <c r="A51821" s="2"/>
      <c r="B51821" s="2"/>
      <c r="C51821" s="2"/>
    </row>
    <row r="51822" spans="1:3" ht="19.2">
      <c r="A51822" s="2"/>
      <c r="B51822" s="2"/>
      <c r="C51822" s="2"/>
    </row>
    <row r="51823" spans="1:3" ht="19.2">
      <c r="A51823" s="2"/>
      <c r="B51823" s="2"/>
      <c r="C51823" s="2"/>
    </row>
    <row r="51824" spans="1:3" ht="19.2">
      <c r="A51824" s="2"/>
      <c r="B51824" s="2"/>
      <c r="C51824" s="2"/>
    </row>
    <row r="51825" spans="1:3" ht="19.2">
      <c r="A51825" s="2"/>
      <c r="B51825" s="2"/>
      <c r="C51825" s="2"/>
    </row>
    <row r="51826" spans="1:3" ht="19.2">
      <c r="A51826" s="2"/>
      <c r="B51826" s="2"/>
      <c r="C51826" s="2"/>
    </row>
    <row r="51827" spans="1:3" ht="19.2">
      <c r="A51827" s="2"/>
      <c r="B51827" s="2"/>
      <c r="C51827" s="2"/>
    </row>
    <row r="51828" spans="1:3" ht="19.2">
      <c r="A51828" s="2"/>
      <c r="B51828" s="2"/>
      <c r="C51828" s="2"/>
    </row>
    <row r="51829" spans="1:3" ht="19.2">
      <c r="A51829" s="2"/>
      <c r="B51829" s="2"/>
      <c r="C51829" s="2"/>
    </row>
    <row r="51830" spans="1:3" ht="19.2">
      <c r="A51830" s="2"/>
      <c r="B51830" s="2"/>
      <c r="C51830" s="2"/>
    </row>
    <row r="51831" spans="1:3" ht="19.2">
      <c r="A51831" s="2"/>
      <c r="B51831" s="2"/>
      <c r="C51831" s="2"/>
    </row>
    <row r="51832" spans="1:3" ht="19.2">
      <c r="A51832" s="2"/>
      <c r="B51832" s="2"/>
      <c r="C51832" s="2"/>
    </row>
    <row r="51833" spans="1:3" ht="19.2">
      <c r="A51833" s="2"/>
      <c r="B51833" s="2"/>
      <c r="C51833" s="2"/>
    </row>
    <row r="51834" spans="1:3" ht="19.2">
      <c r="A51834" s="2"/>
      <c r="B51834" s="2"/>
      <c r="C51834" s="2"/>
    </row>
    <row r="51835" spans="1:3" ht="19.2">
      <c r="A51835" s="2"/>
      <c r="B51835" s="2"/>
      <c r="C51835" s="2"/>
    </row>
    <row r="51836" spans="1:3" ht="19.2">
      <c r="A51836" s="2"/>
      <c r="B51836" s="2"/>
      <c r="C51836" s="2"/>
    </row>
    <row r="51837" spans="1:3" ht="19.2">
      <c r="A51837" s="2"/>
      <c r="B51837" s="2"/>
      <c r="C51837" s="2"/>
    </row>
    <row r="51838" spans="1:3" ht="19.2">
      <c r="A51838" s="2"/>
      <c r="B51838" s="2"/>
      <c r="C51838" s="2"/>
    </row>
    <row r="51839" spans="1:3" ht="19.2">
      <c r="A51839" s="2"/>
      <c r="B51839" s="2"/>
      <c r="C51839" s="2"/>
    </row>
    <row r="51840" spans="1:3" ht="19.2">
      <c r="A51840" s="2"/>
      <c r="B51840" s="2"/>
      <c r="C51840" s="2"/>
    </row>
    <row r="51841" spans="1:3" ht="19.2">
      <c r="A51841" s="2"/>
      <c r="B51841" s="2"/>
      <c r="C51841" s="2"/>
    </row>
    <row r="51842" spans="1:3" ht="19.2">
      <c r="A51842" s="2"/>
      <c r="B51842" s="2"/>
      <c r="C51842" s="2"/>
    </row>
    <row r="51843" spans="1:3" ht="19.2">
      <c r="A51843" s="2"/>
      <c r="B51843" s="2"/>
      <c r="C51843" s="2"/>
    </row>
    <row r="51844" spans="1:3" ht="19.2">
      <c r="A51844" s="2"/>
      <c r="B51844" s="2"/>
      <c r="C51844" s="2"/>
    </row>
    <row r="51845" spans="1:3" ht="19.2">
      <c r="A51845" s="2"/>
      <c r="B51845" s="2"/>
      <c r="C51845" s="2"/>
    </row>
    <row r="51846" spans="1:3" ht="19.2">
      <c r="A51846" s="2"/>
      <c r="B51846" s="2"/>
      <c r="C51846" s="2"/>
    </row>
    <row r="51847" spans="1:3" ht="19.2">
      <c r="A51847" s="2"/>
      <c r="B51847" s="2"/>
      <c r="C51847" s="2"/>
    </row>
    <row r="51848" spans="1:3" ht="19.2">
      <c r="A51848" s="2"/>
      <c r="B51848" s="2"/>
      <c r="C51848" s="2"/>
    </row>
    <row r="51849" spans="1:3" ht="19.2">
      <c r="A51849" s="2"/>
      <c r="B51849" s="2"/>
      <c r="C51849" s="2"/>
    </row>
    <row r="51850" spans="1:3" ht="19.2">
      <c r="A51850" s="2"/>
      <c r="B51850" s="2"/>
      <c r="C51850" s="2"/>
    </row>
    <row r="51851" spans="1:3" ht="19.2">
      <c r="A51851" s="2"/>
      <c r="B51851" s="2"/>
      <c r="C51851" s="2"/>
    </row>
    <row r="51852" spans="1:3" ht="19.2">
      <c r="A51852" s="2"/>
      <c r="B51852" s="2"/>
      <c r="C51852" s="2"/>
    </row>
    <row r="51853" spans="1:3" ht="19.2">
      <c r="A51853" s="2"/>
      <c r="B51853" s="2"/>
      <c r="C51853" s="2"/>
    </row>
    <row r="51854" spans="1:3" ht="19.2">
      <c r="A51854" s="2"/>
      <c r="B51854" s="2"/>
      <c r="C51854" s="2"/>
    </row>
    <row r="51855" spans="1:3" ht="19.2">
      <c r="A51855" s="2"/>
      <c r="B51855" s="2"/>
      <c r="C51855" s="2"/>
    </row>
    <row r="51856" spans="1:3" ht="19.2">
      <c r="A51856" s="2"/>
      <c r="B51856" s="2"/>
      <c r="C51856" s="2"/>
    </row>
    <row r="51857" spans="1:3" ht="19.2">
      <c r="A51857" s="2"/>
      <c r="B51857" s="2"/>
      <c r="C51857" s="2"/>
    </row>
    <row r="51858" spans="1:3" ht="19.2">
      <c r="A51858" s="2"/>
      <c r="B51858" s="2"/>
      <c r="C51858" s="2"/>
    </row>
    <row r="51859" spans="1:3" ht="19.2">
      <c r="A51859" s="2"/>
      <c r="B51859" s="2"/>
      <c r="C51859" s="2"/>
    </row>
    <row r="51860" spans="1:3" ht="19.2">
      <c r="A51860" s="2"/>
      <c r="B51860" s="2"/>
      <c r="C51860" s="2"/>
    </row>
    <row r="51861" spans="1:3" ht="19.2">
      <c r="A51861" s="2"/>
      <c r="B51861" s="2"/>
      <c r="C51861" s="2"/>
    </row>
    <row r="51862" spans="1:3" ht="19.2">
      <c r="A51862" s="2"/>
      <c r="B51862" s="2"/>
      <c r="C51862" s="2"/>
    </row>
    <row r="51863" spans="1:3" ht="19.2">
      <c r="A51863" s="2"/>
      <c r="B51863" s="2"/>
      <c r="C51863" s="2"/>
    </row>
    <row r="51864" spans="1:3" ht="19.2">
      <c r="A51864" s="2"/>
      <c r="B51864" s="2"/>
      <c r="C51864" s="2"/>
    </row>
    <row r="51865" spans="1:3" ht="19.2">
      <c r="A51865" s="2"/>
      <c r="B51865" s="2"/>
      <c r="C51865" s="2"/>
    </row>
    <row r="51866" spans="1:3" ht="19.2">
      <c r="A51866" s="2"/>
      <c r="B51866" s="2"/>
      <c r="C51866" s="2"/>
    </row>
    <row r="51867" spans="1:3" ht="19.2">
      <c r="A51867" s="2"/>
      <c r="B51867" s="2"/>
      <c r="C51867" s="2"/>
    </row>
    <row r="51868" spans="1:3" ht="19.2">
      <c r="A51868" s="2"/>
      <c r="B51868" s="2"/>
      <c r="C51868" s="2"/>
    </row>
    <row r="51869" spans="1:3" ht="19.2">
      <c r="A51869" s="2"/>
      <c r="B51869" s="2"/>
      <c r="C51869" s="2"/>
    </row>
    <row r="51870" spans="1:3" ht="19.2">
      <c r="A51870" s="2"/>
      <c r="B51870" s="2"/>
      <c r="C51870" s="2"/>
    </row>
    <row r="51871" spans="1:3" ht="19.2">
      <c r="A51871" s="2"/>
      <c r="B51871" s="2"/>
      <c r="C51871" s="2"/>
    </row>
    <row r="51872" spans="1:3" ht="19.2">
      <c r="A51872" s="2"/>
      <c r="B51872" s="2"/>
      <c r="C51872" s="2"/>
    </row>
    <row r="51873" spans="1:3" ht="19.2">
      <c r="A51873" s="2"/>
      <c r="B51873" s="2"/>
      <c r="C51873" s="2"/>
    </row>
    <row r="51874" spans="1:3" ht="19.2">
      <c r="A51874" s="2"/>
      <c r="B51874" s="2"/>
      <c r="C51874" s="2"/>
    </row>
    <row r="51875" spans="1:3" ht="19.2">
      <c r="A51875" s="2"/>
      <c r="B51875" s="2"/>
      <c r="C51875" s="2"/>
    </row>
    <row r="51876" spans="1:3" ht="19.2">
      <c r="A51876" s="2"/>
      <c r="B51876" s="2"/>
      <c r="C51876" s="2"/>
    </row>
    <row r="51877" spans="1:3" ht="19.2">
      <c r="A51877" s="2"/>
      <c r="B51877" s="2"/>
      <c r="C51877" s="2"/>
    </row>
    <row r="51878" spans="1:3" ht="19.2">
      <c r="A51878" s="2"/>
      <c r="B51878" s="2"/>
      <c r="C51878" s="2"/>
    </row>
    <row r="51879" spans="1:3" ht="19.2">
      <c r="A51879" s="2"/>
      <c r="B51879" s="2"/>
      <c r="C51879" s="2"/>
    </row>
    <row r="51880" spans="1:3" ht="19.2">
      <c r="A51880" s="2"/>
      <c r="B51880" s="2"/>
      <c r="C51880" s="2"/>
    </row>
    <row r="51881" spans="1:3" ht="19.2">
      <c r="A51881" s="2"/>
      <c r="B51881" s="2"/>
      <c r="C51881" s="2"/>
    </row>
    <row r="51882" spans="1:3" ht="19.2">
      <c r="A51882" s="2"/>
      <c r="B51882" s="2"/>
      <c r="C51882" s="2"/>
    </row>
    <row r="51883" spans="1:3" ht="19.2">
      <c r="A51883" s="2"/>
      <c r="B51883" s="2"/>
      <c r="C51883" s="2"/>
    </row>
    <row r="51884" spans="1:3" ht="19.2">
      <c r="A51884" s="2"/>
      <c r="B51884" s="2"/>
      <c r="C51884" s="2"/>
    </row>
    <row r="51885" spans="1:3" ht="19.2">
      <c r="A51885" s="2"/>
      <c r="B51885" s="2"/>
      <c r="C51885" s="2"/>
    </row>
    <row r="51886" spans="1:3" ht="19.2">
      <c r="A51886" s="2"/>
      <c r="B51886" s="2"/>
      <c r="C51886" s="2"/>
    </row>
    <row r="51887" spans="1:3" ht="19.2">
      <c r="A51887" s="2"/>
      <c r="B51887" s="2"/>
      <c r="C51887" s="2"/>
    </row>
    <row r="51888" spans="1:3" ht="19.2">
      <c r="A51888" s="2"/>
      <c r="B51888" s="2"/>
      <c r="C51888" s="2"/>
    </row>
    <row r="51889" spans="1:3" ht="19.2">
      <c r="A51889" s="2"/>
      <c r="B51889" s="2"/>
      <c r="C51889" s="2"/>
    </row>
    <row r="51890" spans="1:3" ht="19.2">
      <c r="A51890" s="2"/>
      <c r="B51890" s="2"/>
      <c r="C51890" s="2"/>
    </row>
    <row r="51891" spans="1:3" ht="19.2">
      <c r="A51891" s="2"/>
      <c r="B51891" s="2"/>
      <c r="C51891" s="2"/>
    </row>
    <row r="51892" spans="1:3" ht="19.2">
      <c r="A51892" s="2"/>
      <c r="B51892" s="2"/>
      <c r="C51892" s="2"/>
    </row>
    <row r="51893" spans="1:3" ht="19.2">
      <c r="A51893" s="2"/>
      <c r="B51893" s="2"/>
      <c r="C51893" s="2"/>
    </row>
    <row r="51894" spans="1:3" ht="19.2">
      <c r="A51894" s="2"/>
      <c r="B51894" s="2"/>
      <c r="C51894" s="2"/>
    </row>
    <row r="51895" spans="1:3" ht="19.2">
      <c r="A51895" s="2"/>
      <c r="B51895" s="2"/>
      <c r="C51895" s="2"/>
    </row>
    <row r="51896" spans="1:3" ht="19.2">
      <c r="A51896" s="2"/>
      <c r="B51896" s="2"/>
      <c r="C51896" s="2"/>
    </row>
    <row r="51897" spans="1:3" ht="19.2">
      <c r="A51897" s="2"/>
      <c r="B51897" s="2"/>
      <c r="C51897" s="2"/>
    </row>
    <row r="51898" spans="1:3" ht="19.2">
      <c r="A51898" s="2"/>
      <c r="B51898" s="2"/>
      <c r="C51898" s="2"/>
    </row>
    <row r="51899" spans="1:3" ht="19.2">
      <c r="A51899" s="2"/>
      <c r="B51899" s="2"/>
      <c r="C51899" s="2"/>
    </row>
    <row r="51900" spans="1:3" ht="19.2">
      <c r="A51900" s="2"/>
      <c r="B51900" s="2"/>
      <c r="C51900" s="2"/>
    </row>
    <row r="51901" spans="1:3" ht="19.2">
      <c r="A51901" s="2"/>
      <c r="B51901" s="2"/>
      <c r="C51901" s="2"/>
    </row>
    <row r="51902" spans="1:3" ht="19.2">
      <c r="A51902" s="2"/>
      <c r="B51902" s="2"/>
      <c r="C51902" s="2"/>
    </row>
    <row r="51903" spans="1:3" ht="19.2">
      <c r="A51903" s="2"/>
      <c r="B51903" s="2"/>
      <c r="C51903" s="2"/>
    </row>
    <row r="51904" spans="1:3" ht="19.2">
      <c r="A51904" s="2"/>
      <c r="B51904" s="2"/>
      <c r="C51904" s="2"/>
    </row>
    <row r="51905" spans="1:3" ht="19.2">
      <c r="A51905" s="2"/>
      <c r="B51905" s="2"/>
      <c r="C51905" s="2"/>
    </row>
    <row r="51906" spans="1:3" ht="19.2">
      <c r="A51906" s="2"/>
      <c r="B51906" s="2"/>
      <c r="C51906" s="2"/>
    </row>
    <row r="51907" spans="1:3" ht="19.2">
      <c r="A51907" s="2"/>
      <c r="B51907" s="2"/>
      <c r="C51907" s="2"/>
    </row>
    <row r="51908" spans="1:3" ht="19.2">
      <c r="A51908" s="2"/>
      <c r="B51908" s="2"/>
      <c r="C51908" s="2"/>
    </row>
    <row r="51909" spans="1:3" ht="19.2">
      <c r="A51909" s="2"/>
      <c r="B51909" s="2"/>
      <c r="C51909" s="2"/>
    </row>
    <row r="51910" spans="1:3" ht="19.2">
      <c r="A51910" s="2"/>
      <c r="B51910" s="2"/>
      <c r="C51910" s="2"/>
    </row>
    <row r="51911" spans="1:3" ht="19.2">
      <c r="A51911" s="2"/>
      <c r="B51911" s="2"/>
      <c r="C51911" s="2"/>
    </row>
    <row r="51912" spans="1:3" ht="19.2">
      <c r="A51912" s="2"/>
      <c r="B51912" s="2"/>
      <c r="C51912" s="2"/>
    </row>
    <row r="51913" spans="1:3" ht="19.2">
      <c r="A51913" s="2"/>
      <c r="B51913" s="2"/>
      <c r="C51913" s="2"/>
    </row>
    <row r="51914" spans="1:3" ht="19.2">
      <c r="A51914" s="2"/>
      <c r="B51914" s="2"/>
      <c r="C51914" s="2"/>
    </row>
    <row r="51915" spans="1:3" ht="19.2">
      <c r="A51915" s="2"/>
      <c r="B51915" s="2"/>
      <c r="C51915" s="2"/>
    </row>
    <row r="51916" spans="1:3" ht="19.2">
      <c r="A51916" s="2"/>
      <c r="B51916" s="2"/>
      <c r="C51916" s="2"/>
    </row>
    <row r="51917" spans="1:3" ht="19.2">
      <c r="A51917" s="2"/>
      <c r="B51917" s="2"/>
      <c r="C51917" s="2"/>
    </row>
    <row r="51918" spans="1:3" ht="19.2">
      <c r="A51918" s="2"/>
      <c r="B51918" s="2"/>
      <c r="C51918" s="2"/>
    </row>
    <row r="51919" spans="1:3" ht="19.2">
      <c r="A51919" s="2"/>
      <c r="B51919" s="2"/>
      <c r="C51919" s="2"/>
    </row>
    <row r="51920" spans="1:3" ht="19.2">
      <c r="A51920" s="2"/>
      <c r="B51920" s="2"/>
      <c r="C51920" s="2"/>
    </row>
    <row r="51921" spans="1:3" ht="19.2">
      <c r="A51921" s="2"/>
      <c r="B51921" s="2"/>
      <c r="C51921" s="2"/>
    </row>
    <row r="51922" spans="1:3" ht="19.2">
      <c r="A51922" s="2"/>
      <c r="B51922" s="2"/>
      <c r="C51922" s="2"/>
    </row>
    <row r="51923" spans="1:3" ht="19.2">
      <c r="A51923" s="2"/>
      <c r="B51923" s="2"/>
      <c r="C51923" s="2"/>
    </row>
    <row r="51924" spans="1:3" ht="19.2">
      <c r="A51924" s="2"/>
      <c r="B51924" s="2"/>
      <c r="C51924" s="2"/>
    </row>
    <row r="51925" spans="1:3" ht="19.2">
      <c r="A51925" s="2"/>
      <c r="B51925" s="2"/>
      <c r="C51925" s="2"/>
    </row>
    <row r="51926" spans="1:3" ht="19.2">
      <c r="A51926" s="2"/>
      <c r="B51926" s="2"/>
      <c r="C51926" s="2"/>
    </row>
    <row r="51927" spans="1:3" ht="19.2">
      <c r="A51927" s="2"/>
      <c r="B51927" s="2"/>
      <c r="C51927" s="2"/>
    </row>
    <row r="51928" spans="1:3" ht="19.2">
      <c r="A51928" s="2"/>
      <c r="B51928" s="2"/>
      <c r="C51928" s="2"/>
    </row>
    <row r="51929" spans="1:3" ht="19.2">
      <c r="A51929" s="2"/>
      <c r="B51929" s="2"/>
      <c r="C51929" s="2"/>
    </row>
    <row r="51930" spans="1:3" ht="19.2">
      <c r="A51930" s="2"/>
      <c r="B51930" s="2"/>
      <c r="C51930" s="2"/>
    </row>
    <row r="51931" spans="1:3" ht="19.2">
      <c r="A51931" s="2"/>
      <c r="B51931" s="2"/>
      <c r="C51931" s="2"/>
    </row>
    <row r="51932" spans="1:3" ht="19.2">
      <c r="A51932" s="2"/>
      <c r="B51932" s="2"/>
      <c r="C51932" s="2"/>
    </row>
    <row r="51933" spans="1:3" ht="19.2">
      <c r="A51933" s="2"/>
      <c r="B51933" s="2"/>
      <c r="C51933" s="2"/>
    </row>
    <row r="51934" spans="1:3" ht="19.2">
      <c r="A51934" s="2"/>
      <c r="B51934" s="2"/>
      <c r="C51934" s="2"/>
    </row>
    <row r="51935" spans="1:3" ht="19.2">
      <c r="A51935" s="2"/>
      <c r="B51935" s="2"/>
      <c r="C51935" s="2"/>
    </row>
    <row r="51936" spans="1:3" ht="19.2">
      <c r="A51936" s="2"/>
      <c r="B51936" s="2"/>
      <c r="C51936" s="2"/>
    </row>
    <row r="51937" spans="1:3" ht="19.2">
      <c r="A51937" s="2"/>
      <c r="B51937" s="2"/>
      <c r="C51937" s="2"/>
    </row>
    <row r="51938" spans="1:3" ht="19.2">
      <c r="A51938" s="2"/>
      <c r="B51938" s="2"/>
      <c r="C51938" s="2"/>
    </row>
    <row r="51939" spans="1:3" ht="19.2">
      <c r="A51939" s="2"/>
      <c r="B51939" s="2"/>
      <c r="C51939" s="2"/>
    </row>
    <row r="51940" spans="1:3" ht="19.2">
      <c r="A51940" s="2"/>
      <c r="B51940" s="2"/>
      <c r="C51940" s="2"/>
    </row>
    <row r="51941" spans="1:3" ht="19.2">
      <c r="A51941" s="2"/>
      <c r="B51941" s="2"/>
      <c r="C51941" s="2"/>
    </row>
    <row r="51942" spans="1:3" ht="19.2">
      <c r="A51942" s="2"/>
      <c r="B51942" s="2"/>
      <c r="C51942" s="2"/>
    </row>
    <row r="51943" spans="1:3" ht="19.2">
      <c r="A51943" s="2"/>
      <c r="B51943" s="2"/>
      <c r="C51943" s="2"/>
    </row>
    <row r="51944" spans="1:3" ht="19.2">
      <c r="A51944" s="2"/>
      <c r="B51944" s="2"/>
      <c r="C51944" s="2"/>
    </row>
    <row r="51945" spans="1:3" ht="19.2">
      <c r="A51945" s="2"/>
      <c r="B51945" s="2"/>
      <c r="C51945" s="2"/>
    </row>
    <row r="51946" spans="1:3" ht="19.2">
      <c r="A51946" s="2"/>
      <c r="B51946" s="2"/>
      <c r="C51946" s="2"/>
    </row>
    <row r="51947" spans="1:3" ht="19.2">
      <c r="A51947" s="2"/>
      <c r="B51947" s="2"/>
      <c r="C51947" s="2"/>
    </row>
    <row r="51948" spans="1:3" ht="19.2">
      <c r="A51948" s="2"/>
      <c r="B51948" s="2"/>
      <c r="C51948" s="2"/>
    </row>
    <row r="51949" spans="1:3" ht="19.2">
      <c r="A51949" s="2"/>
      <c r="B51949" s="2"/>
      <c r="C51949" s="2"/>
    </row>
    <row r="51950" spans="1:3" ht="19.2">
      <c r="A51950" s="2"/>
      <c r="B51950" s="2"/>
      <c r="C51950" s="2"/>
    </row>
    <row r="51951" spans="1:3" ht="19.2">
      <c r="A51951" s="2"/>
      <c r="B51951" s="2"/>
      <c r="C51951" s="2"/>
    </row>
    <row r="51952" spans="1:3" ht="19.2">
      <c r="A51952" s="2"/>
      <c r="B51952" s="2"/>
      <c r="C51952" s="2"/>
    </row>
    <row r="51953" spans="1:3" ht="19.2">
      <c r="A51953" s="2"/>
      <c r="B51953" s="2"/>
      <c r="C51953" s="2"/>
    </row>
    <row r="51954" spans="1:3" ht="19.2">
      <c r="A51954" s="2"/>
      <c r="B51954" s="2"/>
      <c r="C51954" s="2"/>
    </row>
    <row r="51955" spans="1:3" ht="19.2">
      <c r="A51955" s="2"/>
      <c r="B51955" s="2"/>
      <c r="C51955" s="2"/>
    </row>
    <row r="51956" spans="1:3" ht="19.2">
      <c r="A51956" s="2"/>
      <c r="B51956" s="2"/>
      <c r="C51956" s="2"/>
    </row>
    <row r="51957" spans="1:3" ht="19.2">
      <c r="A51957" s="2"/>
      <c r="B51957" s="2"/>
      <c r="C51957" s="2"/>
    </row>
    <row r="51958" spans="1:3" ht="19.2">
      <c r="A51958" s="2"/>
      <c r="B51958" s="2"/>
      <c r="C51958" s="2"/>
    </row>
    <row r="51959" spans="1:3" ht="19.2">
      <c r="A51959" s="2"/>
      <c r="B51959" s="2"/>
      <c r="C51959" s="2"/>
    </row>
    <row r="51960" spans="1:3" ht="19.2">
      <c r="A51960" s="2"/>
      <c r="B51960" s="2"/>
      <c r="C51960" s="2"/>
    </row>
    <row r="51961" spans="1:3" ht="19.2">
      <c r="A51961" s="2"/>
      <c r="B51961" s="2"/>
      <c r="C51961" s="2"/>
    </row>
    <row r="51962" spans="1:3" ht="19.2">
      <c r="A51962" s="2"/>
      <c r="B51962" s="2"/>
      <c r="C51962" s="2"/>
    </row>
    <row r="51963" spans="1:3" ht="19.2">
      <c r="A51963" s="2"/>
      <c r="B51963" s="2"/>
      <c r="C51963" s="2"/>
    </row>
    <row r="51964" spans="1:3" ht="19.2">
      <c r="A51964" s="2"/>
      <c r="B51964" s="2"/>
      <c r="C51964" s="2"/>
    </row>
    <row r="51965" spans="1:3" ht="19.2">
      <c r="A51965" s="2"/>
      <c r="B51965" s="2"/>
      <c r="C51965" s="2"/>
    </row>
    <row r="51966" spans="1:3" ht="19.2">
      <c r="A51966" s="2"/>
      <c r="B51966" s="2"/>
      <c r="C51966" s="2"/>
    </row>
    <row r="51967" spans="1:3" ht="19.2">
      <c r="A51967" s="2"/>
      <c r="B51967" s="2"/>
      <c r="C51967" s="2"/>
    </row>
    <row r="51968" spans="1:3" ht="19.2">
      <c r="A51968" s="2"/>
      <c r="B51968" s="2"/>
      <c r="C51968" s="2"/>
    </row>
    <row r="51969" spans="1:3" ht="19.2">
      <c r="A51969" s="2"/>
      <c r="B51969" s="2"/>
      <c r="C51969" s="2"/>
    </row>
    <row r="51970" spans="1:3" ht="19.2">
      <c r="A51970" s="2"/>
      <c r="B51970" s="2"/>
      <c r="C51970" s="2"/>
    </row>
    <row r="51971" spans="1:3" ht="19.2">
      <c r="A51971" s="2"/>
      <c r="B51971" s="2"/>
      <c r="C51971" s="2"/>
    </row>
    <row r="51972" spans="1:3" ht="19.2">
      <c r="A51972" s="2"/>
      <c r="B51972" s="2"/>
      <c r="C51972" s="2"/>
    </row>
    <row r="51973" spans="1:3" ht="19.2">
      <c r="A51973" s="2"/>
      <c r="B51973" s="2"/>
      <c r="C51973" s="2"/>
    </row>
    <row r="51974" spans="1:3" ht="19.2">
      <c r="A51974" s="2"/>
      <c r="B51974" s="2"/>
      <c r="C51974" s="2"/>
    </row>
    <row r="51975" spans="1:3" ht="19.2">
      <c r="A51975" s="2"/>
      <c r="B51975" s="2"/>
      <c r="C51975" s="2"/>
    </row>
    <row r="51976" spans="1:3" ht="19.2">
      <c r="A51976" s="2"/>
      <c r="B51976" s="2"/>
      <c r="C51976" s="2"/>
    </row>
    <row r="51977" spans="1:3" ht="19.2">
      <c r="A51977" s="2"/>
      <c r="B51977" s="2"/>
      <c r="C51977" s="2"/>
    </row>
    <row r="51978" spans="1:3" ht="19.2">
      <c r="A51978" s="2"/>
      <c r="B51978" s="2"/>
      <c r="C51978" s="2"/>
    </row>
    <row r="51979" spans="1:3" ht="19.2">
      <c r="A51979" s="2"/>
      <c r="B51979" s="2"/>
      <c r="C51979" s="2"/>
    </row>
    <row r="51980" spans="1:3" ht="19.2">
      <c r="A51980" s="2"/>
      <c r="B51980" s="2"/>
      <c r="C51980" s="2"/>
    </row>
    <row r="51981" spans="1:3" ht="19.2">
      <c r="A51981" s="2"/>
      <c r="B51981" s="2"/>
      <c r="C51981" s="2"/>
    </row>
    <row r="51982" spans="1:3" ht="19.2">
      <c r="A51982" s="2"/>
      <c r="B51982" s="2"/>
      <c r="C51982" s="2"/>
    </row>
    <row r="51983" spans="1:3" ht="19.2">
      <c r="A51983" s="2"/>
      <c r="B51983" s="2"/>
      <c r="C51983" s="2"/>
    </row>
    <row r="51984" spans="1:3" ht="19.2">
      <c r="A51984" s="2"/>
      <c r="B51984" s="2"/>
      <c r="C51984" s="2"/>
    </row>
    <row r="51985" spans="1:3" ht="19.2">
      <c r="A51985" s="2"/>
      <c r="B51985" s="2"/>
      <c r="C51985" s="2"/>
    </row>
    <row r="51986" spans="1:3" ht="19.2">
      <c r="A51986" s="2"/>
      <c r="B51986" s="2"/>
      <c r="C51986" s="2"/>
    </row>
    <row r="51987" spans="1:3" ht="19.2">
      <c r="A51987" s="2"/>
      <c r="B51987" s="2"/>
      <c r="C51987" s="2"/>
    </row>
    <row r="51988" spans="1:3" ht="19.2">
      <c r="A51988" s="2"/>
      <c r="B51988" s="2"/>
      <c r="C51988" s="2"/>
    </row>
    <row r="51989" spans="1:3" ht="19.2">
      <c r="A51989" s="2"/>
      <c r="B51989" s="2"/>
      <c r="C51989" s="2"/>
    </row>
    <row r="51990" spans="1:3" ht="19.2">
      <c r="A51990" s="2"/>
      <c r="B51990" s="2"/>
      <c r="C51990" s="2"/>
    </row>
    <row r="51991" spans="1:3" ht="19.2">
      <c r="A51991" s="2"/>
      <c r="B51991" s="2"/>
      <c r="C51991" s="2"/>
    </row>
    <row r="51992" spans="1:3" ht="19.2">
      <c r="A51992" s="2"/>
      <c r="B51992" s="2"/>
      <c r="C51992" s="2"/>
    </row>
    <row r="51993" spans="1:3" ht="19.2">
      <c r="A51993" s="2"/>
      <c r="B51993" s="2"/>
      <c r="C51993" s="2"/>
    </row>
    <row r="51994" spans="1:3" ht="19.2">
      <c r="A51994" s="2"/>
      <c r="B51994" s="2"/>
      <c r="C51994" s="2"/>
    </row>
    <row r="51995" spans="1:3" ht="19.2">
      <c r="A51995" s="2"/>
      <c r="B51995" s="2"/>
      <c r="C51995" s="2"/>
    </row>
    <row r="51996" spans="1:3" ht="19.2">
      <c r="A51996" s="2"/>
      <c r="B51996" s="2"/>
      <c r="C51996" s="2"/>
    </row>
    <row r="51997" spans="1:3" ht="19.2">
      <c r="A51997" s="2"/>
      <c r="B51997" s="2"/>
      <c r="C51997" s="2"/>
    </row>
    <row r="51998" spans="1:3" ht="19.2">
      <c r="A51998" s="2"/>
      <c r="B51998" s="2"/>
      <c r="C51998" s="2"/>
    </row>
    <row r="51999" spans="1:3" ht="19.2">
      <c r="A51999" s="2"/>
      <c r="B51999" s="2"/>
      <c r="C51999" s="2"/>
    </row>
    <row r="52000" spans="1:3" ht="19.2">
      <c r="A52000" s="2"/>
      <c r="B52000" s="2"/>
      <c r="C52000" s="2"/>
    </row>
    <row r="52001" spans="1:3" ht="19.2">
      <c r="A52001" s="2"/>
      <c r="B52001" s="2"/>
      <c r="C52001" s="2"/>
    </row>
    <row r="52002" spans="1:3" ht="19.2">
      <c r="A52002" s="2"/>
      <c r="B52002" s="2"/>
      <c r="C52002" s="2"/>
    </row>
    <row r="52003" spans="1:3" ht="19.2">
      <c r="A52003" s="2"/>
      <c r="B52003" s="2"/>
      <c r="C52003" s="2"/>
    </row>
    <row r="52004" spans="1:3" ht="19.2">
      <c r="A52004" s="2"/>
      <c r="B52004" s="2"/>
      <c r="C52004" s="2"/>
    </row>
    <row r="52005" spans="1:3" ht="19.2">
      <c r="A52005" s="2"/>
      <c r="B52005" s="2"/>
      <c r="C52005" s="2"/>
    </row>
    <row r="52006" spans="1:3" ht="19.2">
      <c r="A52006" s="2"/>
      <c r="B52006" s="2"/>
      <c r="C52006" s="2"/>
    </row>
    <row r="52007" spans="1:3" ht="19.2">
      <c r="A52007" s="2"/>
      <c r="B52007" s="2"/>
      <c r="C52007" s="2"/>
    </row>
    <row r="52008" spans="1:3" ht="19.2">
      <c r="A52008" s="2"/>
      <c r="B52008" s="2"/>
      <c r="C52008" s="2"/>
    </row>
    <row r="52009" spans="1:3" ht="19.2">
      <c r="A52009" s="2"/>
      <c r="B52009" s="2"/>
      <c r="C52009" s="2"/>
    </row>
    <row r="52010" spans="1:3" ht="19.2">
      <c r="A52010" s="2"/>
      <c r="B52010" s="2"/>
      <c r="C52010" s="2"/>
    </row>
    <row r="52011" spans="1:3" ht="19.2">
      <c r="A52011" s="2"/>
      <c r="B52011" s="2"/>
      <c r="C52011" s="2"/>
    </row>
    <row r="52012" spans="1:3" ht="19.2">
      <c r="A52012" s="2"/>
      <c r="B52012" s="2"/>
      <c r="C52012" s="2"/>
    </row>
    <row r="52013" spans="1:3" ht="19.2">
      <c r="A52013" s="2"/>
      <c r="B52013" s="2"/>
      <c r="C52013" s="2"/>
    </row>
    <row r="52014" spans="1:3" ht="19.2">
      <c r="A52014" s="2"/>
      <c r="B52014" s="2"/>
      <c r="C52014" s="2"/>
    </row>
    <row r="52015" spans="1:3" ht="19.2">
      <c r="A52015" s="2"/>
      <c r="B52015" s="2"/>
      <c r="C52015" s="2"/>
    </row>
    <row r="52016" spans="1:3" ht="19.2">
      <c r="A52016" s="2"/>
      <c r="B52016" s="2"/>
      <c r="C52016" s="2"/>
    </row>
    <row r="52017" spans="1:3" ht="19.2">
      <c r="A52017" s="2"/>
      <c r="B52017" s="2"/>
      <c r="C52017" s="2"/>
    </row>
    <row r="52018" spans="1:3" ht="19.2">
      <c r="A52018" s="2"/>
      <c r="B52018" s="2"/>
      <c r="C52018" s="2"/>
    </row>
    <row r="52019" spans="1:3" ht="19.2">
      <c r="A52019" s="2"/>
      <c r="B52019" s="2"/>
      <c r="C52019" s="2"/>
    </row>
    <row r="52020" spans="1:3" ht="19.2">
      <c r="A52020" s="2"/>
      <c r="B52020" s="2"/>
      <c r="C52020" s="2"/>
    </row>
    <row r="52021" spans="1:3" ht="19.2">
      <c r="A52021" s="2"/>
      <c r="B52021" s="2"/>
      <c r="C52021" s="2"/>
    </row>
    <row r="52022" spans="1:3" ht="19.2">
      <c r="A52022" s="2"/>
      <c r="B52022" s="2"/>
      <c r="C52022" s="2"/>
    </row>
    <row r="52023" spans="1:3" ht="19.2">
      <c r="A52023" s="2"/>
      <c r="B52023" s="2"/>
      <c r="C52023" s="2"/>
    </row>
    <row r="52024" spans="1:3" ht="19.2">
      <c r="A52024" s="2"/>
      <c r="B52024" s="2"/>
      <c r="C52024" s="2"/>
    </row>
    <row r="52025" spans="1:3" ht="19.2">
      <c r="A52025" s="2"/>
      <c r="B52025" s="2"/>
      <c r="C52025" s="2"/>
    </row>
    <row r="52026" spans="1:3" ht="19.2">
      <c r="A52026" s="2"/>
      <c r="B52026" s="2"/>
      <c r="C52026" s="2"/>
    </row>
    <row r="52027" spans="1:3" ht="19.2">
      <c r="A52027" s="2"/>
      <c r="B52027" s="2"/>
      <c r="C52027" s="2"/>
    </row>
    <row r="52028" spans="1:3" ht="19.2">
      <c r="A52028" s="2"/>
      <c r="B52028" s="2"/>
      <c r="C52028" s="2"/>
    </row>
    <row r="52029" spans="1:3" ht="19.2">
      <c r="A52029" s="2"/>
      <c r="B52029" s="2"/>
      <c r="C52029" s="2"/>
    </row>
    <row r="52030" spans="1:3" ht="19.2">
      <c r="A52030" s="2"/>
      <c r="B52030" s="2"/>
      <c r="C52030" s="2"/>
    </row>
    <row r="52031" spans="1:3" ht="19.2">
      <c r="A52031" s="2"/>
      <c r="B52031" s="2"/>
      <c r="C52031" s="2"/>
    </row>
    <row r="52032" spans="1:3" ht="19.2">
      <c r="A52032" s="2"/>
      <c r="B52032" s="2"/>
      <c r="C52032" s="2"/>
    </row>
    <row r="52033" spans="1:3" ht="19.2">
      <c r="A52033" s="2"/>
      <c r="B52033" s="2"/>
      <c r="C52033" s="2"/>
    </row>
    <row r="52034" spans="1:3" ht="19.2">
      <c r="A52034" s="2"/>
      <c r="B52034" s="2"/>
      <c r="C52034" s="2"/>
    </row>
    <row r="52035" spans="1:3" ht="19.2">
      <c r="A52035" s="2"/>
      <c r="B52035" s="2"/>
      <c r="C52035" s="2"/>
    </row>
    <row r="52036" spans="1:3" ht="19.2">
      <c r="A52036" s="2"/>
      <c r="B52036" s="2"/>
      <c r="C52036" s="2"/>
    </row>
    <row r="52037" spans="1:3" ht="19.2">
      <c r="A52037" s="2"/>
      <c r="B52037" s="2"/>
      <c r="C52037" s="2"/>
    </row>
    <row r="52038" spans="1:3" ht="19.2">
      <c r="A52038" s="2"/>
      <c r="B52038" s="2"/>
      <c r="C52038" s="2"/>
    </row>
    <row r="52039" spans="1:3" ht="19.2">
      <c r="A52039" s="2"/>
      <c r="B52039" s="2"/>
      <c r="C52039" s="2"/>
    </row>
    <row r="52040" spans="1:3" ht="19.2">
      <c r="A52040" s="2"/>
      <c r="B52040" s="2"/>
      <c r="C52040" s="2"/>
    </row>
    <row r="52041" spans="1:3" ht="19.2">
      <c r="A52041" s="2"/>
      <c r="B52041" s="2"/>
      <c r="C52041" s="2"/>
    </row>
    <row r="52042" spans="1:3" ht="19.2">
      <c r="A52042" s="2"/>
      <c r="B52042" s="2"/>
      <c r="C52042" s="2"/>
    </row>
    <row r="52043" spans="1:3" ht="19.2">
      <c r="A52043" s="2"/>
      <c r="B52043" s="2"/>
      <c r="C52043" s="2"/>
    </row>
    <row r="52044" spans="1:3" ht="19.2">
      <c r="A52044" s="2"/>
      <c r="B52044" s="2"/>
      <c r="C52044" s="2"/>
    </row>
    <row r="52045" spans="1:3" ht="19.2">
      <c r="A52045" s="2"/>
      <c r="B52045" s="2"/>
      <c r="C52045" s="2"/>
    </row>
    <row r="52046" spans="1:3" ht="19.2">
      <c r="A52046" s="2"/>
      <c r="B52046" s="2"/>
      <c r="C52046" s="2"/>
    </row>
    <row r="52047" spans="1:3" ht="19.2">
      <c r="A52047" s="2"/>
      <c r="B52047" s="2"/>
      <c r="C52047" s="2"/>
    </row>
    <row r="52048" spans="1:3" ht="19.2">
      <c r="A52048" s="2"/>
      <c r="B52048" s="2"/>
      <c r="C52048" s="2"/>
    </row>
    <row r="52049" spans="1:3" ht="19.2">
      <c r="A52049" s="2"/>
      <c r="B52049" s="2"/>
      <c r="C52049" s="2"/>
    </row>
    <row r="52050" spans="1:3" ht="19.2">
      <c r="A52050" s="2"/>
      <c r="B52050" s="2"/>
      <c r="C52050" s="2"/>
    </row>
    <row r="52051" spans="1:3" ht="19.2">
      <c r="A52051" s="2"/>
      <c r="B52051" s="2"/>
      <c r="C52051" s="2"/>
    </row>
    <row r="52052" spans="1:3" ht="19.2">
      <c r="A52052" s="2"/>
      <c r="B52052" s="2"/>
      <c r="C52052" s="2"/>
    </row>
    <row r="52053" spans="1:3" ht="19.2">
      <c r="A52053" s="2"/>
      <c r="B52053" s="2"/>
      <c r="C52053" s="2"/>
    </row>
    <row r="52054" spans="1:3" ht="19.2">
      <c r="A52054" s="2"/>
      <c r="B52054" s="2"/>
      <c r="C52054" s="2"/>
    </row>
    <row r="52055" spans="1:3" ht="19.2">
      <c r="A52055" s="2"/>
      <c r="B52055" s="2"/>
      <c r="C52055" s="2"/>
    </row>
    <row r="52056" spans="1:3" ht="19.2">
      <c r="A52056" s="2"/>
      <c r="B52056" s="2"/>
      <c r="C52056" s="2"/>
    </row>
    <row r="52057" spans="1:3" ht="19.2">
      <c r="A52057" s="2"/>
      <c r="B52057" s="2"/>
      <c r="C52057" s="2"/>
    </row>
    <row r="52058" spans="1:3" ht="19.2">
      <c r="A52058" s="2"/>
      <c r="B52058" s="2"/>
      <c r="C52058" s="2"/>
    </row>
    <row r="52059" spans="1:3" ht="19.2">
      <c r="A52059" s="2"/>
      <c r="B52059" s="2"/>
      <c r="C52059" s="2"/>
    </row>
    <row r="52060" spans="1:3" ht="19.2">
      <c r="A52060" s="2"/>
      <c r="B52060" s="2"/>
      <c r="C52060" s="2"/>
    </row>
    <row r="52061" spans="1:3" ht="19.2">
      <c r="A52061" s="2"/>
      <c r="B52061" s="2"/>
      <c r="C52061" s="2"/>
    </row>
    <row r="52062" spans="1:3" ht="19.2">
      <c r="A52062" s="2"/>
      <c r="B52062" s="2"/>
      <c r="C52062" s="2"/>
    </row>
    <row r="52063" spans="1:3" ht="19.2">
      <c r="A52063" s="2"/>
      <c r="B52063" s="2"/>
      <c r="C52063" s="2"/>
    </row>
    <row r="52064" spans="1:3" ht="19.2">
      <c r="A52064" s="2"/>
      <c r="B52064" s="2"/>
      <c r="C52064" s="2"/>
    </row>
    <row r="52065" spans="1:3" ht="19.2">
      <c r="A52065" s="2"/>
      <c r="B52065" s="2"/>
      <c r="C52065" s="2"/>
    </row>
    <row r="52066" spans="1:3" ht="19.2">
      <c r="A52066" s="2"/>
      <c r="B52066" s="2"/>
      <c r="C52066" s="2"/>
    </row>
    <row r="52067" spans="1:3" ht="19.2">
      <c r="A52067" s="2"/>
      <c r="B52067" s="2"/>
      <c r="C52067" s="2"/>
    </row>
    <row r="52068" spans="1:3" ht="19.2">
      <c r="A52068" s="2"/>
      <c r="B52068" s="2"/>
      <c r="C52068" s="2"/>
    </row>
    <row r="52069" spans="1:3" ht="19.2">
      <c r="A52069" s="2"/>
      <c r="B52069" s="2"/>
      <c r="C52069" s="2"/>
    </row>
    <row r="52070" spans="1:3" ht="19.2">
      <c r="A52070" s="2"/>
      <c r="B52070" s="2"/>
      <c r="C52070" s="2"/>
    </row>
    <row r="52071" spans="1:3" ht="19.2">
      <c r="A52071" s="2"/>
      <c r="B52071" s="2"/>
      <c r="C52071" s="2"/>
    </row>
    <row r="52072" spans="1:3" ht="19.2">
      <c r="A52072" s="2"/>
      <c r="B52072" s="2"/>
      <c r="C52072" s="2"/>
    </row>
    <row r="52073" spans="1:3" ht="19.2">
      <c r="A52073" s="2"/>
      <c r="B52073" s="2"/>
      <c r="C52073" s="2"/>
    </row>
    <row r="52074" spans="1:3" ht="19.2">
      <c r="A52074" s="2"/>
      <c r="B52074" s="2"/>
      <c r="C52074" s="2"/>
    </row>
    <row r="52075" spans="1:3" ht="19.2">
      <c r="A52075" s="2"/>
      <c r="B52075" s="2"/>
      <c r="C52075" s="2"/>
    </row>
    <row r="52076" spans="1:3" ht="19.2">
      <c r="A52076" s="2"/>
      <c r="B52076" s="2"/>
      <c r="C52076" s="2"/>
    </row>
    <row r="52077" spans="1:3" ht="19.2">
      <c r="A52077" s="2"/>
      <c r="B52077" s="2"/>
      <c r="C52077" s="2"/>
    </row>
    <row r="52078" spans="1:3" ht="19.2">
      <c r="A52078" s="2"/>
      <c r="B52078" s="2"/>
      <c r="C52078" s="2"/>
    </row>
    <row r="52079" spans="1:3" ht="19.2">
      <c r="A52079" s="2"/>
      <c r="B52079" s="2"/>
      <c r="C52079" s="2"/>
    </row>
    <row r="52080" spans="1:3" ht="19.2">
      <c r="A52080" s="2"/>
      <c r="B52080" s="2"/>
      <c r="C52080" s="2"/>
    </row>
    <row r="52081" spans="1:3" ht="19.2">
      <c r="A52081" s="2"/>
      <c r="B52081" s="2"/>
      <c r="C52081" s="2"/>
    </row>
    <row r="52082" spans="1:3" ht="19.2">
      <c r="A52082" s="2"/>
      <c r="B52082" s="2"/>
      <c r="C52082" s="2"/>
    </row>
    <row r="52083" spans="1:3" ht="19.2">
      <c r="A52083" s="2"/>
      <c r="B52083" s="2"/>
      <c r="C52083" s="2"/>
    </row>
    <row r="52084" spans="1:3" ht="19.2">
      <c r="A52084" s="2"/>
      <c r="B52084" s="2"/>
      <c r="C52084" s="2"/>
    </row>
    <row r="52085" spans="1:3" ht="19.2">
      <c r="A52085" s="2"/>
      <c r="B52085" s="2"/>
      <c r="C52085" s="2"/>
    </row>
    <row r="52086" spans="1:3" ht="19.2">
      <c r="A52086" s="2"/>
      <c r="B52086" s="2"/>
      <c r="C52086" s="2"/>
    </row>
    <row r="52087" spans="1:3" ht="19.2">
      <c r="A52087" s="2"/>
      <c r="B52087" s="2"/>
      <c r="C52087" s="2"/>
    </row>
    <row r="52088" spans="1:3" ht="19.2">
      <c r="A52088" s="2"/>
      <c r="B52088" s="2"/>
      <c r="C52088" s="2"/>
    </row>
    <row r="52089" spans="1:3" ht="19.2">
      <c r="A52089" s="2"/>
      <c r="B52089" s="2"/>
      <c r="C52089" s="2"/>
    </row>
    <row r="52090" spans="1:3" ht="19.2">
      <c r="A52090" s="2"/>
      <c r="B52090" s="2"/>
      <c r="C52090" s="2"/>
    </row>
    <row r="52091" spans="1:3" ht="19.2">
      <c r="A52091" s="2"/>
      <c r="B52091" s="2"/>
      <c r="C52091" s="2"/>
    </row>
    <row r="52092" spans="1:3" ht="19.2">
      <c r="A52092" s="2"/>
      <c r="B52092" s="2"/>
      <c r="C52092" s="2"/>
    </row>
    <row r="52093" spans="1:3" ht="19.2">
      <c r="A52093" s="2"/>
      <c r="B52093" s="2"/>
      <c r="C52093" s="2"/>
    </row>
    <row r="52094" spans="1:3" ht="19.2">
      <c r="A52094" s="2"/>
      <c r="B52094" s="2"/>
      <c r="C52094" s="2"/>
    </row>
    <row r="52095" spans="1:3" ht="19.2">
      <c r="A52095" s="2"/>
      <c r="B52095" s="2"/>
      <c r="C52095" s="2"/>
    </row>
    <row r="52096" spans="1:3" ht="19.2">
      <c r="A52096" s="2"/>
      <c r="B52096" s="2"/>
      <c r="C52096" s="2"/>
    </row>
    <row r="52097" spans="1:3" ht="19.2">
      <c r="A52097" s="2"/>
      <c r="B52097" s="2"/>
      <c r="C52097" s="2"/>
    </row>
    <row r="52098" spans="1:3" ht="19.2">
      <c r="A52098" s="2"/>
      <c r="B52098" s="2"/>
      <c r="C52098" s="2"/>
    </row>
    <row r="52099" spans="1:3" ht="19.2">
      <c r="A52099" s="2"/>
      <c r="B52099" s="2"/>
      <c r="C52099" s="2"/>
    </row>
    <row r="52100" spans="1:3" ht="19.2">
      <c r="A52100" s="2"/>
      <c r="B52100" s="2"/>
      <c r="C52100" s="2"/>
    </row>
    <row r="52101" spans="1:3" ht="19.2">
      <c r="A52101" s="2"/>
      <c r="B52101" s="2"/>
      <c r="C52101" s="2"/>
    </row>
    <row r="52102" spans="1:3" ht="19.2">
      <c r="A52102" s="2"/>
      <c r="B52102" s="2"/>
      <c r="C52102" s="2"/>
    </row>
    <row r="52103" spans="1:3" ht="19.2">
      <c r="A52103" s="2"/>
      <c r="B52103" s="2"/>
      <c r="C52103" s="2"/>
    </row>
    <row r="52104" spans="1:3" ht="19.2">
      <c r="A52104" s="2"/>
      <c r="B52104" s="2"/>
      <c r="C52104" s="2"/>
    </row>
    <row r="52105" spans="1:3" ht="19.2">
      <c r="A52105" s="2"/>
      <c r="B52105" s="2"/>
      <c r="C52105" s="2"/>
    </row>
    <row r="52106" spans="1:3" ht="19.2">
      <c r="A52106" s="2"/>
      <c r="B52106" s="2"/>
      <c r="C52106" s="2"/>
    </row>
    <row r="52107" spans="1:3" ht="19.2">
      <c r="A52107" s="2"/>
      <c r="B52107" s="2"/>
      <c r="C52107" s="2"/>
    </row>
    <row r="52108" spans="1:3" ht="19.2">
      <c r="A52108" s="2"/>
      <c r="B52108" s="2"/>
      <c r="C52108" s="2"/>
    </row>
    <row r="52109" spans="1:3" ht="19.2">
      <c r="A52109" s="2"/>
      <c r="B52109" s="2"/>
      <c r="C52109" s="2"/>
    </row>
    <row r="52110" spans="1:3" ht="19.2">
      <c r="A52110" s="2"/>
      <c r="B52110" s="2"/>
      <c r="C52110" s="2"/>
    </row>
    <row r="52111" spans="1:3" ht="19.2">
      <c r="A52111" s="2"/>
      <c r="B52111" s="2"/>
      <c r="C52111" s="2"/>
    </row>
    <row r="52112" spans="1:3" ht="19.2">
      <c r="A52112" s="2"/>
      <c r="B52112" s="2"/>
      <c r="C52112" s="2"/>
    </row>
    <row r="52113" spans="1:3" ht="19.2">
      <c r="A52113" s="2"/>
      <c r="B52113" s="2"/>
      <c r="C52113" s="2"/>
    </row>
    <row r="52114" spans="1:3" ht="19.2">
      <c r="A52114" s="2"/>
      <c r="B52114" s="2"/>
      <c r="C52114" s="2"/>
    </row>
    <row r="52115" spans="1:3" ht="19.2">
      <c r="A52115" s="2"/>
      <c r="B52115" s="2"/>
      <c r="C52115" s="2"/>
    </row>
    <row r="52116" spans="1:3" ht="19.2">
      <c r="A52116" s="2"/>
      <c r="B52116" s="2"/>
      <c r="C52116" s="2"/>
    </row>
    <row r="52117" spans="1:3" ht="19.2">
      <c r="A52117" s="2"/>
      <c r="B52117" s="2"/>
      <c r="C52117" s="2"/>
    </row>
    <row r="52118" spans="1:3" ht="19.2">
      <c r="A52118" s="2"/>
      <c r="B52118" s="2"/>
      <c r="C52118" s="2"/>
    </row>
    <row r="52119" spans="1:3" ht="19.2">
      <c r="A52119" s="2"/>
      <c r="B52119" s="2"/>
      <c r="C52119" s="2"/>
    </row>
    <row r="52120" spans="1:3" ht="19.2">
      <c r="A52120" s="2"/>
      <c r="B52120" s="2"/>
      <c r="C52120" s="2"/>
    </row>
    <row r="52121" spans="1:3" ht="19.2">
      <c r="A52121" s="2"/>
      <c r="B52121" s="2"/>
      <c r="C52121" s="2"/>
    </row>
    <row r="52122" spans="1:3" ht="19.2">
      <c r="A52122" s="2"/>
      <c r="B52122" s="2"/>
      <c r="C52122" s="2"/>
    </row>
    <row r="52123" spans="1:3" ht="19.2">
      <c r="A52123" s="2"/>
      <c r="B52123" s="2"/>
      <c r="C52123" s="2"/>
    </row>
    <row r="52124" spans="1:3" ht="19.2">
      <c r="A52124" s="2"/>
      <c r="B52124" s="2"/>
      <c r="C52124" s="2"/>
    </row>
    <row r="52125" spans="1:3" ht="19.2">
      <c r="A52125" s="2"/>
      <c r="B52125" s="2"/>
      <c r="C52125" s="2"/>
    </row>
    <row r="52126" spans="1:3" ht="19.2">
      <c r="A52126" s="2"/>
      <c r="B52126" s="2"/>
      <c r="C52126" s="2"/>
    </row>
    <row r="52127" spans="1:3" ht="19.2">
      <c r="A52127" s="2"/>
      <c r="B52127" s="2"/>
      <c r="C52127" s="2"/>
    </row>
    <row r="52128" spans="1:3" ht="19.2">
      <c r="A52128" s="2"/>
      <c r="B52128" s="2"/>
      <c r="C52128" s="2"/>
    </row>
    <row r="52129" spans="1:3" ht="19.2">
      <c r="A52129" s="2"/>
      <c r="B52129" s="2"/>
      <c r="C52129" s="2"/>
    </row>
    <row r="52130" spans="1:3" ht="19.2">
      <c r="A52130" s="2"/>
      <c r="B52130" s="2"/>
      <c r="C52130" s="2"/>
    </row>
    <row r="52131" spans="1:3" ht="19.2">
      <c r="A52131" s="2"/>
      <c r="B52131" s="2"/>
      <c r="C52131" s="2"/>
    </row>
    <row r="52132" spans="1:3" ht="19.2">
      <c r="A52132" s="2"/>
      <c r="B52132" s="2"/>
      <c r="C52132" s="2"/>
    </row>
    <row r="52133" spans="1:3" ht="19.2">
      <c r="A52133" s="2"/>
      <c r="B52133" s="2"/>
      <c r="C52133" s="2"/>
    </row>
    <row r="52134" spans="1:3" ht="19.2">
      <c r="A52134" s="2"/>
      <c r="B52134" s="2"/>
      <c r="C52134" s="2"/>
    </row>
    <row r="52135" spans="1:3" ht="19.2">
      <c r="A52135" s="2"/>
      <c r="B52135" s="2"/>
      <c r="C52135" s="2"/>
    </row>
    <row r="52136" spans="1:3" ht="19.2">
      <c r="A52136" s="2"/>
      <c r="B52136" s="2"/>
      <c r="C52136" s="2"/>
    </row>
    <row r="52137" spans="1:3" ht="19.2">
      <c r="A52137" s="2"/>
      <c r="B52137" s="2"/>
      <c r="C52137" s="2"/>
    </row>
    <row r="52138" spans="1:3" ht="19.2">
      <c r="A52138" s="2"/>
      <c r="B52138" s="2"/>
      <c r="C52138" s="2"/>
    </row>
    <row r="52139" spans="1:3" ht="19.2">
      <c r="A52139" s="2"/>
      <c r="B52139" s="2"/>
      <c r="C52139" s="2"/>
    </row>
    <row r="52140" spans="1:3" ht="19.2">
      <c r="A52140" s="2"/>
      <c r="B52140" s="2"/>
      <c r="C52140" s="2"/>
    </row>
    <row r="52141" spans="1:3" ht="19.2">
      <c r="A52141" s="2"/>
      <c r="B52141" s="2"/>
      <c r="C52141" s="2"/>
    </row>
    <row r="52142" spans="1:3" ht="19.2">
      <c r="A52142" s="2"/>
      <c r="B52142" s="2"/>
      <c r="C52142" s="2"/>
    </row>
    <row r="52143" spans="1:3" ht="19.2">
      <c r="A52143" s="2"/>
      <c r="B52143" s="2"/>
      <c r="C52143" s="2"/>
    </row>
    <row r="52144" spans="1:3" ht="19.2">
      <c r="A52144" s="2"/>
      <c r="B52144" s="2"/>
      <c r="C52144" s="2"/>
    </row>
    <row r="52145" spans="1:3" ht="19.2">
      <c r="A52145" s="2"/>
      <c r="B52145" s="2"/>
      <c r="C52145" s="2"/>
    </row>
    <row r="52146" spans="1:3" ht="19.2">
      <c r="A52146" s="2"/>
      <c r="B52146" s="2"/>
      <c r="C52146" s="2"/>
    </row>
    <row r="52147" spans="1:3" ht="19.2">
      <c r="A52147" s="2"/>
      <c r="B52147" s="2"/>
      <c r="C52147" s="2"/>
    </row>
    <row r="52148" spans="1:3" ht="19.2">
      <c r="A52148" s="2"/>
      <c r="B52148" s="2"/>
      <c r="C52148" s="2"/>
    </row>
    <row r="52149" spans="1:3" ht="19.2">
      <c r="A52149" s="2"/>
      <c r="B52149" s="2"/>
      <c r="C52149" s="2"/>
    </row>
    <row r="52150" spans="1:3" ht="19.2">
      <c r="A52150" s="2"/>
      <c r="B52150" s="2"/>
      <c r="C52150" s="2"/>
    </row>
    <row r="52151" spans="1:3" ht="19.2">
      <c r="A52151" s="2"/>
      <c r="B52151" s="2"/>
      <c r="C52151" s="2"/>
    </row>
    <row r="52152" spans="1:3" ht="19.2">
      <c r="A52152" s="2"/>
      <c r="B52152" s="2"/>
      <c r="C52152" s="2"/>
    </row>
    <row r="52153" spans="1:3" ht="19.2">
      <c r="A52153" s="2"/>
      <c r="B52153" s="2"/>
      <c r="C52153" s="2"/>
    </row>
    <row r="52154" spans="1:3" ht="19.2">
      <c r="A52154" s="2"/>
      <c r="B52154" s="2"/>
      <c r="C52154" s="2"/>
    </row>
    <row r="52155" spans="1:3" ht="19.2">
      <c r="A52155" s="2"/>
      <c r="B52155" s="2"/>
      <c r="C52155" s="2"/>
    </row>
    <row r="52156" spans="1:3" ht="19.2">
      <c r="A52156" s="2"/>
      <c r="B52156" s="2"/>
      <c r="C52156" s="2"/>
    </row>
    <row r="52157" spans="1:3" ht="19.2">
      <c r="A52157" s="2"/>
      <c r="B52157" s="2"/>
      <c r="C52157" s="2"/>
    </row>
    <row r="52158" spans="1:3" ht="19.2">
      <c r="A52158" s="2"/>
      <c r="B52158" s="2"/>
      <c r="C52158" s="2"/>
    </row>
    <row r="52159" spans="1:3" ht="19.2">
      <c r="A52159" s="2"/>
      <c r="B52159" s="2"/>
      <c r="C52159" s="2"/>
    </row>
    <row r="52160" spans="1:3" ht="19.2">
      <c r="A52160" s="2"/>
      <c r="B52160" s="2"/>
      <c r="C52160" s="2"/>
    </row>
    <row r="52161" spans="1:3" ht="19.2">
      <c r="A52161" s="2"/>
      <c r="B52161" s="2"/>
      <c r="C52161" s="2"/>
    </row>
    <row r="52162" spans="1:3" ht="19.2">
      <c r="A52162" s="2"/>
      <c r="B52162" s="2"/>
      <c r="C52162" s="2"/>
    </row>
    <row r="52163" spans="1:3" ht="19.2">
      <c r="A52163" s="2"/>
      <c r="B52163" s="2"/>
      <c r="C52163" s="2"/>
    </row>
    <row r="52164" spans="1:3" ht="19.2">
      <c r="A52164" s="2"/>
      <c r="B52164" s="2"/>
      <c r="C52164" s="2"/>
    </row>
    <row r="52165" spans="1:3" ht="19.2">
      <c r="A52165" s="2"/>
      <c r="B52165" s="2"/>
      <c r="C52165" s="2"/>
    </row>
    <row r="52166" spans="1:3" ht="19.2">
      <c r="A52166" s="2"/>
      <c r="B52166" s="2"/>
      <c r="C52166" s="2"/>
    </row>
    <row r="52167" spans="1:3" ht="19.2">
      <c r="A52167" s="2"/>
      <c r="B52167" s="2"/>
      <c r="C52167" s="2"/>
    </row>
    <row r="52168" spans="1:3" ht="19.2">
      <c r="A52168" s="2"/>
      <c r="B52168" s="2"/>
      <c r="C52168" s="2"/>
    </row>
    <row r="52169" spans="1:3" ht="19.2">
      <c r="A52169" s="2"/>
      <c r="B52169" s="2"/>
      <c r="C52169" s="2"/>
    </row>
    <row r="52170" spans="1:3" ht="19.2">
      <c r="A52170" s="2"/>
      <c r="B52170" s="2"/>
      <c r="C52170" s="2"/>
    </row>
    <row r="52171" spans="1:3" ht="19.2">
      <c r="A52171" s="2"/>
      <c r="B52171" s="2"/>
      <c r="C52171" s="2"/>
    </row>
    <row r="52172" spans="1:3" ht="19.2">
      <c r="A52172" s="2"/>
      <c r="B52172" s="2"/>
      <c r="C52172" s="2"/>
    </row>
    <row r="52173" spans="1:3" ht="19.2">
      <c r="A52173" s="2"/>
      <c r="B52173" s="2"/>
      <c r="C52173" s="2"/>
    </row>
    <row r="52174" spans="1:3" ht="19.2">
      <c r="A52174" s="2"/>
      <c r="B52174" s="2"/>
      <c r="C52174" s="2"/>
    </row>
    <row r="52175" spans="1:3" ht="19.2">
      <c r="A52175" s="2"/>
      <c r="B52175" s="2"/>
      <c r="C52175" s="2"/>
    </row>
    <row r="52176" spans="1:3" ht="19.2">
      <c r="A52176" s="2"/>
      <c r="B52176" s="2"/>
      <c r="C52176" s="2"/>
    </row>
    <row r="52177" spans="1:3" ht="19.2">
      <c r="A52177" s="2"/>
      <c r="B52177" s="2"/>
      <c r="C52177" s="2"/>
    </row>
    <row r="52178" spans="1:3" ht="19.2">
      <c r="A52178" s="2"/>
      <c r="B52178" s="2"/>
      <c r="C52178" s="2"/>
    </row>
    <row r="52179" spans="1:3" ht="19.2">
      <c r="A52179" s="2"/>
      <c r="B52179" s="2"/>
      <c r="C52179" s="2"/>
    </row>
    <row r="52180" spans="1:3" ht="19.2">
      <c r="A52180" s="2"/>
      <c r="B52180" s="2"/>
      <c r="C52180" s="2"/>
    </row>
    <row r="52181" spans="1:3" ht="19.2">
      <c r="A52181" s="2"/>
      <c r="B52181" s="2"/>
      <c r="C52181" s="2"/>
    </row>
    <row r="52182" spans="1:3" ht="19.2">
      <c r="A52182" s="2"/>
      <c r="B52182" s="2"/>
      <c r="C52182" s="2"/>
    </row>
    <row r="52183" spans="1:3" ht="19.2">
      <c r="A52183" s="2"/>
      <c r="B52183" s="2"/>
      <c r="C52183" s="2"/>
    </row>
    <row r="52184" spans="1:3" ht="19.2">
      <c r="A52184" s="2"/>
      <c r="B52184" s="2"/>
      <c r="C52184" s="2"/>
    </row>
    <row r="52185" spans="1:3" ht="19.2">
      <c r="A52185" s="2"/>
      <c r="B52185" s="2"/>
      <c r="C52185" s="2"/>
    </row>
    <row r="52186" spans="1:3" ht="19.2">
      <c r="A52186" s="2"/>
      <c r="B52186" s="2"/>
      <c r="C52186" s="2"/>
    </row>
    <row r="52187" spans="1:3" ht="19.2">
      <c r="A52187" s="2"/>
      <c r="B52187" s="2"/>
      <c r="C52187" s="2"/>
    </row>
    <row r="52188" spans="1:3" ht="19.2">
      <c r="A52188" s="2"/>
      <c r="B52188" s="2"/>
      <c r="C52188" s="2"/>
    </row>
    <row r="52189" spans="1:3" ht="19.2">
      <c r="A52189" s="2"/>
      <c r="B52189" s="2"/>
      <c r="C52189" s="2"/>
    </row>
    <row r="52190" spans="1:3" ht="19.2">
      <c r="A52190" s="2"/>
      <c r="B52190" s="2"/>
      <c r="C52190" s="2"/>
    </row>
    <row r="52191" spans="1:3" ht="19.2">
      <c r="A52191" s="2"/>
      <c r="B52191" s="2"/>
      <c r="C52191" s="2"/>
    </row>
    <row r="52192" spans="1:3" ht="19.2">
      <c r="A52192" s="2"/>
      <c r="B52192" s="2"/>
      <c r="C52192" s="2"/>
    </row>
    <row r="52193" spans="1:3" ht="19.2">
      <c r="A52193" s="2"/>
      <c r="B52193" s="2"/>
      <c r="C52193" s="2"/>
    </row>
    <row r="52194" spans="1:3" ht="19.2">
      <c r="A52194" s="2"/>
      <c r="B52194" s="2"/>
      <c r="C52194" s="2"/>
    </row>
    <row r="52195" spans="1:3" ht="19.2">
      <c r="A52195" s="2"/>
      <c r="B52195" s="2"/>
      <c r="C52195" s="2"/>
    </row>
    <row r="52196" spans="1:3" ht="19.2">
      <c r="A52196" s="2"/>
      <c r="B52196" s="2"/>
      <c r="C52196" s="2"/>
    </row>
    <row r="52197" spans="1:3" ht="19.2">
      <c r="A52197" s="2"/>
      <c r="B52197" s="2"/>
      <c r="C52197" s="2"/>
    </row>
    <row r="52198" spans="1:3" ht="19.2">
      <c r="A52198" s="2"/>
      <c r="B52198" s="2"/>
      <c r="C52198" s="2"/>
    </row>
    <row r="52199" spans="1:3" ht="19.2">
      <c r="A52199" s="2"/>
      <c r="B52199" s="2"/>
      <c r="C52199" s="2"/>
    </row>
    <row r="52200" spans="1:3" ht="19.2">
      <c r="A52200" s="2"/>
      <c r="B52200" s="2"/>
      <c r="C52200" s="2"/>
    </row>
    <row r="52201" spans="1:3" ht="19.2">
      <c r="A52201" s="2"/>
      <c r="B52201" s="2"/>
      <c r="C52201" s="2"/>
    </row>
    <row r="52202" spans="1:3" ht="19.2">
      <c r="A52202" s="2"/>
      <c r="B52202" s="2"/>
      <c r="C52202" s="2"/>
    </row>
    <row r="52203" spans="1:3" ht="19.2">
      <c r="A52203" s="2"/>
      <c r="B52203" s="2"/>
      <c r="C52203" s="2"/>
    </row>
    <row r="52204" spans="1:3" ht="19.2">
      <c r="A52204" s="2"/>
      <c r="B52204" s="2"/>
      <c r="C52204" s="2"/>
    </row>
    <row r="52205" spans="1:3" ht="19.2">
      <c r="A52205" s="2"/>
      <c r="B52205" s="2"/>
      <c r="C52205" s="2"/>
    </row>
    <row r="52206" spans="1:3" ht="19.2">
      <c r="A52206" s="2"/>
      <c r="B52206" s="2"/>
      <c r="C52206" s="2"/>
    </row>
    <row r="52207" spans="1:3" ht="19.2">
      <c r="A52207" s="2"/>
      <c r="B52207" s="2"/>
      <c r="C52207" s="2"/>
    </row>
    <row r="52208" spans="1:3" ht="19.2">
      <c r="A52208" s="2"/>
      <c r="B52208" s="2"/>
      <c r="C52208" s="2"/>
    </row>
    <row r="52209" spans="1:3" ht="19.2">
      <c r="A52209" s="2"/>
      <c r="B52209" s="2"/>
      <c r="C52209" s="2"/>
    </row>
    <row r="52210" spans="1:3" ht="19.2">
      <c r="A52210" s="2"/>
      <c r="B52210" s="2"/>
      <c r="C52210" s="2"/>
    </row>
    <row r="52211" spans="1:3" ht="19.2">
      <c r="A52211" s="2"/>
      <c r="B52211" s="2"/>
      <c r="C52211" s="2"/>
    </row>
    <row r="52212" spans="1:3" ht="19.2">
      <c r="A52212" s="2"/>
      <c r="B52212" s="2"/>
      <c r="C52212" s="2"/>
    </row>
    <row r="52213" spans="1:3" ht="19.2">
      <c r="A52213" s="2"/>
      <c r="B52213" s="2"/>
      <c r="C52213" s="2"/>
    </row>
    <row r="52214" spans="1:3" ht="19.2">
      <c r="A52214" s="2"/>
      <c r="B52214" s="2"/>
      <c r="C52214" s="2"/>
    </row>
    <row r="52215" spans="1:3" ht="19.2">
      <c r="A52215" s="2"/>
      <c r="B52215" s="2"/>
      <c r="C52215" s="2"/>
    </row>
    <row r="52216" spans="1:3" ht="19.2">
      <c r="A52216" s="2"/>
      <c r="B52216" s="2"/>
      <c r="C52216" s="2"/>
    </row>
    <row r="52217" spans="1:3" ht="19.2">
      <c r="A52217" s="2"/>
      <c r="B52217" s="2"/>
      <c r="C52217" s="2"/>
    </row>
    <row r="52218" spans="1:3" ht="19.2">
      <c r="A52218" s="2"/>
      <c r="B52218" s="2"/>
      <c r="C52218" s="2"/>
    </row>
    <row r="52219" spans="1:3" ht="19.2">
      <c r="A52219" s="2"/>
      <c r="B52219" s="2"/>
      <c r="C52219" s="2"/>
    </row>
    <row r="52220" spans="1:3" ht="19.2">
      <c r="A52220" s="2"/>
      <c r="B52220" s="2"/>
      <c r="C52220" s="2"/>
    </row>
    <row r="52221" spans="1:3" ht="19.2">
      <c r="A52221" s="2"/>
      <c r="B52221" s="2"/>
      <c r="C52221" s="2"/>
    </row>
    <row r="52222" spans="1:3" ht="19.2">
      <c r="A52222" s="2"/>
      <c r="B52222" s="2"/>
      <c r="C52222" s="2"/>
    </row>
    <row r="52223" spans="1:3" ht="19.2">
      <c r="A52223" s="2"/>
      <c r="B52223" s="2"/>
      <c r="C52223" s="2"/>
    </row>
    <row r="52224" spans="1:3" ht="19.2">
      <c r="A52224" s="2"/>
      <c r="B52224" s="2"/>
      <c r="C52224" s="2"/>
    </row>
    <row r="52225" spans="1:3" ht="19.2">
      <c r="A52225" s="2"/>
      <c r="B52225" s="2"/>
      <c r="C52225" s="2"/>
    </row>
    <row r="52226" spans="1:3" ht="19.2">
      <c r="A52226" s="2"/>
      <c r="B52226" s="2"/>
      <c r="C52226" s="2"/>
    </row>
    <row r="52227" spans="1:3" ht="19.2">
      <c r="A52227" s="2"/>
      <c r="B52227" s="2"/>
      <c r="C52227" s="2"/>
    </row>
    <row r="52228" spans="1:3" ht="19.2">
      <c r="A52228" s="2"/>
      <c r="B52228" s="2"/>
      <c r="C52228" s="2"/>
    </row>
    <row r="52229" spans="1:3" ht="19.2">
      <c r="A52229" s="2"/>
      <c r="B52229" s="2"/>
      <c r="C52229" s="2"/>
    </row>
    <row r="52230" spans="1:3" ht="19.2">
      <c r="A52230" s="2"/>
      <c r="B52230" s="2"/>
      <c r="C52230" s="2"/>
    </row>
    <row r="52231" spans="1:3" ht="19.2">
      <c r="A52231" s="2"/>
      <c r="B52231" s="2"/>
      <c r="C52231" s="2"/>
    </row>
    <row r="52232" spans="1:3" ht="19.2">
      <c r="A52232" s="2"/>
      <c r="B52232" s="2"/>
      <c r="C52232" s="2"/>
    </row>
    <row r="52233" spans="1:3" ht="19.2">
      <c r="A52233" s="2"/>
      <c r="B52233" s="2"/>
      <c r="C52233" s="2"/>
    </row>
    <row r="52234" spans="1:3" ht="19.2">
      <c r="A52234" s="2"/>
      <c r="B52234" s="2"/>
      <c r="C52234" s="2"/>
    </row>
    <row r="52235" spans="1:3" ht="19.2">
      <c r="A52235" s="2"/>
      <c r="B52235" s="2"/>
      <c r="C52235" s="2"/>
    </row>
    <row r="52236" spans="1:3" ht="19.2">
      <c r="A52236" s="2"/>
      <c r="B52236" s="2"/>
      <c r="C52236" s="2"/>
    </row>
    <row r="52237" spans="1:3" ht="19.2">
      <c r="A52237" s="2"/>
      <c r="B52237" s="2"/>
      <c r="C52237" s="2"/>
    </row>
    <row r="52238" spans="1:3" ht="19.2">
      <c r="A52238" s="2"/>
      <c r="B52238" s="2"/>
      <c r="C52238" s="2"/>
    </row>
    <row r="52239" spans="1:3" ht="19.2">
      <c r="A52239" s="2"/>
      <c r="B52239" s="2"/>
      <c r="C52239" s="2"/>
    </row>
    <row r="52240" spans="1:3" ht="19.2">
      <c r="A52240" s="2"/>
      <c r="B52240" s="2"/>
      <c r="C52240" s="2"/>
    </row>
    <row r="52241" spans="1:3" ht="19.2">
      <c r="A52241" s="2"/>
      <c r="B52241" s="2"/>
      <c r="C52241" s="2"/>
    </row>
    <row r="52242" spans="1:3" ht="19.2">
      <c r="A52242" s="2"/>
      <c r="B52242" s="2"/>
      <c r="C52242" s="2"/>
    </row>
    <row r="52243" spans="1:3" ht="19.2">
      <c r="A52243" s="2"/>
      <c r="B52243" s="2"/>
      <c r="C52243" s="2"/>
    </row>
    <row r="52244" spans="1:3" ht="19.2">
      <c r="A52244" s="2"/>
      <c r="B52244" s="2"/>
      <c r="C52244" s="2"/>
    </row>
    <row r="52245" spans="1:3" ht="19.2">
      <c r="A52245" s="2"/>
      <c r="B52245" s="2"/>
      <c r="C52245" s="2"/>
    </row>
    <row r="52246" spans="1:3" ht="19.2">
      <c r="A52246" s="2"/>
      <c r="B52246" s="2"/>
      <c r="C52246" s="2"/>
    </row>
    <row r="52247" spans="1:3" ht="19.2">
      <c r="A52247" s="2"/>
      <c r="B52247" s="2"/>
      <c r="C52247" s="2"/>
    </row>
    <row r="52248" spans="1:3" ht="19.2">
      <c r="A52248" s="2"/>
      <c r="B52248" s="2"/>
      <c r="C52248" s="2"/>
    </row>
    <row r="52249" spans="1:3" ht="19.2">
      <c r="A52249" s="2"/>
      <c r="B52249" s="2"/>
      <c r="C52249" s="2"/>
    </row>
    <row r="52250" spans="1:3" ht="19.2">
      <c r="A52250" s="2"/>
      <c r="B52250" s="2"/>
      <c r="C52250" s="2"/>
    </row>
    <row r="52251" spans="1:3" ht="19.2">
      <c r="A52251" s="2"/>
      <c r="B52251" s="2"/>
      <c r="C52251" s="2"/>
    </row>
    <row r="52252" spans="1:3" ht="19.2">
      <c r="A52252" s="2"/>
      <c r="B52252" s="2"/>
      <c r="C52252" s="2"/>
    </row>
    <row r="52253" spans="1:3" ht="19.2">
      <c r="A52253" s="2"/>
      <c r="B52253" s="2"/>
      <c r="C52253" s="2"/>
    </row>
    <row r="52254" spans="1:3" ht="19.2">
      <c r="A52254" s="2"/>
      <c r="B52254" s="2"/>
      <c r="C52254" s="2"/>
    </row>
    <row r="52255" spans="1:3" ht="19.2">
      <c r="A52255" s="2"/>
      <c r="B52255" s="2"/>
      <c r="C52255" s="2"/>
    </row>
    <row r="52256" spans="1:3" ht="19.2">
      <c r="A52256" s="2"/>
      <c r="B52256" s="2"/>
      <c r="C52256" s="2"/>
    </row>
    <row r="52257" spans="1:3" ht="19.2">
      <c r="A52257" s="2"/>
      <c r="B52257" s="2"/>
      <c r="C52257" s="2"/>
    </row>
    <row r="52258" spans="1:3" ht="19.2">
      <c r="A52258" s="2"/>
      <c r="B52258" s="2"/>
      <c r="C52258" s="2"/>
    </row>
    <row r="52259" spans="1:3" ht="19.2">
      <c r="A52259" s="2"/>
      <c r="B52259" s="2"/>
      <c r="C52259" s="2"/>
    </row>
    <row r="52260" spans="1:3" ht="19.2">
      <c r="A52260" s="2"/>
      <c r="B52260" s="2"/>
      <c r="C52260" s="2"/>
    </row>
    <row r="52261" spans="1:3" ht="19.2">
      <c r="A52261" s="2"/>
      <c r="B52261" s="2"/>
      <c r="C52261" s="2"/>
    </row>
    <row r="52262" spans="1:3" ht="19.2">
      <c r="A52262" s="2"/>
      <c r="B52262" s="2"/>
      <c r="C52262" s="2"/>
    </row>
    <row r="52263" spans="1:3" ht="19.2">
      <c r="A52263" s="2"/>
      <c r="B52263" s="2"/>
      <c r="C52263" s="2"/>
    </row>
    <row r="52264" spans="1:3" ht="19.2">
      <c r="A52264" s="2"/>
      <c r="B52264" s="2"/>
      <c r="C52264" s="2"/>
    </row>
    <row r="52265" spans="1:3" ht="19.2">
      <c r="A52265" s="2"/>
      <c r="B52265" s="2"/>
      <c r="C52265" s="2"/>
    </row>
    <row r="52266" spans="1:3" ht="19.2">
      <c r="A52266" s="2"/>
      <c r="B52266" s="2"/>
      <c r="C52266" s="2"/>
    </row>
    <row r="52267" spans="1:3" ht="19.2">
      <c r="A52267" s="2"/>
      <c r="B52267" s="2"/>
      <c r="C52267" s="2"/>
    </row>
    <row r="52268" spans="1:3" ht="19.2">
      <c r="A52268" s="2"/>
      <c r="B52268" s="2"/>
      <c r="C52268" s="2"/>
    </row>
    <row r="52269" spans="1:3" ht="19.2">
      <c r="A52269" s="2"/>
      <c r="B52269" s="2"/>
      <c r="C52269" s="2"/>
    </row>
    <row r="52270" spans="1:3" ht="19.2">
      <c r="A52270" s="2"/>
      <c r="B52270" s="2"/>
      <c r="C52270" s="2"/>
    </row>
    <row r="52271" spans="1:3" ht="19.2">
      <c r="A52271" s="2"/>
      <c r="B52271" s="2"/>
      <c r="C52271" s="2"/>
    </row>
    <row r="52272" spans="1:3" ht="19.2">
      <c r="A52272" s="2"/>
      <c r="B52272" s="2"/>
      <c r="C52272" s="2"/>
    </row>
    <row r="52273" spans="1:3" ht="19.2">
      <c r="A52273" s="2"/>
      <c r="B52273" s="2"/>
      <c r="C52273" s="2"/>
    </row>
    <row r="52274" spans="1:3" ht="19.2">
      <c r="A52274" s="2"/>
      <c r="B52274" s="2"/>
      <c r="C52274" s="2"/>
    </row>
    <row r="52275" spans="1:3" ht="19.2">
      <c r="A52275" s="2"/>
      <c r="B52275" s="2"/>
      <c r="C52275" s="2"/>
    </row>
    <row r="52276" spans="1:3" ht="19.2">
      <c r="A52276" s="2"/>
      <c r="B52276" s="2"/>
      <c r="C52276" s="2"/>
    </row>
    <row r="52277" spans="1:3" ht="19.2">
      <c r="A52277" s="2"/>
      <c r="B52277" s="2"/>
      <c r="C52277" s="2"/>
    </row>
    <row r="52278" spans="1:3" ht="19.2">
      <c r="A52278" s="2"/>
      <c r="B52278" s="2"/>
      <c r="C52278" s="2"/>
    </row>
    <row r="52279" spans="1:3" ht="19.2">
      <c r="A52279" s="2"/>
      <c r="B52279" s="2"/>
      <c r="C52279" s="2"/>
    </row>
    <row r="52280" spans="1:3" ht="19.2">
      <c r="A52280" s="2"/>
      <c r="B52280" s="2"/>
      <c r="C52280" s="2"/>
    </row>
    <row r="52281" spans="1:3" ht="19.2">
      <c r="A52281" s="2"/>
      <c r="B52281" s="2"/>
      <c r="C52281" s="2"/>
    </row>
    <row r="52282" spans="1:3" ht="19.2">
      <c r="A52282" s="2"/>
      <c r="B52282" s="2"/>
      <c r="C52282" s="2"/>
    </row>
    <row r="52283" spans="1:3" ht="19.2">
      <c r="A52283" s="2"/>
      <c r="B52283" s="2"/>
      <c r="C52283" s="2"/>
    </row>
    <row r="52284" spans="1:3" ht="19.2">
      <c r="A52284" s="2"/>
      <c r="B52284" s="2"/>
      <c r="C52284" s="2"/>
    </row>
    <row r="52285" spans="1:3" ht="19.2">
      <c r="A52285" s="2"/>
      <c r="B52285" s="2"/>
      <c r="C52285" s="2"/>
    </row>
    <row r="52286" spans="1:3" ht="19.2">
      <c r="A52286" s="2"/>
      <c r="B52286" s="2"/>
      <c r="C52286" s="2"/>
    </row>
    <row r="52287" spans="1:3" ht="19.2">
      <c r="A52287" s="2"/>
      <c r="B52287" s="2"/>
      <c r="C52287" s="2"/>
    </row>
    <row r="52288" spans="1:3" ht="19.2">
      <c r="A52288" s="2"/>
      <c r="B52288" s="2"/>
      <c r="C52288" s="2"/>
    </row>
    <row r="52289" spans="1:3" ht="19.2">
      <c r="A52289" s="2"/>
      <c r="B52289" s="2"/>
      <c r="C52289" s="2"/>
    </row>
    <row r="52290" spans="1:3" ht="19.2">
      <c r="A52290" s="2"/>
      <c r="B52290" s="2"/>
      <c r="C52290" s="2"/>
    </row>
    <row r="52291" spans="1:3" ht="19.2">
      <c r="A52291" s="2"/>
      <c r="B52291" s="2"/>
      <c r="C52291" s="2"/>
    </row>
    <row r="52292" spans="1:3" ht="19.2">
      <c r="A52292" s="2"/>
      <c r="B52292" s="2"/>
      <c r="C52292" s="2"/>
    </row>
    <row r="52293" spans="1:3" ht="19.2">
      <c r="A52293" s="2"/>
      <c r="B52293" s="2"/>
      <c r="C52293" s="2"/>
    </row>
    <row r="52294" spans="1:3" ht="19.2">
      <c r="A52294" s="2"/>
      <c r="B52294" s="2"/>
      <c r="C52294" s="2"/>
    </row>
    <row r="52295" spans="1:3" ht="19.2">
      <c r="A52295" s="2"/>
      <c r="B52295" s="2"/>
      <c r="C52295" s="2"/>
    </row>
    <row r="52296" spans="1:3" ht="19.2">
      <c r="A52296" s="2"/>
      <c r="B52296" s="2"/>
      <c r="C52296" s="2"/>
    </row>
    <row r="52297" spans="1:3" ht="19.2">
      <c r="A52297" s="2"/>
      <c r="B52297" s="2"/>
      <c r="C52297" s="2"/>
    </row>
    <row r="52298" spans="1:3" ht="19.2">
      <c r="A52298" s="2"/>
      <c r="B52298" s="2"/>
      <c r="C52298" s="2"/>
    </row>
    <row r="52299" spans="1:3" ht="19.2">
      <c r="A52299" s="2"/>
      <c r="B52299" s="2"/>
      <c r="C52299" s="2"/>
    </row>
    <row r="52300" spans="1:3" ht="19.2">
      <c r="A52300" s="2"/>
      <c r="B52300" s="2"/>
      <c r="C52300" s="2"/>
    </row>
    <row r="52301" spans="1:3" ht="19.2">
      <c r="A52301" s="2"/>
      <c r="B52301" s="2"/>
      <c r="C52301" s="2"/>
    </row>
    <row r="52302" spans="1:3" ht="19.2">
      <c r="A52302" s="2"/>
      <c r="B52302" s="2"/>
      <c r="C52302" s="2"/>
    </row>
    <row r="52303" spans="1:3" ht="19.2">
      <c r="A52303" s="2"/>
      <c r="B52303" s="2"/>
      <c r="C52303" s="2"/>
    </row>
    <row r="52304" spans="1:3" ht="19.2">
      <c r="A52304" s="2"/>
      <c r="B52304" s="2"/>
      <c r="C52304" s="2"/>
    </row>
    <row r="52305" spans="1:3" ht="19.2">
      <c r="A52305" s="2"/>
      <c r="B52305" s="2"/>
      <c r="C52305" s="2"/>
    </row>
    <row r="52306" spans="1:3" ht="19.2">
      <c r="A52306" s="2"/>
      <c r="B52306" s="2"/>
      <c r="C52306" s="2"/>
    </row>
    <row r="52307" spans="1:3" ht="19.2">
      <c r="A52307" s="2"/>
      <c r="B52307" s="2"/>
      <c r="C52307" s="2"/>
    </row>
    <row r="52308" spans="1:3" ht="19.2">
      <c r="A52308" s="2"/>
      <c r="B52308" s="2"/>
      <c r="C52308" s="2"/>
    </row>
    <row r="52309" spans="1:3" ht="19.2">
      <c r="A52309" s="2"/>
      <c r="B52309" s="2"/>
      <c r="C52309" s="2"/>
    </row>
    <row r="52310" spans="1:3" ht="19.2">
      <c r="A52310" s="2"/>
      <c r="B52310" s="2"/>
      <c r="C52310" s="2"/>
    </row>
    <row r="52311" spans="1:3" ht="19.2">
      <c r="A52311" s="2"/>
      <c r="B52311" s="2"/>
      <c r="C52311" s="2"/>
    </row>
    <row r="52312" spans="1:3" ht="19.2">
      <c r="A52312" s="2"/>
      <c r="B52312" s="2"/>
      <c r="C52312" s="2"/>
    </row>
    <row r="52313" spans="1:3" ht="19.2">
      <c r="A52313" s="2"/>
      <c r="B52313" s="2"/>
      <c r="C52313" s="2"/>
    </row>
    <row r="52314" spans="1:3" ht="19.2">
      <c r="A52314" s="2"/>
      <c r="B52314" s="2"/>
      <c r="C52314" s="2"/>
    </row>
    <row r="52315" spans="1:3" ht="19.2">
      <c r="A52315" s="2"/>
      <c r="B52315" s="2"/>
      <c r="C52315" s="2"/>
    </row>
    <row r="52316" spans="1:3" ht="19.2">
      <c r="A52316" s="2"/>
      <c r="B52316" s="2"/>
      <c r="C52316" s="2"/>
    </row>
    <row r="52317" spans="1:3" ht="19.2">
      <c r="A52317" s="2"/>
      <c r="B52317" s="2"/>
      <c r="C52317" s="2"/>
    </row>
    <row r="52318" spans="1:3" ht="19.2">
      <c r="A52318" s="2"/>
      <c r="B52318" s="2"/>
      <c r="C52318" s="2"/>
    </row>
    <row r="52319" spans="1:3" ht="19.2">
      <c r="A52319" s="2"/>
      <c r="B52319" s="2"/>
      <c r="C52319" s="2"/>
    </row>
    <row r="52320" spans="1:3" ht="19.2">
      <c r="A52320" s="2"/>
      <c r="B52320" s="2"/>
      <c r="C52320" s="2"/>
    </row>
    <row r="52321" spans="1:3" ht="19.2">
      <c r="A52321" s="2"/>
      <c r="B52321" s="2"/>
      <c r="C52321" s="2"/>
    </row>
    <row r="52322" spans="1:3" ht="19.2">
      <c r="A52322" s="2"/>
      <c r="B52322" s="2"/>
      <c r="C52322" s="2"/>
    </row>
    <row r="52323" spans="1:3" ht="19.2">
      <c r="A52323" s="2"/>
      <c r="B52323" s="2"/>
      <c r="C52323" s="2"/>
    </row>
    <row r="52324" spans="1:3" ht="19.2">
      <c r="A52324" s="2"/>
      <c r="B52324" s="2"/>
      <c r="C52324" s="2"/>
    </row>
    <row r="52325" spans="1:3" ht="19.2">
      <c r="A52325" s="2"/>
      <c r="B52325" s="2"/>
      <c r="C52325" s="2"/>
    </row>
    <row r="52326" spans="1:3" ht="19.2">
      <c r="A52326" s="2"/>
      <c r="B52326" s="2"/>
      <c r="C52326" s="2"/>
    </row>
    <row r="52327" spans="1:3" ht="19.2">
      <c r="A52327" s="2"/>
      <c r="B52327" s="2"/>
      <c r="C52327" s="2"/>
    </row>
    <row r="52328" spans="1:3" ht="19.2">
      <c r="A52328" s="2"/>
      <c r="B52328" s="2"/>
      <c r="C52328" s="2"/>
    </row>
    <row r="52329" spans="1:3" ht="19.2">
      <c r="A52329" s="2"/>
      <c r="B52329" s="2"/>
      <c r="C52329" s="2"/>
    </row>
    <row r="52330" spans="1:3" ht="19.2">
      <c r="A52330" s="2"/>
      <c r="B52330" s="2"/>
      <c r="C52330" s="2"/>
    </row>
    <row r="52331" spans="1:3" ht="19.2">
      <c r="A52331" s="2"/>
      <c r="B52331" s="2"/>
      <c r="C52331" s="2"/>
    </row>
    <row r="52332" spans="1:3" ht="19.2">
      <c r="A52332" s="2"/>
      <c r="B52332" s="2"/>
      <c r="C52332" s="2"/>
    </row>
    <row r="52333" spans="1:3" ht="19.2">
      <c r="A52333" s="2"/>
      <c r="B52333" s="2"/>
      <c r="C52333" s="2"/>
    </row>
    <row r="52334" spans="1:3" ht="19.2">
      <c r="A52334" s="2"/>
      <c r="B52334" s="2"/>
      <c r="C52334" s="2"/>
    </row>
    <row r="52335" spans="1:3" ht="19.2">
      <c r="A52335" s="2"/>
      <c r="B52335" s="2"/>
      <c r="C52335" s="2"/>
    </row>
    <row r="52336" spans="1:3" ht="19.2">
      <c r="A52336" s="2"/>
      <c r="B52336" s="2"/>
      <c r="C52336" s="2"/>
    </row>
    <row r="52337" spans="1:3" ht="19.2">
      <c r="A52337" s="2"/>
      <c r="B52337" s="2"/>
      <c r="C52337" s="2"/>
    </row>
    <row r="52338" spans="1:3" ht="19.2">
      <c r="A52338" s="2"/>
      <c r="B52338" s="2"/>
      <c r="C52338" s="2"/>
    </row>
    <row r="52339" spans="1:3" ht="19.2">
      <c r="A52339" s="2"/>
      <c r="B52339" s="2"/>
      <c r="C52339" s="2"/>
    </row>
    <row r="52340" spans="1:3" ht="19.2">
      <c r="A52340" s="2"/>
      <c r="B52340" s="2"/>
      <c r="C52340" s="2"/>
    </row>
    <row r="52341" spans="1:3" ht="19.2">
      <c r="A52341" s="2"/>
      <c r="B52341" s="2"/>
      <c r="C52341" s="2"/>
    </row>
    <row r="52342" spans="1:3" ht="19.2">
      <c r="A52342" s="2"/>
      <c r="B52342" s="2"/>
      <c r="C52342" s="2"/>
    </row>
    <row r="52343" spans="1:3" ht="19.2">
      <c r="A52343" s="2"/>
      <c r="B52343" s="2"/>
      <c r="C52343" s="2"/>
    </row>
    <row r="52344" spans="1:3" ht="19.2">
      <c r="A52344" s="2"/>
      <c r="B52344" s="2"/>
      <c r="C52344" s="2"/>
    </row>
    <row r="52345" spans="1:3" ht="19.2">
      <c r="A52345" s="2"/>
      <c r="B52345" s="2"/>
      <c r="C52345" s="2"/>
    </row>
    <row r="52346" spans="1:3" ht="19.2">
      <c r="A52346" s="2"/>
      <c r="B52346" s="2"/>
      <c r="C52346" s="2"/>
    </row>
    <row r="52347" spans="1:3" ht="19.2">
      <c r="A52347" s="2"/>
      <c r="B52347" s="2"/>
      <c r="C52347" s="2"/>
    </row>
    <row r="52348" spans="1:3" ht="19.2">
      <c r="A52348" s="2"/>
      <c r="B52348" s="2"/>
      <c r="C52348" s="2"/>
    </row>
    <row r="52349" spans="1:3" ht="19.2">
      <c r="A52349" s="2"/>
      <c r="B52349" s="2"/>
      <c r="C52349" s="2"/>
    </row>
    <row r="52350" spans="1:3" ht="19.2">
      <c r="A52350" s="2"/>
      <c r="B52350" s="2"/>
      <c r="C52350" s="2"/>
    </row>
    <row r="52351" spans="1:3" ht="19.2">
      <c r="A52351" s="2"/>
      <c r="B52351" s="2"/>
      <c r="C52351" s="2"/>
    </row>
    <row r="52352" spans="1:3" ht="19.2">
      <c r="A52352" s="2"/>
      <c r="B52352" s="2"/>
      <c r="C52352" s="2"/>
    </row>
    <row r="52353" spans="1:3" ht="19.2">
      <c r="A52353" s="2"/>
      <c r="B52353" s="2"/>
      <c r="C52353" s="2"/>
    </row>
    <row r="52354" spans="1:3" ht="19.2">
      <c r="A52354" s="2"/>
      <c r="B52354" s="2"/>
      <c r="C52354" s="2"/>
    </row>
    <row r="52355" spans="1:3" ht="19.2">
      <c r="A52355" s="2"/>
      <c r="B52355" s="2"/>
      <c r="C52355" s="2"/>
    </row>
    <row r="52356" spans="1:3" ht="19.2">
      <c r="A52356" s="2"/>
      <c r="B52356" s="2"/>
      <c r="C52356" s="2"/>
    </row>
    <row r="52357" spans="1:3" ht="19.2">
      <c r="A52357" s="2"/>
      <c r="B52357" s="2"/>
      <c r="C52357" s="2"/>
    </row>
    <row r="52358" spans="1:3" ht="19.2">
      <c r="A52358" s="2"/>
      <c r="B52358" s="2"/>
      <c r="C52358" s="2"/>
    </row>
    <row r="52359" spans="1:3" ht="19.2">
      <c r="A52359" s="2"/>
      <c r="B52359" s="2"/>
      <c r="C52359" s="2"/>
    </row>
    <row r="52360" spans="1:3" ht="19.2">
      <c r="A52360" s="2"/>
      <c r="B52360" s="2"/>
      <c r="C52360" s="2"/>
    </row>
    <row r="52361" spans="1:3" ht="19.2">
      <c r="A52361" s="2"/>
      <c r="B52361" s="2"/>
      <c r="C52361" s="2"/>
    </row>
    <row r="52362" spans="1:3" ht="19.2">
      <c r="A52362" s="2"/>
      <c r="B52362" s="2"/>
      <c r="C52362" s="2"/>
    </row>
    <row r="52363" spans="1:3" ht="19.2">
      <c r="A52363" s="2"/>
      <c r="B52363" s="2"/>
      <c r="C52363" s="2"/>
    </row>
    <row r="52364" spans="1:3" ht="19.2">
      <c r="A52364" s="2"/>
      <c r="B52364" s="2"/>
      <c r="C52364" s="2"/>
    </row>
    <row r="52365" spans="1:3" ht="19.2">
      <c r="A52365" s="2"/>
      <c r="B52365" s="2"/>
      <c r="C52365" s="2"/>
    </row>
    <row r="52366" spans="1:3" ht="19.2">
      <c r="A52366" s="2"/>
      <c r="B52366" s="2"/>
      <c r="C52366" s="2"/>
    </row>
    <row r="52367" spans="1:3" ht="19.2">
      <c r="A52367" s="2"/>
      <c r="B52367" s="2"/>
      <c r="C52367" s="2"/>
    </row>
    <row r="52368" spans="1:3" ht="19.2">
      <c r="A52368" s="2"/>
      <c r="B52368" s="2"/>
      <c r="C52368" s="2"/>
    </row>
    <row r="52369" spans="1:3" ht="19.2">
      <c r="A52369" s="2"/>
      <c r="B52369" s="2"/>
      <c r="C52369" s="2"/>
    </row>
    <row r="52370" spans="1:3" ht="19.2">
      <c r="A52370" s="2"/>
      <c r="B52370" s="2"/>
      <c r="C52370" s="2"/>
    </row>
    <row r="52371" spans="1:3" ht="19.2">
      <c r="A52371" s="2"/>
      <c r="B52371" s="2"/>
      <c r="C52371" s="2"/>
    </row>
    <row r="52372" spans="1:3" ht="19.2">
      <c r="A52372" s="2"/>
      <c r="B52372" s="2"/>
      <c r="C52372" s="2"/>
    </row>
    <row r="52373" spans="1:3" ht="19.2">
      <c r="A52373" s="2"/>
      <c r="B52373" s="2"/>
      <c r="C52373" s="2"/>
    </row>
    <row r="52374" spans="1:3" ht="19.2">
      <c r="A52374" s="2"/>
      <c r="B52374" s="2"/>
      <c r="C52374" s="2"/>
    </row>
    <row r="52375" spans="1:3" ht="19.2">
      <c r="A52375" s="2"/>
      <c r="B52375" s="2"/>
      <c r="C52375" s="2"/>
    </row>
    <row r="52376" spans="1:3" ht="19.2">
      <c r="A52376" s="2"/>
      <c r="B52376" s="2"/>
      <c r="C52376" s="2"/>
    </row>
    <row r="52377" spans="1:3" ht="19.2">
      <c r="A52377" s="2"/>
      <c r="B52377" s="2"/>
      <c r="C52377" s="2"/>
    </row>
    <row r="52378" spans="1:3" ht="19.2">
      <c r="A52378" s="2"/>
      <c r="B52378" s="2"/>
      <c r="C52378" s="2"/>
    </row>
    <row r="52379" spans="1:3" ht="19.2">
      <c r="A52379" s="2"/>
      <c r="B52379" s="2"/>
      <c r="C52379" s="2"/>
    </row>
    <row r="52380" spans="1:3" ht="19.2">
      <c r="A52380" s="2"/>
      <c r="B52380" s="2"/>
      <c r="C52380" s="2"/>
    </row>
    <row r="52381" spans="1:3" ht="19.2">
      <c r="A52381" s="2"/>
      <c r="B52381" s="2"/>
      <c r="C52381" s="2"/>
    </row>
    <row r="52382" spans="1:3" ht="19.2">
      <c r="A52382" s="2"/>
      <c r="B52382" s="2"/>
      <c r="C52382" s="2"/>
    </row>
    <row r="52383" spans="1:3" ht="19.2">
      <c r="A52383" s="2"/>
      <c r="B52383" s="2"/>
      <c r="C52383" s="2"/>
    </row>
    <row r="52384" spans="1:3" ht="19.2">
      <c r="A52384" s="2"/>
      <c r="B52384" s="2"/>
      <c r="C52384" s="2"/>
    </row>
    <row r="52385" spans="1:3" ht="19.2">
      <c r="A52385" s="2"/>
      <c r="B52385" s="2"/>
      <c r="C52385" s="2"/>
    </row>
    <row r="52386" spans="1:3" ht="19.2">
      <c r="A52386" s="2"/>
      <c r="B52386" s="2"/>
      <c r="C52386" s="2"/>
    </row>
    <row r="52387" spans="1:3" ht="19.2">
      <c r="A52387" s="2"/>
      <c r="B52387" s="2"/>
      <c r="C52387" s="2"/>
    </row>
    <row r="52388" spans="1:3" ht="19.2">
      <c r="A52388" s="2"/>
      <c r="B52388" s="2"/>
      <c r="C52388" s="2"/>
    </row>
    <row r="52389" spans="1:3" ht="19.2">
      <c r="A52389" s="2"/>
      <c r="B52389" s="2"/>
      <c r="C52389" s="2"/>
    </row>
    <row r="52390" spans="1:3" ht="19.2">
      <c r="A52390" s="2"/>
      <c r="B52390" s="2"/>
      <c r="C52390" s="2"/>
    </row>
    <row r="52391" spans="1:3" ht="19.2">
      <c r="A52391" s="2"/>
      <c r="B52391" s="2"/>
      <c r="C52391" s="2"/>
    </row>
    <row r="52392" spans="1:3" ht="19.2">
      <c r="A52392" s="2"/>
      <c r="B52392" s="2"/>
      <c r="C52392" s="2"/>
    </row>
    <row r="52393" spans="1:3" ht="19.2">
      <c r="A52393" s="2"/>
      <c r="B52393" s="2"/>
      <c r="C52393" s="2"/>
    </row>
    <row r="52394" spans="1:3" ht="19.2">
      <c r="A52394" s="2"/>
      <c r="B52394" s="2"/>
      <c r="C52394" s="2"/>
    </row>
    <row r="52395" spans="1:3" ht="19.2">
      <c r="A52395" s="2"/>
      <c r="B52395" s="2"/>
      <c r="C52395" s="2"/>
    </row>
    <row r="52396" spans="1:3" ht="19.2">
      <c r="A52396" s="2"/>
      <c r="B52396" s="2"/>
      <c r="C52396" s="2"/>
    </row>
    <row r="52397" spans="1:3" ht="19.2">
      <c r="A52397" s="2"/>
      <c r="B52397" s="2"/>
      <c r="C52397" s="2"/>
    </row>
    <row r="52398" spans="1:3" ht="19.2">
      <c r="A52398" s="2"/>
      <c r="B52398" s="2"/>
      <c r="C52398" s="2"/>
    </row>
    <row r="52399" spans="1:3" ht="19.2">
      <c r="A52399" s="2"/>
      <c r="B52399" s="2"/>
      <c r="C52399" s="2"/>
    </row>
    <row r="52400" spans="1:3" ht="19.2">
      <c r="A52400" s="2"/>
      <c r="B52400" s="2"/>
      <c r="C52400" s="2"/>
    </row>
    <row r="52401" spans="1:3" ht="19.2">
      <c r="A52401" s="2"/>
      <c r="B52401" s="2"/>
      <c r="C52401" s="2"/>
    </row>
    <row r="52402" spans="1:3" ht="19.2">
      <c r="A52402" s="2"/>
      <c r="B52402" s="2"/>
      <c r="C52402" s="2"/>
    </row>
    <row r="52403" spans="1:3" ht="19.2">
      <c r="A52403" s="2"/>
      <c r="B52403" s="2"/>
      <c r="C52403" s="2"/>
    </row>
    <row r="52404" spans="1:3" ht="19.2">
      <c r="A52404" s="2"/>
      <c r="B52404" s="2"/>
      <c r="C52404" s="2"/>
    </row>
    <row r="52405" spans="1:3" ht="19.2">
      <c r="A52405" s="2"/>
      <c r="B52405" s="2"/>
      <c r="C52405" s="2"/>
    </row>
    <row r="52406" spans="1:3" ht="19.2">
      <c r="A52406" s="2"/>
      <c r="B52406" s="2"/>
      <c r="C52406" s="2"/>
    </row>
    <row r="52407" spans="1:3" ht="19.2">
      <c r="A52407" s="2"/>
      <c r="B52407" s="2"/>
      <c r="C52407" s="2"/>
    </row>
    <row r="52408" spans="1:3" ht="19.2">
      <c r="A52408" s="2"/>
      <c r="B52408" s="2"/>
      <c r="C52408" s="2"/>
    </row>
    <row r="52409" spans="1:3" ht="19.2">
      <c r="A52409" s="2"/>
      <c r="B52409" s="2"/>
      <c r="C52409" s="2"/>
    </row>
    <row r="52410" spans="1:3" ht="19.2">
      <c r="A52410" s="2"/>
      <c r="B52410" s="2"/>
      <c r="C52410" s="2"/>
    </row>
    <row r="52411" spans="1:3" ht="19.2">
      <c r="A52411" s="2"/>
      <c r="B52411" s="2"/>
      <c r="C52411" s="2"/>
    </row>
    <row r="52412" spans="1:3" ht="19.2">
      <c r="A52412" s="2"/>
      <c r="B52412" s="2"/>
      <c r="C52412" s="2"/>
    </row>
    <row r="52413" spans="1:3" ht="19.2">
      <c r="A52413" s="2"/>
      <c r="B52413" s="2"/>
      <c r="C52413" s="2"/>
    </row>
    <row r="52414" spans="1:3" ht="19.2">
      <c r="A52414" s="2"/>
      <c r="B52414" s="2"/>
      <c r="C52414" s="2"/>
    </row>
    <row r="52415" spans="1:3" ht="19.2">
      <c r="A52415" s="2"/>
      <c r="B52415" s="2"/>
      <c r="C52415" s="2"/>
    </row>
    <row r="52416" spans="1:3" ht="19.2">
      <c r="A52416" s="2"/>
      <c r="B52416" s="2"/>
      <c r="C52416" s="2"/>
    </row>
    <row r="52417" spans="1:3" ht="19.2">
      <c r="A52417" s="2"/>
      <c r="B52417" s="2"/>
      <c r="C52417" s="2"/>
    </row>
    <row r="52418" spans="1:3" ht="19.2">
      <c r="A52418" s="2"/>
      <c r="B52418" s="2"/>
      <c r="C52418" s="2"/>
    </row>
    <row r="52419" spans="1:3" ht="19.2">
      <c r="A52419" s="2"/>
      <c r="B52419" s="2"/>
      <c r="C52419" s="2"/>
    </row>
    <row r="52420" spans="1:3" ht="19.2">
      <c r="A52420" s="2"/>
      <c r="B52420" s="2"/>
      <c r="C52420" s="2"/>
    </row>
    <row r="52421" spans="1:3" ht="19.2">
      <c r="A52421" s="2"/>
      <c r="B52421" s="2"/>
      <c r="C52421" s="2"/>
    </row>
    <row r="52422" spans="1:3" ht="19.2">
      <c r="A52422" s="2"/>
      <c r="B52422" s="2"/>
      <c r="C52422" s="2"/>
    </row>
    <row r="52423" spans="1:3" ht="19.2">
      <c r="A52423" s="2"/>
      <c r="B52423" s="2"/>
      <c r="C52423" s="2"/>
    </row>
    <row r="52424" spans="1:3" ht="19.2">
      <c r="A52424" s="2"/>
      <c r="B52424" s="2"/>
      <c r="C52424" s="2"/>
    </row>
    <row r="52425" spans="1:3" ht="19.2">
      <c r="A52425" s="2"/>
      <c r="B52425" s="2"/>
      <c r="C52425" s="2"/>
    </row>
    <row r="52426" spans="1:3" ht="19.2">
      <c r="A52426" s="2"/>
      <c r="B52426" s="2"/>
      <c r="C52426" s="2"/>
    </row>
    <row r="52427" spans="1:3" ht="19.2">
      <c r="A52427" s="2"/>
      <c r="B52427" s="2"/>
      <c r="C52427" s="2"/>
    </row>
    <row r="52428" spans="1:3" ht="19.2">
      <c r="A52428" s="2"/>
      <c r="B52428" s="2"/>
      <c r="C52428" s="2"/>
    </row>
    <row r="52429" spans="1:3" ht="19.2">
      <c r="A52429" s="2"/>
      <c r="B52429" s="2"/>
      <c r="C52429" s="2"/>
    </row>
    <row r="52430" spans="1:3" ht="19.2">
      <c r="A52430" s="2"/>
      <c r="B52430" s="2"/>
      <c r="C52430" s="2"/>
    </row>
    <row r="52431" spans="1:3" ht="19.2">
      <c r="A52431" s="2"/>
      <c r="B52431" s="2"/>
      <c r="C52431" s="2"/>
    </row>
    <row r="52432" spans="1:3" ht="19.2">
      <c r="A52432" s="2"/>
      <c r="B52432" s="2"/>
      <c r="C52432" s="2"/>
    </row>
    <row r="52433" spans="1:3" ht="19.2">
      <c r="A52433" s="2"/>
      <c r="B52433" s="2"/>
      <c r="C52433" s="2"/>
    </row>
    <row r="52434" spans="1:3" ht="19.2">
      <c r="A52434" s="2"/>
      <c r="B52434" s="2"/>
      <c r="C52434" s="2"/>
    </row>
    <row r="52435" spans="1:3" ht="19.2">
      <c r="A52435" s="2"/>
      <c r="B52435" s="2"/>
      <c r="C52435" s="2"/>
    </row>
    <row r="52436" spans="1:3" ht="19.2">
      <c r="A52436" s="2"/>
      <c r="B52436" s="2"/>
      <c r="C52436" s="2"/>
    </row>
    <row r="52437" spans="1:3" ht="19.2">
      <c r="A52437" s="2"/>
      <c r="B52437" s="2"/>
      <c r="C52437" s="2"/>
    </row>
    <row r="52438" spans="1:3" ht="19.2">
      <c r="A52438" s="2"/>
      <c r="B52438" s="2"/>
      <c r="C52438" s="2"/>
    </row>
    <row r="52439" spans="1:3" ht="19.2">
      <c r="A52439" s="2"/>
      <c r="B52439" s="2"/>
      <c r="C52439" s="2"/>
    </row>
    <row r="52440" spans="1:3" ht="19.2">
      <c r="A52440" s="2"/>
      <c r="B52440" s="2"/>
      <c r="C52440" s="2"/>
    </row>
    <row r="52441" spans="1:3" ht="19.2">
      <c r="A52441" s="2"/>
      <c r="B52441" s="2"/>
      <c r="C52441" s="2"/>
    </row>
    <row r="52442" spans="1:3" ht="19.2">
      <c r="A52442" s="2"/>
      <c r="B52442" s="2"/>
      <c r="C52442" s="2"/>
    </row>
    <row r="52443" spans="1:3" ht="19.2">
      <c r="A52443" s="2"/>
      <c r="B52443" s="2"/>
      <c r="C52443" s="2"/>
    </row>
    <row r="52444" spans="1:3" ht="19.2">
      <c r="A52444" s="2"/>
      <c r="B52444" s="2"/>
      <c r="C52444" s="2"/>
    </row>
    <row r="52445" spans="1:3" ht="19.2">
      <c r="A52445" s="2"/>
      <c r="B52445" s="2"/>
      <c r="C52445" s="2"/>
    </row>
    <row r="52446" spans="1:3" ht="19.2">
      <c r="A52446" s="2"/>
      <c r="B52446" s="2"/>
      <c r="C52446" s="2"/>
    </row>
    <row r="52447" spans="1:3" ht="19.2">
      <c r="A52447" s="2"/>
      <c r="B52447" s="2"/>
      <c r="C52447" s="2"/>
    </row>
    <row r="52448" spans="1:3" ht="19.2">
      <c r="A52448" s="2"/>
      <c r="B52448" s="2"/>
      <c r="C52448" s="2"/>
    </row>
    <row r="52449" spans="1:3" ht="19.2">
      <c r="A52449" s="2"/>
      <c r="B52449" s="2"/>
      <c r="C52449" s="2"/>
    </row>
    <row r="52450" spans="1:3" ht="19.2">
      <c r="A52450" s="2"/>
      <c r="B52450" s="2"/>
      <c r="C52450" s="2"/>
    </row>
    <row r="52451" spans="1:3" ht="19.2">
      <c r="A52451" s="2"/>
      <c r="B52451" s="2"/>
      <c r="C52451" s="2"/>
    </row>
    <row r="52452" spans="1:3" ht="19.2">
      <c r="A52452" s="2"/>
      <c r="B52452" s="2"/>
      <c r="C52452" s="2"/>
    </row>
    <row r="52453" spans="1:3" ht="19.2">
      <c r="A52453" s="2"/>
      <c r="B52453" s="2"/>
      <c r="C52453" s="2"/>
    </row>
    <row r="52454" spans="1:3" ht="19.2">
      <c r="A52454" s="2"/>
      <c r="B52454" s="2"/>
      <c r="C52454" s="2"/>
    </row>
    <row r="52455" spans="1:3" ht="19.2">
      <c r="A52455" s="2"/>
      <c r="B52455" s="2"/>
      <c r="C52455" s="2"/>
    </row>
    <row r="52456" spans="1:3" ht="19.2">
      <c r="A52456" s="2"/>
      <c r="B52456" s="2"/>
      <c r="C52456" s="2"/>
    </row>
    <row r="52457" spans="1:3" ht="19.2">
      <c r="A52457" s="2"/>
      <c r="B52457" s="2"/>
      <c r="C52457" s="2"/>
    </row>
    <row r="52458" spans="1:3" ht="19.2">
      <c r="A52458" s="2"/>
      <c r="B52458" s="2"/>
      <c r="C52458" s="2"/>
    </row>
    <row r="52459" spans="1:3" ht="19.2">
      <c r="A52459" s="2"/>
      <c r="B52459" s="2"/>
      <c r="C52459" s="2"/>
    </row>
    <row r="52460" spans="1:3" ht="19.2">
      <c r="A52460" s="2"/>
      <c r="B52460" s="2"/>
      <c r="C52460" s="2"/>
    </row>
    <row r="52461" spans="1:3" ht="19.2">
      <c r="A52461" s="2"/>
      <c r="B52461" s="2"/>
      <c r="C52461" s="2"/>
    </row>
    <row r="52462" spans="1:3" ht="19.2">
      <c r="A52462" s="2"/>
      <c r="B52462" s="2"/>
      <c r="C52462" s="2"/>
    </row>
    <row r="52463" spans="1:3" ht="19.2">
      <c r="A52463" s="2"/>
      <c r="B52463" s="2"/>
      <c r="C52463" s="2"/>
    </row>
    <row r="52464" spans="1:3" ht="19.2">
      <c r="A52464" s="2"/>
      <c r="B52464" s="2"/>
      <c r="C52464" s="2"/>
    </row>
    <row r="52465" spans="1:3" ht="19.2">
      <c r="A52465" s="2"/>
      <c r="B52465" s="2"/>
      <c r="C52465" s="2"/>
    </row>
    <row r="52466" spans="1:3" ht="19.2">
      <c r="A52466" s="2"/>
      <c r="B52466" s="2"/>
      <c r="C52466" s="2"/>
    </row>
    <row r="52467" spans="1:3" ht="19.2">
      <c r="A52467" s="2"/>
      <c r="B52467" s="2"/>
      <c r="C52467" s="2"/>
    </row>
    <row r="52468" spans="1:3" ht="19.2">
      <c r="A52468" s="2"/>
      <c r="B52468" s="2"/>
      <c r="C52468" s="2"/>
    </row>
    <row r="52469" spans="1:3" ht="19.2">
      <c r="A52469" s="2"/>
      <c r="B52469" s="2"/>
      <c r="C52469" s="2"/>
    </row>
    <row r="52470" spans="1:3" ht="19.2">
      <c r="A52470" s="2"/>
      <c r="B52470" s="2"/>
      <c r="C52470" s="2"/>
    </row>
    <row r="52471" spans="1:3" ht="19.2">
      <c r="A52471" s="2"/>
      <c r="B52471" s="2"/>
      <c r="C52471" s="2"/>
    </row>
    <row r="52472" spans="1:3" ht="19.2">
      <c r="A52472" s="2"/>
      <c r="B52472" s="2"/>
      <c r="C52472" s="2"/>
    </row>
    <row r="52473" spans="1:3" ht="19.2">
      <c r="A52473" s="2"/>
      <c r="B52473" s="2"/>
      <c r="C52473" s="2"/>
    </row>
    <row r="52474" spans="1:3" ht="19.2">
      <c r="A52474" s="2"/>
      <c r="B52474" s="2"/>
      <c r="C52474" s="2"/>
    </row>
    <row r="52475" spans="1:3" ht="19.2">
      <c r="A52475" s="2"/>
      <c r="B52475" s="2"/>
      <c r="C52475" s="2"/>
    </row>
    <row r="52476" spans="1:3" ht="19.2">
      <c r="A52476" s="2"/>
      <c r="B52476" s="2"/>
      <c r="C52476" s="2"/>
    </row>
    <row r="52477" spans="1:3" ht="19.2">
      <c r="A52477" s="2"/>
      <c r="B52477" s="2"/>
      <c r="C52477" s="2"/>
    </row>
    <row r="52478" spans="1:3" ht="19.2">
      <c r="A52478" s="2"/>
      <c r="B52478" s="2"/>
      <c r="C52478" s="2"/>
    </row>
    <row r="52479" spans="1:3" ht="19.2">
      <c r="A52479" s="2"/>
      <c r="B52479" s="2"/>
      <c r="C52479" s="2"/>
    </row>
    <row r="52480" spans="1:3" ht="19.2">
      <c r="A52480" s="2"/>
      <c r="B52480" s="2"/>
      <c r="C52480" s="2"/>
    </row>
    <row r="52481" spans="1:3" ht="19.2">
      <c r="A52481" s="2"/>
      <c r="B52481" s="2"/>
      <c r="C52481" s="2"/>
    </row>
    <row r="52482" spans="1:3" ht="19.2">
      <c r="A52482" s="2"/>
      <c r="B52482" s="2"/>
      <c r="C52482" s="2"/>
    </row>
    <row r="52483" spans="1:3" ht="19.2">
      <c r="A52483" s="2"/>
      <c r="B52483" s="2"/>
      <c r="C52483" s="2"/>
    </row>
    <row r="52484" spans="1:3" ht="19.2">
      <c r="A52484" s="2"/>
      <c r="B52484" s="2"/>
      <c r="C52484" s="2"/>
    </row>
    <row r="52485" spans="1:3" ht="19.2">
      <c r="A52485" s="2"/>
      <c r="B52485" s="2"/>
      <c r="C52485" s="2"/>
    </row>
    <row r="52486" spans="1:3" ht="19.2">
      <c r="A52486" s="2"/>
      <c r="B52486" s="2"/>
      <c r="C52486" s="2"/>
    </row>
    <row r="52487" spans="1:3" ht="19.2">
      <c r="A52487" s="2"/>
      <c r="B52487" s="2"/>
      <c r="C52487" s="2"/>
    </row>
    <row r="52488" spans="1:3" ht="19.2">
      <c r="A52488" s="2"/>
      <c r="B52488" s="2"/>
      <c r="C52488" s="2"/>
    </row>
    <row r="52489" spans="1:3" ht="19.2">
      <c r="A52489" s="2"/>
      <c r="B52489" s="2"/>
      <c r="C52489" s="2"/>
    </row>
    <row r="52490" spans="1:3" ht="19.2">
      <c r="A52490" s="2"/>
      <c r="B52490" s="2"/>
      <c r="C52490" s="2"/>
    </row>
    <row r="52491" spans="1:3" ht="19.2">
      <c r="A52491" s="2"/>
      <c r="B52491" s="2"/>
      <c r="C52491" s="2"/>
    </row>
    <row r="52492" spans="1:3" ht="19.2">
      <c r="A52492" s="2"/>
      <c r="B52492" s="2"/>
      <c r="C52492" s="2"/>
    </row>
    <row r="52493" spans="1:3" ht="19.2">
      <c r="A52493" s="2"/>
      <c r="B52493" s="2"/>
      <c r="C52493" s="2"/>
    </row>
    <row r="52494" spans="1:3" ht="19.2">
      <c r="A52494" s="2"/>
      <c r="B52494" s="2"/>
      <c r="C52494" s="2"/>
    </row>
    <row r="52495" spans="1:3" ht="19.2">
      <c r="A52495" s="2"/>
      <c r="B52495" s="2"/>
      <c r="C52495" s="2"/>
    </row>
    <row r="52496" spans="1:3" ht="19.2">
      <c r="A52496" s="2"/>
      <c r="B52496" s="2"/>
      <c r="C52496" s="2"/>
    </row>
    <row r="52497" spans="1:3" ht="19.2">
      <c r="A52497" s="2"/>
      <c r="B52497" s="2"/>
      <c r="C52497" s="2"/>
    </row>
    <row r="52498" spans="1:3" ht="19.2">
      <c r="A52498" s="2"/>
      <c r="B52498" s="2"/>
      <c r="C52498" s="2"/>
    </row>
    <row r="52499" spans="1:3" ht="19.2">
      <c r="A52499" s="2"/>
      <c r="B52499" s="2"/>
      <c r="C52499" s="2"/>
    </row>
    <row r="52500" spans="1:3" ht="19.2">
      <c r="A52500" s="2"/>
      <c r="B52500" s="2"/>
      <c r="C52500" s="2"/>
    </row>
    <row r="52501" spans="1:3" ht="19.2">
      <c r="A52501" s="2"/>
      <c r="B52501" s="2"/>
      <c r="C52501" s="2"/>
    </row>
    <row r="52502" spans="1:3" ht="19.2">
      <c r="A52502" s="2"/>
      <c r="B52502" s="2"/>
      <c r="C52502" s="2"/>
    </row>
    <row r="52503" spans="1:3" ht="19.2">
      <c r="A52503" s="2"/>
      <c r="B52503" s="2"/>
      <c r="C52503" s="2"/>
    </row>
    <row r="52504" spans="1:3" ht="19.2">
      <c r="A52504" s="2"/>
      <c r="B52504" s="2"/>
      <c r="C52504" s="2"/>
    </row>
    <row r="52505" spans="1:3" ht="19.2">
      <c r="A52505" s="2"/>
      <c r="B52505" s="2"/>
      <c r="C52505" s="2"/>
    </row>
    <row r="52506" spans="1:3" ht="19.2">
      <c r="A52506" s="2"/>
      <c r="B52506" s="2"/>
      <c r="C52506" s="2"/>
    </row>
    <row r="52507" spans="1:3" ht="19.2">
      <c r="A52507" s="2"/>
      <c r="B52507" s="2"/>
      <c r="C52507" s="2"/>
    </row>
    <row r="52508" spans="1:3" ht="19.2">
      <c r="A52508" s="2"/>
      <c r="B52508" s="2"/>
      <c r="C52508" s="2"/>
    </row>
    <row r="52509" spans="1:3" ht="19.2">
      <c r="A52509" s="2"/>
      <c r="B52509" s="2"/>
      <c r="C52509" s="2"/>
    </row>
    <row r="52510" spans="1:3" ht="19.2">
      <c r="A52510" s="2"/>
      <c r="B52510" s="2"/>
      <c r="C52510" s="2"/>
    </row>
    <row r="52511" spans="1:3" ht="19.2">
      <c r="A52511" s="2"/>
      <c r="B52511" s="2"/>
      <c r="C52511" s="2"/>
    </row>
    <row r="52512" spans="1:3" ht="19.2">
      <c r="A52512" s="2"/>
      <c r="B52512" s="2"/>
      <c r="C52512" s="2"/>
    </row>
    <row r="52513" spans="1:3" ht="19.2">
      <c r="A52513" s="2"/>
      <c r="B52513" s="2"/>
      <c r="C52513" s="2"/>
    </row>
    <row r="52514" spans="1:3" ht="19.2">
      <c r="A52514" s="2"/>
      <c r="B52514" s="2"/>
      <c r="C52514" s="2"/>
    </row>
    <row r="52515" spans="1:3" ht="19.2">
      <c r="A52515" s="2"/>
      <c r="B52515" s="2"/>
      <c r="C52515" s="2"/>
    </row>
    <row r="52516" spans="1:3" ht="19.2">
      <c r="A52516" s="2"/>
      <c r="B52516" s="2"/>
      <c r="C52516" s="2"/>
    </row>
    <row r="52517" spans="1:3" ht="19.2">
      <c r="A52517" s="2"/>
      <c r="B52517" s="2"/>
      <c r="C52517" s="2"/>
    </row>
    <row r="52518" spans="1:3" ht="19.2">
      <c r="A52518" s="2"/>
      <c r="B52518" s="2"/>
      <c r="C52518" s="2"/>
    </row>
    <row r="52519" spans="1:3" ht="19.2">
      <c r="A52519" s="2"/>
      <c r="B52519" s="2"/>
      <c r="C52519" s="2"/>
    </row>
    <row r="52520" spans="1:3" ht="19.2">
      <c r="A52520" s="2"/>
      <c r="B52520" s="2"/>
      <c r="C52520" s="2"/>
    </row>
    <row r="52521" spans="1:3" ht="19.2">
      <c r="A52521" s="2"/>
      <c r="B52521" s="2"/>
      <c r="C52521" s="2"/>
    </row>
    <row r="52522" spans="1:3" ht="19.2">
      <c r="A52522" s="2"/>
      <c r="B52522" s="2"/>
      <c r="C52522" s="2"/>
    </row>
    <row r="52523" spans="1:3" ht="19.2">
      <c r="A52523" s="2"/>
      <c r="B52523" s="2"/>
      <c r="C52523" s="2"/>
    </row>
    <row r="52524" spans="1:3" ht="19.2">
      <c r="A52524" s="2"/>
      <c r="B52524" s="2"/>
      <c r="C52524" s="2"/>
    </row>
    <row r="52525" spans="1:3" ht="19.2">
      <c r="A52525" s="2"/>
      <c r="B52525" s="2"/>
      <c r="C52525" s="2"/>
    </row>
    <row r="52526" spans="1:3" ht="19.2">
      <c r="A52526" s="2"/>
      <c r="B52526" s="2"/>
      <c r="C52526" s="2"/>
    </row>
    <row r="52527" spans="1:3" ht="19.2">
      <c r="A52527" s="2"/>
      <c r="B52527" s="2"/>
      <c r="C52527" s="2"/>
    </row>
    <row r="52528" spans="1:3" ht="19.2">
      <c r="A52528" s="2"/>
      <c r="B52528" s="2"/>
      <c r="C52528" s="2"/>
    </row>
    <row r="52529" spans="1:3" ht="19.2">
      <c r="A52529" s="2"/>
      <c r="B52529" s="2"/>
      <c r="C52529" s="2"/>
    </row>
    <row r="52530" spans="1:3" ht="19.2">
      <c r="A52530" s="2"/>
      <c r="B52530" s="2"/>
      <c r="C52530" s="2"/>
    </row>
    <row r="52531" spans="1:3" ht="19.2">
      <c r="A52531" s="2"/>
      <c r="B52531" s="2"/>
      <c r="C52531" s="2"/>
    </row>
    <row r="52532" spans="1:3" ht="19.2">
      <c r="A52532" s="2"/>
      <c r="B52532" s="2"/>
      <c r="C52532" s="2"/>
    </row>
    <row r="52533" spans="1:3" ht="19.2">
      <c r="A52533" s="2"/>
      <c r="B52533" s="2"/>
      <c r="C52533" s="2"/>
    </row>
    <row r="52534" spans="1:3" ht="19.2">
      <c r="A52534" s="2"/>
      <c r="B52534" s="2"/>
      <c r="C52534" s="2"/>
    </row>
    <row r="52535" spans="1:3" ht="19.2">
      <c r="A52535" s="2"/>
      <c r="B52535" s="2"/>
      <c r="C52535" s="2"/>
    </row>
    <row r="52536" spans="1:3" ht="19.2">
      <c r="A52536" s="2"/>
      <c r="B52536" s="2"/>
      <c r="C52536" s="2"/>
    </row>
    <row r="52537" spans="1:3" ht="19.2">
      <c r="A52537" s="2"/>
      <c r="B52537" s="2"/>
      <c r="C52537" s="2"/>
    </row>
    <row r="52538" spans="1:3" ht="19.2">
      <c r="A52538" s="2"/>
      <c r="B52538" s="2"/>
      <c r="C52538" s="2"/>
    </row>
    <row r="52539" spans="1:3" ht="19.2">
      <c r="A52539" s="2"/>
      <c r="B52539" s="2"/>
      <c r="C52539" s="2"/>
    </row>
    <row r="52540" spans="1:3" ht="19.2">
      <c r="A52540" s="2"/>
      <c r="B52540" s="2"/>
      <c r="C52540" s="2"/>
    </row>
    <row r="52541" spans="1:3" ht="19.2">
      <c r="A52541" s="2"/>
      <c r="B52541" s="2"/>
      <c r="C52541" s="2"/>
    </row>
    <row r="52542" spans="1:3" ht="19.2">
      <c r="A52542" s="2"/>
      <c r="B52542" s="2"/>
      <c r="C52542" s="2"/>
    </row>
    <row r="52543" spans="1:3" ht="19.2">
      <c r="A52543" s="2"/>
      <c r="B52543" s="2"/>
      <c r="C52543" s="2"/>
    </row>
    <row r="52544" spans="1:3" ht="19.2">
      <c r="A52544" s="2"/>
      <c r="B52544" s="2"/>
      <c r="C52544" s="2"/>
    </row>
    <row r="52545" spans="1:3" ht="19.2">
      <c r="A52545" s="2"/>
      <c r="B52545" s="2"/>
      <c r="C52545" s="2"/>
    </row>
    <row r="52546" spans="1:3" ht="19.2">
      <c r="A52546" s="2"/>
      <c r="B52546" s="2"/>
      <c r="C52546" s="2"/>
    </row>
    <row r="52547" spans="1:3" ht="19.2">
      <c r="A52547" s="2"/>
      <c r="B52547" s="2"/>
      <c r="C52547" s="2"/>
    </row>
    <row r="52548" spans="1:3" ht="19.2">
      <c r="A52548" s="2"/>
      <c r="B52548" s="2"/>
      <c r="C52548" s="2"/>
    </row>
    <row r="52549" spans="1:3" ht="19.2">
      <c r="A52549" s="2"/>
      <c r="B52549" s="2"/>
      <c r="C52549" s="2"/>
    </row>
    <row r="52550" spans="1:3" ht="19.2">
      <c r="A52550" s="2"/>
      <c r="B52550" s="2"/>
      <c r="C52550" s="2"/>
    </row>
    <row r="52551" spans="1:3" ht="19.2">
      <c r="A52551" s="2"/>
      <c r="B52551" s="2"/>
      <c r="C52551" s="2"/>
    </row>
    <row r="52552" spans="1:3" ht="19.2">
      <c r="A52552" s="2"/>
      <c r="B52552" s="2"/>
      <c r="C52552" s="2"/>
    </row>
    <row r="52553" spans="1:3" ht="19.2">
      <c r="A52553" s="2"/>
      <c r="B52553" s="2"/>
      <c r="C52553" s="2"/>
    </row>
    <row r="52554" spans="1:3" ht="19.2">
      <c r="A52554" s="2"/>
      <c r="B52554" s="2"/>
      <c r="C52554" s="2"/>
    </row>
    <row r="52555" spans="1:3" ht="19.2">
      <c r="A52555" s="2"/>
      <c r="B52555" s="2"/>
      <c r="C52555" s="2"/>
    </row>
    <row r="52556" spans="1:3" ht="19.2">
      <c r="A52556" s="2"/>
      <c r="B52556" s="2"/>
      <c r="C52556" s="2"/>
    </row>
    <row r="52557" spans="1:3" ht="19.2">
      <c r="A52557" s="2"/>
      <c r="B52557" s="2"/>
      <c r="C52557" s="2"/>
    </row>
    <row r="52558" spans="1:3" ht="19.2">
      <c r="A52558" s="2"/>
      <c r="B52558" s="2"/>
      <c r="C52558" s="2"/>
    </row>
    <row r="52559" spans="1:3" ht="19.2">
      <c r="A52559" s="2"/>
      <c r="B52559" s="2"/>
      <c r="C52559" s="2"/>
    </row>
    <row r="52560" spans="1:3" ht="19.2">
      <c r="A52560" s="2"/>
      <c r="B52560" s="2"/>
      <c r="C52560" s="2"/>
    </row>
    <row r="52561" spans="1:3" ht="19.2">
      <c r="A52561" s="2"/>
      <c r="B52561" s="2"/>
      <c r="C52561" s="2"/>
    </row>
    <row r="52562" spans="1:3" ht="19.2">
      <c r="A52562" s="2"/>
      <c r="B52562" s="2"/>
      <c r="C52562" s="2"/>
    </row>
    <row r="52563" spans="1:3" ht="19.2">
      <c r="A52563" s="2"/>
      <c r="B52563" s="2"/>
      <c r="C52563" s="2"/>
    </row>
    <row r="52564" spans="1:3" ht="19.2">
      <c r="A52564" s="2"/>
      <c r="B52564" s="2"/>
      <c r="C52564" s="2"/>
    </row>
    <row r="52565" spans="1:3" ht="19.2">
      <c r="A52565" s="2"/>
      <c r="B52565" s="2"/>
      <c r="C52565" s="2"/>
    </row>
    <row r="52566" spans="1:3" ht="19.2">
      <c r="A52566" s="2"/>
      <c r="B52566" s="2"/>
      <c r="C52566" s="2"/>
    </row>
    <row r="52567" spans="1:3" ht="19.2">
      <c r="A52567" s="2"/>
      <c r="B52567" s="2"/>
      <c r="C52567" s="2"/>
    </row>
    <row r="52568" spans="1:3" ht="19.2">
      <c r="A52568" s="2"/>
      <c r="B52568" s="2"/>
      <c r="C52568" s="2"/>
    </row>
    <row r="52569" spans="1:3" ht="19.2">
      <c r="A52569" s="2"/>
      <c r="B52569" s="2"/>
      <c r="C52569" s="2"/>
    </row>
    <row r="52570" spans="1:3" ht="19.2">
      <c r="A52570" s="2"/>
      <c r="B52570" s="2"/>
      <c r="C52570" s="2"/>
    </row>
    <row r="52571" spans="1:3" ht="19.2">
      <c r="A52571" s="2"/>
      <c r="B52571" s="2"/>
      <c r="C52571" s="2"/>
    </row>
    <row r="52572" spans="1:3" ht="19.2">
      <c r="A52572" s="2"/>
      <c r="B52572" s="2"/>
      <c r="C52572" s="2"/>
    </row>
    <row r="52573" spans="1:3" ht="19.2">
      <c r="A52573" s="2"/>
      <c r="B52573" s="2"/>
      <c r="C52573" s="2"/>
    </row>
    <row r="52574" spans="1:3" ht="19.2">
      <c r="A52574" s="2"/>
      <c r="B52574" s="2"/>
      <c r="C52574" s="2"/>
    </row>
    <row r="52575" spans="1:3" ht="19.2">
      <c r="A52575" s="2"/>
      <c r="B52575" s="2"/>
      <c r="C52575" s="2"/>
    </row>
    <row r="52576" spans="1:3" ht="19.2">
      <c r="A52576" s="2"/>
      <c r="B52576" s="2"/>
      <c r="C52576" s="2"/>
    </row>
    <row r="52577" spans="1:3" ht="19.2">
      <c r="A52577" s="2"/>
      <c r="B52577" s="2"/>
      <c r="C52577" s="2"/>
    </row>
    <row r="52578" spans="1:3" ht="19.2">
      <c r="A52578" s="2"/>
      <c r="B52578" s="2"/>
      <c r="C52578" s="2"/>
    </row>
    <row r="52579" spans="1:3" ht="19.2">
      <c r="A52579" s="2"/>
      <c r="B52579" s="2"/>
      <c r="C52579" s="2"/>
    </row>
    <row r="52580" spans="1:3" ht="19.2">
      <c r="A52580" s="2"/>
      <c r="B52580" s="2"/>
      <c r="C52580" s="2"/>
    </row>
    <row r="52581" spans="1:3" ht="19.2">
      <c r="A52581" s="2"/>
      <c r="B52581" s="2"/>
      <c r="C52581" s="2"/>
    </row>
    <row r="52582" spans="1:3" ht="19.2">
      <c r="A52582" s="2"/>
      <c r="B52582" s="2"/>
      <c r="C52582" s="2"/>
    </row>
    <row r="52583" spans="1:3" ht="19.2">
      <c r="A52583" s="2"/>
      <c r="B52583" s="2"/>
      <c r="C52583" s="2"/>
    </row>
    <row r="52584" spans="1:3" ht="19.2">
      <c r="A52584" s="2"/>
      <c r="B52584" s="2"/>
      <c r="C52584" s="2"/>
    </row>
    <row r="52585" spans="1:3" ht="19.2">
      <c r="A52585" s="2"/>
      <c r="B52585" s="2"/>
      <c r="C52585" s="2"/>
    </row>
    <row r="52586" spans="1:3" ht="19.2">
      <c r="A52586" s="2"/>
      <c r="B52586" s="2"/>
      <c r="C52586" s="2"/>
    </row>
    <row r="52587" spans="1:3" ht="19.2">
      <c r="A52587" s="2"/>
      <c r="B52587" s="2"/>
      <c r="C52587" s="2"/>
    </row>
    <row r="52588" spans="1:3" ht="19.2">
      <c r="A52588" s="2"/>
      <c r="B52588" s="2"/>
      <c r="C52588" s="2"/>
    </row>
    <row r="52589" spans="1:3" ht="19.2">
      <c r="A52589" s="2"/>
      <c r="B52589" s="2"/>
      <c r="C52589" s="2"/>
    </row>
    <row r="52590" spans="1:3" ht="19.2">
      <c r="A52590" s="2"/>
      <c r="B52590" s="2"/>
      <c r="C52590" s="2"/>
    </row>
    <row r="52591" spans="1:3" ht="19.2">
      <c r="A52591" s="2"/>
      <c r="B52591" s="2"/>
      <c r="C52591" s="2"/>
    </row>
    <row r="52592" spans="1:3" ht="19.2">
      <c r="A52592" s="2"/>
      <c r="B52592" s="2"/>
      <c r="C52592" s="2"/>
    </row>
    <row r="52593" spans="1:3" ht="19.2">
      <c r="A52593" s="2"/>
      <c r="B52593" s="2"/>
      <c r="C52593" s="2"/>
    </row>
    <row r="52594" spans="1:3" ht="19.2">
      <c r="A52594" s="2"/>
      <c r="B52594" s="2"/>
      <c r="C52594" s="2"/>
    </row>
    <row r="52595" spans="1:3" ht="19.2">
      <c r="A52595" s="2"/>
      <c r="B52595" s="2"/>
      <c r="C52595" s="2"/>
    </row>
    <row r="52596" spans="1:3" ht="19.2">
      <c r="A52596" s="2"/>
      <c r="B52596" s="2"/>
      <c r="C52596" s="2"/>
    </row>
    <row r="52597" spans="1:3" ht="19.2">
      <c r="A52597" s="2"/>
      <c r="B52597" s="2"/>
      <c r="C52597" s="2"/>
    </row>
    <row r="52598" spans="1:3" ht="19.2">
      <c r="A52598" s="2"/>
      <c r="B52598" s="2"/>
      <c r="C52598" s="2"/>
    </row>
    <row r="52599" spans="1:3" ht="19.2">
      <c r="A52599" s="2"/>
      <c r="B52599" s="2"/>
      <c r="C52599" s="2"/>
    </row>
    <row r="52600" spans="1:3" ht="19.2">
      <c r="A52600" s="2"/>
      <c r="B52600" s="2"/>
      <c r="C52600" s="2"/>
    </row>
    <row r="52601" spans="1:3" ht="19.2">
      <c r="A52601" s="2"/>
      <c r="B52601" s="2"/>
      <c r="C52601" s="2"/>
    </row>
    <row r="52602" spans="1:3" ht="19.2">
      <c r="A52602" s="2"/>
      <c r="B52602" s="2"/>
      <c r="C52602" s="2"/>
    </row>
    <row r="52603" spans="1:3" ht="19.2">
      <c r="A52603" s="2"/>
      <c r="B52603" s="2"/>
      <c r="C52603" s="2"/>
    </row>
    <row r="52604" spans="1:3" ht="19.2">
      <c r="A52604" s="2"/>
      <c r="B52604" s="2"/>
      <c r="C52604" s="2"/>
    </row>
    <row r="52605" spans="1:3" ht="19.2">
      <c r="A52605" s="2"/>
      <c r="B52605" s="2"/>
      <c r="C52605" s="2"/>
    </row>
    <row r="52606" spans="1:3" ht="19.2">
      <c r="A52606" s="2"/>
      <c r="B52606" s="2"/>
      <c r="C52606" s="2"/>
    </row>
    <row r="52607" spans="1:3" ht="19.2">
      <c r="A52607" s="2"/>
      <c r="B52607" s="2"/>
      <c r="C52607" s="2"/>
    </row>
    <row r="52608" spans="1:3" ht="19.2">
      <c r="A52608" s="2"/>
      <c r="B52608" s="2"/>
      <c r="C52608" s="2"/>
    </row>
    <row r="52609" spans="1:3" ht="19.2">
      <c r="A52609" s="2"/>
      <c r="B52609" s="2"/>
      <c r="C52609" s="2"/>
    </row>
    <row r="52610" spans="1:3" ht="19.2">
      <c r="A52610" s="2"/>
      <c r="B52610" s="2"/>
      <c r="C52610" s="2"/>
    </row>
    <row r="52611" spans="1:3" ht="19.2">
      <c r="A52611" s="2"/>
      <c r="B52611" s="2"/>
      <c r="C52611" s="2"/>
    </row>
    <row r="52612" spans="1:3" ht="19.2">
      <c r="A52612" s="2"/>
      <c r="B52612" s="2"/>
      <c r="C52612" s="2"/>
    </row>
    <row r="52613" spans="1:3" ht="19.2">
      <c r="A52613" s="2"/>
      <c r="B52613" s="2"/>
      <c r="C52613" s="2"/>
    </row>
    <row r="52614" spans="1:3" ht="19.2">
      <c r="A52614" s="2"/>
      <c r="B52614" s="2"/>
      <c r="C52614" s="2"/>
    </row>
    <row r="52615" spans="1:3" ht="19.2">
      <c r="A52615" s="2"/>
      <c r="B52615" s="2"/>
      <c r="C52615" s="2"/>
    </row>
    <row r="52616" spans="1:3" ht="19.2">
      <c r="A52616" s="2"/>
      <c r="B52616" s="2"/>
      <c r="C52616" s="2"/>
    </row>
    <row r="52617" spans="1:3" ht="19.2">
      <c r="A52617" s="2"/>
      <c r="B52617" s="2"/>
      <c r="C52617" s="2"/>
    </row>
    <row r="52618" spans="1:3" ht="19.2">
      <c r="A52618" s="2"/>
      <c r="B52618" s="2"/>
      <c r="C52618" s="2"/>
    </row>
    <row r="52619" spans="1:3" ht="19.2">
      <c r="A52619" s="2"/>
      <c r="B52619" s="2"/>
      <c r="C52619" s="2"/>
    </row>
    <row r="52620" spans="1:3" ht="19.2">
      <c r="A52620" s="2"/>
      <c r="B52620" s="2"/>
      <c r="C52620" s="2"/>
    </row>
    <row r="52621" spans="1:3" ht="19.2">
      <c r="A52621" s="2"/>
      <c r="B52621" s="2"/>
      <c r="C52621" s="2"/>
    </row>
    <row r="52622" spans="1:3" ht="19.2">
      <c r="A52622" s="2"/>
      <c r="B52622" s="2"/>
      <c r="C52622" s="2"/>
    </row>
    <row r="52623" spans="1:3" ht="19.2">
      <c r="A52623" s="2"/>
      <c r="B52623" s="2"/>
      <c r="C52623" s="2"/>
    </row>
    <row r="52624" spans="1:3" ht="19.2">
      <c r="A52624" s="2"/>
      <c r="B52624" s="2"/>
      <c r="C52624" s="2"/>
    </row>
    <row r="52625" spans="1:3" ht="19.2">
      <c r="A52625" s="2"/>
      <c r="B52625" s="2"/>
      <c r="C52625" s="2"/>
    </row>
    <row r="52626" spans="1:3" ht="19.2">
      <c r="A52626" s="2"/>
      <c r="B52626" s="2"/>
      <c r="C52626" s="2"/>
    </row>
    <row r="52627" spans="1:3" ht="19.2">
      <c r="A52627" s="2"/>
      <c r="B52627" s="2"/>
      <c r="C52627" s="2"/>
    </row>
    <row r="52628" spans="1:3" ht="19.2">
      <c r="A52628" s="2"/>
      <c r="B52628" s="2"/>
      <c r="C52628" s="2"/>
    </row>
    <row r="52629" spans="1:3" ht="19.2">
      <c r="A52629" s="2"/>
      <c r="B52629" s="2"/>
      <c r="C52629" s="2"/>
    </row>
    <row r="52630" spans="1:3" ht="19.2">
      <c r="A52630" s="2"/>
      <c r="B52630" s="2"/>
      <c r="C52630" s="2"/>
    </row>
    <row r="52631" spans="1:3" ht="19.2">
      <c r="A52631" s="2"/>
      <c r="B52631" s="2"/>
      <c r="C52631" s="2"/>
    </row>
    <row r="52632" spans="1:3" ht="19.2">
      <c r="A52632" s="2"/>
      <c r="B52632" s="2"/>
      <c r="C52632" s="2"/>
    </row>
    <row r="52633" spans="1:3" ht="19.2">
      <c r="A52633" s="2"/>
      <c r="B52633" s="2"/>
      <c r="C52633" s="2"/>
    </row>
    <row r="52634" spans="1:3" ht="19.2">
      <c r="A52634" s="2"/>
      <c r="B52634" s="2"/>
      <c r="C52634" s="2"/>
    </row>
    <row r="52635" spans="1:3" ht="19.2">
      <c r="A52635" s="2"/>
      <c r="B52635" s="2"/>
      <c r="C52635" s="2"/>
    </row>
    <row r="52636" spans="1:3" ht="19.2">
      <c r="A52636" s="2"/>
      <c r="B52636" s="2"/>
      <c r="C52636" s="2"/>
    </row>
    <row r="52637" spans="1:3" ht="19.2">
      <c r="A52637" s="2"/>
      <c r="B52637" s="2"/>
      <c r="C52637" s="2"/>
    </row>
    <row r="52638" spans="1:3" ht="19.2">
      <c r="A52638" s="2"/>
      <c r="B52638" s="2"/>
      <c r="C52638" s="2"/>
    </row>
    <row r="52639" spans="1:3" ht="19.2">
      <c r="A52639" s="2"/>
      <c r="B52639" s="2"/>
      <c r="C52639" s="2"/>
    </row>
    <row r="52640" spans="1:3" ht="19.2">
      <c r="A52640" s="2"/>
      <c r="B52640" s="2"/>
      <c r="C52640" s="2"/>
    </row>
    <row r="52641" spans="1:3" ht="19.2">
      <c r="A52641" s="2"/>
      <c r="B52641" s="2"/>
      <c r="C52641" s="2"/>
    </row>
    <row r="52642" spans="1:3" ht="19.2">
      <c r="A52642" s="2"/>
      <c r="B52642" s="2"/>
      <c r="C52642" s="2"/>
    </row>
    <row r="52643" spans="1:3" ht="19.2">
      <c r="A52643" s="2"/>
      <c r="B52643" s="2"/>
      <c r="C52643" s="2"/>
    </row>
    <row r="52644" spans="1:3" ht="19.2">
      <c r="A52644" s="2"/>
      <c r="B52644" s="2"/>
      <c r="C52644" s="2"/>
    </row>
    <row r="52645" spans="1:3" ht="19.2">
      <c r="A52645" s="2"/>
      <c r="B52645" s="2"/>
      <c r="C52645" s="2"/>
    </row>
    <row r="52646" spans="1:3" ht="19.2">
      <c r="A52646" s="2"/>
      <c r="B52646" s="2"/>
      <c r="C52646" s="2"/>
    </row>
    <row r="52647" spans="1:3" ht="19.2">
      <c r="A52647" s="2"/>
      <c r="B52647" s="2"/>
      <c r="C52647" s="2"/>
    </row>
    <row r="52648" spans="1:3" ht="19.2">
      <c r="A52648" s="2"/>
      <c r="B52648" s="2"/>
      <c r="C52648" s="2"/>
    </row>
    <row r="52649" spans="1:3" ht="19.2">
      <c r="A52649" s="2"/>
      <c r="B52649" s="2"/>
      <c r="C52649" s="2"/>
    </row>
    <row r="52650" spans="1:3" ht="19.2">
      <c r="A52650" s="2"/>
      <c r="B52650" s="2"/>
      <c r="C52650" s="2"/>
    </row>
    <row r="52651" spans="1:3" ht="19.2">
      <c r="A52651" s="2"/>
      <c r="B52651" s="2"/>
      <c r="C52651" s="2"/>
    </row>
    <row r="52652" spans="1:3" ht="19.2">
      <c r="A52652" s="2"/>
      <c r="B52652" s="2"/>
      <c r="C52652" s="2"/>
    </row>
    <row r="52653" spans="1:3" ht="19.2">
      <c r="A52653" s="2"/>
      <c r="B52653" s="2"/>
      <c r="C52653" s="2"/>
    </row>
    <row r="52654" spans="1:3" ht="19.2">
      <c r="A52654" s="2"/>
      <c r="B52654" s="2"/>
      <c r="C52654" s="2"/>
    </row>
    <row r="52655" spans="1:3" ht="19.2">
      <c r="A52655" s="2"/>
      <c r="B52655" s="2"/>
      <c r="C52655" s="2"/>
    </row>
    <row r="52656" spans="1:3" ht="19.2">
      <c r="A52656" s="2"/>
      <c r="B52656" s="2"/>
      <c r="C52656" s="2"/>
    </row>
    <row r="52657" spans="1:3" ht="19.2">
      <c r="A52657" s="2"/>
      <c r="B52657" s="2"/>
      <c r="C52657" s="2"/>
    </row>
    <row r="52658" spans="1:3" ht="19.2">
      <c r="A52658" s="2"/>
      <c r="B52658" s="2"/>
      <c r="C52658" s="2"/>
    </row>
    <row r="52659" spans="1:3" ht="19.2">
      <c r="A52659" s="2"/>
      <c r="B52659" s="2"/>
      <c r="C52659" s="2"/>
    </row>
    <row r="52660" spans="1:3" ht="19.2">
      <c r="A52660" s="2"/>
      <c r="B52660" s="2"/>
      <c r="C52660" s="2"/>
    </row>
    <row r="52661" spans="1:3" ht="19.2">
      <c r="A52661" s="2"/>
      <c r="B52661" s="2"/>
      <c r="C52661" s="2"/>
    </row>
    <row r="52662" spans="1:3" ht="19.2">
      <c r="A52662" s="2"/>
      <c r="B52662" s="2"/>
      <c r="C52662" s="2"/>
    </row>
    <row r="52663" spans="1:3" ht="19.2">
      <c r="A52663" s="2"/>
      <c r="B52663" s="2"/>
      <c r="C52663" s="2"/>
    </row>
    <row r="52664" spans="1:3" ht="19.2">
      <c r="A52664" s="2"/>
      <c r="B52664" s="2"/>
      <c r="C52664" s="2"/>
    </row>
    <row r="52665" spans="1:3" ht="19.2">
      <c r="A52665" s="2"/>
      <c r="B52665" s="2"/>
      <c r="C52665" s="2"/>
    </row>
    <row r="52666" spans="1:3" ht="19.2">
      <c r="A52666" s="2"/>
      <c r="B52666" s="2"/>
      <c r="C52666" s="2"/>
    </row>
    <row r="52667" spans="1:3" ht="19.2">
      <c r="A52667" s="2"/>
      <c r="B52667" s="2"/>
      <c r="C52667" s="2"/>
    </row>
    <row r="52668" spans="1:3" ht="19.2">
      <c r="A52668" s="2"/>
      <c r="B52668" s="2"/>
      <c r="C52668" s="2"/>
    </row>
    <row r="52669" spans="1:3" ht="19.2">
      <c r="A52669" s="2"/>
      <c r="B52669" s="2"/>
      <c r="C52669" s="2"/>
    </row>
    <row r="52670" spans="1:3" ht="19.2">
      <c r="A52670" s="2"/>
      <c r="B52670" s="2"/>
      <c r="C52670" s="2"/>
    </row>
    <row r="52671" spans="1:3" ht="19.2">
      <c r="A52671" s="2"/>
      <c r="B52671" s="2"/>
      <c r="C52671" s="2"/>
    </row>
    <row r="52672" spans="1:3" ht="19.2">
      <c r="A52672" s="2"/>
      <c r="B52672" s="2"/>
      <c r="C52672" s="2"/>
    </row>
    <row r="52673" spans="1:3" ht="19.2">
      <c r="A52673" s="2"/>
      <c r="B52673" s="2"/>
      <c r="C52673" s="2"/>
    </row>
    <row r="52674" spans="1:3" ht="19.2">
      <c r="A52674" s="2"/>
      <c r="B52674" s="2"/>
      <c r="C52674" s="2"/>
    </row>
    <row r="52675" spans="1:3" ht="19.2">
      <c r="A52675" s="2"/>
      <c r="B52675" s="2"/>
      <c r="C52675" s="2"/>
    </row>
    <row r="52676" spans="1:3" ht="19.2">
      <c r="A52676" s="2"/>
      <c r="B52676" s="2"/>
      <c r="C52676" s="2"/>
    </row>
    <row r="52677" spans="1:3" ht="19.2">
      <c r="A52677" s="2"/>
      <c r="B52677" s="2"/>
      <c r="C52677" s="2"/>
    </row>
    <row r="52678" spans="1:3" ht="19.2">
      <c r="A52678" s="2"/>
      <c r="B52678" s="2"/>
      <c r="C52678" s="2"/>
    </row>
    <row r="52679" spans="1:3" ht="19.2">
      <c r="A52679" s="2"/>
      <c r="B52679" s="2"/>
      <c r="C52679" s="2"/>
    </row>
    <row r="52680" spans="1:3" ht="19.2">
      <c r="A52680" s="2"/>
      <c r="B52680" s="2"/>
      <c r="C52680" s="2"/>
    </row>
    <row r="52681" spans="1:3" ht="19.2">
      <c r="A52681" s="2"/>
      <c r="B52681" s="2"/>
      <c r="C52681" s="2"/>
    </row>
    <row r="52682" spans="1:3" ht="19.2">
      <c r="A52682" s="2"/>
      <c r="B52682" s="2"/>
      <c r="C52682" s="2"/>
    </row>
    <row r="52683" spans="1:3" ht="19.2">
      <c r="A52683" s="2"/>
      <c r="B52683" s="2"/>
      <c r="C52683" s="2"/>
    </row>
    <row r="52684" spans="1:3" ht="19.2">
      <c r="A52684" s="2"/>
      <c r="B52684" s="2"/>
      <c r="C52684" s="2"/>
    </row>
    <row r="52685" spans="1:3" ht="19.2">
      <c r="A52685" s="2"/>
      <c r="B52685" s="2"/>
      <c r="C52685" s="2"/>
    </row>
    <row r="52686" spans="1:3" ht="19.2">
      <c r="A52686" s="2"/>
      <c r="B52686" s="2"/>
      <c r="C52686" s="2"/>
    </row>
    <row r="52687" spans="1:3" ht="19.2">
      <c r="A52687" s="2"/>
      <c r="B52687" s="2"/>
      <c r="C52687" s="2"/>
    </row>
    <row r="52688" spans="1:3" ht="19.2">
      <c r="A52688" s="2"/>
      <c r="B52688" s="2"/>
      <c r="C52688" s="2"/>
    </row>
    <row r="52689" spans="1:3" ht="19.2">
      <c r="A52689" s="2"/>
      <c r="B52689" s="2"/>
      <c r="C52689" s="2"/>
    </row>
    <row r="52690" spans="1:3" ht="19.2">
      <c r="A52690" s="2"/>
      <c r="B52690" s="2"/>
      <c r="C52690" s="2"/>
    </row>
    <row r="52691" spans="1:3" ht="19.2">
      <c r="A52691" s="2"/>
      <c r="B52691" s="2"/>
      <c r="C52691" s="2"/>
    </row>
    <row r="52692" spans="1:3" ht="19.2">
      <c r="A52692" s="2"/>
      <c r="B52692" s="2"/>
      <c r="C52692" s="2"/>
    </row>
    <row r="52693" spans="1:3" ht="19.2">
      <c r="A52693" s="2"/>
      <c r="B52693" s="2"/>
      <c r="C52693" s="2"/>
    </row>
    <row r="52694" spans="1:3" ht="19.2">
      <c r="A52694" s="2"/>
      <c r="B52694" s="2"/>
      <c r="C52694" s="2"/>
    </row>
    <row r="52695" spans="1:3" ht="19.2">
      <c r="A52695" s="2"/>
      <c r="B52695" s="2"/>
      <c r="C52695" s="2"/>
    </row>
    <row r="52696" spans="1:3" ht="19.2">
      <c r="A52696" s="2"/>
      <c r="B52696" s="2"/>
      <c r="C52696" s="2"/>
    </row>
    <row r="52697" spans="1:3" ht="19.2">
      <c r="A52697" s="2"/>
      <c r="B52697" s="2"/>
      <c r="C52697" s="2"/>
    </row>
    <row r="52698" spans="1:3" ht="19.2">
      <c r="A52698" s="2"/>
      <c r="B52698" s="2"/>
      <c r="C52698" s="2"/>
    </row>
    <row r="52699" spans="1:3" ht="19.2">
      <c r="A52699" s="2"/>
      <c r="B52699" s="2"/>
      <c r="C52699" s="2"/>
    </row>
    <row r="52700" spans="1:3" ht="19.2">
      <c r="A52700" s="2"/>
      <c r="B52700" s="2"/>
      <c r="C52700" s="2"/>
    </row>
    <row r="52701" spans="1:3" ht="19.2">
      <c r="A52701" s="2"/>
      <c r="B52701" s="2"/>
      <c r="C52701" s="2"/>
    </row>
    <row r="52702" spans="1:3" ht="19.2">
      <c r="A52702" s="2"/>
      <c r="B52702" s="2"/>
      <c r="C52702" s="2"/>
    </row>
    <row r="52703" spans="1:3" ht="19.2">
      <c r="A52703" s="2"/>
      <c r="B52703" s="2"/>
      <c r="C52703" s="2"/>
    </row>
    <row r="52704" spans="1:3" ht="19.2">
      <c r="A52704" s="2"/>
      <c r="B52704" s="2"/>
      <c r="C52704" s="2"/>
    </row>
    <row r="52705" spans="1:3" ht="19.2">
      <c r="A52705" s="2"/>
      <c r="B52705" s="2"/>
      <c r="C52705" s="2"/>
    </row>
    <row r="52706" spans="1:3" ht="19.2">
      <c r="A52706" s="2"/>
      <c r="B52706" s="2"/>
      <c r="C52706" s="2"/>
    </row>
    <row r="52707" spans="1:3" ht="19.2">
      <c r="A52707" s="2"/>
      <c r="B52707" s="2"/>
      <c r="C52707" s="2"/>
    </row>
    <row r="52708" spans="1:3" ht="19.2">
      <c r="A52708" s="2"/>
      <c r="B52708" s="2"/>
      <c r="C52708" s="2"/>
    </row>
    <row r="52709" spans="1:3" ht="19.2">
      <c r="A52709" s="2"/>
      <c r="B52709" s="2"/>
      <c r="C52709" s="2"/>
    </row>
    <row r="52710" spans="1:3" ht="19.2">
      <c r="A52710" s="2"/>
      <c r="B52710" s="2"/>
      <c r="C52710" s="2"/>
    </row>
    <row r="52711" spans="1:3" ht="19.2">
      <c r="A52711" s="2"/>
      <c r="B52711" s="2"/>
      <c r="C52711" s="2"/>
    </row>
    <row r="52712" spans="1:3" ht="19.2">
      <c r="A52712" s="2"/>
      <c r="B52712" s="2"/>
      <c r="C52712" s="2"/>
    </row>
    <row r="52713" spans="1:3" ht="19.2">
      <c r="A52713" s="2"/>
      <c r="B52713" s="2"/>
      <c r="C52713" s="2"/>
    </row>
    <row r="52714" spans="1:3" ht="19.2">
      <c r="A52714" s="2"/>
      <c r="B52714" s="2"/>
      <c r="C52714" s="2"/>
    </row>
    <row r="52715" spans="1:3" ht="19.2">
      <c r="A52715" s="2"/>
      <c r="B52715" s="2"/>
      <c r="C52715" s="2"/>
    </row>
    <row r="52716" spans="1:3" ht="19.2">
      <c r="A52716" s="2"/>
      <c r="B52716" s="2"/>
      <c r="C52716" s="2"/>
    </row>
    <row r="52717" spans="1:3" ht="19.2">
      <c r="A52717" s="2"/>
      <c r="B52717" s="2"/>
      <c r="C52717" s="2"/>
    </row>
    <row r="52718" spans="1:3" ht="19.2">
      <c r="A52718" s="2"/>
      <c r="B52718" s="2"/>
      <c r="C52718" s="2"/>
    </row>
    <row r="52719" spans="1:3" ht="19.2">
      <c r="A52719" s="2"/>
      <c r="B52719" s="2"/>
      <c r="C52719" s="2"/>
    </row>
    <row r="52720" spans="1:3" ht="19.2">
      <c r="A52720" s="2"/>
      <c r="B52720" s="2"/>
      <c r="C52720" s="2"/>
    </row>
    <row r="52721" spans="1:3" ht="19.2">
      <c r="A52721" s="2"/>
      <c r="B52721" s="2"/>
      <c r="C52721" s="2"/>
    </row>
    <row r="52722" spans="1:3" ht="19.2">
      <c r="A52722" s="2"/>
      <c r="B52722" s="2"/>
      <c r="C52722" s="2"/>
    </row>
    <row r="52723" spans="1:3" ht="19.2">
      <c r="A52723" s="2"/>
      <c r="B52723" s="2"/>
      <c r="C52723" s="2"/>
    </row>
    <row r="52724" spans="1:3" ht="19.2">
      <c r="A52724" s="2"/>
      <c r="B52724" s="2"/>
      <c r="C52724" s="2"/>
    </row>
    <row r="52725" spans="1:3" ht="19.2">
      <c r="A52725" s="2"/>
      <c r="B52725" s="2"/>
      <c r="C52725" s="2"/>
    </row>
    <row r="52726" spans="1:3" ht="19.2">
      <c r="A52726" s="2"/>
      <c r="B52726" s="2"/>
      <c r="C52726" s="2"/>
    </row>
    <row r="52727" spans="1:3" ht="19.2">
      <c r="A52727" s="2"/>
      <c r="B52727" s="2"/>
      <c r="C52727" s="2"/>
    </row>
    <row r="52728" spans="1:3" ht="19.2">
      <c r="A52728" s="2"/>
      <c r="B52728" s="2"/>
      <c r="C52728" s="2"/>
    </row>
    <row r="52729" spans="1:3" ht="19.2">
      <c r="A52729" s="2"/>
      <c r="B52729" s="2"/>
      <c r="C52729" s="2"/>
    </row>
    <row r="52730" spans="1:3" ht="19.2">
      <c r="A52730" s="2"/>
      <c r="B52730" s="2"/>
      <c r="C52730" s="2"/>
    </row>
    <row r="52731" spans="1:3" ht="19.2">
      <c r="A52731" s="2"/>
      <c r="B52731" s="2"/>
      <c r="C52731" s="2"/>
    </row>
    <row r="52732" spans="1:3" ht="19.2">
      <c r="A52732" s="2"/>
      <c r="B52732" s="2"/>
      <c r="C52732" s="2"/>
    </row>
    <row r="52733" spans="1:3" ht="19.2">
      <c r="A52733" s="2"/>
      <c r="B52733" s="2"/>
      <c r="C52733" s="2"/>
    </row>
    <row r="52734" spans="1:3" ht="19.2">
      <c r="A52734" s="2"/>
      <c r="B52734" s="2"/>
      <c r="C52734" s="2"/>
    </row>
    <row r="52735" spans="1:3" ht="19.2">
      <c r="A52735" s="2"/>
      <c r="B52735" s="2"/>
      <c r="C52735" s="2"/>
    </row>
    <row r="52736" spans="1:3" ht="19.2">
      <c r="A52736" s="2"/>
      <c r="B52736" s="2"/>
      <c r="C52736" s="2"/>
    </row>
    <row r="52737" spans="1:3" ht="19.2">
      <c r="A52737" s="2"/>
      <c r="B52737" s="2"/>
      <c r="C52737" s="2"/>
    </row>
    <row r="52738" spans="1:3" ht="19.2">
      <c r="A52738" s="2"/>
      <c r="B52738" s="2"/>
      <c r="C52738" s="2"/>
    </row>
    <row r="52739" spans="1:3" ht="19.2">
      <c r="A52739" s="2"/>
      <c r="B52739" s="2"/>
      <c r="C52739" s="2"/>
    </row>
    <row r="52740" spans="1:3" ht="19.2">
      <c r="A52740" s="2"/>
      <c r="B52740" s="2"/>
      <c r="C52740" s="2"/>
    </row>
    <row r="52741" spans="1:3" ht="19.2">
      <c r="A52741" s="2"/>
      <c r="B52741" s="2"/>
      <c r="C52741" s="2"/>
    </row>
    <row r="52742" spans="1:3" ht="19.2">
      <c r="A52742" s="2"/>
      <c r="B52742" s="2"/>
      <c r="C52742" s="2"/>
    </row>
    <row r="52743" spans="1:3" ht="19.2">
      <c r="A52743" s="2"/>
      <c r="B52743" s="2"/>
      <c r="C52743" s="2"/>
    </row>
    <row r="52744" spans="1:3" ht="19.2">
      <c r="A52744" s="2"/>
      <c r="B52744" s="2"/>
      <c r="C52744" s="2"/>
    </row>
    <row r="52745" spans="1:3" ht="19.2">
      <c r="A52745" s="2"/>
      <c r="B52745" s="2"/>
      <c r="C52745" s="2"/>
    </row>
    <row r="52746" spans="1:3" ht="19.2">
      <c r="A52746" s="2"/>
      <c r="B52746" s="2"/>
      <c r="C52746" s="2"/>
    </row>
    <row r="52747" spans="1:3" ht="19.2">
      <c r="A52747" s="2"/>
      <c r="B52747" s="2"/>
      <c r="C52747" s="2"/>
    </row>
    <row r="52748" spans="1:3" ht="19.2">
      <c r="A52748" s="2"/>
      <c r="B52748" s="2"/>
      <c r="C52748" s="2"/>
    </row>
    <row r="52749" spans="1:3" ht="19.2">
      <c r="A52749" s="2"/>
      <c r="B52749" s="2"/>
      <c r="C52749" s="2"/>
    </row>
    <row r="52750" spans="1:3" ht="19.2">
      <c r="A52750" s="2"/>
      <c r="B52750" s="2"/>
      <c r="C52750" s="2"/>
    </row>
    <row r="52751" spans="1:3" ht="19.2">
      <c r="A52751" s="2"/>
      <c r="B52751" s="2"/>
      <c r="C52751" s="2"/>
    </row>
    <row r="52752" spans="1:3" ht="19.2">
      <c r="A52752" s="2"/>
      <c r="B52752" s="2"/>
      <c r="C52752" s="2"/>
    </row>
    <row r="52753" spans="1:3" ht="19.2">
      <c r="A52753" s="2"/>
      <c r="B52753" s="2"/>
      <c r="C52753" s="2"/>
    </row>
    <row r="52754" spans="1:3" ht="19.2">
      <c r="A52754" s="2"/>
      <c r="B52754" s="2"/>
      <c r="C52754" s="2"/>
    </row>
    <row r="52755" spans="1:3" ht="19.2">
      <c r="A52755" s="2"/>
      <c r="B52755" s="2"/>
      <c r="C52755" s="2"/>
    </row>
    <row r="52756" spans="1:3" ht="19.2">
      <c r="A52756" s="2"/>
      <c r="B52756" s="2"/>
      <c r="C52756" s="2"/>
    </row>
    <row r="52757" spans="1:3" ht="19.2">
      <c r="A52757" s="2"/>
      <c r="B52757" s="2"/>
      <c r="C52757" s="2"/>
    </row>
    <row r="52758" spans="1:3" ht="19.2">
      <c r="A52758" s="2"/>
      <c r="B52758" s="2"/>
      <c r="C52758" s="2"/>
    </row>
    <row r="52759" spans="1:3" ht="19.2">
      <c r="A52759" s="2"/>
      <c r="B52759" s="2"/>
      <c r="C52759" s="2"/>
    </row>
    <row r="52760" spans="1:3" ht="19.2">
      <c r="A52760" s="2"/>
      <c r="B52760" s="2"/>
      <c r="C52760" s="2"/>
    </row>
    <row r="52761" spans="1:3" ht="19.2">
      <c r="A52761" s="2"/>
      <c r="B52761" s="2"/>
      <c r="C52761" s="2"/>
    </row>
    <row r="52762" spans="1:3" ht="19.2">
      <c r="A52762" s="2"/>
      <c r="B52762" s="2"/>
      <c r="C52762" s="2"/>
    </row>
    <row r="52763" spans="1:3" ht="19.2">
      <c r="A52763" s="2"/>
      <c r="B52763" s="2"/>
      <c r="C52763" s="2"/>
    </row>
    <row r="52764" spans="1:3" ht="19.2">
      <c r="A52764" s="2"/>
      <c r="B52764" s="2"/>
      <c r="C52764" s="2"/>
    </row>
    <row r="52765" spans="1:3" ht="19.2">
      <c r="A52765" s="2"/>
      <c r="B52765" s="2"/>
      <c r="C52765" s="2"/>
    </row>
    <row r="52766" spans="1:3" ht="19.2">
      <c r="A52766" s="2"/>
      <c r="B52766" s="2"/>
      <c r="C52766" s="2"/>
    </row>
    <row r="52767" spans="1:3" ht="19.2">
      <c r="A52767" s="2"/>
      <c r="B52767" s="2"/>
      <c r="C52767" s="2"/>
    </row>
    <row r="52768" spans="1:3" ht="19.2">
      <c r="A52768" s="2"/>
      <c r="B52768" s="2"/>
      <c r="C52768" s="2"/>
    </row>
    <row r="52769" spans="1:3" ht="19.2">
      <c r="A52769" s="2"/>
      <c r="B52769" s="2"/>
      <c r="C52769" s="2"/>
    </row>
    <row r="52770" spans="1:3" ht="19.2">
      <c r="A52770" s="2"/>
      <c r="B52770" s="2"/>
      <c r="C52770" s="2"/>
    </row>
    <row r="52771" spans="1:3" ht="19.2">
      <c r="A52771" s="2"/>
      <c r="B52771" s="2"/>
      <c r="C52771" s="2"/>
    </row>
    <row r="52772" spans="1:3" ht="19.2">
      <c r="A52772" s="2"/>
      <c r="B52772" s="2"/>
      <c r="C52772" s="2"/>
    </row>
    <row r="52773" spans="1:3" ht="19.2">
      <c r="A52773" s="2"/>
      <c r="B52773" s="2"/>
      <c r="C52773" s="2"/>
    </row>
    <row r="52774" spans="1:3" ht="19.2">
      <c r="A52774" s="2"/>
      <c r="B52774" s="2"/>
      <c r="C52774" s="2"/>
    </row>
    <row r="52775" spans="1:3" ht="19.2">
      <c r="A52775" s="2"/>
      <c r="B52775" s="2"/>
      <c r="C52775" s="2"/>
    </row>
    <row r="52776" spans="1:3" ht="19.2">
      <c r="A52776" s="2"/>
      <c r="B52776" s="2"/>
      <c r="C52776" s="2"/>
    </row>
    <row r="52777" spans="1:3" ht="19.2">
      <c r="A52777" s="2"/>
      <c r="B52777" s="2"/>
      <c r="C52777" s="2"/>
    </row>
    <row r="52778" spans="1:3" ht="19.2">
      <c r="A52778" s="2"/>
      <c r="B52778" s="2"/>
      <c r="C52778" s="2"/>
    </row>
    <row r="52779" spans="1:3" ht="19.2">
      <c r="A52779" s="2"/>
      <c r="B52779" s="2"/>
      <c r="C52779" s="2"/>
    </row>
    <row r="52780" spans="1:3" ht="19.2">
      <c r="A52780" s="2"/>
      <c r="B52780" s="2"/>
      <c r="C52780" s="2"/>
    </row>
    <row r="52781" spans="1:3" ht="19.2">
      <c r="A52781" s="2"/>
      <c r="B52781" s="2"/>
      <c r="C52781" s="2"/>
    </row>
    <row r="52782" spans="1:3" ht="19.2">
      <c r="A52782" s="2"/>
      <c r="B52782" s="2"/>
      <c r="C52782" s="2"/>
    </row>
    <row r="52783" spans="1:3" ht="19.2">
      <c r="A52783" s="2"/>
      <c r="B52783" s="2"/>
      <c r="C52783" s="2"/>
    </row>
    <row r="52784" spans="1:3" ht="19.2">
      <c r="A52784" s="2"/>
      <c r="B52784" s="2"/>
      <c r="C52784" s="2"/>
    </row>
    <row r="52785" spans="1:3" ht="19.2">
      <c r="A52785" s="2"/>
      <c r="B52785" s="2"/>
      <c r="C52785" s="2"/>
    </row>
    <row r="52786" spans="1:3" ht="19.2">
      <c r="A52786" s="2"/>
      <c r="B52786" s="2"/>
      <c r="C52786" s="2"/>
    </row>
    <row r="52787" spans="1:3" ht="19.2">
      <c r="A52787" s="2"/>
      <c r="B52787" s="2"/>
      <c r="C52787" s="2"/>
    </row>
    <row r="52788" spans="1:3" ht="19.2">
      <c r="A52788" s="2"/>
      <c r="B52788" s="2"/>
      <c r="C52788" s="2"/>
    </row>
    <row r="52789" spans="1:3" ht="19.2">
      <c r="A52789" s="2"/>
      <c r="B52789" s="2"/>
      <c r="C52789" s="2"/>
    </row>
    <row r="52790" spans="1:3" ht="19.2">
      <c r="A52790" s="2"/>
      <c r="B52790" s="2"/>
      <c r="C52790" s="2"/>
    </row>
    <row r="52791" spans="1:3" ht="19.2">
      <c r="A52791" s="2"/>
      <c r="B52791" s="2"/>
      <c r="C52791" s="2"/>
    </row>
    <row r="52792" spans="1:3" ht="19.2">
      <c r="A52792" s="2"/>
      <c r="B52792" s="2"/>
      <c r="C52792" s="2"/>
    </row>
    <row r="52793" spans="1:3" ht="19.2">
      <c r="A52793" s="2"/>
      <c r="B52793" s="2"/>
      <c r="C52793" s="2"/>
    </row>
    <row r="52794" spans="1:3" ht="19.2">
      <c r="A52794" s="2"/>
      <c r="B52794" s="2"/>
      <c r="C52794" s="2"/>
    </row>
    <row r="52795" spans="1:3" ht="19.2">
      <c r="A52795" s="2"/>
      <c r="B52795" s="2"/>
      <c r="C52795" s="2"/>
    </row>
    <row r="52796" spans="1:3" ht="19.2">
      <c r="A52796" s="2"/>
      <c r="B52796" s="2"/>
      <c r="C52796" s="2"/>
    </row>
    <row r="52797" spans="1:3" ht="19.2">
      <c r="A52797" s="2"/>
      <c r="B52797" s="2"/>
      <c r="C52797" s="2"/>
    </row>
    <row r="52798" spans="1:3" ht="19.2">
      <c r="A52798" s="2"/>
      <c r="B52798" s="2"/>
      <c r="C52798" s="2"/>
    </row>
    <row r="52799" spans="1:3" ht="19.2">
      <c r="A52799" s="2"/>
      <c r="B52799" s="2"/>
      <c r="C52799" s="2"/>
    </row>
    <row r="52800" spans="1:3" ht="19.2">
      <c r="A52800" s="2"/>
      <c r="B52800" s="2"/>
      <c r="C52800" s="2"/>
    </row>
    <row r="52801" spans="1:3" ht="19.2">
      <c r="A52801" s="2"/>
      <c r="B52801" s="2"/>
      <c r="C52801" s="2"/>
    </row>
    <row r="52802" spans="1:3" ht="19.2">
      <c r="A52802" s="2"/>
      <c r="B52802" s="2"/>
      <c r="C52802" s="2"/>
    </row>
    <row r="52803" spans="1:3" ht="19.2">
      <c r="A52803" s="2"/>
      <c r="B52803" s="2"/>
      <c r="C52803" s="2"/>
    </row>
    <row r="52804" spans="1:3" ht="19.2">
      <c r="A52804" s="2"/>
      <c r="B52804" s="2"/>
      <c r="C52804" s="2"/>
    </row>
    <row r="52805" spans="1:3" ht="19.2">
      <c r="A52805" s="2"/>
      <c r="B52805" s="2"/>
      <c r="C52805" s="2"/>
    </row>
    <row r="52806" spans="1:3" ht="19.2">
      <c r="A52806" s="2"/>
      <c r="B52806" s="2"/>
      <c r="C52806" s="2"/>
    </row>
    <row r="52807" spans="1:3" ht="19.2">
      <c r="A52807" s="2"/>
      <c r="B52807" s="2"/>
      <c r="C52807" s="2"/>
    </row>
    <row r="52808" spans="1:3" ht="19.2">
      <c r="A52808" s="2"/>
      <c r="B52808" s="2"/>
      <c r="C52808" s="2"/>
    </row>
    <row r="52809" spans="1:3" ht="19.2">
      <c r="A52809" s="2"/>
      <c r="B52809" s="2"/>
      <c r="C52809" s="2"/>
    </row>
    <row r="52810" spans="1:3" ht="19.2">
      <c r="A52810" s="2"/>
      <c r="B52810" s="2"/>
      <c r="C52810" s="2"/>
    </row>
    <row r="52811" spans="1:3" ht="19.2">
      <c r="A52811" s="2"/>
      <c r="B52811" s="2"/>
      <c r="C52811" s="2"/>
    </row>
    <row r="52812" spans="1:3" ht="19.2">
      <c r="A52812" s="2"/>
      <c r="B52812" s="2"/>
      <c r="C52812" s="2"/>
    </row>
    <row r="52813" spans="1:3" ht="19.2">
      <c r="A52813" s="2"/>
      <c r="B52813" s="2"/>
      <c r="C52813" s="2"/>
    </row>
    <row r="52814" spans="1:3" ht="19.2">
      <c r="A52814" s="2"/>
      <c r="B52814" s="2"/>
      <c r="C52814" s="2"/>
    </row>
    <row r="52815" spans="1:3" ht="19.2">
      <c r="A52815" s="2"/>
      <c r="B52815" s="2"/>
      <c r="C52815" s="2"/>
    </row>
    <row r="52816" spans="1:3" ht="19.2">
      <c r="A52816" s="2"/>
      <c r="B52816" s="2"/>
      <c r="C52816" s="2"/>
    </row>
    <row r="52817" spans="1:3" ht="19.2">
      <c r="A52817" s="2"/>
      <c r="B52817" s="2"/>
      <c r="C52817" s="2"/>
    </row>
    <row r="52818" spans="1:3" ht="19.2">
      <c r="A52818" s="2"/>
      <c r="B52818" s="2"/>
      <c r="C52818" s="2"/>
    </row>
    <row r="52819" spans="1:3" ht="19.2">
      <c r="A52819" s="2"/>
      <c r="B52819" s="2"/>
      <c r="C52819" s="2"/>
    </row>
    <row r="52820" spans="1:3" ht="19.2">
      <c r="A52820" s="2"/>
      <c r="B52820" s="2"/>
      <c r="C52820" s="2"/>
    </row>
    <row r="52821" spans="1:3" ht="19.2">
      <c r="A52821" s="2"/>
      <c r="B52821" s="2"/>
      <c r="C52821" s="2"/>
    </row>
    <row r="52822" spans="1:3" ht="19.2">
      <c r="A52822" s="2"/>
      <c r="B52822" s="2"/>
      <c r="C52822" s="2"/>
    </row>
    <row r="52823" spans="1:3" ht="19.2">
      <c r="A52823" s="2"/>
      <c r="B52823" s="2"/>
      <c r="C52823" s="2"/>
    </row>
    <row r="52824" spans="1:3" ht="19.2">
      <c r="A52824" s="2"/>
      <c r="B52824" s="2"/>
      <c r="C52824" s="2"/>
    </row>
    <row r="52825" spans="1:3" ht="19.2">
      <c r="A52825" s="2"/>
      <c r="B52825" s="2"/>
      <c r="C52825" s="2"/>
    </row>
    <row r="52826" spans="1:3" ht="19.2">
      <c r="A52826" s="2"/>
      <c r="B52826" s="2"/>
      <c r="C52826" s="2"/>
    </row>
    <row r="52827" spans="1:3" ht="19.2">
      <c r="A52827" s="2"/>
      <c r="B52827" s="2"/>
      <c r="C52827" s="2"/>
    </row>
    <row r="52828" spans="1:3" ht="19.2">
      <c r="A52828" s="2"/>
      <c r="B52828" s="2"/>
      <c r="C52828" s="2"/>
    </row>
    <row r="52829" spans="1:3" ht="19.2">
      <c r="A52829" s="2"/>
      <c r="B52829" s="2"/>
      <c r="C52829" s="2"/>
    </row>
    <row r="52830" spans="1:3" ht="19.2">
      <c r="A52830" s="2"/>
      <c r="B52830" s="2"/>
      <c r="C52830" s="2"/>
    </row>
    <row r="52831" spans="1:3" ht="19.2">
      <c r="A52831" s="2"/>
      <c r="B52831" s="2"/>
      <c r="C52831" s="2"/>
    </row>
    <row r="52832" spans="1:3" ht="19.2">
      <c r="A52832" s="2"/>
      <c r="B52832" s="2"/>
      <c r="C52832" s="2"/>
    </row>
    <row r="52833" spans="1:3" ht="19.2">
      <c r="A52833" s="2"/>
      <c r="B52833" s="2"/>
      <c r="C52833" s="2"/>
    </row>
    <row r="52834" spans="1:3" ht="19.2">
      <c r="A52834" s="2"/>
      <c r="B52834" s="2"/>
      <c r="C52834" s="2"/>
    </row>
    <row r="52835" spans="1:3" ht="19.2">
      <c r="A52835" s="2"/>
      <c r="B52835" s="2"/>
      <c r="C52835" s="2"/>
    </row>
    <row r="52836" spans="1:3" ht="19.2">
      <c r="A52836" s="2"/>
      <c r="B52836" s="2"/>
      <c r="C52836" s="2"/>
    </row>
    <row r="52837" spans="1:3" ht="19.2">
      <c r="A52837" s="2"/>
      <c r="B52837" s="2"/>
      <c r="C52837" s="2"/>
    </row>
    <row r="52838" spans="1:3" ht="19.2">
      <c r="A52838" s="2"/>
      <c r="B52838" s="2"/>
      <c r="C52838" s="2"/>
    </row>
    <row r="52839" spans="1:3" ht="19.2">
      <c r="A52839" s="2"/>
      <c r="B52839" s="2"/>
      <c r="C52839" s="2"/>
    </row>
    <row r="52840" spans="1:3" ht="19.2">
      <c r="A52840" s="2"/>
      <c r="B52840" s="2"/>
      <c r="C52840" s="2"/>
    </row>
    <row r="52841" spans="1:3" ht="19.2">
      <c r="A52841" s="2"/>
      <c r="B52841" s="2"/>
      <c r="C52841" s="2"/>
    </row>
    <row r="52842" spans="1:3" ht="19.2">
      <c r="A52842" s="2"/>
      <c r="B52842" s="2"/>
      <c r="C52842" s="2"/>
    </row>
    <row r="52843" spans="1:3" ht="19.2">
      <c r="A52843" s="2"/>
      <c r="B52843" s="2"/>
      <c r="C52843" s="2"/>
    </row>
    <row r="52844" spans="1:3" ht="19.2">
      <c r="A52844" s="2"/>
      <c r="B52844" s="2"/>
      <c r="C52844" s="2"/>
    </row>
    <row r="52845" spans="1:3" ht="19.2">
      <c r="A52845" s="2"/>
      <c r="B52845" s="2"/>
      <c r="C52845" s="2"/>
    </row>
    <row r="52846" spans="1:3" ht="19.2">
      <c r="A52846" s="2"/>
      <c r="B52846" s="2"/>
      <c r="C52846" s="2"/>
    </row>
    <row r="52847" spans="1:3" ht="19.2">
      <c r="A52847" s="2"/>
      <c r="B52847" s="2"/>
      <c r="C52847" s="2"/>
    </row>
    <row r="52848" spans="1:3" ht="19.2">
      <c r="A52848" s="2"/>
      <c r="B52848" s="2"/>
      <c r="C52848" s="2"/>
    </row>
    <row r="52849" spans="1:3" ht="19.2">
      <c r="A52849" s="2"/>
      <c r="B52849" s="2"/>
      <c r="C52849" s="2"/>
    </row>
    <row r="52850" spans="1:3" ht="19.2">
      <c r="A52850" s="2"/>
      <c r="B52850" s="2"/>
      <c r="C52850" s="2"/>
    </row>
    <row r="52851" spans="1:3" ht="19.2">
      <c r="A52851" s="2"/>
      <c r="B52851" s="2"/>
      <c r="C52851" s="2"/>
    </row>
    <row r="52852" spans="1:3" ht="19.2">
      <c r="A52852" s="2"/>
      <c r="B52852" s="2"/>
      <c r="C52852" s="2"/>
    </row>
    <row r="52853" spans="1:3" ht="19.2">
      <c r="A52853" s="2"/>
      <c r="B52853" s="2"/>
      <c r="C52853" s="2"/>
    </row>
    <row r="52854" spans="1:3" ht="19.2">
      <c r="A52854" s="2"/>
      <c r="B52854" s="2"/>
      <c r="C52854" s="2"/>
    </row>
    <row r="52855" spans="1:3" ht="19.2">
      <c r="A52855" s="2"/>
      <c r="B52855" s="2"/>
      <c r="C52855" s="2"/>
    </row>
    <row r="52856" spans="1:3" ht="19.2">
      <c r="A52856" s="2"/>
      <c r="B52856" s="2"/>
      <c r="C52856" s="2"/>
    </row>
    <row r="52857" spans="1:3" ht="19.2">
      <c r="A52857" s="2"/>
      <c r="B52857" s="2"/>
      <c r="C52857" s="2"/>
    </row>
    <row r="52858" spans="1:3" ht="19.2">
      <c r="A52858" s="2"/>
      <c r="B52858" s="2"/>
      <c r="C52858" s="2"/>
    </row>
    <row r="52859" spans="1:3" ht="19.2">
      <c r="A52859" s="2"/>
      <c r="B52859" s="2"/>
      <c r="C52859" s="2"/>
    </row>
    <row r="52860" spans="1:3" ht="19.2">
      <c r="A52860" s="2"/>
      <c r="B52860" s="2"/>
      <c r="C52860" s="2"/>
    </row>
    <row r="52861" spans="1:3" ht="19.2">
      <c r="A52861" s="2"/>
      <c r="B52861" s="2"/>
      <c r="C52861" s="2"/>
    </row>
    <row r="52862" spans="1:3" ht="19.2">
      <c r="A52862" s="2"/>
      <c r="B52862" s="2"/>
      <c r="C52862" s="2"/>
    </row>
    <row r="52863" spans="1:3" ht="19.2">
      <c r="A52863" s="2"/>
      <c r="B52863" s="2"/>
      <c r="C52863" s="2"/>
    </row>
    <row r="52864" spans="1:3" ht="19.2">
      <c r="A52864" s="2"/>
      <c r="B52864" s="2"/>
      <c r="C52864" s="2"/>
    </row>
    <row r="52865" spans="1:3" ht="19.2">
      <c r="A52865" s="2"/>
      <c r="B52865" s="2"/>
      <c r="C52865" s="2"/>
    </row>
    <row r="52866" spans="1:3" ht="19.2">
      <c r="A52866" s="2"/>
      <c r="B52866" s="2"/>
      <c r="C52866" s="2"/>
    </row>
    <row r="52867" spans="1:3" ht="19.2">
      <c r="A52867" s="2"/>
      <c r="B52867" s="2"/>
      <c r="C52867" s="2"/>
    </row>
    <row r="52868" spans="1:3" ht="19.2">
      <c r="A52868" s="2"/>
      <c r="B52868" s="2"/>
      <c r="C52868" s="2"/>
    </row>
    <row r="52869" spans="1:3" ht="19.2">
      <c r="A52869" s="2"/>
      <c r="B52869" s="2"/>
      <c r="C52869" s="2"/>
    </row>
    <row r="52870" spans="1:3" ht="19.2">
      <c r="A52870" s="2"/>
      <c r="B52870" s="2"/>
      <c r="C52870" s="2"/>
    </row>
    <row r="52871" spans="1:3" ht="19.2">
      <c r="A52871" s="2"/>
      <c r="B52871" s="2"/>
      <c r="C52871" s="2"/>
    </row>
    <row r="52872" spans="1:3" ht="19.2">
      <c r="A52872" s="2"/>
      <c r="B52872" s="2"/>
      <c r="C52872" s="2"/>
    </row>
    <row r="52873" spans="1:3" ht="19.2">
      <c r="A52873" s="2"/>
      <c r="B52873" s="2"/>
      <c r="C52873" s="2"/>
    </row>
    <row r="52874" spans="1:3" ht="19.2">
      <c r="A52874" s="2"/>
      <c r="B52874" s="2"/>
      <c r="C52874" s="2"/>
    </row>
    <row r="52875" spans="1:3" ht="19.2">
      <c r="A52875" s="2"/>
      <c r="B52875" s="2"/>
      <c r="C52875" s="2"/>
    </row>
    <row r="52876" spans="1:3" ht="19.2">
      <c r="A52876" s="2"/>
      <c r="B52876" s="2"/>
      <c r="C52876" s="2"/>
    </row>
    <row r="52877" spans="1:3" ht="19.2">
      <c r="A52877" s="2"/>
      <c r="B52877" s="2"/>
      <c r="C52877" s="2"/>
    </row>
    <row r="52878" spans="1:3" ht="19.2">
      <c r="A52878" s="2"/>
      <c r="B52878" s="2"/>
      <c r="C52878" s="2"/>
    </row>
    <row r="52879" spans="1:3" ht="19.2">
      <c r="A52879" s="2"/>
      <c r="B52879" s="2"/>
      <c r="C52879" s="2"/>
    </row>
    <row r="52880" spans="1:3" ht="19.2">
      <c r="A52880" s="2"/>
      <c r="B52880" s="2"/>
      <c r="C52880" s="2"/>
    </row>
    <row r="52881" spans="1:3" ht="19.2">
      <c r="A52881" s="2"/>
      <c r="B52881" s="2"/>
      <c r="C52881" s="2"/>
    </row>
    <row r="52882" spans="1:3" ht="19.2">
      <c r="A52882" s="2"/>
      <c r="B52882" s="2"/>
      <c r="C52882" s="2"/>
    </row>
    <row r="52883" spans="1:3" ht="19.2">
      <c r="A52883" s="2"/>
      <c r="B52883" s="2"/>
      <c r="C52883" s="2"/>
    </row>
    <row r="52884" spans="1:3" ht="19.2">
      <c r="A52884" s="2"/>
      <c r="B52884" s="2"/>
      <c r="C52884" s="2"/>
    </row>
    <row r="52885" spans="1:3" ht="19.2">
      <c r="A52885" s="2"/>
      <c r="B52885" s="2"/>
      <c r="C52885" s="2"/>
    </row>
    <row r="52886" spans="1:3" ht="19.2">
      <c r="A52886" s="2"/>
      <c r="B52886" s="2"/>
      <c r="C52886" s="2"/>
    </row>
    <row r="52887" spans="1:3" ht="19.2">
      <c r="A52887" s="2"/>
      <c r="B52887" s="2"/>
      <c r="C52887" s="2"/>
    </row>
    <row r="52888" spans="1:3" ht="19.2">
      <c r="A52888" s="2"/>
      <c r="B52888" s="2"/>
      <c r="C52888" s="2"/>
    </row>
    <row r="52889" spans="1:3" ht="19.2">
      <c r="A52889" s="2"/>
      <c r="B52889" s="2"/>
      <c r="C52889" s="2"/>
    </row>
    <row r="52890" spans="1:3" ht="19.2">
      <c r="A52890" s="2"/>
      <c r="B52890" s="2"/>
      <c r="C52890" s="2"/>
    </row>
    <row r="52891" spans="1:3" ht="19.2">
      <c r="A52891" s="2"/>
      <c r="B52891" s="2"/>
      <c r="C52891" s="2"/>
    </row>
    <row r="52892" spans="1:3" ht="19.2">
      <c r="A52892" s="2"/>
      <c r="B52892" s="2"/>
      <c r="C52892" s="2"/>
    </row>
    <row r="52893" spans="1:3" ht="19.2">
      <c r="A52893" s="2"/>
      <c r="B52893" s="2"/>
      <c r="C52893" s="2"/>
    </row>
    <row r="52894" spans="1:3" ht="19.2">
      <c r="A52894" s="2"/>
      <c r="B52894" s="2"/>
      <c r="C52894" s="2"/>
    </row>
    <row r="52895" spans="1:3" ht="19.2">
      <c r="A52895" s="2"/>
      <c r="B52895" s="2"/>
      <c r="C52895" s="2"/>
    </row>
    <row r="52896" spans="1:3" ht="19.2">
      <c r="A52896" s="2"/>
      <c r="B52896" s="2"/>
      <c r="C52896" s="2"/>
    </row>
    <row r="52897" spans="1:3" ht="19.2">
      <c r="A52897" s="2"/>
      <c r="B52897" s="2"/>
      <c r="C52897" s="2"/>
    </row>
    <row r="52898" spans="1:3" ht="19.2">
      <c r="A52898" s="2"/>
      <c r="B52898" s="2"/>
      <c r="C52898" s="2"/>
    </row>
    <row r="52899" spans="1:3" ht="19.2">
      <c r="A52899" s="2"/>
      <c r="B52899" s="2"/>
      <c r="C52899" s="2"/>
    </row>
    <row r="52900" spans="1:3" ht="19.2">
      <c r="A52900" s="2"/>
      <c r="B52900" s="2"/>
      <c r="C52900" s="2"/>
    </row>
    <row r="52901" spans="1:3" ht="19.2">
      <c r="A52901" s="2"/>
      <c r="B52901" s="2"/>
      <c r="C52901" s="2"/>
    </row>
    <row r="52902" spans="1:3" ht="19.2">
      <c r="A52902" s="2"/>
      <c r="B52902" s="2"/>
      <c r="C52902" s="2"/>
    </row>
    <row r="52903" spans="1:3" ht="19.2">
      <c r="A52903" s="2"/>
      <c r="B52903" s="2"/>
      <c r="C52903" s="2"/>
    </row>
    <row r="52904" spans="1:3" ht="19.2">
      <c r="A52904" s="2"/>
      <c r="B52904" s="2"/>
      <c r="C52904" s="2"/>
    </row>
    <row r="52905" spans="1:3" ht="19.2">
      <c r="A52905" s="2"/>
      <c r="B52905" s="2"/>
      <c r="C52905" s="2"/>
    </row>
    <row r="52906" spans="1:3" ht="19.2">
      <c r="A52906" s="2"/>
      <c r="B52906" s="2"/>
      <c r="C52906" s="2"/>
    </row>
    <row r="52907" spans="1:3" ht="19.2">
      <c r="A52907" s="2"/>
      <c r="B52907" s="2"/>
      <c r="C52907" s="2"/>
    </row>
    <row r="52908" spans="1:3" ht="19.2">
      <c r="A52908" s="2"/>
      <c r="B52908" s="2"/>
      <c r="C52908" s="2"/>
    </row>
    <row r="52909" spans="1:3" ht="19.2">
      <c r="A52909" s="2"/>
      <c r="B52909" s="2"/>
      <c r="C52909" s="2"/>
    </row>
    <row r="52910" spans="1:3" ht="19.2">
      <c r="A52910" s="2"/>
      <c r="B52910" s="2"/>
      <c r="C52910" s="2"/>
    </row>
    <row r="52911" spans="1:3" ht="19.2">
      <c r="A52911" s="2"/>
      <c r="B52911" s="2"/>
      <c r="C52911" s="2"/>
    </row>
    <row r="52912" spans="1:3" ht="19.2">
      <c r="A52912" s="2"/>
      <c r="B52912" s="2"/>
      <c r="C52912" s="2"/>
    </row>
    <row r="52913" spans="1:3" ht="19.2">
      <c r="A52913" s="2"/>
      <c r="B52913" s="2"/>
      <c r="C52913" s="2"/>
    </row>
    <row r="52914" spans="1:3" ht="19.2">
      <c r="A52914" s="2"/>
      <c r="B52914" s="2"/>
      <c r="C52914" s="2"/>
    </row>
    <row r="52915" spans="1:3" ht="19.2">
      <c r="A52915" s="2"/>
      <c r="B52915" s="2"/>
      <c r="C52915" s="2"/>
    </row>
    <row r="52916" spans="1:3" ht="19.2">
      <c r="A52916" s="2"/>
      <c r="B52916" s="2"/>
      <c r="C52916" s="2"/>
    </row>
    <row r="52917" spans="1:3" ht="19.2">
      <c r="A52917" s="2"/>
      <c r="B52917" s="2"/>
      <c r="C52917" s="2"/>
    </row>
    <row r="52918" spans="1:3" ht="19.2">
      <c r="A52918" s="2"/>
      <c r="B52918" s="2"/>
      <c r="C52918" s="2"/>
    </row>
    <row r="52919" spans="1:3" ht="19.2">
      <c r="A52919" s="2"/>
      <c r="B52919" s="2"/>
      <c r="C52919" s="2"/>
    </row>
    <row r="52920" spans="1:3" ht="19.2">
      <c r="A52920" s="2"/>
      <c r="B52920" s="2"/>
      <c r="C52920" s="2"/>
    </row>
    <row r="52921" spans="1:3" ht="19.2">
      <c r="A52921" s="2"/>
      <c r="B52921" s="2"/>
      <c r="C52921" s="2"/>
    </row>
    <row r="52922" spans="1:3" ht="19.2">
      <c r="A52922" s="2"/>
      <c r="B52922" s="2"/>
      <c r="C52922" s="2"/>
    </row>
    <row r="52923" spans="1:3" ht="19.2">
      <c r="A52923" s="2"/>
      <c r="B52923" s="2"/>
      <c r="C52923" s="2"/>
    </row>
    <row r="52924" spans="1:3" ht="19.2">
      <c r="A52924" s="2"/>
      <c r="B52924" s="2"/>
      <c r="C52924" s="2"/>
    </row>
    <row r="52925" spans="1:3" ht="19.2">
      <c r="A52925" s="2"/>
      <c r="B52925" s="2"/>
      <c r="C52925" s="2"/>
    </row>
    <row r="52926" spans="1:3" ht="19.2">
      <c r="A52926" s="2"/>
      <c r="B52926" s="2"/>
      <c r="C52926" s="2"/>
    </row>
    <row r="52927" spans="1:3" ht="19.2">
      <c r="A52927" s="2"/>
      <c r="B52927" s="2"/>
      <c r="C52927" s="2"/>
    </row>
    <row r="52928" spans="1:3" ht="19.2">
      <c r="A52928" s="2"/>
      <c r="B52928" s="2"/>
      <c r="C52928" s="2"/>
    </row>
    <row r="52929" spans="1:3" ht="19.2">
      <c r="A52929" s="2"/>
      <c r="B52929" s="2"/>
      <c r="C52929" s="2"/>
    </row>
    <row r="52930" spans="1:3" ht="19.2">
      <c r="A52930" s="2"/>
      <c r="B52930" s="2"/>
      <c r="C52930" s="2"/>
    </row>
    <row r="52931" spans="1:3" ht="19.2">
      <c r="A52931" s="2"/>
      <c r="B52931" s="2"/>
      <c r="C52931" s="2"/>
    </row>
    <row r="52932" spans="1:3" ht="19.2">
      <c r="A52932" s="2"/>
      <c r="B52932" s="2"/>
      <c r="C52932" s="2"/>
    </row>
    <row r="52933" spans="1:3" ht="19.2">
      <c r="A52933" s="2"/>
      <c r="B52933" s="2"/>
      <c r="C52933" s="2"/>
    </row>
    <row r="52934" spans="1:3" ht="19.2">
      <c r="A52934" s="2"/>
      <c r="B52934" s="2"/>
      <c r="C52934" s="2"/>
    </row>
    <row r="52935" spans="1:3" ht="19.2">
      <c r="A52935" s="2"/>
      <c r="B52935" s="2"/>
      <c r="C52935" s="2"/>
    </row>
    <row r="52936" spans="1:3" ht="19.2">
      <c r="A52936" s="2"/>
      <c r="B52936" s="2"/>
      <c r="C52936" s="2"/>
    </row>
    <row r="52937" spans="1:3" ht="19.2">
      <c r="A52937" s="2"/>
      <c r="B52937" s="2"/>
      <c r="C52937" s="2"/>
    </row>
    <row r="52938" spans="1:3" ht="19.2">
      <c r="A52938" s="2"/>
      <c r="B52938" s="2"/>
      <c r="C52938" s="2"/>
    </row>
    <row r="52939" spans="1:3" ht="19.2">
      <c r="A52939" s="2"/>
      <c r="B52939" s="2"/>
      <c r="C52939" s="2"/>
    </row>
    <row r="52940" spans="1:3" ht="19.2">
      <c r="A52940" s="2"/>
      <c r="B52940" s="2"/>
      <c r="C52940" s="2"/>
    </row>
    <row r="52941" spans="1:3" ht="19.2">
      <c r="A52941" s="2"/>
      <c r="B52941" s="2"/>
      <c r="C52941" s="2"/>
    </row>
    <row r="52942" spans="1:3" ht="19.2">
      <c r="A52942" s="2"/>
      <c r="B52942" s="2"/>
      <c r="C52942" s="2"/>
    </row>
    <row r="52943" spans="1:3" ht="19.2">
      <c r="A52943" s="2"/>
      <c r="B52943" s="2"/>
      <c r="C52943" s="2"/>
    </row>
    <row r="52944" spans="1:3" ht="19.2">
      <c r="A52944" s="2"/>
      <c r="B52944" s="2"/>
      <c r="C52944" s="2"/>
    </row>
    <row r="52945" spans="1:3" ht="19.2">
      <c r="A52945" s="2"/>
      <c r="B52945" s="2"/>
      <c r="C52945" s="2"/>
    </row>
    <row r="52946" spans="1:3" ht="19.2">
      <c r="A52946" s="2"/>
      <c r="B52946" s="2"/>
      <c r="C52946" s="2"/>
    </row>
    <row r="52947" spans="1:3" ht="19.2">
      <c r="A52947" s="2"/>
      <c r="B52947" s="2"/>
      <c r="C52947" s="2"/>
    </row>
    <row r="52948" spans="1:3" ht="19.2">
      <c r="A52948" s="2"/>
      <c r="B52948" s="2"/>
      <c r="C52948" s="2"/>
    </row>
    <row r="52949" spans="1:3" ht="19.2">
      <c r="A52949" s="2"/>
      <c r="B52949" s="2"/>
      <c r="C52949" s="2"/>
    </row>
    <row r="52950" spans="1:3" ht="19.2">
      <c r="A52950" s="2"/>
      <c r="B52950" s="2"/>
      <c r="C52950" s="2"/>
    </row>
    <row r="52951" spans="1:3" ht="19.2">
      <c r="A52951" s="2"/>
      <c r="B52951" s="2"/>
      <c r="C52951" s="2"/>
    </row>
    <row r="52952" spans="1:3" ht="19.2">
      <c r="A52952" s="2"/>
      <c r="B52952" s="2"/>
      <c r="C52952" s="2"/>
    </row>
    <row r="52953" spans="1:3" ht="19.2">
      <c r="A52953" s="2"/>
      <c r="B52953" s="2"/>
      <c r="C52953" s="2"/>
    </row>
    <row r="52954" spans="1:3" ht="19.2">
      <c r="A52954" s="2"/>
      <c r="B52954" s="2"/>
      <c r="C52954" s="2"/>
    </row>
    <row r="52955" spans="1:3" ht="19.2">
      <c r="A52955" s="2"/>
      <c r="B52955" s="2"/>
      <c r="C52955" s="2"/>
    </row>
    <row r="52956" spans="1:3" ht="19.2">
      <c r="A52956" s="2"/>
      <c r="B52956" s="2"/>
      <c r="C52956" s="2"/>
    </row>
    <row r="52957" spans="1:3" ht="19.2">
      <c r="A52957" s="2"/>
      <c r="B52957" s="2"/>
      <c r="C52957" s="2"/>
    </row>
    <row r="52958" spans="1:3" ht="19.2">
      <c r="A52958" s="2"/>
      <c r="B52958" s="2"/>
      <c r="C52958" s="2"/>
    </row>
    <row r="52959" spans="1:3" ht="19.2">
      <c r="A52959" s="2"/>
      <c r="B52959" s="2"/>
      <c r="C52959" s="2"/>
    </row>
    <row r="52960" spans="1:3" ht="19.2">
      <c r="A52960" s="2"/>
      <c r="B52960" s="2"/>
      <c r="C52960" s="2"/>
    </row>
    <row r="52961" spans="1:3" ht="19.2">
      <c r="A52961" s="2"/>
      <c r="B52961" s="2"/>
      <c r="C52961" s="2"/>
    </row>
    <row r="52962" spans="1:3" ht="19.2">
      <c r="A52962" s="2"/>
      <c r="B52962" s="2"/>
      <c r="C52962" s="2"/>
    </row>
    <row r="52963" spans="1:3" ht="19.2">
      <c r="A52963" s="2"/>
      <c r="B52963" s="2"/>
      <c r="C52963" s="2"/>
    </row>
    <row r="52964" spans="1:3" ht="19.2">
      <c r="A52964" s="2"/>
      <c r="B52964" s="2"/>
      <c r="C52964" s="2"/>
    </row>
    <row r="52965" spans="1:3" ht="19.2">
      <c r="A52965" s="2"/>
      <c r="B52965" s="2"/>
      <c r="C52965" s="2"/>
    </row>
    <row r="52966" spans="1:3" ht="19.2">
      <c r="A52966" s="2"/>
      <c r="B52966" s="2"/>
      <c r="C52966" s="2"/>
    </row>
    <row r="52967" spans="1:3" ht="19.2">
      <c r="A52967" s="2"/>
      <c r="B52967" s="2"/>
      <c r="C52967" s="2"/>
    </row>
    <row r="52968" spans="1:3" ht="19.2">
      <c r="A52968" s="2"/>
      <c r="B52968" s="2"/>
      <c r="C52968" s="2"/>
    </row>
    <row r="52969" spans="1:3" ht="19.2">
      <c r="A52969" s="2"/>
      <c r="B52969" s="2"/>
      <c r="C52969" s="2"/>
    </row>
    <row r="52970" spans="1:3" ht="19.2">
      <c r="A52970" s="2"/>
      <c r="B52970" s="2"/>
      <c r="C52970" s="2"/>
    </row>
    <row r="52971" spans="1:3" ht="19.2">
      <c r="A52971" s="2"/>
      <c r="B52971" s="2"/>
      <c r="C52971" s="2"/>
    </row>
    <row r="52972" spans="1:3" ht="19.2">
      <c r="A52972" s="2"/>
      <c r="B52972" s="2"/>
      <c r="C52972" s="2"/>
    </row>
    <row r="52973" spans="1:3" ht="19.2">
      <c r="A52973" s="2"/>
      <c r="B52973" s="2"/>
      <c r="C52973" s="2"/>
    </row>
    <row r="52974" spans="1:3" ht="19.2">
      <c r="A52974" s="2"/>
      <c r="B52974" s="2"/>
      <c r="C52974" s="2"/>
    </row>
    <row r="52975" spans="1:3" ht="19.2">
      <c r="A52975" s="2"/>
      <c r="B52975" s="2"/>
      <c r="C52975" s="2"/>
    </row>
    <row r="52976" spans="1:3" ht="19.2">
      <c r="A52976" s="2"/>
      <c r="B52976" s="2"/>
      <c r="C52976" s="2"/>
    </row>
    <row r="52977" spans="1:3" ht="19.2">
      <c r="A52977" s="2"/>
      <c r="B52977" s="2"/>
      <c r="C52977" s="2"/>
    </row>
    <row r="52978" spans="1:3" ht="19.2">
      <c r="A52978" s="2"/>
      <c r="B52978" s="2"/>
      <c r="C52978" s="2"/>
    </row>
    <row r="52979" spans="1:3" ht="19.2">
      <c r="A52979" s="2"/>
      <c r="B52979" s="2"/>
      <c r="C52979" s="2"/>
    </row>
    <row r="52980" spans="1:3" ht="19.2">
      <c r="A52980" s="2"/>
      <c r="B52980" s="2"/>
      <c r="C52980" s="2"/>
    </row>
    <row r="52981" spans="1:3" ht="19.2">
      <c r="A52981" s="2"/>
      <c r="B52981" s="2"/>
      <c r="C52981" s="2"/>
    </row>
    <row r="52982" spans="1:3" ht="19.2">
      <c r="A52982" s="2"/>
      <c r="B52982" s="2"/>
      <c r="C52982" s="2"/>
    </row>
    <row r="52983" spans="1:3" ht="19.2">
      <c r="A52983" s="2"/>
      <c r="B52983" s="2"/>
      <c r="C52983" s="2"/>
    </row>
    <row r="52984" spans="1:3" ht="19.2">
      <c r="A52984" s="2"/>
      <c r="B52984" s="2"/>
      <c r="C52984" s="2"/>
    </row>
    <row r="52985" spans="1:3" ht="19.2">
      <c r="A52985" s="2"/>
      <c r="B52985" s="2"/>
      <c r="C52985" s="2"/>
    </row>
    <row r="52986" spans="1:3" ht="19.2">
      <c r="A52986" s="2"/>
      <c r="B52986" s="2"/>
      <c r="C52986" s="2"/>
    </row>
    <row r="52987" spans="1:3" ht="19.2">
      <c r="A52987" s="2"/>
      <c r="B52987" s="2"/>
      <c r="C52987" s="2"/>
    </row>
    <row r="52988" spans="1:3" ht="19.2">
      <c r="A52988" s="2"/>
      <c r="B52988" s="2"/>
      <c r="C52988" s="2"/>
    </row>
    <row r="52989" spans="1:3" ht="19.2">
      <c r="A52989" s="2"/>
      <c r="B52989" s="2"/>
      <c r="C52989" s="2"/>
    </row>
    <row r="52990" spans="1:3" ht="19.2">
      <c r="A52990" s="2"/>
      <c r="B52990" s="2"/>
      <c r="C52990" s="2"/>
    </row>
    <row r="52991" spans="1:3" ht="19.2">
      <c r="A52991" s="2"/>
      <c r="B52991" s="2"/>
      <c r="C52991" s="2"/>
    </row>
    <row r="52992" spans="1:3" ht="19.2">
      <c r="A52992" s="2"/>
      <c r="B52992" s="2"/>
      <c r="C52992" s="2"/>
    </row>
    <row r="52993" spans="1:3" ht="19.2">
      <c r="A52993" s="2"/>
      <c r="B52993" s="2"/>
      <c r="C52993" s="2"/>
    </row>
    <row r="52994" spans="1:3" ht="19.2">
      <c r="A52994" s="2"/>
      <c r="B52994" s="2"/>
      <c r="C52994" s="2"/>
    </row>
    <row r="52995" spans="1:3" ht="19.2">
      <c r="A52995" s="2"/>
      <c r="B52995" s="2"/>
      <c r="C52995" s="2"/>
    </row>
    <row r="52996" spans="1:3" ht="19.2">
      <c r="A52996" s="2"/>
      <c r="B52996" s="2"/>
      <c r="C52996" s="2"/>
    </row>
    <row r="52997" spans="1:3" ht="19.2">
      <c r="A52997" s="2"/>
      <c r="B52997" s="2"/>
      <c r="C52997" s="2"/>
    </row>
    <row r="52998" spans="1:3" ht="19.2">
      <c r="A52998" s="2"/>
      <c r="B52998" s="2"/>
      <c r="C52998" s="2"/>
    </row>
    <row r="52999" spans="1:3" ht="19.2">
      <c r="A52999" s="2"/>
      <c r="B52999" s="2"/>
      <c r="C52999" s="2"/>
    </row>
    <row r="53000" spans="1:3" ht="19.2">
      <c r="A53000" s="2"/>
      <c r="B53000" s="2"/>
      <c r="C53000" s="2"/>
    </row>
    <row r="53001" spans="1:3" ht="19.2">
      <c r="A53001" s="2"/>
      <c r="B53001" s="2"/>
      <c r="C53001" s="2"/>
    </row>
    <row r="53002" spans="1:3" ht="19.2">
      <c r="A53002" s="2"/>
      <c r="B53002" s="2"/>
      <c r="C53002" s="2"/>
    </row>
    <row r="53003" spans="1:3" ht="19.2">
      <c r="A53003" s="2"/>
      <c r="B53003" s="2"/>
      <c r="C53003" s="2"/>
    </row>
    <row r="53004" spans="1:3" ht="19.2">
      <c r="A53004" s="2"/>
      <c r="B53004" s="2"/>
      <c r="C53004" s="2"/>
    </row>
    <row r="53005" spans="1:3" ht="19.2">
      <c r="A53005" s="2"/>
      <c r="B53005" s="2"/>
      <c r="C53005" s="2"/>
    </row>
    <row r="53006" spans="1:3" ht="19.2">
      <c r="A53006" s="2"/>
      <c r="B53006" s="2"/>
      <c r="C53006" s="2"/>
    </row>
    <row r="53007" spans="1:3" ht="19.2">
      <c r="A53007" s="2"/>
      <c r="B53007" s="2"/>
      <c r="C53007" s="2"/>
    </row>
    <row r="53008" spans="1:3" ht="19.2">
      <c r="A53008" s="2"/>
      <c r="B53008" s="2"/>
      <c r="C53008" s="2"/>
    </row>
    <row r="53009" spans="1:3" ht="19.2">
      <c r="A53009" s="2"/>
      <c r="B53009" s="2"/>
      <c r="C53009" s="2"/>
    </row>
    <row r="53010" spans="1:3" ht="19.2">
      <c r="A53010" s="2"/>
      <c r="B53010" s="2"/>
      <c r="C53010" s="2"/>
    </row>
    <row r="53011" spans="1:3" ht="19.2">
      <c r="A53011" s="2"/>
      <c r="B53011" s="2"/>
      <c r="C53011" s="2"/>
    </row>
    <row r="53012" spans="1:3" ht="19.2">
      <c r="A53012" s="2"/>
      <c r="B53012" s="2"/>
      <c r="C53012" s="2"/>
    </row>
    <row r="53013" spans="1:3" ht="19.2">
      <c r="A53013" s="2"/>
      <c r="B53013" s="2"/>
      <c r="C53013" s="2"/>
    </row>
    <row r="53014" spans="1:3" ht="19.2">
      <c r="A53014" s="2"/>
      <c r="B53014" s="2"/>
      <c r="C53014" s="2"/>
    </row>
    <row r="53015" spans="1:3" ht="19.2">
      <c r="A53015" s="2"/>
      <c r="B53015" s="2"/>
      <c r="C53015" s="2"/>
    </row>
    <row r="53016" spans="1:3" ht="19.2">
      <c r="A53016" s="2"/>
      <c r="B53016" s="2"/>
      <c r="C53016" s="2"/>
    </row>
    <row r="53017" spans="1:3" ht="19.2">
      <c r="A53017" s="2"/>
      <c r="B53017" s="2"/>
      <c r="C53017" s="2"/>
    </row>
    <row r="53018" spans="1:3" ht="19.2">
      <c r="A53018" s="2"/>
      <c r="B53018" s="2"/>
      <c r="C53018" s="2"/>
    </row>
    <row r="53019" spans="1:3" ht="19.2">
      <c r="A53019" s="2"/>
      <c r="B53019" s="2"/>
      <c r="C53019" s="2"/>
    </row>
    <row r="53020" spans="1:3" ht="19.2">
      <c r="A53020" s="2"/>
      <c r="B53020" s="2"/>
      <c r="C53020" s="2"/>
    </row>
    <row r="53021" spans="1:3" ht="19.2">
      <c r="A53021" s="2"/>
      <c r="B53021" s="2"/>
      <c r="C53021" s="2"/>
    </row>
    <row r="53022" spans="1:3" ht="19.2">
      <c r="A53022" s="2"/>
      <c r="B53022" s="2"/>
      <c r="C53022" s="2"/>
    </row>
    <row r="53023" spans="1:3" ht="19.2">
      <c r="A53023" s="2"/>
      <c r="B53023" s="2"/>
      <c r="C53023" s="2"/>
    </row>
    <row r="53024" spans="1:3" ht="19.2">
      <c r="A53024" s="2"/>
      <c r="B53024" s="2"/>
      <c r="C53024" s="2"/>
    </row>
    <row r="53025" spans="1:3" ht="19.2">
      <c r="A53025" s="2"/>
      <c r="B53025" s="2"/>
      <c r="C53025" s="2"/>
    </row>
    <row r="53026" spans="1:3" ht="19.2">
      <c r="A53026" s="2"/>
      <c r="B53026" s="2"/>
      <c r="C53026" s="2"/>
    </row>
    <row r="53027" spans="1:3" ht="19.2">
      <c r="A53027" s="2"/>
      <c r="B53027" s="2"/>
      <c r="C53027" s="2"/>
    </row>
    <row r="53028" spans="1:3" ht="19.2">
      <c r="A53028" s="2"/>
      <c r="B53028" s="2"/>
      <c r="C53028" s="2"/>
    </row>
    <row r="53029" spans="1:3" ht="19.2">
      <c r="A53029" s="2"/>
      <c r="B53029" s="2"/>
      <c r="C53029" s="2"/>
    </row>
    <row r="53030" spans="1:3" ht="19.2">
      <c r="A53030" s="2"/>
      <c r="B53030" s="2"/>
      <c r="C53030" s="2"/>
    </row>
    <row r="53031" spans="1:3" ht="19.2">
      <c r="A53031" s="2"/>
      <c r="B53031" s="2"/>
      <c r="C53031" s="2"/>
    </row>
    <row r="53032" spans="1:3" ht="19.2">
      <c r="A53032" s="2"/>
      <c r="B53032" s="2"/>
      <c r="C53032" s="2"/>
    </row>
    <row r="53033" spans="1:3" ht="19.2">
      <c r="A53033" s="2"/>
      <c r="B53033" s="2"/>
      <c r="C53033" s="2"/>
    </row>
    <row r="53034" spans="1:3" ht="19.2">
      <c r="A53034" s="2"/>
      <c r="B53034" s="2"/>
      <c r="C53034" s="2"/>
    </row>
    <row r="53035" spans="1:3" ht="19.2">
      <c r="A53035" s="2"/>
      <c r="B53035" s="2"/>
      <c r="C53035" s="2"/>
    </row>
    <row r="53036" spans="1:3" ht="19.2">
      <c r="A53036" s="2"/>
      <c r="B53036" s="2"/>
      <c r="C53036" s="2"/>
    </row>
    <row r="53037" spans="1:3" ht="19.2">
      <c r="A53037" s="2"/>
      <c r="B53037" s="2"/>
      <c r="C53037" s="2"/>
    </row>
    <row r="53038" spans="1:3" ht="19.2">
      <c r="A53038" s="2"/>
      <c r="B53038" s="2"/>
      <c r="C53038" s="2"/>
    </row>
    <row r="53039" spans="1:3" ht="19.2">
      <c r="A53039" s="2"/>
      <c r="B53039" s="2"/>
      <c r="C53039" s="2"/>
    </row>
    <row r="53040" spans="1:3" ht="19.2">
      <c r="A53040" s="2"/>
      <c r="B53040" s="2"/>
      <c r="C53040" s="2"/>
    </row>
    <row r="53041" spans="1:3" ht="19.2">
      <c r="A53041" s="2"/>
      <c r="B53041" s="2"/>
      <c r="C53041" s="2"/>
    </row>
    <row r="53042" spans="1:3" ht="19.2">
      <c r="A53042" s="2"/>
      <c r="B53042" s="2"/>
      <c r="C53042" s="2"/>
    </row>
    <row r="53043" spans="1:3" ht="19.2">
      <c r="A53043" s="2"/>
      <c r="B53043" s="2"/>
      <c r="C53043" s="2"/>
    </row>
    <row r="53044" spans="1:3" ht="19.2">
      <c r="A53044" s="2"/>
      <c r="B53044" s="2"/>
      <c r="C53044" s="2"/>
    </row>
    <row r="53045" spans="1:3" ht="19.2">
      <c r="A53045" s="2"/>
      <c r="B53045" s="2"/>
      <c r="C53045" s="2"/>
    </row>
    <row r="53046" spans="1:3" ht="19.2">
      <c r="A53046" s="2"/>
      <c r="B53046" s="2"/>
      <c r="C53046" s="2"/>
    </row>
    <row r="53047" spans="1:3" ht="19.2">
      <c r="A53047" s="2"/>
      <c r="B53047" s="2"/>
      <c r="C53047" s="2"/>
    </row>
    <row r="53048" spans="1:3" ht="19.2">
      <c r="A53048" s="2"/>
      <c r="B53048" s="2"/>
      <c r="C53048" s="2"/>
    </row>
    <row r="53049" spans="1:3" ht="19.2">
      <c r="A53049" s="2"/>
      <c r="B53049" s="2"/>
      <c r="C53049" s="2"/>
    </row>
    <row r="53050" spans="1:3" ht="19.2">
      <c r="A53050" s="2"/>
      <c r="B53050" s="2"/>
      <c r="C53050" s="2"/>
    </row>
    <row r="53051" spans="1:3" ht="19.2">
      <c r="A53051" s="2"/>
      <c r="B53051" s="2"/>
      <c r="C53051" s="2"/>
    </row>
    <row r="53052" spans="1:3" ht="19.2">
      <c r="A53052" s="2"/>
      <c r="B53052" s="2"/>
      <c r="C53052" s="2"/>
    </row>
    <row r="53053" spans="1:3" ht="19.2">
      <c r="A53053" s="2"/>
      <c r="B53053" s="2"/>
      <c r="C53053" s="2"/>
    </row>
    <row r="53054" spans="1:3" ht="19.2">
      <c r="A53054" s="2"/>
      <c r="B53054" s="2"/>
      <c r="C53054" s="2"/>
    </row>
    <row r="53055" spans="1:3" ht="19.2">
      <c r="A53055" s="2"/>
      <c r="B53055" s="2"/>
      <c r="C53055" s="2"/>
    </row>
    <row r="53056" spans="1:3" ht="19.2">
      <c r="A53056" s="2"/>
      <c r="B53056" s="2"/>
      <c r="C53056" s="2"/>
    </row>
    <row r="53057" spans="1:3" ht="19.2">
      <c r="A53057" s="2"/>
      <c r="B53057" s="2"/>
      <c r="C53057" s="2"/>
    </row>
    <row r="53058" spans="1:3" ht="19.2">
      <c r="A53058" s="2"/>
      <c r="B53058" s="2"/>
      <c r="C53058" s="2"/>
    </row>
    <row r="53059" spans="1:3" ht="19.2">
      <c r="A53059" s="2"/>
      <c r="B53059" s="2"/>
      <c r="C53059" s="2"/>
    </row>
    <row r="53060" spans="1:3" ht="19.2">
      <c r="A53060" s="2"/>
      <c r="B53060" s="2"/>
      <c r="C53060" s="2"/>
    </row>
    <row r="53061" spans="1:3" ht="19.2">
      <c r="A53061" s="2"/>
      <c r="B53061" s="2"/>
      <c r="C53061" s="2"/>
    </row>
    <row r="53062" spans="1:3" ht="19.2">
      <c r="A53062" s="2"/>
      <c r="B53062" s="2"/>
      <c r="C53062" s="2"/>
    </row>
    <row r="53063" spans="1:3" ht="19.2">
      <c r="A53063" s="2"/>
      <c r="B53063" s="2"/>
      <c r="C53063" s="2"/>
    </row>
    <row r="53064" spans="1:3" ht="19.2">
      <c r="A53064" s="2"/>
      <c r="B53064" s="2"/>
      <c r="C53064" s="2"/>
    </row>
    <row r="53065" spans="1:3" ht="19.2">
      <c r="A53065" s="2"/>
      <c r="B53065" s="2"/>
      <c r="C53065" s="2"/>
    </row>
    <row r="53066" spans="1:3" ht="19.2">
      <c r="A53066" s="2"/>
      <c r="B53066" s="2"/>
      <c r="C53066" s="2"/>
    </row>
    <row r="53067" spans="1:3" ht="19.2">
      <c r="A53067" s="2"/>
      <c r="B53067" s="2"/>
      <c r="C53067" s="2"/>
    </row>
    <row r="53068" spans="1:3" ht="19.2">
      <c r="A53068" s="2"/>
      <c r="B53068" s="2"/>
      <c r="C53068" s="2"/>
    </row>
    <row r="53069" spans="1:3" ht="19.2">
      <c r="A53069" s="2"/>
      <c r="B53069" s="2"/>
      <c r="C53069" s="2"/>
    </row>
    <row r="53070" spans="1:3" ht="19.2">
      <c r="A53070" s="2"/>
      <c r="B53070" s="2"/>
      <c r="C53070" s="2"/>
    </row>
    <row r="53071" spans="1:3" ht="19.2">
      <c r="A53071" s="2"/>
      <c r="B53071" s="2"/>
      <c r="C53071" s="2"/>
    </row>
    <row r="53072" spans="1:3" ht="19.2">
      <c r="A53072" s="2"/>
      <c r="B53072" s="2"/>
      <c r="C53072" s="2"/>
    </row>
    <row r="53073" spans="1:3" ht="19.2">
      <c r="A53073" s="2"/>
      <c r="B53073" s="2"/>
      <c r="C53073" s="2"/>
    </row>
    <row r="53074" spans="1:3" ht="19.2">
      <c r="A53074" s="2"/>
      <c r="B53074" s="2"/>
      <c r="C53074" s="2"/>
    </row>
    <row r="53075" spans="1:3" ht="19.2">
      <c r="A53075" s="2"/>
      <c r="B53075" s="2"/>
      <c r="C53075" s="2"/>
    </row>
    <row r="53076" spans="1:3" ht="19.2">
      <c r="A53076" s="2"/>
      <c r="B53076" s="2"/>
      <c r="C53076" s="2"/>
    </row>
    <row r="53077" spans="1:3" ht="19.2">
      <c r="A53077" s="2"/>
      <c r="B53077" s="2"/>
      <c r="C53077" s="2"/>
    </row>
    <row r="53078" spans="1:3" ht="19.2">
      <c r="A53078" s="2"/>
      <c r="B53078" s="2"/>
      <c r="C53078" s="2"/>
    </row>
    <row r="53079" spans="1:3" ht="19.2">
      <c r="A53079" s="2"/>
      <c r="B53079" s="2"/>
      <c r="C53079" s="2"/>
    </row>
    <row r="53080" spans="1:3" ht="19.2">
      <c r="A53080" s="2"/>
      <c r="B53080" s="2"/>
      <c r="C53080" s="2"/>
    </row>
    <row r="53081" spans="1:3" ht="19.2">
      <c r="A53081" s="2"/>
      <c r="B53081" s="2"/>
      <c r="C53081" s="2"/>
    </row>
    <row r="53082" spans="1:3" ht="19.2">
      <c r="A53082" s="2"/>
      <c r="B53082" s="2"/>
      <c r="C53082" s="2"/>
    </row>
    <row r="53083" spans="1:3" ht="19.2">
      <c r="A53083" s="2"/>
      <c r="B53083" s="2"/>
      <c r="C53083" s="2"/>
    </row>
    <row r="53084" spans="1:3" ht="19.2">
      <c r="A53084" s="2"/>
      <c r="B53084" s="2"/>
      <c r="C53084" s="2"/>
    </row>
    <row r="53085" spans="1:3" ht="19.2">
      <c r="A53085" s="2"/>
      <c r="B53085" s="2"/>
      <c r="C53085" s="2"/>
    </row>
    <row r="53086" spans="1:3" ht="19.2">
      <c r="A53086" s="2"/>
      <c r="B53086" s="2"/>
      <c r="C53086" s="2"/>
    </row>
    <row r="53087" spans="1:3" ht="19.2">
      <c r="A53087" s="2"/>
      <c r="B53087" s="2"/>
      <c r="C53087" s="2"/>
    </row>
    <row r="53088" spans="1:3" ht="19.2">
      <c r="A53088" s="2"/>
      <c r="B53088" s="2"/>
      <c r="C53088" s="2"/>
    </row>
    <row r="53089" spans="1:3" ht="19.2">
      <c r="A53089" s="2"/>
      <c r="B53089" s="2"/>
      <c r="C53089" s="2"/>
    </row>
    <row r="53090" spans="1:3" ht="19.2">
      <c r="A53090" s="2"/>
      <c r="B53090" s="2"/>
      <c r="C53090" s="2"/>
    </row>
    <row r="53091" spans="1:3" ht="19.2">
      <c r="A53091" s="2"/>
      <c r="B53091" s="2"/>
      <c r="C53091" s="2"/>
    </row>
    <row r="53092" spans="1:3" ht="19.2">
      <c r="A53092" s="2"/>
      <c r="B53092" s="2"/>
      <c r="C53092" s="2"/>
    </row>
    <row r="53093" spans="1:3" ht="19.2">
      <c r="A53093" s="2"/>
      <c r="B53093" s="2"/>
      <c r="C53093" s="2"/>
    </row>
    <row r="53094" spans="1:3" ht="19.2">
      <c r="A53094" s="2"/>
      <c r="B53094" s="2"/>
      <c r="C53094" s="2"/>
    </row>
    <row r="53095" spans="1:3" ht="19.2">
      <c r="A53095" s="2"/>
      <c r="B53095" s="2"/>
      <c r="C53095" s="2"/>
    </row>
    <row r="53096" spans="1:3" ht="19.2">
      <c r="A53096" s="2"/>
      <c r="B53096" s="2"/>
      <c r="C53096" s="2"/>
    </row>
    <row r="53097" spans="1:3" ht="19.2">
      <c r="A53097" s="2"/>
      <c r="B53097" s="2"/>
      <c r="C53097" s="2"/>
    </row>
    <row r="53098" spans="1:3" ht="19.2">
      <c r="A53098" s="2"/>
      <c r="B53098" s="2"/>
      <c r="C53098" s="2"/>
    </row>
    <row r="53099" spans="1:3" ht="19.2">
      <c r="A53099" s="2"/>
      <c r="B53099" s="2"/>
      <c r="C53099" s="2"/>
    </row>
    <row r="53100" spans="1:3" ht="19.2">
      <c r="A53100" s="2"/>
      <c r="B53100" s="2"/>
      <c r="C53100" s="2"/>
    </row>
    <row r="53101" spans="1:3" ht="19.2">
      <c r="A53101" s="2"/>
      <c r="B53101" s="2"/>
      <c r="C53101" s="2"/>
    </row>
    <row r="53102" spans="1:3" ht="19.2">
      <c r="A53102" s="2"/>
      <c r="B53102" s="2"/>
      <c r="C53102" s="2"/>
    </row>
    <row r="53103" spans="1:3" ht="19.2">
      <c r="A53103" s="2"/>
      <c r="B53103" s="2"/>
      <c r="C53103" s="2"/>
    </row>
    <row r="53104" spans="1:3" ht="19.2">
      <c r="A53104" s="2"/>
      <c r="B53104" s="2"/>
      <c r="C53104" s="2"/>
    </row>
    <row r="53105" spans="1:3" ht="19.2">
      <c r="A53105" s="2"/>
      <c r="B53105" s="2"/>
      <c r="C53105" s="2"/>
    </row>
    <row r="53106" spans="1:3" ht="19.2">
      <c r="A53106" s="2"/>
      <c r="B53106" s="2"/>
      <c r="C53106" s="2"/>
    </row>
    <row r="53107" spans="1:3" ht="19.2">
      <c r="A53107" s="2"/>
      <c r="B53107" s="2"/>
      <c r="C53107" s="2"/>
    </row>
    <row r="53108" spans="1:3" ht="19.2">
      <c r="A53108" s="2"/>
      <c r="B53108" s="2"/>
      <c r="C53108" s="2"/>
    </row>
    <row r="53109" spans="1:3" ht="19.2">
      <c r="A53109" s="2"/>
      <c r="B53109" s="2"/>
      <c r="C53109" s="2"/>
    </row>
    <row r="53110" spans="1:3" ht="19.2">
      <c r="A53110" s="2"/>
      <c r="B53110" s="2"/>
      <c r="C53110" s="2"/>
    </row>
    <row r="53111" spans="1:3" ht="19.2">
      <c r="A53111" s="2"/>
      <c r="B53111" s="2"/>
      <c r="C53111" s="2"/>
    </row>
    <row r="53112" spans="1:3" ht="19.2">
      <c r="A53112" s="2"/>
      <c r="B53112" s="2"/>
      <c r="C53112" s="2"/>
    </row>
    <row r="53113" spans="1:3" ht="19.2">
      <c r="A53113" s="2"/>
      <c r="B53113" s="2"/>
      <c r="C53113" s="2"/>
    </row>
    <row r="53114" spans="1:3" ht="19.2">
      <c r="A53114" s="2"/>
      <c r="B53114" s="2"/>
      <c r="C53114" s="2"/>
    </row>
    <row r="53115" spans="1:3" ht="19.2">
      <c r="A53115" s="2"/>
      <c r="B53115" s="2"/>
      <c r="C53115" s="2"/>
    </row>
    <row r="53116" spans="1:3" ht="19.2">
      <c r="A53116" s="2"/>
      <c r="B53116" s="2"/>
      <c r="C53116" s="2"/>
    </row>
    <row r="53117" spans="1:3" ht="19.2">
      <c r="A53117" s="2"/>
      <c r="B53117" s="2"/>
      <c r="C53117" s="2"/>
    </row>
    <row r="53118" spans="1:3" ht="19.2">
      <c r="A53118" s="2"/>
      <c r="B53118" s="2"/>
      <c r="C53118" s="2"/>
    </row>
    <row r="53119" spans="1:3" ht="19.2">
      <c r="A53119" s="2"/>
      <c r="B53119" s="2"/>
      <c r="C53119" s="2"/>
    </row>
    <row r="53120" spans="1:3" ht="19.2">
      <c r="A53120" s="2"/>
      <c r="B53120" s="2"/>
      <c r="C53120" s="2"/>
    </row>
    <row r="53121" spans="1:3" ht="19.2">
      <c r="A53121" s="2"/>
      <c r="B53121" s="2"/>
      <c r="C53121" s="2"/>
    </row>
    <row r="53122" spans="1:3" ht="19.2">
      <c r="A53122" s="2"/>
      <c r="B53122" s="2"/>
      <c r="C53122" s="2"/>
    </row>
    <row r="53123" spans="1:3" ht="19.2">
      <c r="A53123" s="2"/>
      <c r="B53123" s="2"/>
      <c r="C53123" s="2"/>
    </row>
    <row r="53124" spans="1:3" ht="19.2">
      <c r="A53124" s="2"/>
      <c r="B53124" s="2"/>
      <c r="C53124" s="2"/>
    </row>
    <row r="53125" spans="1:3" ht="19.2">
      <c r="A53125" s="2"/>
      <c r="B53125" s="2"/>
      <c r="C53125" s="2"/>
    </row>
    <row r="53126" spans="1:3" ht="19.2">
      <c r="A53126" s="2"/>
      <c r="B53126" s="2"/>
      <c r="C53126" s="2"/>
    </row>
    <row r="53127" spans="1:3" ht="19.2">
      <c r="A53127" s="2"/>
      <c r="B53127" s="2"/>
      <c r="C53127" s="2"/>
    </row>
    <row r="53128" spans="1:3" ht="19.2">
      <c r="A53128" s="2"/>
      <c r="B53128" s="2"/>
      <c r="C53128" s="2"/>
    </row>
    <row r="53129" spans="1:3" ht="19.2">
      <c r="A53129" s="2"/>
      <c r="B53129" s="2"/>
      <c r="C53129" s="2"/>
    </row>
    <row r="53130" spans="1:3" ht="19.2">
      <c r="A53130" s="2"/>
      <c r="B53130" s="2"/>
      <c r="C53130" s="2"/>
    </row>
    <row r="53131" spans="1:3" ht="19.2">
      <c r="A53131" s="2"/>
      <c r="B53131" s="2"/>
      <c r="C53131" s="2"/>
    </row>
    <row r="53132" spans="1:3" ht="19.2">
      <c r="A53132" s="2"/>
      <c r="B53132" s="2"/>
      <c r="C53132" s="2"/>
    </row>
    <row r="53133" spans="1:3" ht="19.2">
      <c r="A53133" s="2"/>
      <c r="B53133" s="2"/>
      <c r="C53133" s="2"/>
    </row>
    <row r="53134" spans="1:3" ht="19.2">
      <c r="A53134" s="2"/>
      <c r="B53134" s="2"/>
      <c r="C53134" s="2"/>
    </row>
    <row r="53135" spans="1:3" ht="19.2">
      <c r="A53135" s="2"/>
      <c r="B53135" s="2"/>
      <c r="C53135" s="2"/>
    </row>
    <row r="53136" spans="1:3" ht="19.2">
      <c r="A53136" s="2"/>
      <c r="B53136" s="2"/>
      <c r="C53136" s="2"/>
    </row>
    <row r="53137" spans="1:3" ht="19.2">
      <c r="A53137" s="2"/>
      <c r="B53137" s="2"/>
      <c r="C53137" s="2"/>
    </row>
    <row r="53138" spans="1:3" ht="19.2">
      <c r="A53138" s="2"/>
      <c r="B53138" s="2"/>
      <c r="C53138" s="2"/>
    </row>
    <row r="53139" spans="1:3" ht="19.2">
      <c r="A53139" s="2"/>
      <c r="B53139" s="2"/>
      <c r="C53139" s="2"/>
    </row>
    <row r="53140" spans="1:3" ht="19.2">
      <c r="A53140" s="2"/>
      <c r="B53140" s="2"/>
      <c r="C53140" s="2"/>
    </row>
    <row r="53141" spans="1:3" ht="19.2">
      <c r="A53141" s="2"/>
      <c r="B53141" s="2"/>
      <c r="C53141" s="2"/>
    </row>
    <row r="53142" spans="1:3" ht="19.2">
      <c r="A53142" s="2"/>
      <c r="B53142" s="2"/>
      <c r="C53142" s="2"/>
    </row>
    <row r="53143" spans="1:3" ht="19.2">
      <c r="A53143" s="2"/>
      <c r="B53143" s="2"/>
      <c r="C53143" s="2"/>
    </row>
    <row r="53144" spans="1:3" ht="19.2">
      <c r="A53144" s="2"/>
      <c r="B53144" s="2"/>
      <c r="C53144" s="2"/>
    </row>
    <row r="53145" spans="1:3" ht="19.2">
      <c r="A53145" s="2"/>
      <c r="B53145" s="2"/>
      <c r="C53145" s="2"/>
    </row>
    <row r="53146" spans="1:3" ht="19.2">
      <c r="A53146" s="2"/>
      <c r="B53146" s="2"/>
      <c r="C53146" s="2"/>
    </row>
    <row r="53147" spans="1:3" ht="19.2">
      <c r="A53147" s="2"/>
      <c r="B53147" s="2"/>
      <c r="C53147" s="2"/>
    </row>
    <row r="53148" spans="1:3" ht="19.2">
      <c r="A53148" s="2"/>
      <c r="B53148" s="2"/>
      <c r="C53148" s="2"/>
    </row>
    <row r="53149" spans="1:3" ht="19.2">
      <c r="A53149" s="2"/>
      <c r="B53149" s="2"/>
      <c r="C53149" s="2"/>
    </row>
    <row r="53150" spans="1:3" ht="19.2">
      <c r="A53150" s="2"/>
      <c r="B53150" s="2"/>
      <c r="C53150" s="2"/>
    </row>
    <row r="53151" spans="1:3" ht="19.2">
      <c r="A53151" s="2"/>
      <c r="B53151" s="2"/>
      <c r="C53151" s="2"/>
    </row>
    <row r="53152" spans="1:3" ht="19.2">
      <c r="A53152" s="2"/>
      <c r="B53152" s="2"/>
      <c r="C53152" s="2"/>
    </row>
    <row r="53153" spans="1:3" ht="19.2">
      <c r="A53153" s="2"/>
      <c r="B53153" s="2"/>
      <c r="C53153" s="2"/>
    </row>
    <row r="53154" spans="1:3" ht="19.2">
      <c r="A53154" s="2"/>
      <c r="B53154" s="2"/>
      <c r="C53154" s="2"/>
    </row>
    <row r="53155" spans="1:3" ht="19.2">
      <c r="A53155" s="2"/>
      <c r="B53155" s="2"/>
      <c r="C53155" s="2"/>
    </row>
    <row r="53156" spans="1:3" ht="19.2">
      <c r="A53156" s="2"/>
      <c r="B53156" s="2"/>
      <c r="C53156" s="2"/>
    </row>
    <row r="53157" spans="1:3" ht="19.2">
      <c r="A53157" s="2"/>
      <c r="B53157" s="2"/>
      <c r="C53157" s="2"/>
    </row>
    <row r="53158" spans="1:3" ht="19.2">
      <c r="A53158" s="2"/>
      <c r="B53158" s="2"/>
      <c r="C53158" s="2"/>
    </row>
    <row r="53159" spans="1:3" ht="19.2">
      <c r="A53159" s="2"/>
      <c r="B53159" s="2"/>
      <c r="C53159" s="2"/>
    </row>
    <row r="53160" spans="1:3" ht="19.2">
      <c r="A53160" s="2"/>
      <c r="B53160" s="2"/>
      <c r="C53160" s="2"/>
    </row>
    <row r="53161" spans="1:3" ht="19.2">
      <c r="A53161" s="2"/>
      <c r="B53161" s="2"/>
      <c r="C53161" s="2"/>
    </row>
    <row r="53162" spans="1:3" ht="19.2">
      <c r="A53162" s="2"/>
      <c r="B53162" s="2"/>
      <c r="C53162" s="2"/>
    </row>
    <row r="53163" spans="1:3" ht="19.2">
      <c r="A53163" s="2"/>
      <c r="B53163" s="2"/>
      <c r="C53163" s="2"/>
    </row>
    <row r="53164" spans="1:3" ht="19.2">
      <c r="A53164" s="2"/>
      <c r="B53164" s="2"/>
      <c r="C53164" s="2"/>
    </row>
    <row r="53165" spans="1:3" ht="19.2">
      <c r="A53165" s="2"/>
      <c r="B53165" s="2"/>
      <c r="C53165" s="2"/>
    </row>
    <row r="53166" spans="1:3" ht="19.2">
      <c r="A53166" s="2"/>
      <c r="B53166" s="2"/>
      <c r="C53166" s="2"/>
    </row>
    <row r="53167" spans="1:3" ht="19.2">
      <c r="A53167" s="2"/>
      <c r="B53167" s="2"/>
      <c r="C53167" s="2"/>
    </row>
    <row r="53168" spans="1:3" ht="19.2">
      <c r="A53168" s="2"/>
      <c r="B53168" s="2"/>
      <c r="C53168" s="2"/>
    </row>
    <row r="53169" spans="1:3" ht="19.2">
      <c r="A53169" s="2"/>
      <c r="B53169" s="2"/>
      <c r="C53169" s="2"/>
    </row>
    <row r="53170" spans="1:3" ht="19.2">
      <c r="A53170" s="2"/>
      <c r="B53170" s="2"/>
      <c r="C53170" s="2"/>
    </row>
    <row r="53171" spans="1:3" ht="19.2">
      <c r="A53171" s="2"/>
      <c r="B53171" s="2"/>
      <c r="C53171" s="2"/>
    </row>
    <row r="53172" spans="1:3" ht="19.2">
      <c r="A53172" s="2"/>
      <c r="B53172" s="2"/>
      <c r="C53172" s="2"/>
    </row>
    <row r="53173" spans="1:3" ht="19.2">
      <c r="A53173" s="2"/>
      <c r="B53173" s="2"/>
      <c r="C53173" s="2"/>
    </row>
    <row r="53174" spans="1:3" ht="19.2">
      <c r="A53174" s="2"/>
      <c r="B53174" s="2"/>
      <c r="C53174" s="2"/>
    </row>
    <row r="53175" spans="1:3" ht="19.2">
      <c r="A53175" s="2"/>
      <c r="B53175" s="2"/>
      <c r="C53175" s="2"/>
    </row>
    <row r="53176" spans="1:3" ht="19.2">
      <c r="A53176" s="2"/>
      <c r="B53176" s="2"/>
      <c r="C53176" s="2"/>
    </row>
    <row r="53177" spans="1:3" ht="19.2">
      <c r="A53177" s="2"/>
      <c r="B53177" s="2"/>
      <c r="C53177" s="2"/>
    </row>
    <row r="53178" spans="1:3" ht="19.2">
      <c r="A53178" s="2"/>
      <c r="B53178" s="2"/>
      <c r="C53178" s="2"/>
    </row>
    <row r="53179" spans="1:3" ht="19.2">
      <c r="A53179" s="2"/>
      <c r="B53179" s="2"/>
      <c r="C53179" s="2"/>
    </row>
    <row r="53180" spans="1:3" ht="19.2">
      <c r="A53180" s="2"/>
      <c r="B53180" s="2"/>
      <c r="C53180" s="2"/>
    </row>
    <row r="53181" spans="1:3" ht="19.2">
      <c r="A53181" s="2"/>
      <c r="B53181" s="2"/>
      <c r="C53181" s="2"/>
    </row>
    <row r="53182" spans="1:3" ht="19.2">
      <c r="A53182" s="2"/>
      <c r="B53182" s="2"/>
      <c r="C53182" s="2"/>
    </row>
    <row r="53183" spans="1:3" ht="19.2">
      <c r="A53183" s="2"/>
      <c r="B53183" s="2"/>
      <c r="C53183" s="2"/>
    </row>
    <row r="53184" spans="1:3" ht="19.2">
      <c r="A53184" s="2"/>
      <c r="B53184" s="2"/>
      <c r="C53184" s="2"/>
    </row>
    <row r="53185" spans="1:3" ht="19.2">
      <c r="A53185" s="2"/>
      <c r="B53185" s="2"/>
      <c r="C53185" s="2"/>
    </row>
    <row r="53186" spans="1:3" ht="19.2">
      <c r="A53186" s="2"/>
      <c r="B53186" s="2"/>
      <c r="C53186" s="2"/>
    </row>
    <row r="53187" spans="1:3" ht="19.2">
      <c r="A53187" s="2"/>
      <c r="B53187" s="2"/>
      <c r="C53187" s="2"/>
    </row>
    <row r="53188" spans="1:3" ht="19.2">
      <c r="A53188" s="2"/>
      <c r="B53188" s="2"/>
      <c r="C53188" s="2"/>
    </row>
    <row r="53189" spans="1:3" ht="19.2">
      <c r="A53189" s="2"/>
      <c r="B53189" s="2"/>
      <c r="C53189" s="2"/>
    </row>
    <row r="53190" spans="1:3" ht="19.2">
      <c r="A53190" s="2"/>
      <c r="B53190" s="2"/>
      <c r="C53190" s="2"/>
    </row>
    <row r="53191" spans="1:3" ht="19.2">
      <c r="A53191" s="2"/>
      <c r="B53191" s="2"/>
      <c r="C53191" s="2"/>
    </row>
    <row r="53192" spans="1:3" ht="19.2">
      <c r="A53192" s="2"/>
      <c r="B53192" s="2"/>
      <c r="C53192" s="2"/>
    </row>
    <row r="53193" spans="1:3" ht="19.2">
      <c r="A53193" s="2"/>
      <c r="B53193" s="2"/>
      <c r="C53193" s="2"/>
    </row>
    <row r="53194" spans="1:3" ht="19.2">
      <c r="A53194" s="2"/>
      <c r="B53194" s="2"/>
      <c r="C53194" s="2"/>
    </row>
    <row r="53195" spans="1:3" ht="19.2">
      <c r="A53195" s="2"/>
      <c r="B53195" s="2"/>
      <c r="C53195" s="2"/>
    </row>
    <row r="53196" spans="1:3" ht="19.2">
      <c r="A53196" s="2"/>
      <c r="B53196" s="2"/>
      <c r="C53196" s="2"/>
    </row>
    <row r="53197" spans="1:3" ht="19.2">
      <c r="A53197" s="2"/>
      <c r="B53197" s="2"/>
      <c r="C53197" s="2"/>
    </row>
    <row r="53198" spans="1:3" ht="19.2">
      <c r="A53198" s="2"/>
      <c r="B53198" s="2"/>
      <c r="C53198" s="2"/>
    </row>
    <row r="53199" spans="1:3" ht="19.2">
      <c r="A53199" s="2"/>
      <c r="B53199" s="2"/>
      <c r="C53199" s="2"/>
    </row>
    <row r="53200" spans="1:3" ht="19.2">
      <c r="A53200" s="2"/>
      <c r="B53200" s="2"/>
      <c r="C53200" s="2"/>
    </row>
    <row r="53201" spans="1:3" ht="19.2">
      <c r="A53201" s="2"/>
      <c r="B53201" s="2"/>
      <c r="C53201" s="2"/>
    </row>
    <row r="53202" spans="1:3" ht="19.2">
      <c r="A53202" s="2"/>
      <c r="B53202" s="2"/>
      <c r="C53202" s="2"/>
    </row>
    <row r="53203" spans="1:3" ht="19.2">
      <c r="A53203" s="2"/>
      <c r="B53203" s="2"/>
      <c r="C53203" s="2"/>
    </row>
    <row r="53204" spans="1:3" ht="19.2">
      <c r="A53204" s="2"/>
      <c r="B53204" s="2"/>
      <c r="C53204" s="2"/>
    </row>
    <row r="53205" spans="1:3" ht="19.2">
      <c r="A53205" s="2"/>
      <c r="B53205" s="2"/>
      <c r="C53205" s="2"/>
    </row>
    <row r="53206" spans="1:3" ht="19.2">
      <c r="A53206" s="2"/>
      <c r="B53206" s="2"/>
      <c r="C53206" s="2"/>
    </row>
    <row r="53207" spans="1:3" ht="19.2">
      <c r="A53207" s="2"/>
      <c r="B53207" s="2"/>
      <c r="C53207" s="2"/>
    </row>
    <row r="53208" spans="1:3" ht="19.2">
      <c r="A53208" s="2"/>
      <c r="B53208" s="2"/>
      <c r="C53208" s="2"/>
    </row>
    <row r="53209" spans="1:3" ht="19.2">
      <c r="A53209" s="2"/>
      <c r="B53209" s="2"/>
      <c r="C53209" s="2"/>
    </row>
    <row r="53210" spans="1:3" ht="19.2">
      <c r="A53210" s="2"/>
      <c r="B53210" s="2"/>
      <c r="C53210" s="2"/>
    </row>
    <row r="53211" spans="1:3" ht="19.2">
      <c r="A53211" s="2"/>
      <c r="B53211" s="2"/>
      <c r="C53211" s="2"/>
    </row>
    <row r="53212" spans="1:3" ht="19.2">
      <c r="A53212" s="2"/>
      <c r="B53212" s="2"/>
      <c r="C53212" s="2"/>
    </row>
    <row r="53213" spans="1:3" ht="19.2">
      <c r="A53213" s="2"/>
      <c r="B53213" s="2"/>
      <c r="C53213" s="2"/>
    </row>
    <row r="53214" spans="1:3" ht="19.2">
      <c r="A53214" s="2"/>
      <c r="B53214" s="2"/>
      <c r="C53214" s="2"/>
    </row>
    <row r="53215" spans="1:3" ht="19.2">
      <c r="A53215" s="2"/>
      <c r="B53215" s="2"/>
      <c r="C53215" s="2"/>
    </row>
    <row r="53216" spans="1:3" ht="19.2">
      <c r="A53216" s="2"/>
      <c r="B53216" s="2"/>
      <c r="C53216" s="2"/>
    </row>
    <row r="53217" spans="1:3" ht="19.2">
      <c r="A53217" s="2"/>
      <c r="B53217" s="2"/>
      <c r="C53217" s="2"/>
    </row>
    <row r="53218" spans="1:3" ht="19.2">
      <c r="A53218" s="2"/>
      <c r="B53218" s="2"/>
      <c r="C53218" s="2"/>
    </row>
    <row r="53219" spans="1:3" ht="19.2">
      <c r="A53219" s="2"/>
      <c r="B53219" s="2"/>
      <c r="C53219" s="2"/>
    </row>
    <row r="53220" spans="1:3" ht="19.2">
      <c r="A53220" s="2"/>
      <c r="B53220" s="2"/>
      <c r="C53220" s="2"/>
    </row>
    <row r="53221" spans="1:3" ht="19.2">
      <c r="A53221" s="2"/>
      <c r="B53221" s="2"/>
      <c r="C53221" s="2"/>
    </row>
    <row r="53222" spans="1:3" ht="19.2">
      <c r="A53222" s="2"/>
      <c r="B53222" s="2"/>
      <c r="C53222" s="2"/>
    </row>
    <row r="53223" spans="1:3" ht="19.2">
      <c r="A53223" s="2"/>
      <c r="B53223" s="2"/>
      <c r="C53223" s="2"/>
    </row>
    <row r="53224" spans="1:3" ht="19.2">
      <c r="A53224" s="2"/>
      <c r="B53224" s="2"/>
      <c r="C53224" s="2"/>
    </row>
    <row r="53225" spans="1:3" ht="19.2">
      <c r="A53225" s="2"/>
      <c r="B53225" s="2"/>
      <c r="C53225" s="2"/>
    </row>
    <row r="53226" spans="1:3" ht="19.2">
      <c r="A53226" s="2"/>
      <c r="B53226" s="2"/>
      <c r="C53226" s="2"/>
    </row>
    <row r="53227" spans="1:3" ht="19.2">
      <c r="A53227" s="2"/>
      <c r="B53227" s="2"/>
      <c r="C53227" s="2"/>
    </row>
    <row r="53228" spans="1:3" ht="19.2">
      <c r="A53228" s="2"/>
      <c r="B53228" s="2"/>
      <c r="C53228" s="2"/>
    </row>
    <row r="53229" spans="1:3" ht="19.2">
      <c r="A53229" s="2"/>
      <c r="B53229" s="2"/>
      <c r="C53229" s="2"/>
    </row>
    <row r="53230" spans="1:3" ht="19.2">
      <c r="A53230" s="2"/>
      <c r="B53230" s="2"/>
      <c r="C53230" s="2"/>
    </row>
    <row r="53231" spans="1:3" ht="19.2">
      <c r="A53231" s="2"/>
      <c r="B53231" s="2"/>
      <c r="C53231" s="2"/>
    </row>
    <row r="53232" spans="1:3" ht="19.2">
      <c r="A53232" s="2"/>
      <c r="B53232" s="2"/>
      <c r="C53232" s="2"/>
    </row>
    <row r="53233" spans="1:3" ht="19.2">
      <c r="A53233" s="2"/>
      <c r="B53233" s="2"/>
      <c r="C53233" s="2"/>
    </row>
    <row r="53234" spans="1:3" ht="19.2">
      <c r="A53234" s="2"/>
      <c r="B53234" s="2"/>
      <c r="C53234" s="2"/>
    </row>
    <row r="53235" spans="1:3" ht="19.2">
      <c r="A53235" s="2"/>
      <c r="B53235" s="2"/>
      <c r="C53235" s="2"/>
    </row>
    <row r="53236" spans="1:3" ht="19.2">
      <c r="A53236" s="2"/>
      <c r="B53236" s="2"/>
      <c r="C53236" s="2"/>
    </row>
    <row r="53237" spans="1:3" ht="19.2">
      <c r="A53237" s="2"/>
      <c r="B53237" s="2"/>
      <c r="C53237" s="2"/>
    </row>
    <row r="53238" spans="1:3" ht="19.2">
      <c r="A53238" s="2"/>
      <c r="B53238" s="2"/>
      <c r="C53238" s="2"/>
    </row>
    <row r="53239" spans="1:3" ht="19.2">
      <c r="A53239" s="2"/>
      <c r="B53239" s="2"/>
      <c r="C53239" s="2"/>
    </row>
    <row r="53240" spans="1:3" ht="19.2">
      <c r="A53240" s="2"/>
      <c r="B53240" s="2"/>
      <c r="C53240" s="2"/>
    </row>
    <row r="53241" spans="1:3" ht="19.2">
      <c r="A53241" s="2"/>
      <c r="B53241" s="2"/>
      <c r="C53241" s="2"/>
    </row>
    <row r="53242" spans="1:3" ht="19.2">
      <c r="A53242" s="2"/>
      <c r="B53242" s="2"/>
      <c r="C53242" s="2"/>
    </row>
    <row r="53243" spans="1:3" ht="19.2">
      <c r="A53243" s="2"/>
      <c r="B53243" s="2"/>
      <c r="C53243" s="2"/>
    </row>
    <row r="53244" spans="1:3" ht="19.2">
      <c r="A53244" s="2"/>
      <c r="B53244" s="2"/>
      <c r="C53244" s="2"/>
    </row>
    <row r="53245" spans="1:3" ht="19.2">
      <c r="A53245" s="2"/>
      <c r="B53245" s="2"/>
      <c r="C53245" s="2"/>
    </row>
    <row r="53246" spans="1:3" ht="19.2">
      <c r="A53246" s="2"/>
      <c r="B53246" s="2"/>
      <c r="C53246" s="2"/>
    </row>
    <row r="53247" spans="1:3" ht="19.2">
      <c r="A53247" s="2"/>
      <c r="B53247" s="2"/>
      <c r="C53247" s="2"/>
    </row>
    <row r="53248" spans="1:3" ht="19.2">
      <c r="A53248" s="2"/>
      <c r="B53248" s="2"/>
      <c r="C53248" s="2"/>
    </row>
    <row r="53249" spans="1:3" ht="19.2">
      <c r="A53249" s="2"/>
      <c r="B53249" s="2"/>
      <c r="C53249" s="2"/>
    </row>
    <row r="53250" spans="1:3" ht="19.2">
      <c r="A53250" s="2"/>
      <c r="B53250" s="2"/>
      <c r="C53250" s="2"/>
    </row>
    <row r="53251" spans="1:3" ht="19.2">
      <c r="A53251" s="2"/>
      <c r="B53251" s="2"/>
      <c r="C53251" s="2"/>
    </row>
    <row r="53252" spans="1:3" ht="19.2">
      <c r="A53252" s="2"/>
      <c r="B53252" s="2"/>
      <c r="C53252" s="2"/>
    </row>
    <row r="53253" spans="1:3" ht="19.2">
      <c r="A53253" s="2"/>
      <c r="B53253" s="2"/>
      <c r="C53253" s="2"/>
    </row>
    <row r="53254" spans="1:3" ht="19.2">
      <c r="A53254" s="2"/>
      <c r="B53254" s="2"/>
      <c r="C53254" s="2"/>
    </row>
    <row r="53255" spans="1:3" ht="19.2">
      <c r="A53255" s="2"/>
      <c r="B53255" s="2"/>
      <c r="C53255" s="2"/>
    </row>
    <row r="53256" spans="1:3" ht="19.2">
      <c r="A53256" s="2"/>
      <c r="B53256" s="2"/>
      <c r="C53256" s="2"/>
    </row>
    <row r="53257" spans="1:3" ht="19.2">
      <c r="A53257" s="2"/>
      <c r="B53257" s="2"/>
      <c r="C53257" s="2"/>
    </row>
    <row r="53258" spans="1:3" ht="19.2">
      <c r="A53258" s="2"/>
      <c r="B53258" s="2"/>
      <c r="C53258" s="2"/>
    </row>
    <row r="53259" spans="1:3" ht="19.2">
      <c r="A53259" s="2"/>
      <c r="B53259" s="2"/>
      <c r="C53259" s="2"/>
    </row>
    <row r="53260" spans="1:3" ht="19.2">
      <c r="A53260" s="2"/>
      <c r="B53260" s="2"/>
      <c r="C53260" s="2"/>
    </row>
    <row r="53261" spans="1:3" ht="19.2">
      <c r="A53261" s="2"/>
      <c r="B53261" s="2"/>
      <c r="C53261" s="2"/>
    </row>
    <row r="53262" spans="1:3" ht="19.2">
      <c r="A53262" s="2"/>
      <c r="B53262" s="2"/>
      <c r="C53262" s="2"/>
    </row>
    <row r="53263" spans="1:3" ht="19.2">
      <c r="A53263" s="2"/>
      <c r="B53263" s="2"/>
      <c r="C53263" s="2"/>
    </row>
    <row r="53264" spans="1:3" ht="19.2">
      <c r="A53264" s="2"/>
      <c r="B53264" s="2"/>
      <c r="C53264" s="2"/>
    </row>
    <row r="53265" spans="1:3" ht="19.2">
      <c r="A53265" s="2"/>
      <c r="B53265" s="2"/>
      <c r="C53265" s="2"/>
    </row>
    <row r="53266" spans="1:3" ht="19.2">
      <c r="A53266" s="2"/>
      <c r="B53266" s="2"/>
      <c r="C53266" s="2"/>
    </row>
    <row r="53267" spans="1:3" ht="19.2">
      <c r="A53267" s="2"/>
      <c r="B53267" s="2"/>
      <c r="C53267" s="2"/>
    </row>
    <row r="53268" spans="1:3" ht="19.2">
      <c r="A53268" s="2"/>
      <c r="B53268" s="2"/>
      <c r="C53268" s="2"/>
    </row>
    <row r="53269" spans="1:3" ht="19.2">
      <c r="A53269" s="2"/>
      <c r="B53269" s="2"/>
      <c r="C53269" s="2"/>
    </row>
    <row r="53270" spans="1:3" ht="19.2">
      <c r="A53270" s="2"/>
      <c r="B53270" s="2"/>
      <c r="C53270" s="2"/>
    </row>
    <row r="53271" spans="1:3" ht="19.2">
      <c r="A53271" s="2"/>
      <c r="B53271" s="2"/>
      <c r="C53271" s="2"/>
    </row>
    <row r="53272" spans="1:3" ht="19.2">
      <c r="A53272" s="2"/>
      <c r="B53272" s="2"/>
      <c r="C53272" s="2"/>
    </row>
    <row r="53273" spans="1:3" ht="19.2">
      <c r="A53273" s="2"/>
      <c r="B53273" s="2"/>
      <c r="C53273" s="2"/>
    </row>
    <row r="53274" spans="1:3" ht="19.2">
      <c r="A53274" s="2"/>
      <c r="B53274" s="2"/>
      <c r="C53274" s="2"/>
    </row>
    <row r="53275" spans="1:3" ht="19.2">
      <c r="A53275" s="2"/>
      <c r="B53275" s="2"/>
      <c r="C53275" s="2"/>
    </row>
    <row r="53276" spans="1:3" ht="19.2">
      <c r="A53276" s="2"/>
      <c r="B53276" s="2"/>
      <c r="C53276" s="2"/>
    </row>
    <row r="53277" spans="1:3" ht="19.2">
      <c r="A53277" s="2"/>
      <c r="B53277" s="2"/>
      <c r="C53277" s="2"/>
    </row>
    <row r="53278" spans="1:3" ht="19.2">
      <c r="A53278" s="2"/>
      <c r="B53278" s="2"/>
      <c r="C53278" s="2"/>
    </row>
    <row r="53279" spans="1:3" ht="19.2">
      <c r="A53279" s="2"/>
      <c r="B53279" s="2"/>
      <c r="C53279" s="2"/>
    </row>
    <row r="53280" spans="1:3" ht="19.2">
      <c r="A53280" s="2"/>
      <c r="B53280" s="2"/>
      <c r="C53280" s="2"/>
    </row>
    <row r="53281" spans="1:3" ht="19.2">
      <c r="A53281" s="2"/>
      <c r="B53281" s="2"/>
      <c r="C53281" s="2"/>
    </row>
    <row r="53282" spans="1:3" ht="19.2">
      <c r="A53282" s="2"/>
      <c r="B53282" s="2"/>
      <c r="C53282" s="2"/>
    </row>
    <row r="53283" spans="1:3" ht="19.2">
      <c r="A53283" s="2"/>
      <c r="B53283" s="2"/>
      <c r="C53283" s="2"/>
    </row>
    <row r="53284" spans="1:3" ht="19.2">
      <c r="A53284" s="2"/>
      <c r="B53284" s="2"/>
      <c r="C53284" s="2"/>
    </row>
    <row r="53285" spans="1:3" ht="19.2">
      <c r="A53285" s="2"/>
      <c r="B53285" s="2"/>
      <c r="C53285" s="2"/>
    </row>
    <row r="53286" spans="1:3" ht="19.2">
      <c r="A53286" s="2"/>
      <c r="B53286" s="2"/>
      <c r="C53286" s="2"/>
    </row>
    <row r="53287" spans="1:3" ht="19.2">
      <c r="A53287" s="2"/>
      <c r="B53287" s="2"/>
      <c r="C53287" s="2"/>
    </row>
    <row r="53288" spans="1:3" ht="19.2">
      <c r="A53288" s="2"/>
      <c r="B53288" s="2"/>
      <c r="C53288" s="2"/>
    </row>
    <row r="53289" spans="1:3" ht="19.2">
      <c r="A53289" s="2"/>
      <c r="B53289" s="2"/>
      <c r="C53289" s="2"/>
    </row>
    <row r="53290" spans="1:3" ht="19.2">
      <c r="A53290" s="2"/>
      <c r="B53290" s="2"/>
      <c r="C53290" s="2"/>
    </row>
    <row r="53291" spans="1:3" ht="19.2">
      <c r="A53291" s="2"/>
      <c r="B53291" s="2"/>
      <c r="C53291" s="2"/>
    </row>
    <row r="53292" spans="1:3" ht="19.2">
      <c r="A53292" s="2"/>
      <c r="B53292" s="2"/>
      <c r="C53292" s="2"/>
    </row>
    <row r="53293" spans="1:3" ht="19.2">
      <c r="A53293" s="2"/>
      <c r="B53293" s="2"/>
      <c r="C53293" s="2"/>
    </row>
    <row r="53294" spans="1:3" ht="19.2">
      <c r="A53294" s="2"/>
      <c r="B53294" s="2"/>
      <c r="C53294" s="2"/>
    </row>
    <row r="53295" spans="1:3" ht="19.2">
      <c r="A53295" s="2"/>
      <c r="B53295" s="2"/>
      <c r="C53295" s="2"/>
    </row>
    <row r="53296" spans="1:3" ht="19.2">
      <c r="A53296" s="2"/>
      <c r="B53296" s="2"/>
      <c r="C53296" s="2"/>
    </row>
    <row r="53297" spans="1:3" ht="19.2">
      <c r="A53297" s="2"/>
      <c r="B53297" s="2"/>
      <c r="C53297" s="2"/>
    </row>
    <row r="53298" spans="1:3" ht="19.2">
      <c r="A53298" s="2"/>
      <c r="B53298" s="2"/>
      <c r="C53298" s="2"/>
    </row>
    <row r="53299" spans="1:3" ht="19.2">
      <c r="A53299" s="2"/>
      <c r="B53299" s="2"/>
      <c r="C53299" s="2"/>
    </row>
    <row r="53300" spans="1:3" ht="19.2">
      <c r="A53300" s="2"/>
      <c r="B53300" s="2"/>
      <c r="C53300" s="2"/>
    </row>
    <row r="53301" spans="1:3" ht="19.2">
      <c r="A53301" s="2"/>
      <c r="B53301" s="2"/>
      <c r="C53301" s="2"/>
    </row>
    <row r="53302" spans="1:3" ht="19.2">
      <c r="A53302" s="2"/>
      <c r="B53302" s="2"/>
      <c r="C53302" s="2"/>
    </row>
    <row r="53303" spans="1:3" ht="19.2">
      <c r="A53303" s="2"/>
      <c r="B53303" s="2"/>
      <c r="C53303" s="2"/>
    </row>
    <row r="53304" spans="1:3" ht="19.2">
      <c r="A53304" s="2"/>
      <c r="B53304" s="2"/>
      <c r="C53304" s="2"/>
    </row>
    <row r="53305" spans="1:3" ht="19.2">
      <c r="A53305" s="2"/>
      <c r="B53305" s="2"/>
      <c r="C53305" s="2"/>
    </row>
    <row r="53306" spans="1:3" ht="19.2">
      <c r="A53306" s="2"/>
      <c r="B53306" s="2"/>
      <c r="C53306" s="2"/>
    </row>
    <row r="53307" spans="1:3" ht="19.2">
      <c r="A53307" s="2"/>
      <c r="B53307" s="2"/>
      <c r="C53307" s="2"/>
    </row>
    <row r="53308" spans="1:3" ht="19.2">
      <c r="A53308" s="2"/>
      <c r="B53308" s="2"/>
      <c r="C53308" s="2"/>
    </row>
    <row r="53309" spans="1:3" ht="19.2">
      <c r="A53309" s="2"/>
      <c r="B53309" s="2"/>
      <c r="C53309" s="2"/>
    </row>
    <row r="53310" spans="1:3" ht="19.2">
      <c r="A53310" s="2"/>
      <c r="B53310" s="2"/>
      <c r="C53310" s="2"/>
    </row>
    <row r="53311" spans="1:3" ht="19.2">
      <c r="A53311" s="2"/>
      <c r="B53311" s="2"/>
      <c r="C53311" s="2"/>
    </row>
    <row r="53312" spans="1:3" ht="19.2">
      <c r="A53312" s="2"/>
      <c r="B53312" s="2"/>
      <c r="C53312" s="2"/>
    </row>
    <row r="53313" spans="1:3" ht="19.2">
      <c r="A53313" s="2"/>
      <c r="B53313" s="2"/>
      <c r="C53313" s="2"/>
    </row>
    <row r="53314" spans="1:3" ht="19.2">
      <c r="A53314" s="2"/>
      <c r="B53314" s="2"/>
      <c r="C53314" s="2"/>
    </row>
    <row r="53315" spans="1:3" ht="19.2">
      <c r="A53315" s="2"/>
      <c r="B53315" s="2"/>
      <c r="C53315" s="2"/>
    </row>
    <row r="53316" spans="1:3" ht="19.2">
      <c r="A53316" s="2"/>
      <c r="B53316" s="2"/>
      <c r="C53316" s="2"/>
    </row>
    <row r="53317" spans="1:3" ht="19.2">
      <c r="A53317" s="2"/>
      <c r="B53317" s="2"/>
      <c r="C53317" s="2"/>
    </row>
    <row r="53318" spans="1:3" ht="19.2">
      <c r="A53318" s="2"/>
      <c r="B53318" s="2"/>
      <c r="C53318" s="2"/>
    </row>
    <row r="53319" spans="1:3" ht="19.2">
      <c r="A53319" s="2"/>
      <c r="B53319" s="2"/>
      <c r="C53319" s="2"/>
    </row>
    <row r="53320" spans="1:3" ht="19.2">
      <c r="A53320" s="2"/>
      <c r="B53320" s="2"/>
      <c r="C53320" s="2"/>
    </row>
    <row r="53321" spans="1:3" ht="19.2">
      <c r="A53321" s="2"/>
      <c r="B53321" s="2"/>
      <c r="C53321" s="2"/>
    </row>
    <row r="53322" spans="1:3" ht="19.2">
      <c r="A53322" s="2"/>
      <c r="B53322" s="2"/>
      <c r="C53322" s="2"/>
    </row>
    <row r="53323" spans="1:3" ht="19.2">
      <c r="A53323" s="2"/>
      <c r="B53323" s="2"/>
      <c r="C53323" s="2"/>
    </row>
    <row r="53324" spans="1:3" ht="19.2">
      <c r="A53324" s="2"/>
      <c r="B53324" s="2"/>
      <c r="C53324" s="2"/>
    </row>
    <row r="53325" spans="1:3" ht="19.2">
      <c r="A53325" s="2"/>
      <c r="B53325" s="2"/>
      <c r="C53325" s="2"/>
    </row>
    <row r="53326" spans="1:3" ht="19.2">
      <c r="A53326" s="2"/>
      <c r="B53326" s="2"/>
      <c r="C53326" s="2"/>
    </row>
    <row r="53327" spans="1:3" ht="19.2">
      <c r="A53327" s="2"/>
      <c r="B53327" s="2"/>
      <c r="C53327" s="2"/>
    </row>
    <row r="53328" spans="1:3" ht="19.2">
      <c r="A53328" s="2"/>
      <c r="B53328" s="2"/>
      <c r="C53328" s="2"/>
    </row>
    <row r="53329" spans="1:3" ht="19.2">
      <c r="A53329" s="2"/>
      <c r="B53329" s="2"/>
      <c r="C53329" s="2"/>
    </row>
    <row r="53330" spans="1:3" ht="19.2">
      <c r="A53330" s="2"/>
      <c r="B53330" s="2"/>
      <c r="C53330" s="2"/>
    </row>
    <row r="53331" spans="1:3" ht="19.2">
      <c r="A53331" s="2"/>
      <c r="B53331" s="2"/>
      <c r="C53331" s="2"/>
    </row>
    <row r="53332" spans="1:3" ht="19.2">
      <c r="A53332" s="2"/>
      <c r="B53332" s="2"/>
      <c r="C53332" s="2"/>
    </row>
    <row r="53333" spans="1:3" ht="19.2">
      <c r="A53333" s="2"/>
      <c r="B53333" s="2"/>
      <c r="C53333" s="2"/>
    </row>
    <row r="53334" spans="1:3" ht="19.2">
      <c r="A53334" s="2"/>
      <c r="B53334" s="2"/>
      <c r="C53334" s="2"/>
    </row>
    <row r="53335" spans="1:3" ht="19.2">
      <c r="A53335" s="2"/>
      <c r="B53335" s="2"/>
      <c r="C53335" s="2"/>
    </row>
    <row r="53336" spans="1:3" ht="19.2">
      <c r="A53336" s="2"/>
      <c r="B53336" s="2"/>
      <c r="C53336" s="2"/>
    </row>
    <row r="53337" spans="1:3" ht="19.2">
      <c r="A53337" s="2"/>
      <c r="B53337" s="2"/>
      <c r="C53337" s="2"/>
    </row>
    <row r="53338" spans="1:3" ht="19.2">
      <c r="A53338" s="2"/>
      <c r="B53338" s="2"/>
      <c r="C53338" s="2"/>
    </row>
    <row r="53339" spans="1:3" ht="19.2">
      <c r="A53339" s="2"/>
      <c r="B53339" s="2"/>
      <c r="C53339" s="2"/>
    </row>
    <row r="53340" spans="1:3" ht="19.2">
      <c r="A53340" s="2"/>
      <c r="B53340" s="2"/>
      <c r="C53340" s="2"/>
    </row>
    <row r="53341" spans="1:3" ht="19.2">
      <c r="A53341" s="2"/>
      <c r="B53341" s="2"/>
      <c r="C53341" s="2"/>
    </row>
    <row r="53342" spans="1:3" ht="19.2">
      <c r="A53342" s="2"/>
      <c r="B53342" s="2"/>
      <c r="C53342" s="2"/>
    </row>
    <row r="53343" spans="1:3" ht="19.2">
      <c r="A53343" s="2"/>
      <c r="B53343" s="2"/>
      <c r="C53343" s="2"/>
    </row>
    <row r="53344" spans="1:3" ht="19.2">
      <c r="A53344" s="2"/>
      <c r="B53344" s="2"/>
      <c r="C53344" s="2"/>
    </row>
    <row r="53345" spans="1:3" ht="19.2">
      <c r="A53345" s="2"/>
      <c r="B53345" s="2"/>
      <c r="C53345" s="2"/>
    </row>
    <row r="53346" spans="1:3" ht="19.2">
      <c r="A53346" s="2"/>
      <c r="B53346" s="2"/>
      <c r="C53346" s="2"/>
    </row>
    <row r="53347" spans="1:3" ht="19.2">
      <c r="A53347" s="2"/>
      <c r="B53347" s="2"/>
      <c r="C53347" s="2"/>
    </row>
    <row r="53348" spans="1:3" ht="19.2">
      <c r="A53348" s="2"/>
      <c r="B53348" s="2"/>
      <c r="C53348" s="2"/>
    </row>
    <row r="53349" spans="1:3" ht="19.2">
      <c r="A53349" s="2"/>
      <c r="B53349" s="2"/>
      <c r="C53349" s="2"/>
    </row>
    <row r="53350" spans="1:3" ht="19.2">
      <c r="A53350" s="2"/>
      <c r="B53350" s="2"/>
      <c r="C53350" s="2"/>
    </row>
    <row r="53351" spans="1:3" ht="19.2">
      <c r="A53351" s="2"/>
      <c r="B53351" s="2"/>
      <c r="C53351" s="2"/>
    </row>
    <row r="53352" spans="1:3" ht="19.2">
      <c r="A53352" s="2"/>
      <c r="B53352" s="2"/>
      <c r="C53352" s="2"/>
    </row>
    <row r="53353" spans="1:3" ht="19.2">
      <c r="A53353" s="2"/>
      <c r="B53353" s="2"/>
      <c r="C53353" s="2"/>
    </row>
    <row r="53354" spans="1:3" ht="19.2">
      <c r="A53354" s="2"/>
      <c r="B53354" s="2"/>
      <c r="C53354" s="2"/>
    </row>
    <row r="53355" spans="1:3" ht="19.2">
      <c r="A53355" s="2"/>
      <c r="B53355" s="2"/>
      <c r="C53355" s="2"/>
    </row>
    <row r="53356" spans="1:3" ht="19.2">
      <c r="A53356" s="2"/>
      <c r="B53356" s="2"/>
      <c r="C53356" s="2"/>
    </row>
    <row r="53357" spans="1:3" ht="19.2">
      <c r="A53357" s="2"/>
      <c r="B53357" s="2"/>
      <c r="C53357" s="2"/>
    </row>
    <row r="53358" spans="1:3" ht="19.2">
      <c r="A53358" s="2"/>
      <c r="B53358" s="2"/>
      <c r="C53358" s="2"/>
    </row>
    <row r="53359" spans="1:3" ht="19.2">
      <c r="A53359" s="2"/>
      <c r="B53359" s="2"/>
      <c r="C53359" s="2"/>
    </row>
    <row r="53360" spans="1:3" ht="19.2">
      <c r="A53360" s="2"/>
      <c r="B53360" s="2"/>
      <c r="C53360" s="2"/>
    </row>
    <row r="53361" spans="1:3" ht="19.2">
      <c r="A53361" s="2"/>
      <c r="B53361" s="2"/>
      <c r="C53361" s="2"/>
    </row>
    <row r="53362" spans="1:3" ht="19.2">
      <c r="A53362" s="2"/>
      <c r="B53362" s="2"/>
      <c r="C53362" s="2"/>
    </row>
    <row r="53363" spans="1:3" ht="19.2">
      <c r="A53363" s="2"/>
      <c r="B53363" s="2"/>
      <c r="C53363" s="2"/>
    </row>
    <row r="53364" spans="1:3" ht="19.2">
      <c r="A53364" s="2"/>
      <c r="B53364" s="2"/>
      <c r="C53364" s="2"/>
    </row>
    <row r="53365" spans="1:3" ht="19.2">
      <c r="A53365" s="2"/>
      <c r="B53365" s="2"/>
      <c r="C53365" s="2"/>
    </row>
    <row r="53366" spans="1:3" ht="19.2">
      <c r="A53366" s="2"/>
      <c r="B53366" s="2"/>
      <c r="C53366" s="2"/>
    </row>
    <row r="53367" spans="1:3" ht="19.2">
      <c r="A53367" s="2"/>
      <c r="B53367" s="2"/>
      <c r="C53367" s="2"/>
    </row>
    <row r="53368" spans="1:3" ht="19.2">
      <c r="A53368" s="2"/>
      <c r="B53368" s="2"/>
      <c r="C53368" s="2"/>
    </row>
    <row r="53369" spans="1:3" ht="19.2">
      <c r="A53369" s="2"/>
      <c r="B53369" s="2"/>
      <c r="C53369" s="2"/>
    </row>
    <row r="53370" spans="1:3" ht="19.2">
      <c r="A53370" s="2"/>
      <c r="B53370" s="2"/>
      <c r="C53370" s="2"/>
    </row>
    <row r="53371" spans="1:3" ht="19.2">
      <c r="A53371" s="2"/>
      <c r="B53371" s="2"/>
      <c r="C53371" s="2"/>
    </row>
    <row r="53372" spans="1:3" ht="19.2">
      <c r="A53372" s="2"/>
      <c r="B53372" s="2"/>
      <c r="C53372" s="2"/>
    </row>
    <row r="53373" spans="1:3" ht="19.2">
      <c r="A53373" s="2"/>
      <c r="B53373" s="2"/>
      <c r="C53373" s="2"/>
    </row>
    <row r="53374" spans="1:3" ht="19.2">
      <c r="A53374" s="2"/>
      <c r="B53374" s="2"/>
      <c r="C53374" s="2"/>
    </row>
    <row r="53375" spans="1:3" ht="19.2">
      <c r="A53375" s="2"/>
      <c r="B53375" s="2"/>
      <c r="C53375" s="2"/>
    </row>
    <row r="53376" spans="1:3" ht="19.2">
      <c r="A53376" s="2"/>
      <c r="B53376" s="2"/>
      <c r="C53376" s="2"/>
    </row>
    <row r="53377" spans="1:3" ht="19.2">
      <c r="A53377" s="2"/>
      <c r="B53377" s="2"/>
      <c r="C53377" s="2"/>
    </row>
    <row r="53378" spans="1:3" ht="19.2">
      <c r="A53378" s="2"/>
      <c r="B53378" s="2"/>
      <c r="C53378" s="2"/>
    </row>
    <row r="53379" spans="1:3" ht="19.2">
      <c r="A53379" s="2"/>
      <c r="B53379" s="2"/>
      <c r="C53379" s="2"/>
    </row>
    <row r="53380" spans="1:3" ht="19.2">
      <c r="A53380" s="2"/>
      <c r="B53380" s="2"/>
      <c r="C53380" s="2"/>
    </row>
    <row r="53381" spans="1:3" ht="19.2">
      <c r="A53381" s="2"/>
      <c r="B53381" s="2"/>
      <c r="C53381" s="2"/>
    </row>
    <row r="53382" spans="1:3" ht="19.2">
      <c r="A53382" s="2"/>
      <c r="B53382" s="2"/>
      <c r="C53382" s="2"/>
    </row>
    <row r="53383" spans="1:3" ht="19.2">
      <c r="A53383" s="2"/>
      <c r="B53383" s="2"/>
      <c r="C53383" s="2"/>
    </row>
    <row r="53384" spans="1:3" ht="19.2">
      <c r="A53384" s="2"/>
      <c r="B53384" s="2"/>
      <c r="C53384" s="2"/>
    </row>
    <row r="53385" spans="1:3" ht="19.2">
      <c r="A53385" s="2"/>
      <c r="B53385" s="2"/>
      <c r="C53385" s="2"/>
    </row>
    <row r="53386" spans="1:3" ht="19.2">
      <c r="A53386" s="2"/>
      <c r="B53386" s="2"/>
      <c r="C53386" s="2"/>
    </row>
    <row r="53387" spans="1:3" ht="19.2">
      <c r="A53387" s="2"/>
      <c r="B53387" s="2"/>
      <c r="C53387" s="2"/>
    </row>
    <row r="53388" spans="1:3" ht="19.2">
      <c r="A53388" s="2"/>
      <c r="B53388" s="2"/>
      <c r="C53388" s="2"/>
    </row>
    <row r="53389" spans="1:3" ht="19.2">
      <c r="A53389" s="2"/>
      <c r="B53389" s="2"/>
      <c r="C53389" s="2"/>
    </row>
    <row r="53390" spans="1:3" ht="19.2">
      <c r="A53390" s="2"/>
      <c r="B53390" s="2"/>
      <c r="C53390" s="2"/>
    </row>
    <row r="53391" spans="1:3" ht="19.2">
      <c r="A53391" s="2"/>
      <c r="B53391" s="2"/>
      <c r="C53391" s="2"/>
    </row>
    <row r="53392" spans="1:3" ht="19.2">
      <c r="A53392" s="2"/>
      <c r="B53392" s="2"/>
      <c r="C53392" s="2"/>
    </row>
    <row r="53393" spans="1:3" ht="19.2">
      <c r="A53393" s="2"/>
      <c r="B53393" s="2"/>
      <c r="C53393" s="2"/>
    </row>
    <row r="53394" spans="1:3" ht="19.2">
      <c r="A53394" s="2"/>
      <c r="B53394" s="2"/>
      <c r="C53394" s="2"/>
    </row>
    <row r="53395" spans="1:3" ht="19.2">
      <c r="A53395" s="2"/>
      <c r="B53395" s="2"/>
      <c r="C53395" s="2"/>
    </row>
    <row r="53396" spans="1:3" ht="19.2">
      <c r="A53396" s="2"/>
      <c r="B53396" s="2"/>
      <c r="C53396" s="2"/>
    </row>
    <row r="53397" spans="1:3" ht="19.2">
      <c r="A53397" s="2"/>
      <c r="B53397" s="2"/>
      <c r="C53397" s="2"/>
    </row>
    <row r="53398" spans="1:3" ht="19.2">
      <c r="A53398" s="2"/>
      <c r="B53398" s="2"/>
      <c r="C53398" s="2"/>
    </row>
    <row r="53399" spans="1:3" ht="19.2">
      <c r="A53399" s="2"/>
      <c r="B53399" s="2"/>
      <c r="C53399" s="2"/>
    </row>
    <row r="53400" spans="1:3" ht="19.2">
      <c r="A53400" s="2"/>
      <c r="B53400" s="2"/>
      <c r="C53400" s="2"/>
    </row>
    <row r="53401" spans="1:3" ht="19.2">
      <c r="A53401" s="2"/>
      <c r="B53401" s="2"/>
      <c r="C53401" s="2"/>
    </row>
    <row r="53402" spans="1:3" ht="19.2">
      <c r="A53402" s="2"/>
      <c r="B53402" s="2"/>
      <c r="C53402" s="2"/>
    </row>
    <row r="53403" spans="1:3" ht="19.2">
      <c r="A53403" s="2"/>
      <c r="B53403" s="2"/>
      <c r="C53403" s="2"/>
    </row>
    <row r="53404" spans="1:3" ht="19.2">
      <c r="A53404" s="2"/>
      <c r="B53404" s="2"/>
      <c r="C53404" s="2"/>
    </row>
    <row r="53405" spans="1:3" ht="19.2">
      <c r="A53405" s="2"/>
      <c r="B53405" s="2"/>
      <c r="C53405" s="2"/>
    </row>
    <row r="53406" spans="1:3" ht="19.2">
      <c r="A53406" s="2"/>
      <c r="B53406" s="2"/>
      <c r="C53406" s="2"/>
    </row>
    <row r="53407" spans="1:3" ht="19.2">
      <c r="A53407" s="2"/>
      <c r="B53407" s="2"/>
      <c r="C53407" s="2"/>
    </row>
    <row r="53408" spans="1:3" ht="19.2">
      <c r="A53408" s="2"/>
      <c r="B53408" s="2"/>
      <c r="C53408" s="2"/>
    </row>
    <row r="53409" spans="1:3" ht="19.2">
      <c r="A53409" s="2"/>
      <c r="B53409" s="2"/>
      <c r="C53409" s="2"/>
    </row>
    <row r="53410" spans="1:3" ht="19.2">
      <c r="A53410" s="2"/>
      <c r="B53410" s="2"/>
      <c r="C53410" s="2"/>
    </row>
    <row r="53411" spans="1:3" ht="19.2">
      <c r="A53411" s="2"/>
      <c r="B53411" s="2"/>
      <c r="C53411" s="2"/>
    </row>
    <row r="53412" spans="1:3" ht="19.2">
      <c r="A53412" s="2"/>
      <c r="B53412" s="2"/>
      <c r="C53412" s="2"/>
    </row>
    <row r="53413" spans="1:3" ht="19.2">
      <c r="A53413" s="2"/>
      <c r="B53413" s="2"/>
      <c r="C53413" s="2"/>
    </row>
    <row r="53414" spans="1:3" ht="19.2">
      <c r="A53414" s="2"/>
      <c r="B53414" s="2"/>
      <c r="C53414" s="2"/>
    </row>
    <row r="53415" spans="1:3" ht="19.2">
      <c r="A53415" s="2"/>
      <c r="B53415" s="2"/>
      <c r="C53415" s="2"/>
    </row>
    <row r="53416" spans="1:3" ht="19.2">
      <c r="A53416" s="2"/>
      <c r="B53416" s="2"/>
      <c r="C53416" s="2"/>
    </row>
    <row r="53417" spans="1:3" ht="19.2">
      <c r="A53417" s="2"/>
      <c r="B53417" s="2"/>
      <c r="C53417" s="2"/>
    </row>
    <row r="53418" spans="1:3" ht="19.2">
      <c r="A53418" s="2"/>
      <c r="B53418" s="2"/>
      <c r="C53418" s="2"/>
    </row>
    <row r="53419" spans="1:3" ht="19.2">
      <c r="A53419" s="2"/>
      <c r="B53419" s="2"/>
      <c r="C53419" s="2"/>
    </row>
    <row r="53420" spans="1:3" ht="19.2">
      <c r="A53420" s="2"/>
      <c r="B53420" s="2"/>
      <c r="C53420" s="2"/>
    </row>
    <row r="53421" spans="1:3" ht="19.2">
      <c r="A53421" s="2"/>
      <c r="B53421" s="2"/>
      <c r="C53421" s="2"/>
    </row>
    <row r="53422" spans="1:3" ht="19.2">
      <c r="A53422" s="2"/>
      <c r="B53422" s="2"/>
      <c r="C53422" s="2"/>
    </row>
    <row r="53423" spans="1:3" ht="19.2">
      <c r="A53423" s="2"/>
      <c r="B53423" s="2"/>
      <c r="C53423" s="2"/>
    </row>
    <row r="53424" spans="1:3" ht="19.2">
      <c r="A53424" s="2"/>
      <c r="B53424" s="2"/>
      <c r="C53424" s="2"/>
    </row>
    <row r="53425" spans="1:3" ht="19.2">
      <c r="A53425" s="2"/>
      <c r="B53425" s="2"/>
      <c r="C53425" s="2"/>
    </row>
    <row r="53426" spans="1:3" ht="19.2">
      <c r="A53426" s="2"/>
      <c r="B53426" s="2"/>
      <c r="C53426" s="2"/>
    </row>
    <row r="53427" spans="1:3" ht="19.2">
      <c r="A53427" s="2"/>
      <c r="B53427" s="2"/>
      <c r="C53427" s="2"/>
    </row>
    <row r="53428" spans="1:3" ht="19.2">
      <c r="A53428" s="2"/>
      <c r="B53428" s="2"/>
      <c r="C53428" s="2"/>
    </row>
    <row r="53429" spans="1:3" ht="19.2">
      <c r="A53429" s="2"/>
      <c r="B53429" s="2"/>
      <c r="C53429" s="2"/>
    </row>
    <row r="53430" spans="1:3" ht="19.2">
      <c r="A53430" s="2"/>
      <c r="B53430" s="2"/>
      <c r="C53430" s="2"/>
    </row>
    <row r="53431" spans="1:3" ht="19.2">
      <c r="A53431" s="2"/>
      <c r="B53431" s="2"/>
      <c r="C53431" s="2"/>
    </row>
    <row r="53432" spans="1:3" ht="19.2">
      <c r="A53432" s="2"/>
      <c r="B53432" s="2"/>
      <c r="C53432" s="2"/>
    </row>
    <row r="53433" spans="1:3" ht="19.2">
      <c r="A53433" s="2"/>
      <c r="B53433" s="2"/>
      <c r="C53433" s="2"/>
    </row>
    <row r="53434" spans="1:3" ht="19.2">
      <c r="A53434" s="2"/>
      <c r="B53434" s="2"/>
      <c r="C53434" s="2"/>
    </row>
    <row r="53435" spans="1:3" ht="19.2">
      <c r="A53435" s="2"/>
      <c r="B53435" s="2"/>
      <c r="C53435" s="2"/>
    </row>
    <row r="53436" spans="1:3" ht="19.2">
      <c r="A53436" s="2"/>
      <c r="B53436" s="2"/>
      <c r="C53436" s="2"/>
    </row>
    <row r="53437" spans="1:3" ht="19.2">
      <c r="A53437" s="2"/>
      <c r="B53437" s="2"/>
      <c r="C53437" s="2"/>
    </row>
    <row r="53438" spans="1:3" ht="19.2">
      <c r="A53438" s="2"/>
      <c r="B53438" s="2"/>
      <c r="C53438" s="2"/>
    </row>
    <row r="53439" spans="1:3" ht="19.2">
      <c r="A53439" s="2"/>
      <c r="B53439" s="2"/>
      <c r="C53439" s="2"/>
    </row>
    <row r="53440" spans="1:3" ht="19.2">
      <c r="A53440" s="2"/>
      <c r="B53440" s="2"/>
      <c r="C53440" s="2"/>
    </row>
    <row r="53441" spans="1:3" ht="19.2">
      <c r="A53441" s="2"/>
      <c r="B53441" s="2"/>
      <c r="C53441" s="2"/>
    </row>
    <row r="53442" spans="1:3" ht="19.2">
      <c r="A53442" s="2"/>
      <c r="B53442" s="2"/>
      <c r="C53442" s="2"/>
    </row>
    <row r="53443" spans="1:3" ht="19.2">
      <c r="A53443" s="2"/>
      <c r="B53443" s="2"/>
      <c r="C53443" s="2"/>
    </row>
    <row r="53444" spans="1:3" ht="19.2">
      <c r="A53444" s="2"/>
      <c r="B53444" s="2"/>
      <c r="C53444" s="2"/>
    </row>
    <row r="53445" spans="1:3" ht="19.2">
      <c r="A53445" s="2"/>
      <c r="B53445" s="2"/>
      <c r="C53445" s="2"/>
    </row>
    <row r="53446" spans="1:3" ht="19.2">
      <c r="A53446" s="2"/>
      <c r="B53446" s="2"/>
      <c r="C53446" s="2"/>
    </row>
    <row r="53447" spans="1:3" ht="19.2">
      <c r="A53447" s="2"/>
      <c r="B53447" s="2"/>
      <c r="C53447" s="2"/>
    </row>
    <row r="53448" spans="1:3" ht="19.2">
      <c r="A53448" s="2"/>
      <c r="B53448" s="2"/>
      <c r="C53448" s="2"/>
    </row>
    <row r="53449" spans="1:3" ht="19.2">
      <c r="A53449" s="2"/>
      <c r="B53449" s="2"/>
      <c r="C53449" s="2"/>
    </row>
    <row r="53450" spans="1:3" ht="19.2">
      <c r="A53450" s="2"/>
      <c r="B53450" s="2"/>
      <c r="C53450" s="2"/>
    </row>
    <row r="53451" spans="1:3" ht="19.2">
      <c r="A53451" s="2"/>
      <c r="B53451" s="2"/>
      <c r="C53451" s="2"/>
    </row>
    <row r="53452" spans="1:3" ht="19.2">
      <c r="A53452" s="2"/>
      <c r="B53452" s="2"/>
      <c r="C53452" s="2"/>
    </row>
    <row r="53453" spans="1:3" ht="19.2">
      <c r="A53453" s="2"/>
      <c r="B53453" s="2"/>
      <c r="C53453" s="2"/>
    </row>
    <row r="53454" spans="1:3" ht="19.2">
      <c r="A53454" s="2"/>
      <c r="B53454" s="2"/>
      <c r="C53454" s="2"/>
    </row>
    <row r="53455" spans="1:3" ht="19.2">
      <c r="A53455" s="2"/>
      <c r="B53455" s="2"/>
      <c r="C53455" s="2"/>
    </row>
    <row r="53456" spans="1:3" ht="19.2">
      <c r="A53456" s="2"/>
      <c r="B53456" s="2"/>
      <c r="C53456" s="2"/>
    </row>
    <row r="53457" spans="1:3" ht="19.2">
      <c r="A53457" s="2"/>
      <c r="B53457" s="2"/>
      <c r="C53457" s="2"/>
    </row>
    <row r="53458" spans="1:3" ht="19.2">
      <c r="A53458" s="2"/>
      <c r="B53458" s="2"/>
      <c r="C53458" s="2"/>
    </row>
    <row r="53459" spans="1:3" ht="19.2">
      <c r="A53459" s="2"/>
      <c r="B53459" s="2"/>
      <c r="C53459" s="2"/>
    </row>
    <row r="53460" spans="1:3" ht="19.2">
      <c r="A53460" s="2"/>
      <c r="B53460" s="2"/>
      <c r="C53460" s="2"/>
    </row>
    <row r="53461" spans="1:3" ht="19.2">
      <c r="A53461" s="2"/>
      <c r="B53461" s="2"/>
      <c r="C53461" s="2"/>
    </row>
    <row r="53462" spans="1:3" ht="19.2">
      <c r="A53462" s="2"/>
      <c r="B53462" s="2"/>
      <c r="C53462" s="2"/>
    </row>
    <row r="53463" spans="1:3" ht="19.2">
      <c r="A53463" s="2"/>
      <c r="B53463" s="2"/>
      <c r="C53463" s="2"/>
    </row>
    <row r="53464" spans="1:3" ht="19.2">
      <c r="A53464" s="2"/>
      <c r="B53464" s="2"/>
      <c r="C53464" s="2"/>
    </row>
    <row r="53465" spans="1:3" ht="19.2">
      <c r="A53465" s="2"/>
      <c r="B53465" s="2"/>
      <c r="C53465" s="2"/>
    </row>
    <row r="53466" spans="1:3" ht="19.2">
      <c r="A53466" s="2"/>
      <c r="B53466" s="2"/>
      <c r="C53466" s="2"/>
    </row>
    <row r="53467" spans="1:3" ht="19.2">
      <c r="A53467" s="2"/>
      <c r="B53467" s="2"/>
      <c r="C53467" s="2"/>
    </row>
    <row r="53468" spans="1:3" ht="19.2">
      <c r="A53468" s="2"/>
      <c r="B53468" s="2"/>
      <c r="C53468" s="2"/>
    </row>
    <row r="53469" spans="1:3" ht="19.2">
      <c r="A53469" s="2"/>
      <c r="B53469" s="2"/>
      <c r="C53469" s="2"/>
    </row>
    <row r="53470" spans="1:3" ht="19.2">
      <c r="A53470" s="2"/>
      <c r="B53470" s="2"/>
      <c r="C53470" s="2"/>
    </row>
    <row r="53471" spans="1:3" ht="19.2">
      <c r="A53471" s="2"/>
      <c r="B53471" s="2"/>
      <c r="C53471" s="2"/>
    </row>
    <row r="53472" spans="1:3" ht="19.2">
      <c r="A53472" s="2"/>
      <c r="B53472" s="2"/>
      <c r="C53472" s="2"/>
    </row>
    <row r="53473" spans="1:3" ht="19.2">
      <c r="A53473" s="2"/>
      <c r="B53473" s="2"/>
      <c r="C53473" s="2"/>
    </row>
    <row r="53474" spans="1:3" ht="19.2">
      <c r="A53474" s="2"/>
      <c r="B53474" s="2"/>
      <c r="C53474" s="2"/>
    </row>
    <row r="53475" spans="1:3" ht="19.2">
      <c r="A53475" s="2"/>
      <c r="B53475" s="2"/>
      <c r="C53475" s="2"/>
    </row>
    <row r="53476" spans="1:3" ht="19.2">
      <c r="A53476" s="2"/>
      <c r="B53476" s="2"/>
      <c r="C53476" s="2"/>
    </row>
    <row r="53477" spans="1:3" ht="19.2">
      <c r="A53477" s="2"/>
      <c r="B53477" s="2"/>
      <c r="C53477" s="2"/>
    </row>
    <row r="53478" spans="1:3" ht="19.2">
      <c r="A53478" s="2"/>
      <c r="B53478" s="2"/>
      <c r="C53478" s="2"/>
    </row>
    <row r="53479" spans="1:3" ht="19.2">
      <c r="A53479" s="2"/>
      <c r="B53479" s="2"/>
      <c r="C53479" s="2"/>
    </row>
    <row r="53480" spans="1:3" ht="19.2">
      <c r="A53480" s="2"/>
      <c r="B53480" s="2"/>
      <c r="C53480" s="2"/>
    </row>
    <row r="53481" spans="1:3" ht="19.2">
      <c r="A53481" s="2"/>
      <c r="B53481" s="2"/>
      <c r="C53481" s="2"/>
    </row>
    <row r="53482" spans="1:3" ht="19.2">
      <c r="A53482" s="2"/>
      <c r="B53482" s="2"/>
      <c r="C53482" s="2"/>
    </row>
    <row r="53483" spans="1:3" ht="19.2">
      <c r="A53483" s="2"/>
      <c r="B53483" s="2"/>
      <c r="C53483" s="2"/>
    </row>
    <row r="53484" spans="1:3" ht="19.2">
      <c r="A53484" s="2"/>
      <c r="B53484" s="2"/>
      <c r="C53484" s="2"/>
    </row>
    <row r="53485" spans="1:3" ht="19.2">
      <c r="A53485" s="2"/>
      <c r="B53485" s="2"/>
      <c r="C53485" s="2"/>
    </row>
    <row r="53486" spans="1:3" ht="19.2">
      <c r="A53486" s="2"/>
      <c r="B53486" s="2"/>
      <c r="C53486" s="2"/>
    </row>
    <row r="53487" spans="1:3" ht="19.2">
      <c r="A53487" s="2"/>
      <c r="B53487" s="2"/>
      <c r="C53487" s="2"/>
    </row>
    <row r="53488" spans="1:3" ht="19.2">
      <c r="A53488" s="2"/>
      <c r="B53488" s="2"/>
      <c r="C53488" s="2"/>
    </row>
    <row r="53489" spans="1:3" ht="19.2">
      <c r="A53489" s="2"/>
      <c r="B53489" s="2"/>
      <c r="C53489" s="2"/>
    </row>
    <row r="53490" spans="1:3" ht="19.2">
      <c r="A53490" s="2"/>
      <c r="B53490" s="2"/>
      <c r="C53490" s="2"/>
    </row>
    <row r="53491" spans="1:3" ht="19.2">
      <c r="A53491" s="2"/>
      <c r="B53491" s="2"/>
      <c r="C53491" s="2"/>
    </row>
    <row r="53492" spans="1:3" ht="19.2">
      <c r="A53492" s="2"/>
      <c r="B53492" s="2"/>
      <c r="C53492" s="2"/>
    </row>
    <row r="53493" spans="1:3" ht="19.2">
      <c r="A53493" s="2"/>
      <c r="B53493" s="2"/>
      <c r="C53493" s="2"/>
    </row>
    <row r="53494" spans="1:3" ht="19.2">
      <c r="A53494" s="2"/>
      <c r="B53494" s="2"/>
      <c r="C53494" s="2"/>
    </row>
    <row r="53495" spans="1:3" ht="19.2">
      <c r="A53495" s="2"/>
      <c r="B53495" s="2"/>
      <c r="C53495" s="2"/>
    </row>
    <row r="53496" spans="1:3" ht="19.2">
      <c r="A53496" s="2"/>
      <c r="B53496" s="2"/>
      <c r="C53496" s="2"/>
    </row>
    <row r="53497" spans="1:3" ht="19.2">
      <c r="A53497" s="2"/>
      <c r="B53497" s="2"/>
      <c r="C53497" s="2"/>
    </row>
    <row r="53498" spans="1:3" ht="19.2">
      <c r="A53498" s="2"/>
      <c r="B53498" s="2"/>
      <c r="C53498" s="2"/>
    </row>
    <row r="53499" spans="1:3" ht="19.2">
      <c r="A53499" s="2"/>
      <c r="B53499" s="2"/>
      <c r="C53499" s="2"/>
    </row>
    <row r="53500" spans="1:3" ht="19.2">
      <c r="A53500" s="2"/>
      <c r="B53500" s="2"/>
      <c r="C53500" s="2"/>
    </row>
    <row r="53501" spans="1:3" ht="19.2">
      <c r="A53501" s="2"/>
      <c r="B53501" s="2"/>
      <c r="C53501" s="2"/>
    </row>
    <row r="53502" spans="1:3" ht="19.2">
      <c r="A53502" s="2"/>
      <c r="B53502" s="2"/>
      <c r="C53502" s="2"/>
    </row>
    <row r="53503" spans="1:3" ht="19.2">
      <c r="A53503" s="2"/>
      <c r="B53503" s="2"/>
      <c r="C53503" s="2"/>
    </row>
    <row r="53504" spans="1:3" ht="19.2">
      <c r="A53504" s="2"/>
      <c r="B53504" s="2"/>
      <c r="C53504" s="2"/>
    </row>
    <row r="53505" spans="1:3" ht="19.2">
      <c r="A53505" s="2"/>
      <c r="B53505" s="2"/>
      <c r="C53505" s="2"/>
    </row>
    <row r="53506" spans="1:3" ht="19.2">
      <c r="A53506" s="2"/>
      <c r="B53506" s="2"/>
      <c r="C53506" s="2"/>
    </row>
    <row r="53507" spans="1:3" ht="19.2">
      <c r="A53507" s="2"/>
      <c r="B53507" s="2"/>
      <c r="C53507" s="2"/>
    </row>
    <row r="53508" spans="1:3" ht="19.2">
      <c r="A53508" s="2"/>
      <c r="B53508" s="2"/>
      <c r="C53508" s="2"/>
    </row>
    <row r="53509" spans="1:3" ht="19.2">
      <c r="A53509" s="2"/>
      <c r="B53509" s="2"/>
      <c r="C53509" s="2"/>
    </row>
    <row r="53510" spans="1:3" ht="19.2">
      <c r="A53510" s="2"/>
      <c r="B53510" s="2"/>
      <c r="C53510" s="2"/>
    </row>
    <row r="53511" spans="1:3" ht="19.2">
      <c r="A53511" s="2"/>
      <c r="B53511" s="2"/>
      <c r="C53511" s="2"/>
    </row>
    <row r="53512" spans="1:3" ht="19.2">
      <c r="A53512" s="2"/>
      <c r="B53512" s="2"/>
      <c r="C53512" s="2"/>
    </row>
    <row r="53513" spans="1:3" ht="19.2">
      <c r="A53513" s="2"/>
      <c r="B53513" s="2"/>
      <c r="C53513" s="2"/>
    </row>
    <row r="53514" spans="1:3" ht="19.2">
      <c r="A53514" s="2"/>
      <c r="B53514" s="2"/>
      <c r="C53514" s="2"/>
    </row>
    <row r="53515" spans="1:3" ht="19.2">
      <c r="A53515" s="2"/>
      <c r="B53515" s="2"/>
      <c r="C53515" s="2"/>
    </row>
    <row r="53516" spans="1:3" ht="19.2">
      <c r="A53516" s="2"/>
      <c r="B53516" s="2"/>
      <c r="C53516" s="2"/>
    </row>
    <row r="53517" spans="1:3" ht="19.2">
      <c r="A53517" s="2"/>
      <c r="B53517" s="2"/>
      <c r="C53517" s="2"/>
    </row>
    <row r="53518" spans="1:3" ht="19.2">
      <c r="A53518" s="2"/>
      <c r="B53518" s="2"/>
      <c r="C53518" s="2"/>
    </row>
    <row r="53519" spans="1:3" ht="19.2">
      <c r="A53519" s="2"/>
      <c r="B53519" s="2"/>
      <c r="C53519" s="2"/>
    </row>
    <row r="53520" spans="1:3" ht="19.2">
      <c r="A53520" s="2"/>
      <c r="B53520" s="2"/>
      <c r="C53520" s="2"/>
    </row>
    <row r="53521" spans="1:3" ht="19.2">
      <c r="A53521" s="2"/>
      <c r="B53521" s="2"/>
      <c r="C53521" s="2"/>
    </row>
    <row r="53522" spans="1:3" ht="19.2">
      <c r="A53522" s="2"/>
      <c r="B53522" s="2"/>
      <c r="C53522" s="2"/>
    </row>
    <row r="53523" spans="1:3" ht="19.2">
      <c r="A53523" s="2"/>
      <c r="B53523" s="2"/>
      <c r="C53523" s="2"/>
    </row>
    <row r="53524" spans="1:3" ht="19.2">
      <c r="A53524" s="2"/>
      <c r="B53524" s="2"/>
      <c r="C53524" s="2"/>
    </row>
    <row r="53525" spans="1:3" ht="19.2">
      <c r="A53525" s="2"/>
      <c r="B53525" s="2"/>
      <c r="C53525" s="2"/>
    </row>
    <row r="53526" spans="1:3" ht="19.2">
      <c r="A53526" s="2"/>
      <c r="B53526" s="2"/>
      <c r="C53526" s="2"/>
    </row>
    <row r="53527" spans="1:3" ht="19.2">
      <c r="A53527" s="2"/>
      <c r="B53527" s="2"/>
      <c r="C53527" s="2"/>
    </row>
    <row r="53528" spans="1:3" ht="19.2">
      <c r="A53528" s="2"/>
      <c r="B53528" s="2"/>
      <c r="C53528" s="2"/>
    </row>
    <row r="53529" spans="1:3" ht="19.2">
      <c r="A53529" s="2"/>
      <c r="B53529" s="2"/>
      <c r="C53529" s="2"/>
    </row>
    <row r="53530" spans="1:3" ht="19.2">
      <c r="A53530" s="2"/>
      <c r="B53530" s="2"/>
      <c r="C53530" s="2"/>
    </row>
    <row r="53531" spans="1:3" ht="19.2">
      <c r="A53531" s="2"/>
      <c r="B53531" s="2"/>
      <c r="C53531" s="2"/>
    </row>
    <row r="53532" spans="1:3" ht="19.2">
      <c r="A53532" s="2"/>
      <c r="B53532" s="2"/>
      <c r="C53532" s="2"/>
    </row>
    <row r="53533" spans="1:3" ht="19.2">
      <c r="A53533" s="2"/>
      <c r="B53533" s="2"/>
      <c r="C53533" s="2"/>
    </row>
    <row r="53534" spans="1:3" ht="19.2">
      <c r="A53534" s="2"/>
      <c r="B53534" s="2"/>
      <c r="C53534" s="2"/>
    </row>
    <row r="53535" spans="1:3" ht="19.2">
      <c r="A53535" s="2"/>
      <c r="B53535" s="2"/>
      <c r="C53535" s="2"/>
    </row>
    <row r="53536" spans="1:3" ht="19.2">
      <c r="A53536" s="2"/>
      <c r="B53536" s="2"/>
      <c r="C53536" s="2"/>
    </row>
    <row r="53537" spans="1:3" ht="19.2">
      <c r="A53537" s="2"/>
      <c r="B53537" s="2"/>
      <c r="C53537" s="2"/>
    </row>
    <row r="53538" spans="1:3" ht="19.2">
      <c r="A53538" s="2"/>
      <c r="B53538" s="2"/>
      <c r="C53538" s="2"/>
    </row>
    <row r="53539" spans="1:3" ht="19.2">
      <c r="A53539" s="2"/>
      <c r="B53539" s="2"/>
      <c r="C53539" s="2"/>
    </row>
    <row r="53540" spans="1:3" ht="19.2">
      <c r="A53540" s="2"/>
      <c r="B53540" s="2"/>
      <c r="C53540" s="2"/>
    </row>
    <row r="53541" spans="1:3" ht="19.2">
      <c r="A53541" s="2"/>
      <c r="B53541" s="2"/>
      <c r="C53541" s="2"/>
    </row>
    <row r="53542" spans="1:3" ht="19.2">
      <c r="A53542" s="2"/>
      <c r="B53542" s="2"/>
      <c r="C53542" s="2"/>
    </row>
    <row r="53543" spans="1:3" ht="19.2">
      <c r="A53543" s="2"/>
      <c r="B53543" s="2"/>
      <c r="C53543" s="2"/>
    </row>
    <row r="53544" spans="1:3" ht="19.2">
      <c r="A53544" s="2"/>
      <c r="B53544" s="2"/>
      <c r="C53544" s="2"/>
    </row>
    <row r="53545" spans="1:3" ht="19.2">
      <c r="A53545" s="2"/>
      <c r="B53545" s="2"/>
      <c r="C53545" s="2"/>
    </row>
    <row r="53546" spans="1:3" ht="19.2">
      <c r="A53546" s="2"/>
      <c r="B53546" s="2"/>
      <c r="C53546" s="2"/>
    </row>
    <row r="53547" spans="1:3" ht="19.2">
      <c r="A53547" s="2"/>
      <c r="B53547" s="2"/>
      <c r="C53547" s="2"/>
    </row>
    <row r="53548" spans="1:3" ht="19.2">
      <c r="A53548" s="2"/>
      <c r="B53548" s="2"/>
      <c r="C53548" s="2"/>
    </row>
    <row r="53549" spans="1:3" ht="19.2">
      <c r="A53549" s="2"/>
      <c r="B53549" s="2"/>
      <c r="C53549" s="2"/>
    </row>
    <row r="53550" spans="1:3" ht="19.2">
      <c r="A53550" s="2"/>
      <c r="B53550" s="2"/>
      <c r="C53550" s="2"/>
    </row>
    <row r="53551" spans="1:3" ht="19.2">
      <c r="A53551" s="2"/>
      <c r="B53551" s="2"/>
      <c r="C53551" s="2"/>
    </row>
    <row r="53552" spans="1:3" ht="19.2">
      <c r="A53552" s="2"/>
      <c r="B53552" s="2"/>
      <c r="C53552" s="2"/>
    </row>
    <row r="53553" spans="1:3" ht="19.2">
      <c r="A53553" s="2"/>
      <c r="B53553" s="2"/>
      <c r="C53553" s="2"/>
    </row>
    <row r="53554" spans="1:3" ht="19.2">
      <c r="A53554" s="2"/>
      <c r="B53554" s="2"/>
      <c r="C53554" s="2"/>
    </row>
    <row r="53555" spans="1:3" ht="19.2">
      <c r="A53555" s="2"/>
      <c r="B53555" s="2"/>
      <c r="C53555" s="2"/>
    </row>
    <row r="53556" spans="1:3" ht="19.2">
      <c r="A53556" s="2"/>
      <c r="B53556" s="2"/>
      <c r="C53556" s="2"/>
    </row>
    <row r="53557" spans="1:3" ht="19.2">
      <c r="A53557" s="2"/>
      <c r="B53557" s="2"/>
      <c r="C53557" s="2"/>
    </row>
    <row r="53558" spans="1:3" ht="19.2">
      <c r="A53558" s="2"/>
      <c r="B53558" s="2"/>
      <c r="C53558" s="2"/>
    </row>
    <row r="53559" spans="1:3" ht="19.2">
      <c r="A53559" s="2"/>
      <c r="B53559" s="2"/>
      <c r="C53559" s="2"/>
    </row>
    <row r="53560" spans="1:3" ht="19.2">
      <c r="A53560" s="2"/>
      <c r="B53560" s="2"/>
      <c r="C53560" s="2"/>
    </row>
    <row r="53561" spans="1:3" ht="19.2">
      <c r="A53561" s="2"/>
      <c r="B53561" s="2"/>
      <c r="C53561" s="2"/>
    </row>
    <row r="53562" spans="1:3" ht="19.2">
      <c r="A53562" s="2"/>
      <c r="B53562" s="2"/>
      <c r="C53562" s="2"/>
    </row>
    <row r="53563" spans="1:3" ht="19.2">
      <c r="A53563" s="2"/>
      <c r="B53563" s="2"/>
      <c r="C53563" s="2"/>
    </row>
    <row r="53564" spans="1:3" ht="19.2">
      <c r="A53564" s="2"/>
      <c r="B53564" s="2"/>
      <c r="C53564" s="2"/>
    </row>
    <row r="53565" spans="1:3" ht="19.2">
      <c r="A53565" s="2"/>
      <c r="B53565" s="2"/>
      <c r="C53565" s="2"/>
    </row>
    <row r="53566" spans="1:3" ht="19.2">
      <c r="A53566" s="2"/>
      <c r="B53566" s="2"/>
      <c r="C53566" s="2"/>
    </row>
    <row r="53567" spans="1:3" ht="19.2">
      <c r="A53567" s="2"/>
      <c r="B53567" s="2"/>
      <c r="C53567" s="2"/>
    </row>
    <row r="53568" spans="1:3" ht="19.2">
      <c r="A53568" s="2"/>
      <c r="B53568" s="2"/>
      <c r="C53568" s="2"/>
    </row>
    <row r="53569" spans="1:3" ht="19.2">
      <c r="A53569" s="2"/>
      <c r="B53569" s="2"/>
      <c r="C53569" s="2"/>
    </row>
    <row r="53570" spans="1:3" ht="19.2">
      <c r="A53570" s="2"/>
      <c r="B53570" s="2"/>
      <c r="C53570" s="2"/>
    </row>
    <row r="53571" spans="1:3" ht="19.2">
      <c r="A53571" s="2"/>
      <c r="B53571" s="2"/>
      <c r="C53571" s="2"/>
    </row>
    <row r="53572" spans="1:3" ht="19.2">
      <c r="A53572" s="2"/>
      <c r="B53572" s="2"/>
      <c r="C53572" s="2"/>
    </row>
    <row r="53573" spans="1:3" ht="19.2">
      <c r="A53573" s="2"/>
      <c r="B53573" s="2"/>
      <c r="C53573" s="2"/>
    </row>
    <row r="53574" spans="1:3" ht="19.2">
      <c r="A53574" s="2"/>
      <c r="B53574" s="2"/>
      <c r="C53574" s="2"/>
    </row>
    <row r="53575" spans="1:3" ht="19.2">
      <c r="A53575" s="2"/>
      <c r="B53575" s="2"/>
      <c r="C53575" s="2"/>
    </row>
    <row r="53576" spans="1:3" ht="19.2">
      <c r="A53576" s="2"/>
      <c r="B53576" s="2"/>
      <c r="C53576" s="2"/>
    </row>
    <row r="53577" spans="1:3" ht="19.2">
      <c r="A53577" s="2"/>
      <c r="B53577" s="2"/>
      <c r="C53577" s="2"/>
    </row>
    <row r="53578" spans="1:3" ht="19.2">
      <c r="A53578" s="2"/>
      <c r="B53578" s="2"/>
      <c r="C53578" s="2"/>
    </row>
    <row r="53579" spans="1:3" ht="19.2">
      <c r="A53579" s="2"/>
      <c r="B53579" s="2"/>
      <c r="C53579" s="2"/>
    </row>
    <row r="53580" spans="1:3" ht="19.2">
      <c r="A53580" s="2"/>
      <c r="B53580" s="2"/>
      <c r="C53580" s="2"/>
    </row>
    <row r="53581" spans="1:3" ht="19.2">
      <c r="A53581" s="2"/>
      <c r="B53581" s="2"/>
      <c r="C53581" s="2"/>
    </row>
    <row r="53582" spans="1:3" ht="19.2">
      <c r="A53582" s="2"/>
      <c r="B53582" s="2"/>
      <c r="C53582" s="2"/>
    </row>
    <row r="53583" spans="1:3" ht="19.2">
      <c r="A53583" s="2"/>
      <c r="B53583" s="2"/>
      <c r="C53583" s="2"/>
    </row>
    <row r="53584" spans="1:3" ht="19.2">
      <c r="A53584" s="2"/>
      <c r="B53584" s="2"/>
      <c r="C53584" s="2"/>
    </row>
    <row r="53585" spans="1:3" ht="19.2">
      <c r="A53585" s="2"/>
      <c r="B53585" s="2"/>
      <c r="C53585" s="2"/>
    </row>
    <row r="53586" spans="1:3" ht="19.2">
      <c r="A53586" s="2"/>
      <c r="B53586" s="2"/>
      <c r="C53586" s="2"/>
    </row>
    <row r="53587" spans="1:3" ht="19.2">
      <c r="A53587" s="2"/>
      <c r="B53587" s="2"/>
      <c r="C53587" s="2"/>
    </row>
    <row r="53588" spans="1:3" ht="19.2">
      <c r="A53588" s="2"/>
      <c r="B53588" s="2"/>
      <c r="C53588" s="2"/>
    </row>
    <row r="53589" spans="1:3" ht="19.2">
      <c r="A53589" s="2"/>
      <c r="B53589" s="2"/>
      <c r="C53589" s="2"/>
    </row>
    <row r="53590" spans="1:3" ht="19.2">
      <c r="A53590" s="2"/>
      <c r="B53590" s="2"/>
      <c r="C53590" s="2"/>
    </row>
    <row r="53591" spans="1:3" ht="19.2">
      <c r="A53591" s="2"/>
      <c r="B53591" s="2"/>
      <c r="C53591" s="2"/>
    </row>
    <row r="53592" spans="1:3" ht="19.2">
      <c r="A53592" s="2"/>
      <c r="B53592" s="2"/>
      <c r="C53592" s="2"/>
    </row>
    <row r="53593" spans="1:3" ht="19.2">
      <c r="A53593" s="2"/>
      <c r="B53593" s="2"/>
      <c r="C53593" s="2"/>
    </row>
    <row r="53594" spans="1:3" ht="19.2">
      <c r="A53594" s="2"/>
      <c r="B53594" s="2"/>
      <c r="C53594" s="2"/>
    </row>
    <row r="53595" spans="1:3" ht="19.2">
      <c r="A53595" s="2"/>
      <c r="B53595" s="2"/>
      <c r="C53595" s="2"/>
    </row>
    <row r="53596" spans="1:3" ht="19.2">
      <c r="A53596" s="2"/>
      <c r="B53596" s="2"/>
      <c r="C53596" s="2"/>
    </row>
    <row r="53597" spans="1:3" ht="19.2">
      <c r="A53597" s="2"/>
      <c r="B53597" s="2"/>
      <c r="C53597" s="2"/>
    </row>
    <row r="53598" spans="1:3" ht="19.2">
      <c r="A53598" s="2"/>
      <c r="B53598" s="2"/>
      <c r="C53598" s="2"/>
    </row>
    <row r="53599" spans="1:3" ht="19.2">
      <c r="A53599" s="2"/>
      <c r="B53599" s="2"/>
      <c r="C53599" s="2"/>
    </row>
    <row r="53600" spans="1:3" ht="19.2">
      <c r="A53600" s="2"/>
      <c r="B53600" s="2"/>
      <c r="C53600" s="2"/>
    </row>
    <row r="53601" spans="1:3" ht="19.2">
      <c r="A53601" s="2"/>
      <c r="B53601" s="2"/>
      <c r="C53601" s="2"/>
    </row>
    <row r="53602" spans="1:3" ht="19.2">
      <c r="A53602" s="2"/>
      <c r="B53602" s="2"/>
      <c r="C53602" s="2"/>
    </row>
    <row r="53603" spans="1:3" ht="19.2">
      <c r="A53603" s="2"/>
      <c r="B53603" s="2"/>
      <c r="C53603" s="2"/>
    </row>
    <row r="53604" spans="1:3" ht="19.2">
      <c r="A53604" s="2"/>
      <c r="B53604" s="2"/>
      <c r="C53604" s="2"/>
    </row>
    <row r="53605" spans="1:3" ht="19.2">
      <c r="A53605" s="2"/>
      <c r="B53605" s="2"/>
      <c r="C53605" s="2"/>
    </row>
    <row r="53606" spans="1:3" ht="19.2">
      <c r="A53606" s="2"/>
      <c r="B53606" s="2"/>
      <c r="C53606" s="2"/>
    </row>
    <row r="53607" spans="1:3" ht="19.2">
      <c r="A53607" s="2"/>
      <c r="B53607" s="2"/>
      <c r="C53607" s="2"/>
    </row>
    <row r="53608" spans="1:3" ht="19.2">
      <c r="A53608" s="2"/>
      <c r="B53608" s="2"/>
      <c r="C53608" s="2"/>
    </row>
    <row r="53609" spans="1:3" ht="19.2">
      <c r="A53609" s="2"/>
      <c r="B53609" s="2"/>
      <c r="C53609" s="2"/>
    </row>
    <row r="53610" spans="1:3" ht="19.2">
      <c r="A53610" s="2"/>
      <c r="B53610" s="2"/>
      <c r="C53610" s="2"/>
    </row>
    <row r="53611" spans="1:3" ht="19.2">
      <c r="A53611" s="2"/>
      <c r="B53611" s="2"/>
      <c r="C53611" s="2"/>
    </row>
    <row r="53612" spans="1:3" ht="19.2">
      <c r="A53612" s="2"/>
      <c r="B53612" s="2"/>
      <c r="C53612" s="2"/>
    </row>
    <row r="53613" spans="1:3" ht="19.2">
      <c r="A53613" s="2"/>
      <c r="B53613" s="2"/>
      <c r="C53613" s="2"/>
    </row>
    <row r="53614" spans="1:3" ht="19.2">
      <c r="A53614" s="2"/>
      <c r="B53614" s="2"/>
      <c r="C53614" s="2"/>
    </row>
    <row r="53615" spans="1:3" ht="19.2">
      <c r="A53615" s="2"/>
      <c r="B53615" s="2"/>
      <c r="C53615" s="2"/>
    </row>
    <row r="53616" spans="1:3" ht="19.2">
      <c r="A53616" s="2"/>
      <c r="B53616" s="2"/>
      <c r="C53616" s="2"/>
    </row>
    <row r="53617" spans="1:3" ht="19.2">
      <c r="A53617" s="2"/>
      <c r="B53617" s="2"/>
      <c r="C53617" s="2"/>
    </row>
    <row r="53618" spans="1:3" ht="19.2">
      <c r="A53618" s="2"/>
      <c r="B53618" s="2"/>
      <c r="C53618" s="2"/>
    </row>
    <row r="53619" spans="1:3" ht="19.2">
      <c r="A53619" s="2"/>
      <c r="B53619" s="2"/>
      <c r="C53619" s="2"/>
    </row>
    <row r="53620" spans="1:3" ht="19.2">
      <c r="A53620" s="2"/>
      <c r="B53620" s="2"/>
      <c r="C53620" s="2"/>
    </row>
    <row r="53621" spans="1:3" ht="19.2">
      <c r="A53621" s="2"/>
      <c r="B53621" s="2"/>
      <c r="C53621" s="2"/>
    </row>
    <row r="53622" spans="1:3" ht="19.2">
      <c r="A53622" s="2"/>
      <c r="B53622" s="2"/>
      <c r="C53622" s="2"/>
    </row>
    <row r="53623" spans="1:3" ht="19.2">
      <c r="A53623" s="2"/>
      <c r="B53623" s="2"/>
      <c r="C53623" s="2"/>
    </row>
    <row r="53624" spans="1:3" ht="19.2">
      <c r="A53624" s="2"/>
      <c r="B53624" s="2"/>
      <c r="C53624" s="2"/>
    </row>
    <row r="53625" spans="1:3" ht="19.2">
      <c r="A53625" s="2"/>
      <c r="B53625" s="2"/>
      <c r="C53625" s="2"/>
    </row>
    <row r="53626" spans="1:3" ht="19.2">
      <c r="A53626" s="2"/>
      <c r="B53626" s="2"/>
      <c r="C53626" s="2"/>
    </row>
    <row r="53627" spans="1:3" ht="19.2">
      <c r="A53627" s="2"/>
      <c r="B53627" s="2"/>
      <c r="C53627" s="2"/>
    </row>
    <row r="53628" spans="1:3" ht="19.2">
      <c r="A53628" s="2"/>
      <c r="B53628" s="2"/>
      <c r="C53628" s="2"/>
    </row>
    <row r="53629" spans="1:3" ht="19.2">
      <c r="A53629" s="2"/>
      <c r="B53629" s="2"/>
      <c r="C53629" s="2"/>
    </row>
    <row r="53630" spans="1:3" ht="19.2">
      <c r="A53630" s="2"/>
      <c r="B53630" s="2"/>
      <c r="C53630" s="2"/>
    </row>
    <row r="53631" spans="1:3" ht="19.2">
      <c r="A53631" s="2"/>
      <c r="B53631" s="2"/>
      <c r="C53631" s="2"/>
    </row>
    <row r="53632" spans="1:3" ht="19.2">
      <c r="A53632" s="2"/>
      <c r="B53632" s="2"/>
      <c r="C53632" s="2"/>
    </row>
    <row r="53633" spans="1:3" ht="19.2">
      <c r="A53633" s="2"/>
      <c r="B53633" s="2"/>
      <c r="C53633" s="2"/>
    </row>
    <row r="53634" spans="1:3" ht="19.2">
      <c r="A53634" s="2"/>
      <c r="B53634" s="2"/>
      <c r="C53634" s="2"/>
    </row>
    <row r="53635" spans="1:3" ht="19.2">
      <c r="A53635" s="2"/>
      <c r="B53635" s="2"/>
      <c r="C53635" s="2"/>
    </row>
    <row r="53636" spans="1:3" ht="19.2">
      <c r="A53636" s="2"/>
      <c r="B53636" s="2"/>
      <c r="C53636" s="2"/>
    </row>
    <row r="53637" spans="1:3" ht="19.2">
      <c r="A53637" s="2"/>
      <c r="B53637" s="2"/>
      <c r="C53637" s="2"/>
    </row>
    <row r="53638" spans="1:3" ht="19.2">
      <c r="A53638" s="2"/>
      <c r="B53638" s="2"/>
      <c r="C53638" s="2"/>
    </row>
    <row r="53639" spans="1:3" ht="19.2">
      <c r="A53639" s="2"/>
      <c r="B53639" s="2"/>
      <c r="C53639" s="2"/>
    </row>
    <row r="53640" spans="1:3" ht="19.2">
      <c r="A53640" s="2"/>
      <c r="B53640" s="2"/>
      <c r="C53640" s="2"/>
    </row>
    <row r="53641" spans="1:3" ht="19.2">
      <c r="A53641" s="2"/>
      <c r="B53641" s="2"/>
      <c r="C53641" s="2"/>
    </row>
    <row r="53642" spans="1:3" ht="19.2">
      <c r="A53642" s="2"/>
      <c r="B53642" s="2"/>
      <c r="C53642" s="2"/>
    </row>
    <row r="53643" spans="1:3" ht="19.2">
      <c r="A53643" s="2"/>
      <c r="B53643" s="2"/>
      <c r="C53643" s="2"/>
    </row>
    <row r="53644" spans="1:3" ht="19.2">
      <c r="A53644" s="2"/>
      <c r="B53644" s="2"/>
      <c r="C53644" s="2"/>
    </row>
    <row r="53645" spans="1:3" ht="19.2">
      <c r="A53645" s="2"/>
      <c r="B53645" s="2"/>
      <c r="C53645" s="2"/>
    </row>
    <row r="53646" spans="1:3" ht="19.2">
      <c r="A53646" s="2"/>
      <c r="B53646" s="2"/>
      <c r="C53646" s="2"/>
    </row>
    <row r="53647" spans="1:3" ht="19.2">
      <c r="A53647" s="2"/>
      <c r="B53647" s="2"/>
      <c r="C53647" s="2"/>
    </row>
    <row r="53648" spans="1:3" ht="19.2">
      <c r="A53648" s="2"/>
      <c r="B53648" s="2"/>
      <c r="C53648" s="2"/>
    </row>
    <row r="53649" spans="1:3" ht="19.2">
      <c r="A53649" s="2"/>
      <c r="B53649" s="2"/>
      <c r="C53649" s="2"/>
    </row>
    <row r="53650" spans="1:3" ht="19.2">
      <c r="A53650" s="2"/>
      <c r="B53650" s="2"/>
      <c r="C53650" s="2"/>
    </row>
    <row r="53651" spans="1:3" ht="19.2">
      <c r="A53651" s="2"/>
      <c r="B53651" s="2"/>
      <c r="C53651" s="2"/>
    </row>
    <row r="53652" spans="1:3" ht="19.2">
      <c r="A53652" s="2"/>
      <c r="B53652" s="2"/>
      <c r="C53652" s="2"/>
    </row>
    <row r="53653" spans="1:3" ht="19.2">
      <c r="A53653" s="2"/>
      <c r="B53653" s="2"/>
      <c r="C53653" s="2"/>
    </row>
    <row r="53654" spans="1:3" ht="19.2">
      <c r="A53654" s="2"/>
      <c r="B53654" s="2"/>
      <c r="C53654" s="2"/>
    </row>
    <row r="53655" spans="1:3" ht="19.2">
      <c r="A53655" s="2"/>
      <c r="B53655" s="2"/>
      <c r="C53655" s="2"/>
    </row>
    <row r="53656" spans="1:3" ht="19.2">
      <c r="A53656" s="2"/>
      <c r="B53656" s="2"/>
      <c r="C53656" s="2"/>
    </row>
    <row r="53657" spans="1:3" ht="19.2">
      <c r="A53657" s="2"/>
      <c r="B53657" s="2"/>
      <c r="C53657" s="2"/>
    </row>
    <row r="53658" spans="1:3" ht="19.2">
      <c r="A53658" s="2"/>
      <c r="B53658" s="2"/>
      <c r="C53658" s="2"/>
    </row>
    <row r="53659" spans="1:3" ht="19.2">
      <c r="A53659" s="2"/>
      <c r="B53659" s="2"/>
      <c r="C53659" s="2"/>
    </row>
    <row r="53660" spans="1:3" ht="19.2">
      <c r="A53660" s="2"/>
      <c r="B53660" s="2"/>
      <c r="C53660" s="2"/>
    </row>
    <row r="53661" spans="1:3" ht="19.2">
      <c r="A53661" s="2"/>
      <c r="B53661" s="2"/>
      <c r="C53661" s="2"/>
    </row>
    <row r="53662" spans="1:3" ht="19.2">
      <c r="A53662" s="2"/>
      <c r="B53662" s="2"/>
      <c r="C53662" s="2"/>
    </row>
    <row r="53663" spans="1:3" ht="19.2">
      <c r="A53663" s="2"/>
      <c r="B53663" s="2"/>
      <c r="C53663" s="2"/>
    </row>
    <row r="53664" spans="1:3" ht="19.2">
      <c r="A53664" s="2"/>
      <c r="B53664" s="2"/>
      <c r="C53664" s="2"/>
    </row>
    <row r="53665" spans="1:3" ht="19.2">
      <c r="A53665" s="2"/>
      <c r="B53665" s="2"/>
      <c r="C53665" s="2"/>
    </row>
    <row r="53666" spans="1:3" ht="19.2">
      <c r="A53666" s="2"/>
      <c r="B53666" s="2"/>
      <c r="C53666" s="2"/>
    </row>
    <row r="53667" spans="1:3" ht="19.2">
      <c r="A53667" s="2"/>
      <c r="B53667" s="2"/>
      <c r="C53667" s="2"/>
    </row>
    <row r="53668" spans="1:3" ht="19.2">
      <c r="A53668" s="2"/>
      <c r="B53668" s="2"/>
      <c r="C53668" s="2"/>
    </row>
    <row r="53669" spans="1:3" ht="19.2">
      <c r="A53669" s="2"/>
      <c r="B53669" s="2"/>
      <c r="C53669" s="2"/>
    </row>
    <row r="53670" spans="1:3" ht="19.2">
      <c r="A53670" s="2"/>
      <c r="B53670" s="2"/>
      <c r="C53670" s="2"/>
    </row>
    <row r="53671" spans="1:3" ht="19.2">
      <c r="A53671" s="2"/>
      <c r="B53671" s="2"/>
      <c r="C53671" s="2"/>
    </row>
    <row r="53672" spans="1:3" ht="19.2">
      <c r="A53672" s="2"/>
      <c r="B53672" s="2"/>
      <c r="C53672" s="2"/>
    </row>
    <row r="53673" spans="1:3" ht="19.2">
      <c r="A53673" s="2"/>
      <c r="B53673" s="2"/>
      <c r="C53673" s="2"/>
    </row>
    <row r="53674" spans="1:3" ht="19.2">
      <c r="A53674" s="2"/>
      <c r="B53674" s="2"/>
      <c r="C53674" s="2"/>
    </row>
    <row r="53675" spans="1:3" ht="19.2">
      <c r="A53675" s="2"/>
      <c r="B53675" s="2"/>
      <c r="C53675" s="2"/>
    </row>
    <row r="53676" spans="1:3" ht="19.2">
      <c r="A53676" s="2"/>
      <c r="B53676" s="2"/>
      <c r="C53676" s="2"/>
    </row>
    <row r="53677" spans="1:3" ht="19.2">
      <c r="A53677" s="2"/>
      <c r="B53677" s="2"/>
      <c r="C53677" s="2"/>
    </row>
    <row r="53678" spans="1:3" ht="19.2">
      <c r="A53678" s="2"/>
      <c r="B53678" s="2"/>
      <c r="C53678" s="2"/>
    </row>
    <row r="53679" spans="1:3" ht="19.2">
      <c r="A53679" s="2"/>
      <c r="B53679" s="2"/>
      <c r="C53679" s="2"/>
    </row>
    <row r="53680" spans="1:3" ht="19.2">
      <c r="A53680" s="2"/>
      <c r="B53680" s="2"/>
      <c r="C53680" s="2"/>
    </row>
    <row r="53681" spans="1:3" ht="19.2">
      <c r="A53681" s="2"/>
      <c r="B53681" s="2"/>
      <c r="C53681" s="2"/>
    </row>
    <row r="53682" spans="1:3" ht="19.2">
      <c r="A53682" s="2"/>
      <c r="B53682" s="2"/>
      <c r="C53682" s="2"/>
    </row>
    <row r="53683" spans="1:3" ht="19.2">
      <c r="A53683" s="2"/>
      <c r="B53683" s="2"/>
      <c r="C53683" s="2"/>
    </row>
    <row r="53684" spans="1:3" ht="19.2">
      <c r="A53684" s="2"/>
      <c r="B53684" s="2"/>
      <c r="C53684" s="2"/>
    </row>
    <row r="53685" spans="1:3" ht="19.2">
      <c r="A53685" s="2"/>
      <c r="B53685" s="2"/>
      <c r="C53685" s="2"/>
    </row>
    <row r="53686" spans="1:3" ht="19.2">
      <c r="A53686" s="2"/>
      <c r="B53686" s="2"/>
      <c r="C53686" s="2"/>
    </row>
    <row r="53687" spans="1:3" ht="19.2">
      <c r="A53687" s="2"/>
      <c r="B53687" s="2"/>
      <c r="C53687" s="2"/>
    </row>
    <row r="53688" spans="1:3" ht="19.2">
      <c r="A53688" s="2"/>
      <c r="B53688" s="2"/>
      <c r="C53688" s="2"/>
    </row>
    <row r="53689" spans="1:3" ht="19.2">
      <c r="A53689" s="2"/>
      <c r="B53689" s="2"/>
      <c r="C53689" s="2"/>
    </row>
    <row r="53690" spans="1:3" ht="19.2">
      <c r="A53690" s="2"/>
      <c r="B53690" s="2"/>
      <c r="C53690" s="2"/>
    </row>
    <row r="53691" spans="1:3" ht="19.2">
      <c r="A53691" s="2"/>
      <c r="B53691" s="2"/>
      <c r="C53691" s="2"/>
    </row>
    <row r="53692" spans="1:3" ht="19.2">
      <c r="A53692" s="2"/>
      <c r="B53692" s="2"/>
      <c r="C53692" s="2"/>
    </row>
    <row r="53693" spans="1:3" ht="19.2">
      <c r="A53693" s="2"/>
      <c r="B53693" s="2"/>
      <c r="C53693" s="2"/>
    </row>
    <row r="53694" spans="1:3" ht="19.2">
      <c r="A53694" s="2"/>
      <c r="B53694" s="2"/>
      <c r="C53694" s="2"/>
    </row>
    <row r="53695" spans="1:3" ht="19.2">
      <c r="A53695" s="2"/>
      <c r="B53695" s="2"/>
      <c r="C53695" s="2"/>
    </row>
    <row r="53696" spans="1:3" ht="19.2">
      <c r="A53696" s="2"/>
      <c r="B53696" s="2"/>
      <c r="C53696" s="2"/>
    </row>
    <row r="53697" spans="1:3" ht="19.2">
      <c r="A53697" s="2"/>
      <c r="B53697" s="2"/>
      <c r="C53697" s="2"/>
    </row>
    <row r="53698" spans="1:3" ht="19.2">
      <c r="A53698" s="2"/>
      <c r="B53698" s="2"/>
      <c r="C53698" s="2"/>
    </row>
    <row r="53699" spans="1:3" ht="19.2">
      <c r="A53699" s="2"/>
      <c r="B53699" s="2"/>
      <c r="C53699" s="2"/>
    </row>
    <row r="53700" spans="1:3" ht="19.2">
      <c r="A53700" s="2"/>
      <c r="B53700" s="2"/>
      <c r="C53700" s="2"/>
    </row>
    <row r="53701" spans="1:3" ht="19.2">
      <c r="A53701" s="2"/>
      <c r="B53701" s="2"/>
      <c r="C53701" s="2"/>
    </row>
    <row r="53702" spans="1:3" ht="19.2">
      <c r="A53702" s="2"/>
      <c r="B53702" s="2"/>
      <c r="C53702" s="2"/>
    </row>
    <row r="53703" spans="1:3" ht="19.2">
      <c r="A53703" s="2"/>
      <c r="B53703" s="2"/>
      <c r="C53703" s="2"/>
    </row>
    <row r="53704" spans="1:3" ht="19.2">
      <c r="A53704" s="2"/>
      <c r="B53704" s="2"/>
      <c r="C53704" s="2"/>
    </row>
    <row r="53705" spans="1:3" ht="19.2">
      <c r="A53705" s="2"/>
      <c r="B53705" s="2"/>
      <c r="C53705" s="2"/>
    </row>
    <row r="53706" spans="1:3" ht="19.2">
      <c r="A53706" s="2"/>
      <c r="B53706" s="2"/>
      <c r="C53706" s="2"/>
    </row>
    <row r="53707" spans="1:3" ht="19.2">
      <c r="A53707" s="2"/>
      <c r="B53707" s="2"/>
      <c r="C53707" s="2"/>
    </row>
    <row r="53708" spans="1:3" ht="19.2">
      <c r="A53708" s="2"/>
      <c r="B53708" s="2"/>
      <c r="C53708" s="2"/>
    </row>
    <row r="53709" spans="1:3" ht="19.2">
      <c r="A53709" s="2"/>
      <c r="B53709" s="2"/>
      <c r="C53709" s="2"/>
    </row>
    <row r="53710" spans="1:3" ht="19.2">
      <c r="A53710" s="2"/>
      <c r="B53710" s="2"/>
      <c r="C53710" s="2"/>
    </row>
    <row r="53711" spans="1:3" ht="19.2">
      <c r="A53711" s="2"/>
      <c r="B53711" s="2"/>
      <c r="C53711" s="2"/>
    </row>
    <row r="53712" spans="1:3" ht="19.2">
      <c r="A53712" s="2"/>
      <c r="B53712" s="2"/>
      <c r="C53712" s="2"/>
    </row>
    <row r="53713" spans="1:3" ht="19.2">
      <c r="A53713" s="2"/>
      <c r="B53713" s="2"/>
      <c r="C53713" s="2"/>
    </row>
    <row r="53714" spans="1:3" ht="19.2">
      <c r="A53714" s="2"/>
      <c r="B53714" s="2"/>
      <c r="C53714" s="2"/>
    </row>
    <row r="53715" spans="1:3" ht="19.2">
      <c r="A53715" s="2"/>
      <c r="B53715" s="2"/>
      <c r="C53715" s="2"/>
    </row>
    <row r="53716" spans="1:3" ht="19.2">
      <c r="A53716" s="2"/>
      <c r="B53716" s="2"/>
      <c r="C53716" s="2"/>
    </row>
    <row r="53717" spans="1:3" ht="19.2">
      <c r="A53717" s="2"/>
      <c r="B53717" s="2"/>
      <c r="C53717" s="2"/>
    </row>
    <row r="53718" spans="1:3" ht="19.2">
      <c r="A53718" s="2"/>
      <c r="B53718" s="2"/>
      <c r="C53718" s="2"/>
    </row>
    <row r="53719" spans="1:3" ht="19.2">
      <c r="A53719" s="2"/>
      <c r="B53719" s="2"/>
      <c r="C53719" s="2"/>
    </row>
    <row r="53720" spans="1:3" ht="19.2">
      <c r="A53720" s="2"/>
      <c r="B53720" s="2"/>
      <c r="C53720" s="2"/>
    </row>
    <row r="53721" spans="1:3" ht="19.2">
      <c r="A53721" s="2"/>
      <c r="B53721" s="2"/>
      <c r="C53721" s="2"/>
    </row>
    <row r="53722" spans="1:3" ht="19.2">
      <c r="A53722" s="2"/>
      <c r="B53722" s="2"/>
      <c r="C53722" s="2"/>
    </row>
    <row r="53723" spans="1:3" ht="19.2">
      <c r="A53723" s="2"/>
      <c r="B53723" s="2"/>
      <c r="C53723" s="2"/>
    </row>
    <row r="53724" spans="1:3" ht="19.2">
      <c r="A53724" s="2"/>
      <c r="B53724" s="2"/>
      <c r="C53724" s="2"/>
    </row>
    <row r="53725" spans="1:3" ht="19.2">
      <c r="A53725" s="2"/>
      <c r="B53725" s="2"/>
      <c r="C53725" s="2"/>
    </row>
    <row r="53726" spans="1:3" ht="19.2">
      <c r="A53726" s="2"/>
      <c r="B53726" s="2"/>
      <c r="C53726" s="2"/>
    </row>
    <row r="53727" spans="1:3" ht="19.2">
      <c r="A53727" s="2"/>
      <c r="B53727" s="2"/>
      <c r="C53727" s="2"/>
    </row>
    <row r="53728" spans="1:3" ht="19.2">
      <c r="A53728" s="2"/>
      <c r="B53728" s="2"/>
      <c r="C53728" s="2"/>
    </row>
    <row r="53729" spans="1:3" ht="19.2">
      <c r="A53729" s="2"/>
      <c r="B53729" s="2"/>
      <c r="C53729" s="2"/>
    </row>
    <row r="53730" spans="1:3" ht="19.2">
      <c r="A53730" s="2"/>
      <c r="B53730" s="2"/>
      <c r="C53730" s="2"/>
    </row>
    <row r="53731" spans="1:3" ht="19.2">
      <c r="A53731" s="2"/>
      <c r="B53731" s="2"/>
      <c r="C53731" s="2"/>
    </row>
    <row r="53732" spans="1:3" ht="19.2">
      <c r="A53732" s="2"/>
      <c r="B53732" s="2"/>
      <c r="C53732" s="2"/>
    </row>
    <row r="53733" spans="1:3" ht="19.2">
      <c r="A53733" s="2"/>
      <c r="B53733" s="2"/>
      <c r="C53733" s="2"/>
    </row>
    <row r="53734" spans="1:3" ht="19.2">
      <c r="A53734" s="2"/>
      <c r="B53734" s="2"/>
      <c r="C53734" s="2"/>
    </row>
    <row r="53735" spans="1:3" ht="19.2">
      <c r="A53735" s="2"/>
      <c r="B53735" s="2"/>
      <c r="C53735" s="2"/>
    </row>
    <row r="53736" spans="1:3" ht="19.2">
      <c r="A53736" s="2"/>
      <c r="B53736" s="2"/>
      <c r="C53736" s="2"/>
    </row>
    <row r="53737" spans="1:3" ht="19.2">
      <c r="A53737" s="2"/>
      <c r="B53737" s="2"/>
      <c r="C53737" s="2"/>
    </row>
    <row r="53738" spans="1:3" ht="19.2">
      <c r="A53738" s="2"/>
      <c r="B53738" s="2"/>
      <c r="C53738" s="2"/>
    </row>
    <row r="53739" spans="1:3" ht="19.2">
      <c r="A53739" s="2"/>
      <c r="B53739" s="2"/>
      <c r="C53739" s="2"/>
    </row>
    <row r="53740" spans="1:3" ht="19.2">
      <c r="A53740" s="2"/>
      <c r="B53740" s="2"/>
      <c r="C53740" s="2"/>
    </row>
    <row r="53741" spans="1:3" ht="19.2">
      <c r="A53741" s="2"/>
      <c r="B53741" s="2"/>
      <c r="C53741" s="2"/>
    </row>
    <row r="53742" spans="1:3" ht="19.2">
      <c r="A53742" s="2"/>
      <c r="B53742" s="2"/>
      <c r="C53742" s="2"/>
    </row>
    <row r="53743" spans="1:3" ht="19.2">
      <c r="A53743" s="2"/>
      <c r="B53743" s="2"/>
      <c r="C53743" s="2"/>
    </row>
    <row r="53744" spans="1:3" ht="19.2">
      <c r="A53744" s="2"/>
      <c r="B53744" s="2"/>
      <c r="C53744" s="2"/>
    </row>
    <row r="53745" spans="1:3" ht="19.2">
      <c r="A53745" s="2"/>
      <c r="B53745" s="2"/>
      <c r="C53745" s="2"/>
    </row>
    <row r="53746" spans="1:3" ht="19.2">
      <c r="A53746" s="2"/>
      <c r="B53746" s="2"/>
      <c r="C53746" s="2"/>
    </row>
    <row r="53747" spans="1:3" ht="19.2">
      <c r="A53747" s="2"/>
      <c r="B53747" s="2"/>
      <c r="C53747" s="2"/>
    </row>
    <row r="53748" spans="1:3" ht="19.2">
      <c r="A53748" s="2"/>
      <c r="B53748" s="2"/>
      <c r="C53748" s="2"/>
    </row>
    <row r="53749" spans="1:3" ht="19.2">
      <c r="A53749" s="2"/>
      <c r="B53749" s="2"/>
      <c r="C53749" s="2"/>
    </row>
    <row r="53750" spans="1:3" ht="19.2">
      <c r="A53750" s="2"/>
      <c r="B53750" s="2"/>
      <c r="C53750" s="2"/>
    </row>
    <row r="53751" spans="1:3" ht="19.2">
      <c r="A53751" s="2"/>
      <c r="B53751" s="2"/>
      <c r="C53751" s="2"/>
    </row>
    <row r="53752" spans="1:3" ht="19.2">
      <c r="A53752" s="2"/>
      <c r="B53752" s="2"/>
      <c r="C53752" s="2"/>
    </row>
    <row r="53753" spans="1:3" ht="19.2">
      <c r="A53753" s="2"/>
      <c r="B53753" s="2"/>
      <c r="C53753" s="2"/>
    </row>
    <row r="53754" spans="1:3" ht="19.2">
      <c r="A53754" s="2"/>
      <c r="B53754" s="2"/>
      <c r="C53754" s="2"/>
    </row>
    <row r="53755" spans="1:3" ht="19.2">
      <c r="A53755" s="2"/>
      <c r="B53755" s="2"/>
      <c r="C53755" s="2"/>
    </row>
    <row r="53756" spans="1:3" ht="19.2">
      <c r="A53756" s="2"/>
      <c r="B53756" s="2"/>
      <c r="C53756" s="2"/>
    </row>
    <row r="53757" spans="1:3" ht="19.2">
      <c r="A53757" s="2"/>
      <c r="B53757" s="2"/>
      <c r="C53757" s="2"/>
    </row>
    <row r="53758" spans="1:3" ht="19.2">
      <c r="A53758" s="2"/>
      <c r="B53758" s="2"/>
      <c r="C53758" s="2"/>
    </row>
    <row r="53759" spans="1:3" ht="19.2">
      <c r="A53759" s="2"/>
      <c r="B53759" s="2"/>
      <c r="C53759" s="2"/>
    </row>
    <row r="53760" spans="1:3" ht="19.2">
      <c r="A53760" s="2"/>
      <c r="B53760" s="2"/>
      <c r="C53760" s="2"/>
    </row>
    <row r="53761" spans="1:3" ht="19.2">
      <c r="A53761" s="2"/>
      <c r="B53761" s="2"/>
      <c r="C53761" s="2"/>
    </row>
    <row r="53762" spans="1:3" ht="19.2">
      <c r="A53762" s="2"/>
      <c r="B53762" s="2"/>
      <c r="C53762" s="2"/>
    </row>
    <row r="53763" spans="1:3" ht="19.2">
      <c r="A53763" s="2"/>
      <c r="B53763" s="2"/>
      <c r="C53763" s="2"/>
    </row>
    <row r="53764" spans="1:3" ht="19.2">
      <c r="A53764" s="2"/>
      <c r="B53764" s="2"/>
      <c r="C53764" s="2"/>
    </row>
    <row r="53765" spans="1:3" ht="19.2">
      <c r="A53765" s="2"/>
      <c r="B53765" s="2"/>
      <c r="C53765" s="2"/>
    </row>
    <row r="53766" spans="1:3" ht="19.2">
      <c r="A53766" s="2"/>
      <c r="B53766" s="2"/>
      <c r="C53766" s="2"/>
    </row>
    <row r="53767" spans="1:3" ht="19.2">
      <c r="A53767" s="2"/>
      <c r="B53767" s="2"/>
      <c r="C53767" s="2"/>
    </row>
    <row r="53768" spans="1:3" ht="19.2">
      <c r="A53768" s="2"/>
      <c r="B53768" s="2"/>
      <c r="C53768" s="2"/>
    </row>
    <row r="53769" spans="1:3" ht="19.2">
      <c r="A53769" s="2"/>
      <c r="B53769" s="2"/>
      <c r="C53769" s="2"/>
    </row>
    <row r="53770" spans="1:3" ht="19.2">
      <c r="A53770" s="2"/>
      <c r="B53770" s="2"/>
      <c r="C53770" s="2"/>
    </row>
    <row r="53771" spans="1:3" ht="19.2">
      <c r="A53771" s="2"/>
      <c r="B53771" s="2"/>
      <c r="C53771" s="2"/>
    </row>
    <row r="53772" spans="1:3" ht="19.2">
      <c r="A53772" s="2"/>
      <c r="B53772" s="2"/>
      <c r="C53772" s="2"/>
    </row>
    <row r="53773" spans="1:3" ht="19.2">
      <c r="A53773" s="2"/>
      <c r="B53773" s="2"/>
      <c r="C53773" s="2"/>
    </row>
    <row r="53774" spans="1:3" ht="19.2">
      <c r="A53774" s="2"/>
      <c r="B53774" s="2"/>
      <c r="C53774" s="2"/>
    </row>
    <row r="53775" spans="1:3" ht="19.2">
      <c r="A53775" s="2"/>
      <c r="B53775" s="2"/>
      <c r="C53775" s="2"/>
    </row>
    <row r="53776" spans="1:3" ht="19.2">
      <c r="A53776" s="2"/>
      <c r="B53776" s="2"/>
      <c r="C53776" s="2"/>
    </row>
    <row r="53777" spans="1:3" ht="19.2">
      <c r="A53777" s="2"/>
      <c r="B53777" s="2"/>
      <c r="C53777" s="2"/>
    </row>
    <row r="53778" spans="1:3" ht="19.2">
      <c r="A53778" s="2"/>
      <c r="B53778" s="2"/>
      <c r="C53778" s="2"/>
    </row>
    <row r="53779" spans="1:3" ht="19.2">
      <c r="A53779" s="2"/>
      <c r="B53779" s="2"/>
      <c r="C53779" s="2"/>
    </row>
    <row r="53780" spans="1:3" ht="19.2">
      <c r="A53780" s="2"/>
      <c r="B53780" s="2"/>
      <c r="C53780" s="2"/>
    </row>
    <row r="53781" spans="1:3" ht="19.2">
      <c r="A53781" s="2"/>
      <c r="B53781" s="2"/>
      <c r="C53781" s="2"/>
    </row>
    <row r="53782" spans="1:3" ht="19.2">
      <c r="A53782" s="2"/>
      <c r="B53782" s="2"/>
      <c r="C53782" s="2"/>
    </row>
    <row r="53783" spans="1:3" ht="19.2">
      <c r="A53783" s="2"/>
      <c r="B53783" s="2"/>
      <c r="C53783" s="2"/>
    </row>
    <row r="53784" spans="1:3" ht="19.2">
      <c r="A53784" s="2"/>
      <c r="B53784" s="2"/>
      <c r="C53784" s="2"/>
    </row>
    <row r="53785" spans="1:3" ht="19.2">
      <c r="A53785" s="2"/>
      <c r="B53785" s="2"/>
      <c r="C53785" s="2"/>
    </row>
    <row r="53786" spans="1:3" ht="19.2">
      <c r="A53786" s="2"/>
      <c r="B53786" s="2"/>
      <c r="C53786" s="2"/>
    </row>
    <row r="53787" spans="1:3" ht="19.2">
      <c r="A53787" s="2"/>
      <c r="B53787" s="2"/>
      <c r="C53787" s="2"/>
    </row>
    <row r="53788" spans="1:3" ht="19.2">
      <c r="A53788" s="2"/>
      <c r="B53788" s="2"/>
      <c r="C53788" s="2"/>
    </row>
    <row r="53789" spans="1:3" ht="19.2">
      <c r="A53789" s="2"/>
      <c r="B53789" s="2"/>
      <c r="C53789" s="2"/>
    </row>
    <row r="53790" spans="1:3" ht="19.2">
      <c r="A53790" s="2"/>
      <c r="B53790" s="2"/>
      <c r="C53790" s="2"/>
    </row>
    <row r="53791" spans="1:3" ht="19.2">
      <c r="A53791" s="2"/>
      <c r="B53791" s="2"/>
      <c r="C53791" s="2"/>
    </row>
    <row r="53792" spans="1:3" ht="19.2">
      <c r="A53792" s="2"/>
      <c r="B53792" s="2"/>
      <c r="C53792" s="2"/>
    </row>
    <row r="53793" spans="1:3" ht="19.2">
      <c r="A53793" s="2"/>
      <c r="B53793" s="2"/>
      <c r="C53793" s="2"/>
    </row>
    <row r="53794" spans="1:3" ht="19.2">
      <c r="A53794" s="2"/>
      <c r="B53794" s="2"/>
      <c r="C53794" s="2"/>
    </row>
    <row r="53795" spans="1:3" ht="19.2">
      <c r="A53795" s="2"/>
      <c r="B53795" s="2"/>
      <c r="C53795" s="2"/>
    </row>
    <row r="53796" spans="1:3" ht="19.2">
      <c r="A53796" s="2"/>
      <c r="B53796" s="2"/>
      <c r="C53796" s="2"/>
    </row>
    <row r="53797" spans="1:3" ht="19.2">
      <c r="A53797" s="2"/>
      <c r="B53797" s="2"/>
      <c r="C53797" s="2"/>
    </row>
    <row r="53798" spans="1:3" ht="19.2">
      <c r="A53798" s="2"/>
      <c r="B53798" s="2"/>
      <c r="C53798" s="2"/>
    </row>
    <row r="53799" spans="1:3" ht="19.2">
      <c r="A53799" s="2"/>
      <c r="B53799" s="2"/>
      <c r="C53799" s="2"/>
    </row>
    <row r="53800" spans="1:3" ht="19.2">
      <c r="A53800" s="2"/>
      <c r="B53800" s="2"/>
      <c r="C53800" s="2"/>
    </row>
    <row r="53801" spans="1:3" ht="19.2">
      <c r="A53801" s="2"/>
      <c r="B53801" s="2"/>
      <c r="C53801" s="2"/>
    </row>
    <row r="53802" spans="1:3" ht="19.2">
      <c r="A53802" s="2"/>
      <c r="B53802" s="2"/>
      <c r="C53802" s="2"/>
    </row>
    <row r="53803" spans="1:3" ht="19.2">
      <c r="A53803" s="2"/>
      <c r="B53803" s="2"/>
      <c r="C53803" s="2"/>
    </row>
    <row r="53804" spans="1:3" ht="19.2">
      <c r="A53804" s="2"/>
      <c r="B53804" s="2"/>
      <c r="C53804" s="2"/>
    </row>
    <row r="53805" spans="1:3" ht="19.2">
      <c r="A53805" s="2"/>
      <c r="B53805" s="2"/>
      <c r="C53805" s="2"/>
    </row>
    <row r="53806" spans="1:3" ht="19.2">
      <c r="A53806" s="2"/>
      <c r="B53806" s="2"/>
      <c r="C53806" s="2"/>
    </row>
    <row r="53807" spans="1:3" ht="19.2">
      <c r="A53807" s="2"/>
      <c r="B53807" s="2"/>
      <c r="C53807" s="2"/>
    </row>
    <row r="53808" spans="1:3" ht="19.2">
      <c r="A53808" s="2"/>
      <c r="B53808" s="2"/>
      <c r="C53808" s="2"/>
    </row>
    <row r="53809" spans="1:3" ht="19.2">
      <c r="A53809" s="2"/>
      <c r="B53809" s="2"/>
      <c r="C53809" s="2"/>
    </row>
    <row r="53810" spans="1:3" ht="19.2">
      <c r="A53810" s="2"/>
      <c r="B53810" s="2"/>
      <c r="C53810" s="2"/>
    </row>
    <row r="53811" spans="1:3" ht="19.2">
      <c r="A53811" s="2"/>
      <c r="B53811" s="2"/>
      <c r="C53811" s="2"/>
    </row>
    <row r="53812" spans="1:3" ht="19.2">
      <c r="A53812" s="2"/>
      <c r="B53812" s="2"/>
      <c r="C53812" s="2"/>
    </row>
    <row r="53813" spans="1:3" ht="19.2">
      <c r="A53813" s="2"/>
      <c r="B53813" s="2"/>
      <c r="C53813" s="2"/>
    </row>
    <row r="53814" spans="1:3" ht="19.2">
      <c r="A53814" s="2"/>
      <c r="B53814" s="2"/>
      <c r="C53814" s="2"/>
    </row>
    <row r="53815" spans="1:3" ht="19.2">
      <c r="A53815" s="2"/>
      <c r="B53815" s="2"/>
      <c r="C53815" s="2"/>
    </row>
    <row r="53816" spans="1:3" ht="19.2">
      <c r="A53816" s="2"/>
      <c r="B53816" s="2"/>
      <c r="C53816" s="2"/>
    </row>
    <row r="53817" spans="1:3" ht="19.2">
      <c r="A53817" s="2"/>
      <c r="B53817" s="2"/>
      <c r="C53817" s="2"/>
    </row>
    <row r="53818" spans="1:3" ht="19.2">
      <c r="A53818" s="2"/>
      <c r="B53818" s="2"/>
      <c r="C53818" s="2"/>
    </row>
    <row r="53819" spans="1:3" ht="19.2">
      <c r="A53819" s="2"/>
      <c r="B53819" s="2"/>
      <c r="C53819" s="2"/>
    </row>
    <row r="53820" spans="1:3" ht="19.2">
      <c r="A53820" s="2"/>
      <c r="B53820" s="2"/>
      <c r="C53820" s="2"/>
    </row>
    <row r="53821" spans="1:3" ht="19.2">
      <c r="A53821" s="2"/>
      <c r="B53821" s="2"/>
      <c r="C53821" s="2"/>
    </row>
    <row r="53822" spans="1:3" ht="19.2">
      <c r="A53822" s="2"/>
      <c r="B53822" s="2"/>
      <c r="C53822" s="2"/>
    </row>
    <row r="53823" spans="1:3" ht="19.2">
      <c r="A53823" s="2"/>
      <c r="B53823" s="2"/>
      <c r="C53823" s="2"/>
    </row>
    <row r="53824" spans="1:3" ht="19.2">
      <c r="A53824" s="2"/>
      <c r="B53824" s="2"/>
      <c r="C53824" s="2"/>
    </row>
    <row r="53825" spans="1:3" ht="19.2">
      <c r="A53825" s="2"/>
      <c r="B53825" s="2"/>
      <c r="C53825" s="2"/>
    </row>
    <row r="53826" spans="1:3" ht="19.2">
      <c r="A53826" s="2"/>
      <c r="B53826" s="2"/>
      <c r="C53826" s="2"/>
    </row>
    <row r="53827" spans="1:3" ht="19.2">
      <c r="A53827" s="2"/>
      <c r="B53827" s="2"/>
      <c r="C53827" s="2"/>
    </row>
    <row r="53828" spans="1:3" ht="19.2">
      <c r="A53828" s="2"/>
      <c r="B53828" s="2"/>
      <c r="C53828" s="2"/>
    </row>
    <row r="53829" spans="1:3" ht="19.2">
      <c r="A53829" s="2"/>
      <c r="B53829" s="2"/>
      <c r="C53829" s="2"/>
    </row>
    <row r="53830" spans="1:3" ht="19.2">
      <c r="A53830" s="2"/>
      <c r="B53830" s="2"/>
      <c r="C53830" s="2"/>
    </row>
    <row r="53831" spans="1:3" ht="19.2">
      <c r="A53831" s="2"/>
      <c r="B53831" s="2"/>
      <c r="C53831" s="2"/>
    </row>
    <row r="53832" spans="1:3" ht="19.2">
      <c r="A53832" s="2"/>
      <c r="B53832" s="2"/>
      <c r="C53832" s="2"/>
    </row>
    <row r="53833" spans="1:3" ht="19.2">
      <c r="A53833" s="2"/>
      <c r="B53833" s="2"/>
      <c r="C53833" s="2"/>
    </row>
    <row r="53834" spans="1:3" ht="19.2">
      <c r="A53834" s="2"/>
      <c r="B53834" s="2"/>
      <c r="C53834" s="2"/>
    </row>
    <row r="53835" spans="1:3" ht="19.2">
      <c r="A53835" s="2"/>
      <c r="B53835" s="2"/>
      <c r="C53835" s="2"/>
    </row>
    <row r="53836" spans="1:3" ht="19.2">
      <c r="A53836" s="2"/>
      <c r="B53836" s="2"/>
      <c r="C53836" s="2"/>
    </row>
    <row r="53837" spans="1:3" ht="19.2">
      <c r="A53837" s="2"/>
      <c r="B53837" s="2"/>
      <c r="C53837" s="2"/>
    </row>
    <row r="53838" spans="1:3" ht="19.2">
      <c r="A53838" s="2"/>
      <c r="B53838" s="2"/>
      <c r="C53838" s="2"/>
    </row>
    <row r="53839" spans="1:3" ht="19.2">
      <c r="A53839" s="2"/>
      <c r="B53839" s="2"/>
      <c r="C53839" s="2"/>
    </row>
    <row r="53840" spans="1:3" ht="19.2">
      <c r="A53840" s="2"/>
      <c r="B53840" s="2"/>
      <c r="C53840" s="2"/>
    </row>
    <row r="53841" spans="1:3" ht="19.2">
      <c r="A53841" s="2"/>
      <c r="B53841" s="2"/>
      <c r="C53841" s="2"/>
    </row>
    <row r="53842" spans="1:3" ht="19.2">
      <c r="A53842" s="2"/>
      <c r="B53842" s="2"/>
      <c r="C53842" s="2"/>
    </row>
    <row r="53843" spans="1:3" ht="19.2">
      <c r="A53843" s="2"/>
      <c r="B53843" s="2"/>
      <c r="C53843" s="2"/>
    </row>
    <row r="53844" spans="1:3" ht="19.2">
      <c r="A53844" s="2"/>
      <c r="B53844" s="2"/>
      <c r="C53844" s="2"/>
    </row>
    <row r="53845" spans="1:3" ht="19.2">
      <c r="A53845" s="2"/>
      <c r="B53845" s="2"/>
      <c r="C53845" s="2"/>
    </row>
    <row r="53846" spans="1:3" ht="19.2">
      <c r="A53846" s="2"/>
      <c r="B53846" s="2"/>
      <c r="C53846" s="2"/>
    </row>
    <row r="53847" spans="1:3" ht="19.2">
      <c r="A53847" s="2"/>
      <c r="B53847" s="2"/>
      <c r="C53847" s="2"/>
    </row>
    <row r="53848" spans="1:3" ht="19.2">
      <c r="A53848" s="2"/>
      <c r="B53848" s="2"/>
      <c r="C53848" s="2"/>
    </row>
    <row r="53849" spans="1:3" ht="19.2">
      <c r="A53849" s="2"/>
      <c r="B53849" s="2"/>
      <c r="C53849" s="2"/>
    </row>
    <row r="53850" spans="1:3" ht="19.2">
      <c r="A53850" s="2"/>
      <c r="B53850" s="2"/>
      <c r="C53850" s="2"/>
    </row>
    <row r="53851" spans="1:3" ht="19.2">
      <c r="A53851" s="2"/>
      <c r="B53851" s="2"/>
      <c r="C53851" s="2"/>
    </row>
    <row r="53852" spans="1:3" ht="19.2">
      <c r="A53852" s="2"/>
      <c r="B53852" s="2"/>
      <c r="C53852" s="2"/>
    </row>
    <row r="53853" spans="1:3" ht="19.2">
      <c r="A53853" s="2"/>
      <c r="B53853" s="2"/>
      <c r="C53853" s="2"/>
    </row>
    <row r="53854" spans="1:3" ht="19.2">
      <c r="A53854" s="2"/>
      <c r="B53854" s="2"/>
      <c r="C53854" s="2"/>
    </row>
    <row r="53855" spans="1:3" ht="19.2">
      <c r="A53855" s="2"/>
      <c r="B53855" s="2"/>
      <c r="C53855" s="2"/>
    </row>
    <row r="53856" spans="1:3" ht="19.2">
      <c r="A53856" s="2"/>
      <c r="B53856" s="2"/>
      <c r="C53856" s="2"/>
    </row>
    <row r="53857" spans="1:3" ht="19.2">
      <c r="A53857" s="2"/>
      <c r="B53857" s="2"/>
      <c r="C53857" s="2"/>
    </row>
    <row r="53858" spans="1:3" ht="19.2">
      <c r="A53858" s="2"/>
      <c r="B53858" s="2"/>
      <c r="C53858" s="2"/>
    </row>
    <row r="53859" spans="1:3" ht="19.2">
      <c r="A53859" s="2"/>
      <c r="B53859" s="2"/>
      <c r="C53859" s="2"/>
    </row>
    <row r="53860" spans="1:3" ht="19.2">
      <c r="A53860" s="2"/>
      <c r="B53860" s="2"/>
      <c r="C53860" s="2"/>
    </row>
    <row r="53861" spans="1:3" ht="19.2">
      <c r="A53861" s="2"/>
      <c r="B53861" s="2"/>
      <c r="C53861" s="2"/>
    </row>
    <row r="53862" spans="1:3" ht="19.2">
      <c r="A53862" s="2"/>
      <c r="B53862" s="2"/>
      <c r="C53862" s="2"/>
    </row>
    <row r="53863" spans="1:3" ht="19.2">
      <c r="A53863" s="2"/>
      <c r="B53863" s="2"/>
      <c r="C53863" s="2"/>
    </row>
    <row r="53864" spans="1:3" ht="19.2">
      <c r="A53864" s="2"/>
      <c r="B53864" s="2"/>
      <c r="C53864" s="2"/>
    </row>
    <row r="53865" spans="1:3" ht="19.2">
      <c r="A53865" s="2"/>
      <c r="B53865" s="2"/>
      <c r="C53865" s="2"/>
    </row>
    <row r="53866" spans="1:3" ht="19.2">
      <c r="A53866" s="2"/>
      <c r="B53866" s="2"/>
      <c r="C53866" s="2"/>
    </row>
    <row r="53867" spans="1:3" ht="19.2">
      <c r="A53867" s="2"/>
      <c r="B53867" s="2"/>
      <c r="C53867" s="2"/>
    </row>
    <row r="53868" spans="1:3" ht="19.2">
      <c r="A53868" s="2"/>
      <c r="B53868" s="2"/>
      <c r="C53868" s="2"/>
    </row>
    <row r="53869" spans="1:3" ht="19.2">
      <c r="A53869" s="2"/>
      <c r="B53869" s="2"/>
      <c r="C53869" s="2"/>
    </row>
    <row r="53870" spans="1:3" ht="19.2">
      <c r="A53870" s="2"/>
      <c r="B53870" s="2"/>
      <c r="C53870" s="2"/>
    </row>
    <row r="53871" spans="1:3" ht="19.2">
      <c r="A53871" s="2"/>
      <c r="B53871" s="2"/>
      <c r="C53871" s="2"/>
    </row>
    <row r="53872" spans="1:3" ht="19.2">
      <c r="A53872" s="2"/>
      <c r="B53872" s="2"/>
      <c r="C53872" s="2"/>
    </row>
    <row r="53873" spans="1:3" ht="19.2">
      <c r="A53873" s="2"/>
      <c r="B53873" s="2"/>
      <c r="C53873" s="2"/>
    </row>
    <row r="53874" spans="1:3" ht="19.2">
      <c r="A53874" s="2"/>
      <c r="B53874" s="2"/>
      <c r="C53874" s="2"/>
    </row>
    <row r="53875" spans="1:3" ht="19.2">
      <c r="A53875" s="2"/>
      <c r="B53875" s="2"/>
      <c r="C53875" s="2"/>
    </row>
    <row r="53876" spans="1:3" ht="19.2">
      <c r="A53876" s="2"/>
      <c r="B53876" s="2"/>
      <c r="C53876" s="2"/>
    </row>
    <row r="53877" spans="1:3" ht="19.2">
      <c r="A53877" s="2"/>
      <c r="B53877" s="2"/>
      <c r="C53877" s="2"/>
    </row>
    <row r="53878" spans="1:3" ht="19.2">
      <c r="A53878" s="2"/>
      <c r="B53878" s="2"/>
      <c r="C53878" s="2"/>
    </row>
    <row r="53879" spans="1:3" ht="19.2">
      <c r="A53879" s="2"/>
      <c r="B53879" s="2"/>
      <c r="C53879" s="2"/>
    </row>
    <row r="53880" spans="1:3" ht="19.2">
      <c r="A53880" s="2"/>
      <c r="B53880" s="2"/>
      <c r="C53880" s="2"/>
    </row>
    <row r="53881" spans="1:3" ht="19.2">
      <c r="A53881" s="2"/>
      <c r="B53881" s="2"/>
      <c r="C53881" s="2"/>
    </row>
    <row r="53882" spans="1:3" ht="19.2">
      <c r="A53882" s="2"/>
      <c r="B53882" s="2"/>
      <c r="C53882" s="2"/>
    </row>
    <row r="53883" spans="1:3" ht="19.2">
      <c r="A53883" s="2"/>
      <c r="B53883" s="2"/>
      <c r="C53883" s="2"/>
    </row>
    <row r="53884" spans="1:3" ht="19.2">
      <c r="A53884" s="2"/>
      <c r="B53884" s="2"/>
      <c r="C53884" s="2"/>
    </row>
    <row r="53885" spans="1:3" ht="19.2">
      <c r="A53885" s="2"/>
      <c r="B53885" s="2"/>
      <c r="C53885" s="2"/>
    </row>
    <row r="53886" spans="1:3" ht="19.2">
      <c r="A53886" s="2"/>
      <c r="B53886" s="2"/>
      <c r="C53886" s="2"/>
    </row>
    <row r="53887" spans="1:3" ht="19.2">
      <c r="A53887" s="2"/>
      <c r="B53887" s="2"/>
      <c r="C53887" s="2"/>
    </row>
    <row r="53888" spans="1:3" ht="19.2">
      <c r="A53888" s="2"/>
      <c r="B53888" s="2"/>
      <c r="C53888" s="2"/>
    </row>
    <row r="53889" spans="1:3" ht="19.2">
      <c r="A53889" s="2"/>
      <c r="B53889" s="2"/>
      <c r="C53889" s="2"/>
    </row>
    <row r="53890" spans="1:3" ht="19.2">
      <c r="A53890" s="2"/>
      <c r="B53890" s="2"/>
      <c r="C53890" s="2"/>
    </row>
    <row r="53891" spans="1:3" ht="19.2">
      <c r="A53891" s="2"/>
      <c r="B53891" s="2"/>
      <c r="C53891" s="2"/>
    </row>
    <row r="53892" spans="1:3" ht="19.2">
      <c r="A53892" s="2"/>
      <c r="B53892" s="2"/>
      <c r="C53892" s="2"/>
    </row>
    <row r="53893" spans="1:3" ht="19.2">
      <c r="A53893" s="2"/>
      <c r="B53893" s="2"/>
      <c r="C53893" s="2"/>
    </row>
    <row r="53894" spans="1:3" ht="19.2">
      <c r="A53894" s="2"/>
      <c r="B53894" s="2"/>
      <c r="C53894" s="2"/>
    </row>
    <row r="53895" spans="1:3" ht="19.2">
      <c r="A53895" s="2"/>
      <c r="B53895" s="2"/>
      <c r="C53895" s="2"/>
    </row>
    <row r="53896" spans="1:3" ht="19.2">
      <c r="A53896" s="2"/>
      <c r="B53896" s="2"/>
      <c r="C53896" s="2"/>
    </row>
    <row r="53897" spans="1:3" ht="19.2">
      <c r="A53897" s="2"/>
      <c r="B53897" s="2"/>
      <c r="C53897" s="2"/>
    </row>
    <row r="53898" spans="1:3" ht="19.2">
      <c r="A53898" s="2"/>
      <c r="B53898" s="2"/>
      <c r="C53898" s="2"/>
    </row>
    <row r="53899" spans="1:3" ht="19.2">
      <c r="A53899" s="2"/>
      <c r="B53899" s="2"/>
      <c r="C53899" s="2"/>
    </row>
    <row r="53900" spans="1:3" ht="19.2">
      <c r="A53900" s="2"/>
      <c r="B53900" s="2"/>
      <c r="C53900" s="2"/>
    </row>
    <row r="53901" spans="1:3" ht="19.2">
      <c r="A53901" s="2"/>
      <c r="B53901" s="2"/>
      <c r="C53901" s="2"/>
    </row>
    <row r="53902" spans="1:3" ht="19.2">
      <c r="A53902" s="2"/>
      <c r="B53902" s="2"/>
      <c r="C53902" s="2"/>
    </row>
    <row r="53903" spans="1:3" ht="19.2">
      <c r="A53903" s="2"/>
      <c r="B53903" s="2"/>
      <c r="C53903" s="2"/>
    </row>
    <row r="53904" spans="1:3" ht="19.2">
      <c r="A53904" s="2"/>
      <c r="B53904" s="2"/>
      <c r="C53904" s="2"/>
    </row>
    <row r="53905" spans="1:3" ht="19.2">
      <c r="A53905" s="2"/>
      <c r="B53905" s="2"/>
      <c r="C53905" s="2"/>
    </row>
    <row r="53906" spans="1:3" ht="19.2">
      <c r="A53906" s="2"/>
      <c r="B53906" s="2"/>
      <c r="C53906" s="2"/>
    </row>
    <row r="53907" spans="1:3" ht="19.2">
      <c r="A53907" s="2"/>
      <c r="B53907" s="2"/>
      <c r="C53907" s="2"/>
    </row>
    <row r="53908" spans="1:3" ht="19.2">
      <c r="A53908" s="2"/>
      <c r="B53908" s="2"/>
      <c r="C53908" s="2"/>
    </row>
    <row r="53909" spans="1:3" ht="19.2">
      <c r="A53909" s="2"/>
      <c r="B53909" s="2"/>
      <c r="C53909" s="2"/>
    </row>
    <row r="53910" spans="1:3" ht="19.2">
      <c r="A53910" s="2"/>
      <c r="B53910" s="2"/>
      <c r="C53910" s="2"/>
    </row>
    <row r="53911" spans="1:3" ht="19.2">
      <c r="A53911" s="2"/>
      <c r="B53911" s="2"/>
      <c r="C53911" s="2"/>
    </row>
    <row r="53912" spans="1:3" ht="19.2">
      <c r="A53912" s="2"/>
      <c r="B53912" s="2"/>
      <c r="C53912" s="2"/>
    </row>
    <row r="53913" spans="1:3" ht="19.2">
      <c r="A53913" s="2"/>
      <c r="B53913" s="2"/>
      <c r="C53913" s="2"/>
    </row>
    <row r="53914" spans="1:3" ht="19.2">
      <c r="A53914" s="2"/>
      <c r="B53914" s="2"/>
      <c r="C53914" s="2"/>
    </row>
    <row r="53915" spans="1:3" ht="19.2">
      <c r="A53915" s="2"/>
      <c r="B53915" s="2"/>
      <c r="C53915" s="2"/>
    </row>
    <row r="53916" spans="1:3" ht="19.2">
      <c r="A53916" s="2"/>
      <c r="B53916" s="2"/>
      <c r="C53916" s="2"/>
    </row>
    <row r="53917" spans="1:3" ht="19.2">
      <c r="A53917" s="2"/>
      <c r="B53917" s="2"/>
      <c r="C53917" s="2"/>
    </row>
    <row r="53918" spans="1:3" ht="19.2">
      <c r="A53918" s="2"/>
      <c r="B53918" s="2"/>
      <c r="C53918" s="2"/>
    </row>
    <row r="53919" spans="1:3" ht="19.2">
      <c r="A53919" s="2"/>
      <c r="B53919" s="2"/>
      <c r="C53919" s="2"/>
    </row>
    <row r="53920" spans="1:3" ht="19.2">
      <c r="A53920" s="2"/>
      <c r="B53920" s="2"/>
      <c r="C53920" s="2"/>
    </row>
    <row r="53921" spans="1:3" ht="19.2">
      <c r="A53921" s="2"/>
      <c r="B53921" s="2"/>
      <c r="C53921" s="2"/>
    </row>
    <row r="53922" spans="1:3" ht="19.2">
      <c r="A53922" s="2"/>
      <c r="B53922" s="2"/>
      <c r="C53922" s="2"/>
    </row>
    <row r="53923" spans="1:3" ht="19.2">
      <c r="A53923" s="2"/>
      <c r="B53923" s="2"/>
      <c r="C53923" s="2"/>
    </row>
    <row r="53924" spans="1:3" ht="19.2">
      <c r="A53924" s="2"/>
      <c r="B53924" s="2"/>
      <c r="C53924" s="2"/>
    </row>
    <row r="53925" spans="1:3" ht="19.2">
      <c r="A53925" s="2"/>
      <c r="B53925" s="2"/>
      <c r="C53925" s="2"/>
    </row>
    <row r="53926" spans="1:3" ht="19.2">
      <c r="A53926" s="2"/>
      <c r="B53926" s="2"/>
      <c r="C53926" s="2"/>
    </row>
    <row r="53927" spans="1:3" ht="19.2">
      <c r="A53927" s="2"/>
      <c r="B53927" s="2"/>
      <c r="C53927" s="2"/>
    </row>
    <row r="53928" spans="1:3" ht="19.2">
      <c r="A53928" s="2"/>
      <c r="B53928" s="2"/>
      <c r="C53928" s="2"/>
    </row>
    <row r="53929" spans="1:3" ht="19.2">
      <c r="A53929" s="2"/>
      <c r="B53929" s="2"/>
      <c r="C53929" s="2"/>
    </row>
    <row r="53930" spans="1:3" ht="19.2">
      <c r="A53930" s="2"/>
      <c r="B53930" s="2"/>
      <c r="C53930" s="2"/>
    </row>
    <row r="53931" spans="1:3" ht="19.2">
      <c r="A53931" s="2"/>
      <c r="B53931" s="2"/>
      <c r="C53931" s="2"/>
    </row>
    <row r="53932" spans="1:3" ht="19.2">
      <c r="A53932" s="2"/>
      <c r="B53932" s="2"/>
      <c r="C53932" s="2"/>
    </row>
    <row r="53933" spans="1:3" ht="19.2">
      <c r="A53933" s="2"/>
      <c r="B53933" s="2"/>
      <c r="C53933" s="2"/>
    </row>
    <row r="53934" spans="1:3" ht="19.2">
      <c r="A53934" s="2"/>
      <c r="B53934" s="2"/>
      <c r="C53934" s="2"/>
    </row>
    <row r="53935" spans="1:3" ht="19.2">
      <c r="A53935" s="2"/>
      <c r="B53935" s="2"/>
      <c r="C53935" s="2"/>
    </row>
    <row r="53936" spans="1:3" ht="19.2">
      <c r="A53936" s="2"/>
      <c r="B53936" s="2"/>
      <c r="C53936" s="2"/>
    </row>
    <row r="53937" spans="1:3" ht="19.2">
      <c r="A53937" s="2"/>
      <c r="B53937" s="2"/>
      <c r="C53937" s="2"/>
    </row>
    <row r="53938" spans="1:3" ht="19.2">
      <c r="A53938" s="2"/>
      <c r="B53938" s="2"/>
      <c r="C53938" s="2"/>
    </row>
    <row r="53939" spans="1:3" ht="19.2">
      <c r="A53939" s="2"/>
      <c r="B53939" s="2"/>
      <c r="C53939" s="2"/>
    </row>
    <row r="53940" spans="1:3" ht="19.2">
      <c r="A53940" s="2"/>
      <c r="B53940" s="2"/>
      <c r="C53940" s="2"/>
    </row>
    <row r="53941" spans="1:3" ht="19.2">
      <c r="A53941" s="2"/>
      <c r="B53941" s="2"/>
      <c r="C53941" s="2"/>
    </row>
    <row r="53942" spans="1:3" ht="19.2">
      <c r="A53942" s="2"/>
      <c r="B53942" s="2"/>
      <c r="C53942" s="2"/>
    </row>
    <row r="53943" spans="1:3" ht="19.2">
      <c r="A53943" s="2"/>
      <c r="B53943" s="2"/>
      <c r="C53943" s="2"/>
    </row>
    <row r="53944" spans="1:3" ht="19.2">
      <c r="A53944" s="2"/>
      <c r="B53944" s="2"/>
      <c r="C53944" s="2"/>
    </row>
    <row r="53945" spans="1:3" ht="19.2">
      <c r="A53945" s="2"/>
      <c r="B53945" s="2"/>
      <c r="C53945" s="2"/>
    </row>
    <row r="53946" spans="1:3" ht="19.2">
      <c r="A53946" s="2"/>
      <c r="B53946" s="2"/>
      <c r="C53946" s="2"/>
    </row>
    <row r="53947" spans="1:3" ht="19.2">
      <c r="A53947" s="2"/>
      <c r="B53947" s="2"/>
      <c r="C53947" s="2"/>
    </row>
    <row r="53948" spans="1:3" ht="19.2">
      <c r="A53948" s="2"/>
      <c r="B53948" s="2"/>
      <c r="C53948" s="2"/>
    </row>
    <row r="53949" spans="1:3" ht="19.2">
      <c r="A53949" s="2"/>
      <c r="B53949" s="2"/>
      <c r="C53949" s="2"/>
    </row>
    <row r="53950" spans="1:3" ht="19.2">
      <c r="A53950" s="2"/>
      <c r="B53950" s="2"/>
      <c r="C53950" s="2"/>
    </row>
    <row r="53951" spans="1:3" ht="19.2">
      <c r="A53951" s="2"/>
      <c r="B53951" s="2"/>
      <c r="C53951" s="2"/>
    </row>
    <row r="53952" spans="1:3" ht="19.2">
      <c r="A53952" s="2"/>
      <c r="B53952" s="2"/>
      <c r="C53952" s="2"/>
    </row>
    <row r="53953" spans="1:3" ht="19.2">
      <c r="A53953" s="2"/>
      <c r="B53953" s="2"/>
      <c r="C53953" s="2"/>
    </row>
    <row r="53954" spans="1:3" ht="19.2">
      <c r="A53954" s="2"/>
      <c r="B53954" s="2"/>
      <c r="C53954" s="2"/>
    </row>
    <row r="53955" spans="1:3" ht="19.2">
      <c r="A53955" s="2"/>
      <c r="B53955" s="2"/>
      <c r="C53955" s="2"/>
    </row>
    <row r="53956" spans="1:3" ht="19.2">
      <c r="A53956" s="2"/>
      <c r="B53956" s="2"/>
      <c r="C53956" s="2"/>
    </row>
    <row r="53957" spans="1:3" ht="19.2">
      <c r="A53957" s="2"/>
      <c r="B53957" s="2"/>
      <c r="C53957" s="2"/>
    </row>
    <row r="53958" spans="1:3" ht="19.2">
      <c r="A53958" s="2"/>
      <c r="B53958" s="2"/>
      <c r="C53958" s="2"/>
    </row>
    <row r="53959" spans="1:3" ht="19.2">
      <c r="A53959" s="2"/>
      <c r="B53959" s="2"/>
      <c r="C53959" s="2"/>
    </row>
    <row r="53960" spans="1:3" ht="19.2">
      <c r="A53960" s="2"/>
      <c r="B53960" s="2"/>
      <c r="C53960" s="2"/>
    </row>
    <row r="53961" spans="1:3" ht="19.2">
      <c r="A53961" s="2"/>
      <c r="B53961" s="2"/>
      <c r="C53961" s="2"/>
    </row>
    <row r="53962" spans="1:3" ht="19.2">
      <c r="A53962" s="2"/>
      <c r="B53962" s="2"/>
      <c r="C53962" s="2"/>
    </row>
    <row r="53963" spans="1:3" ht="19.2">
      <c r="A53963" s="2"/>
      <c r="B53963" s="2"/>
      <c r="C53963" s="2"/>
    </row>
    <row r="53964" spans="1:3" ht="19.2">
      <c r="A53964" s="2"/>
      <c r="B53964" s="2"/>
      <c r="C53964" s="2"/>
    </row>
    <row r="53965" spans="1:3" ht="19.2">
      <c r="A53965" s="2"/>
      <c r="B53965" s="2"/>
      <c r="C53965" s="2"/>
    </row>
    <row r="53966" spans="1:3" ht="19.2">
      <c r="A53966" s="2"/>
      <c r="B53966" s="2"/>
      <c r="C53966" s="2"/>
    </row>
    <row r="53967" spans="1:3" ht="19.2">
      <c r="A53967" s="2"/>
      <c r="B53967" s="2"/>
      <c r="C53967" s="2"/>
    </row>
    <row r="53968" spans="1:3" ht="19.2">
      <c r="A53968" s="2"/>
      <c r="B53968" s="2"/>
      <c r="C53968" s="2"/>
    </row>
    <row r="53969" spans="1:3" ht="19.2">
      <c r="A53969" s="2"/>
      <c r="B53969" s="2"/>
      <c r="C53969" s="2"/>
    </row>
    <row r="53970" spans="1:3" ht="19.2">
      <c r="A53970" s="2"/>
      <c r="B53970" s="2"/>
      <c r="C53970" s="2"/>
    </row>
    <row r="53971" spans="1:3" ht="19.2">
      <c r="A53971" s="2"/>
      <c r="B53971" s="2"/>
      <c r="C53971" s="2"/>
    </row>
    <row r="53972" spans="1:3" ht="19.2">
      <c r="A53972" s="2"/>
      <c r="B53972" s="2"/>
      <c r="C53972" s="2"/>
    </row>
    <row r="53973" spans="1:3" ht="19.2">
      <c r="A53973" s="2"/>
      <c r="B53973" s="2"/>
      <c r="C53973" s="2"/>
    </row>
    <row r="53974" spans="1:3" ht="19.2">
      <c r="A53974" s="2"/>
      <c r="B53974" s="2"/>
      <c r="C53974" s="2"/>
    </row>
    <row r="53975" spans="1:3" ht="19.2">
      <c r="A53975" s="2"/>
      <c r="B53975" s="2"/>
      <c r="C53975" s="2"/>
    </row>
    <row r="53976" spans="1:3" ht="19.2">
      <c r="A53976" s="2"/>
      <c r="B53976" s="2"/>
      <c r="C53976" s="2"/>
    </row>
    <row r="53977" spans="1:3" ht="19.2">
      <c r="A53977" s="2"/>
      <c r="B53977" s="2"/>
      <c r="C53977" s="2"/>
    </row>
    <row r="53978" spans="1:3" ht="19.2">
      <c r="A53978" s="2"/>
      <c r="B53978" s="2"/>
      <c r="C53978" s="2"/>
    </row>
    <row r="53979" spans="1:3" ht="19.2">
      <c r="A53979" s="2"/>
      <c r="B53979" s="2"/>
      <c r="C53979" s="2"/>
    </row>
    <row r="53980" spans="1:3" ht="19.2">
      <c r="A53980" s="2"/>
      <c r="B53980" s="2"/>
      <c r="C53980" s="2"/>
    </row>
    <row r="53981" spans="1:3" ht="19.2">
      <c r="A53981" s="2"/>
      <c r="B53981" s="2"/>
      <c r="C53981" s="2"/>
    </row>
    <row r="53982" spans="1:3" ht="19.2">
      <c r="A53982" s="2"/>
      <c r="B53982" s="2"/>
      <c r="C53982" s="2"/>
    </row>
    <row r="53983" spans="1:3" ht="19.2">
      <c r="A53983" s="2"/>
      <c r="B53983" s="2"/>
      <c r="C53983" s="2"/>
    </row>
    <row r="53984" spans="1:3" ht="19.2">
      <c r="A53984" s="2"/>
      <c r="B53984" s="2"/>
      <c r="C53984" s="2"/>
    </row>
    <row r="53985" spans="1:3" ht="19.2">
      <c r="A53985" s="2"/>
      <c r="B53985" s="2"/>
      <c r="C53985" s="2"/>
    </row>
    <row r="53986" spans="1:3" ht="19.2">
      <c r="A53986" s="2"/>
      <c r="B53986" s="2"/>
      <c r="C53986" s="2"/>
    </row>
    <row r="53987" spans="1:3" ht="19.2">
      <c r="A53987" s="2"/>
      <c r="B53987" s="2"/>
      <c r="C53987" s="2"/>
    </row>
    <row r="53988" spans="1:3" ht="19.2">
      <c r="A53988" s="2"/>
      <c r="B53988" s="2"/>
      <c r="C53988" s="2"/>
    </row>
    <row r="53989" spans="1:3" ht="19.2">
      <c r="A53989" s="2"/>
      <c r="B53989" s="2"/>
      <c r="C53989" s="2"/>
    </row>
    <row r="53990" spans="1:3" ht="19.2">
      <c r="A53990" s="2"/>
      <c r="B53990" s="2"/>
      <c r="C53990" s="2"/>
    </row>
    <row r="53991" spans="1:3" ht="19.2">
      <c r="A53991" s="2"/>
      <c r="B53991" s="2"/>
      <c r="C53991" s="2"/>
    </row>
    <row r="53992" spans="1:3" ht="19.2">
      <c r="A53992" s="2"/>
      <c r="B53992" s="2"/>
      <c r="C53992" s="2"/>
    </row>
    <row r="53993" spans="1:3" ht="19.2">
      <c r="A53993" s="2"/>
      <c r="B53993" s="2"/>
      <c r="C53993" s="2"/>
    </row>
    <row r="53994" spans="1:3" ht="19.2">
      <c r="A53994" s="2"/>
      <c r="B53994" s="2"/>
      <c r="C53994" s="2"/>
    </row>
    <row r="53995" spans="1:3" ht="19.2">
      <c r="A53995" s="2"/>
      <c r="B53995" s="2"/>
      <c r="C53995" s="2"/>
    </row>
    <row r="53996" spans="1:3" ht="19.2">
      <c r="A53996" s="2"/>
      <c r="B53996" s="2"/>
      <c r="C53996" s="2"/>
    </row>
    <row r="53997" spans="1:3" ht="19.2">
      <c r="A53997" s="2"/>
      <c r="B53997" s="2"/>
      <c r="C53997" s="2"/>
    </row>
    <row r="53998" spans="1:3" ht="19.2">
      <c r="A53998" s="2"/>
      <c r="B53998" s="2"/>
      <c r="C53998" s="2"/>
    </row>
    <row r="53999" spans="1:3" ht="19.2">
      <c r="A53999" s="2"/>
      <c r="B53999" s="2"/>
      <c r="C53999" s="2"/>
    </row>
    <row r="54000" spans="1:3" ht="19.2">
      <c r="A54000" s="2"/>
      <c r="B54000" s="2"/>
      <c r="C54000" s="2"/>
    </row>
    <row r="54001" spans="1:3" ht="19.2">
      <c r="A54001" s="2"/>
      <c r="B54001" s="2"/>
      <c r="C54001" s="2"/>
    </row>
    <row r="54002" spans="1:3" ht="19.2">
      <c r="A54002" s="2"/>
      <c r="B54002" s="2"/>
      <c r="C54002" s="2"/>
    </row>
    <row r="54003" spans="1:3" ht="19.2">
      <c r="A54003" s="2"/>
      <c r="B54003" s="2"/>
      <c r="C54003" s="2"/>
    </row>
    <row r="54004" spans="1:3" ht="19.2">
      <c r="A54004" s="2"/>
      <c r="B54004" s="2"/>
      <c r="C54004" s="2"/>
    </row>
    <row r="54005" spans="1:3" ht="19.2">
      <c r="A54005" s="2"/>
      <c r="B54005" s="2"/>
      <c r="C54005" s="2"/>
    </row>
    <row r="54006" spans="1:3" ht="19.2">
      <c r="A54006" s="2"/>
      <c r="B54006" s="2"/>
      <c r="C54006" s="2"/>
    </row>
    <row r="54007" spans="1:3" ht="19.2">
      <c r="A54007" s="2"/>
      <c r="B54007" s="2"/>
      <c r="C54007" s="2"/>
    </row>
    <row r="54008" spans="1:3" ht="19.2">
      <c r="A54008" s="2"/>
      <c r="B54008" s="2"/>
      <c r="C54008" s="2"/>
    </row>
    <row r="54009" spans="1:3" ht="19.2">
      <c r="A54009" s="2"/>
      <c r="B54009" s="2"/>
      <c r="C54009" s="2"/>
    </row>
    <row r="54010" spans="1:3" ht="19.2">
      <c r="A54010" s="2"/>
      <c r="B54010" s="2"/>
      <c r="C54010" s="2"/>
    </row>
    <row r="54011" spans="1:3" ht="19.2">
      <c r="A54011" s="2"/>
      <c r="B54011" s="2"/>
      <c r="C54011" s="2"/>
    </row>
    <row r="54012" spans="1:3" ht="19.2">
      <c r="A54012" s="2"/>
      <c r="B54012" s="2"/>
      <c r="C54012" s="2"/>
    </row>
    <row r="54013" spans="1:3" ht="19.2">
      <c r="A54013" s="2"/>
      <c r="B54013" s="2"/>
      <c r="C54013" s="2"/>
    </row>
    <row r="54014" spans="1:3" ht="19.2">
      <c r="A54014" s="2"/>
      <c r="B54014" s="2"/>
      <c r="C54014" s="2"/>
    </row>
    <row r="54015" spans="1:3" ht="19.2">
      <c r="A54015" s="2"/>
      <c r="B54015" s="2"/>
      <c r="C54015" s="2"/>
    </row>
    <row r="54016" spans="1:3" ht="19.2">
      <c r="A54016" s="2"/>
      <c r="B54016" s="2"/>
      <c r="C54016" s="2"/>
    </row>
    <row r="54017" spans="1:3" ht="19.2">
      <c r="A54017" s="2"/>
      <c r="B54017" s="2"/>
      <c r="C54017" s="2"/>
    </row>
    <row r="54018" spans="1:3" ht="19.2">
      <c r="A54018" s="2"/>
      <c r="B54018" s="2"/>
      <c r="C54018" s="2"/>
    </row>
    <row r="54019" spans="1:3" ht="19.2">
      <c r="A54019" s="2"/>
      <c r="B54019" s="2"/>
      <c r="C54019" s="2"/>
    </row>
    <row r="54020" spans="1:3" ht="19.2">
      <c r="A54020" s="2"/>
      <c r="B54020" s="2"/>
      <c r="C54020" s="2"/>
    </row>
    <row r="54021" spans="1:3" ht="19.2">
      <c r="A54021" s="2"/>
      <c r="B54021" s="2"/>
      <c r="C54021" s="2"/>
    </row>
    <row r="54022" spans="1:3" ht="19.2">
      <c r="A54022" s="2"/>
      <c r="B54022" s="2"/>
      <c r="C54022" s="2"/>
    </row>
    <row r="54023" spans="1:3" ht="19.2">
      <c r="A54023" s="2"/>
      <c r="B54023" s="2"/>
      <c r="C54023" s="2"/>
    </row>
    <row r="54024" spans="1:3" ht="19.2">
      <c r="A54024" s="2"/>
      <c r="B54024" s="2"/>
      <c r="C54024" s="2"/>
    </row>
    <row r="54025" spans="1:3" ht="19.2">
      <c r="A54025" s="2"/>
      <c r="B54025" s="2"/>
      <c r="C54025" s="2"/>
    </row>
    <row r="54026" spans="1:3" ht="19.2">
      <c r="A54026" s="2"/>
      <c r="B54026" s="2"/>
      <c r="C54026" s="2"/>
    </row>
    <row r="54027" spans="1:3" ht="19.2">
      <c r="A54027" s="2"/>
      <c r="B54027" s="2"/>
      <c r="C54027" s="2"/>
    </row>
    <row r="54028" spans="1:3" ht="19.2">
      <c r="A54028" s="2"/>
      <c r="B54028" s="2"/>
      <c r="C54028" s="2"/>
    </row>
    <row r="54029" spans="1:3" ht="19.2">
      <c r="A54029" s="2"/>
      <c r="B54029" s="2"/>
      <c r="C54029" s="2"/>
    </row>
    <row r="54030" spans="1:3" ht="19.2">
      <c r="A54030" s="2"/>
      <c r="B54030" s="2"/>
      <c r="C54030" s="2"/>
    </row>
    <row r="54031" spans="1:3" ht="19.2">
      <c r="A54031" s="2"/>
      <c r="B54031" s="2"/>
      <c r="C54031" s="2"/>
    </row>
    <row r="54032" spans="1:3" ht="19.2">
      <c r="A54032" s="2"/>
      <c r="B54032" s="2"/>
      <c r="C54032" s="2"/>
    </row>
    <row r="54033" spans="1:3" ht="19.2">
      <c r="A54033" s="2"/>
      <c r="B54033" s="2"/>
      <c r="C54033" s="2"/>
    </row>
    <row r="54034" spans="1:3" ht="19.2">
      <c r="A54034" s="2"/>
      <c r="B54034" s="2"/>
      <c r="C54034" s="2"/>
    </row>
    <row r="54035" spans="1:3" ht="19.2">
      <c r="A54035" s="2"/>
      <c r="B54035" s="2"/>
      <c r="C54035" s="2"/>
    </row>
    <row r="54036" spans="1:3" ht="19.2">
      <c r="A54036" s="2"/>
      <c r="B54036" s="2"/>
      <c r="C54036" s="2"/>
    </row>
    <row r="54037" spans="1:3" ht="19.2">
      <c r="A54037" s="2"/>
      <c r="B54037" s="2"/>
      <c r="C54037" s="2"/>
    </row>
    <row r="54038" spans="1:3" ht="19.2">
      <c r="A54038" s="2"/>
      <c r="B54038" s="2"/>
      <c r="C54038" s="2"/>
    </row>
    <row r="54039" spans="1:3" ht="19.2">
      <c r="A54039" s="2"/>
      <c r="B54039" s="2"/>
      <c r="C54039" s="2"/>
    </row>
    <row r="54040" spans="1:3" ht="19.2">
      <c r="A54040" s="2"/>
      <c r="B54040" s="2"/>
      <c r="C54040" s="2"/>
    </row>
    <row r="54041" spans="1:3" ht="19.2">
      <c r="A54041" s="2"/>
      <c r="B54041" s="2"/>
      <c r="C54041" s="2"/>
    </row>
    <row r="54042" spans="1:3" ht="19.2">
      <c r="A54042" s="2"/>
      <c r="B54042" s="2"/>
      <c r="C54042" s="2"/>
    </row>
    <row r="54043" spans="1:3" ht="19.2">
      <c r="A54043" s="2"/>
      <c r="B54043" s="2"/>
      <c r="C54043" s="2"/>
    </row>
    <row r="54044" spans="1:3" ht="19.2">
      <c r="A54044" s="2"/>
      <c r="B54044" s="2"/>
      <c r="C54044" s="2"/>
    </row>
    <row r="54045" spans="1:3" ht="19.2">
      <c r="A54045" s="2"/>
      <c r="B54045" s="2"/>
      <c r="C54045" s="2"/>
    </row>
    <row r="54046" spans="1:3" ht="19.2">
      <c r="A54046" s="2"/>
      <c r="B54046" s="2"/>
      <c r="C54046" s="2"/>
    </row>
    <row r="54047" spans="1:3" ht="19.2">
      <c r="A54047" s="2"/>
      <c r="B54047" s="2"/>
      <c r="C54047" s="2"/>
    </row>
    <row r="54048" spans="1:3" ht="19.2">
      <c r="A54048" s="2"/>
      <c r="B54048" s="2"/>
      <c r="C54048" s="2"/>
    </row>
    <row r="54049" spans="1:3" ht="19.2">
      <c r="A54049" s="2"/>
      <c r="B54049" s="2"/>
      <c r="C54049" s="2"/>
    </row>
    <row r="54050" spans="1:3" ht="19.2">
      <c r="A54050" s="2"/>
      <c r="B54050" s="2"/>
      <c r="C54050" s="2"/>
    </row>
    <row r="54051" spans="1:3" ht="19.2">
      <c r="A54051" s="2"/>
      <c r="B54051" s="2"/>
      <c r="C54051" s="2"/>
    </row>
    <row r="54052" spans="1:3" ht="19.2">
      <c r="A54052" s="2"/>
      <c r="B54052" s="2"/>
      <c r="C54052" s="2"/>
    </row>
    <row r="54053" spans="1:3" ht="19.2">
      <c r="A54053" s="2"/>
      <c r="B54053" s="2"/>
      <c r="C54053" s="2"/>
    </row>
    <row r="54054" spans="1:3" ht="19.2">
      <c r="A54054" s="2"/>
      <c r="B54054" s="2"/>
      <c r="C54054" s="2"/>
    </row>
    <row r="54055" spans="1:3" ht="19.2">
      <c r="A54055" s="2"/>
      <c r="B54055" s="2"/>
      <c r="C54055" s="2"/>
    </row>
    <row r="54056" spans="1:3" ht="19.2">
      <c r="A54056" s="2"/>
      <c r="B54056" s="2"/>
      <c r="C54056" s="2"/>
    </row>
    <row r="54057" spans="1:3" ht="19.2">
      <c r="A54057" s="2"/>
      <c r="B54057" s="2"/>
      <c r="C54057" s="2"/>
    </row>
    <row r="54058" spans="1:3" ht="19.2">
      <c r="A54058" s="2"/>
      <c r="B54058" s="2"/>
      <c r="C54058" s="2"/>
    </row>
    <row r="54059" spans="1:3" ht="19.2">
      <c r="A54059" s="2"/>
      <c r="B54059" s="2"/>
      <c r="C54059" s="2"/>
    </row>
    <row r="54060" spans="1:3" ht="19.2">
      <c r="A54060" s="2"/>
      <c r="B54060" s="2"/>
      <c r="C54060" s="2"/>
    </row>
    <row r="54061" spans="1:3" ht="19.2">
      <c r="A54061" s="2"/>
      <c r="B54061" s="2"/>
      <c r="C54061" s="2"/>
    </row>
    <row r="54062" spans="1:3" ht="19.2">
      <c r="A54062" s="2"/>
      <c r="B54062" s="2"/>
      <c r="C54062" s="2"/>
    </row>
    <row r="54063" spans="1:3" ht="19.2">
      <c r="A54063" s="2"/>
      <c r="B54063" s="2"/>
      <c r="C54063" s="2"/>
    </row>
    <row r="54064" spans="1:3" ht="19.2">
      <c r="A54064" s="2"/>
      <c r="B54064" s="2"/>
      <c r="C54064" s="2"/>
    </row>
    <row r="54065" spans="1:3" ht="19.2">
      <c r="A54065" s="2"/>
      <c r="B54065" s="2"/>
      <c r="C54065" s="2"/>
    </row>
    <row r="54066" spans="1:3" ht="19.2">
      <c r="A54066" s="2"/>
      <c r="B54066" s="2"/>
      <c r="C54066" s="2"/>
    </row>
    <row r="54067" spans="1:3" ht="19.2">
      <c r="A54067" s="2"/>
      <c r="B54067" s="2"/>
      <c r="C54067" s="2"/>
    </row>
    <row r="54068" spans="1:3" ht="19.2">
      <c r="A54068" s="2"/>
      <c r="B54068" s="2"/>
      <c r="C54068" s="2"/>
    </row>
    <row r="54069" spans="1:3" ht="19.2">
      <c r="A54069" s="2"/>
      <c r="B54069" s="2"/>
      <c r="C54069" s="2"/>
    </row>
    <row r="54070" spans="1:3" ht="19.2">
      <c r="A54070" s="2"/>
      <c r="B54070" s="2"/>
      <c r="C54070" s="2"/>
    </row>
    <row r="54071" spans="1:3" ht="19.2">
      <c r="A54071" s="2"/>
      <c r="B54071" s="2"/>
      <c r="C54071" s="2"/>
    </row>
    <row r="54072" spans="1:3" ht="19.2">
      <c r="A54072" s="2"/>
      <c r="B54072" s="2"/>
      <c r="C54072" s="2"/>
    </row>
    <row r="54073" spans="1:3" ht="19.2">
      <c r="A54073" s="2"/>
      <c r="B54073" s="2"/>
      <c r="C54073" s="2"/>
    </row>
    <row r="54074" spans="1:3" ht="19.2">
      <c r="A54074" s="2"/>
      <c r="B54074" s="2"/>
      <c r="C54074" s="2"/>
    </row>
    <row r="54075" spans="1:3" ht="19.2">
      <c r="A54075" s="2"/>
      <c r="B54075" s="2"/>
      <c r="C54075" s="2"/>
    </row>
    <row r="54076" spans="1:3" ht="19.2">
      <c r="A54076" s="2"/>
      <c r="B54076" s="2"/>
      <c r="C54076" s="2"/>
    </row>
    <row r="54077" spans="1:3" ht="19.2">
      <c r="A54077" s="2"/>
      <c r="B54077" s="2"/>
      <c r="C54077" s="2"/>
    </row>
    <row r="54078" spans="1:3" ht="19.2">
      <c r="A54078" s="2"/>
      <c r="B54078" s="2"/>
      <c r="C54078" s="2"/>
    </row>
    <row r="54079" spans="1:3" ht="19.2">
      <c r="A54079" s="2"/>
      <c r="B54079" s="2"/>
      <c r="C54079" s="2"/>
    </row>
    <row r="54080" spans="1:3" ht="19.2">
      <c r="A54080" s="2"/>
      <c r="B54080" s="2"/>
      <c r="C54080" s="2"/>
    </row>
    <row r="54081" spans="1:3" ht="19.2">
      <c r="A54081" s="2"/>
      <c r="B54081" s="2"/>
      <c r="C54081" s="2"/>
    </row>
    <row r="54082" spans="1:3" ht="19.2">
      <c r="A54082" s="2"/>
      <c r="B54082" s="2"/>
      <c r="C54082" s="2"/>
    </row>
    <row r="54083" spans="1:3" ht="19.2">
      <c r="A54083" s="2"/>
      <c r="B54083" s="2"/>
      <c r="C54083" s="2"/>
    </row>
    <row r="54084" spans="1:3" ht="19.2">
      <c r="A54084" s="2"/>
      <c r="B54084" s="2"/>
      <c r="C54084" s="2"/>
    </row>
    <row r="54085" spans="1:3" ht="19.2">
      <c r="A54085" s="2"/>
      <c r="B54085" s="2"/>
      <c r="C54085" s="2"/>
    </row>
    <row r="54086" spans="1:3" ht="19.2">
      <c r="A54086" s="2"/>
      <c r="B54086" s="2"/>
      <c r="C54086" s="2"/>
    </row>
    <row r="54087" spans="1:3" ht="19.2">
      <c r="A54087" s="2"/>
      <c r="B54087" s="2"/>
      <c r="C54087" s="2"/>
    </row>
    <row r="54088" spans="1:3" ht="19.2">
      <c r="A54088" s="2"/>
      <c r="B54088" s="2"/>
      <c r="C54088" s="2"/>
    </row>
    <row r="54089" spans="1:3" ht="19.2">
      <c r="A54089" s="2"/>
      <c r="B54089" s="2"/>
      <c r="C54089" s="2"/>
    </row>
    <row r="54090" spans="1:3" ht="19.2">
      <c r="A54090" s="2"/>
      <c r="B54090" s="2"/>
      <c r="C54090" s="2"/>
    </row>
    <row r="54091" spans="1:3" ht="19.2">
      <c r="A54091" s="2"/>
      <c r="B54091" s="2"/>
      <c r="C54091" s="2"/>
    </row>
    <row r="54092" spans="1:3" ht="19.2">
      <c r="A54092" s="2"/>
      <c r="B54092" s="2"/>
      <c r="C54092" s="2"/>
    </row>
    <row r="54093" spans="1:3" ht="19.2">
      <c r="A54093" s="2"/>
      <c r="B54093" s="2"/>
      <c r="C54093" s="2"/>
    </row>
    <row r="54094" spans="1:3" ht="19.2">
      <c r="A54094" s="2"/>
      <c r="B54094" s="2"/>
      <c r="C54094" s="2"/>
    </row>
    <row r="54095" spans="1:3" ht="19.2">
      <c r="A54095" s="2"/>
      <c r="B54095" s="2"/>
      <c r="C54095" s="2"/>
    </row>
    <row r="54096" spans="1:3" ht="19.2">
      <c r="A54096" s="2"/>
      <c r="B54096" s="2"/>
      <c r="C54096" s="2"/>
    </row>
    <row r="54097" spans="1:3" ht="19.2">
      <c r="A54097" s="2"/>
      <c r="B54097" s="2"/>
      <c r="C54097" s="2"/>
    </row>
    <row r="54098" spans="1:3" ht="19.2">
      <c r="A54098" s="2"/>
      <c r="B54098" s="2"/>
      <c r="C54098" s="2"/>
    </row>
    <row r="54099" spans="1:3" ht="19.2">
      <c r="A54099" s="2"/>
      <c r="B54099" s="2"/>
      <c r="C54099" s="2"/>
    </row>
    <row r="54100" spans="1:3" ht="19.2">
      <c r="A54100" s="2"/>
      <c r="B54100" s="2"/>
      <c r="C54100" s="2"/>
    </row>
    <row r="54101" spans="1:3" ht="19.2">
      <c r="A54101" s="2"/>
      <c r="B54101" s="2"/>
      <c r="C54101" s="2"/>
    </row>
    <row r="54102" spans="1:3" ht="19.2">
      <c r="A54102" s="2"/>
      <c r="B54102" s="2"/>
      <c r="C54102" s="2"/>
    </row>
    <row r="54103" spans="1:3" ht="19.2">
      <c r="A54103" s="2"/>
      <c r="B54103" s="2"/>
      <c r="C54103" s="2"/>
    </row>
    <row r="54104" spans="1:3" ht="19.2">
      <c r="A54104" s="2"/>
      <c r="B54104" s="2"/>
      <c r="C54104" s="2"/>
    </row>
    <row r="54105" spans="1:3" ht="19.2">
      <c r="A54105" s="2"/>
      <c r="B54105" s="2"/>
      <c r="C54105" s="2"/>
    </row>
    <row r="54106" spans="1:3" ht="19.2">
      <c r="A54106" s="2"/>
      <c r="B54106" s="2"/>
      <c r="C54106" s="2"/>
    </row>
    <row r="54107" spans="1:3" ht="19.2">
      <c r="A54107" s="2"/>
      <c r="B54107" s="2"/>
      <c r="C54107" s="2"/>
    </row>
    <row r="54108" spans="1:3" ht="19.2">
      <c r="A54108" s="2"/>
      <c r="B54108" s="2"/>
      <c r="C54108" s="2"/>
    </row>
    <row r="54109" spans="1:3" ht="19.2">
      <c r="A54109" s="2"/>
      <c r="B54109" s="2"/>
      <c r="C54109" s="2"/>
    </row>
    <row r="54110" spans="1:3" ht="19.2">
      <c r="A54110" s="2"/>
      <c r="B54110" s="2"/>
      <c r="C54110" s="2"/>
    </row>
    <row r="54111" spans="1:3" ht="19.2">
      <c r="A54111" s="2"/>
      <c r="B54111" s="2"/>
      <c r="C54111" s="2"/>
    </row>
    <row r="54112" spans="1:3" ht="19.2">
      <c r="A54112" s="2"/>
      <c r="B54112" s="2"/>
      <c r="C54112" s="2"/>
    </row>
    <row r="54113" spans="1:3" ht="19.2">
      <c r="A54113" s="2"/>
      <c r="B54113" s="2"/>
      <c r="C54113" s="2"/>
    </row>
    <row r="54114" spans="1:3" ht="19.2">
      <c r="A54114" s="2"/>
      <c r="B54114" s="2"/>
      <c r="C54114" s="2"/>
    </row>
    <row r="54115" spans="1:3" ht="19.2">
      <c r="A54115" s="2"/>
      <c r="B54115" s="2"/>
      <c r="C54115" s="2"/>
    </row>
    <row r="54116" spans="1:3" ht="19.2">
      <c r="A54116" s="2"/>
      <c r="B54116" s="2"/>
      <c r="C54116" s="2"/>
    </row>
    <row r="54117" spans="1:3" ht="19.2">
      <c r="A54117" s="2"/>
      <c r="B54117" s="2"/>
      <c r="C54117" s="2"/>
    </row>
    <row r="54118" spans="1:3" ht="19.2">
      <c r="A54118" s="2"/>
      <c r="B54118" s="2"/>
      <c r="C54118" s="2"/>
    </row>
    <row r="54119" spans="1:3" ht="19.2">
      <c r="A54119" s="2"/>
      <c r="B54119" s="2"/>
      <c r="C54119" s="2"/>
    </row>
    <row r="54120" spans="1:3" ht="19.2">
      <c r="A54120" s="2"/>
      <c r="B54120" s="2"/>
      <c r="C54120" s="2"/>
    </row>
    <row r="54121" spans="1:3" ht="19.2">
      <c r="A54121" s="2"/>
      <c r="B54121" s="2"/>
      <c r="C54121" s="2"/>
    </row>
    <row r="54122" spans="1:3" ht="19.2">
      <c r="A54122" s="2"/>
      <c r="B54122" s="2"/>
      <c r="C54122" s="2"/>
    </row>
    <row r="54123" spans="1:3" ht="19.2">
      <c r="A54123" s="2"/>
      <c r="B54123" s="2"/>
      <c r="C54123" s="2"/>
    </row>
    <row r="54124" spans="1:3" ht="19.2">
      <c r="A54124" s="2"/>
      <c r="B54124" s="2"/>
      <c r="C54124" s="2"/>
    </row>
    <row r="54125" spans="1:3" ht="19.2">
      <c r="A54125" s="2"/>
      <c r="B54125" s="2"/>
      <c r="C54125" s="2"/>
    </row>
    <row r="54126" spans="1:3" ht="19.2">
      <c r="A54126" s="2"/>
      <c r="B54126" s="2"/>
      <c r="C54126" s="2"/>
    </row>
    <row r="54127" spans="1:3" ht="19.2">
      <c r="A54127" s="2"/>
      <c r="B54127" s="2"/>
      <c r="C54127" s="2"/>
    </row>
    <row r="54128" spans="1:3" ht="19.2">
      <c r="A54128" s="2"/>
      <c r="B54128" s="2"/>
      <c r="C54128" s="2"/>
    </row>
    <row r="54129" spans="1:3" ht="19.2">
      <c r="A54129" s="2"/>
      <c r="B54129" s="2"/>
      <c r="C54129" s="2"/>
    </row>
    <row r="54130" spans="1:3" ht="19.2">
      <c r="A54130" s="2"/>
      <c r="B54130" s="2"/>
      <c r="C54130" s="2"/>
    </row>
    <row r="54131" spans="1:3" ht="19.2">
      <c r="A54131" s="2"/>
      <c r="B54131" s="2"/>
      <c r="C54131" s="2"/>
    </row>
    <row r="54132" spans="1:3" ht="19.2">
      <c r="A54132" s="2"/>
      <c r="B54132" s="2"/>
      <c r="C54132" s="2"/>
    </row>
    <row r="54133" spans="1:3" ht="19.2">
      <c r="A54133" s="2"/>
      <c r="B54133" s="2"/>
      <c r="C54133" s="2"/>
    </row>
    <row r="54134" spans="1:3" ht="19.2">
      <c r="A54134" s="2"/>
      <c r="B54134" s="2"/>
      <c r="C54134" s="2"/>
    </row>
    <row r="54135" spans="1:3" ht="19.2">
      <c r="A54135" s="2"/>
      <c r="B54135" s="2"/>
      <c r="C54135" s="2"/>
    </row>
    <row r="54136" spans="1:3" ht="19.2">
      <c r="A54136" s="2"/>
      <c r="B54136" s="2"/>
      <c r="C54136" s="2"/>
    </row>
    <row r="54137" spans="1:3" ht="19.2">
      <c r="A54137" s="2"/>
      <c r="B54137" s="2"/>
      <c r="C54137" s="2"/>
    </row>
    <row r="54138" spans="1:3" ht="19.2">
      <c r="A54138" s="2"/>
      <c r="B54138" s="2"/>
      <c r="C54138" s="2"/>
    </row>
    <row r="54139" spans="1:3" ht="19.2">
      <c r="A54139" s="2"/>
      <c r="B54139" s="2"/>
      <c r="C54139" s="2"/>
    </row>
    <row r="54140" spans="1:3" ht="19.2">
      <c r="A54140" s="2"/>
      <c r="B54140" s="2"/>
      <c r="C54140" s="2"/>
    </row>
    <row r="54141" spans="1:3" ht="19.2">
      <c r="A54141" s="2"/>
      <c r="B54141" s="2"/>
      <c r="C54141" s="2"/>
    </row>
    <row r="54142" spans="1:3" ht="19.2">
      <c r="A54142" s="2"/>
      <c r="B54142" s="2"/>
      <c r="C54142" s="2"/>
    </row>
    <row r="54143" spans="1:3" ht="19.2">
      <c r="A54143" s="2"/>
      <c r="B54143" s="2"/>
      <c r="C54143" s="2"/>
    </row>
    <row r="54144" spans="1:3" ht="19.2">
      <c r="A54144" s="2"/>
      <c r="B54144" s="2"/>
      <c r="C54144" s="2"/>
    </row>
    <row r="54145" spans="1:3" ht="19.2">
      <c r="A54145" s="2"/>
      <c r="B54145" s="2"/>
      <c r="C54145" s="2"/>
    </row>
    <row r="54146" spans="1:3" ht="19.2">
      <c r="A54146" s="2"/>
      <c r="B54146" s="2"/>
      <c r="C54146" s="2"/>
    </row>
    <row r="54147" spans="1:3" ht="19.2">
      <c r="A54147" s="2"/>
      <c r="B54147" s="2"/>
      <c r="C54147" s="2"/>
    </row>
    <row r="54148" spans="1:3" ht="19.2">
      <c r="A54148" s="2"/>
      <c r="B54148" s="2"/>
      <c r="C54148" s="2"/>
    </row>
    <row r="54149" spans="1:3" ht="19.2">
      <c r="A54149" s="2"/>
      <c r="B54149" s="2"/>
      <c r="C54149" s="2"/>
    </row>
    <row r="54150" spans="1:3" ht="19.2">
      <c r="A54150" s="2"/>
      <c r="B54150" s="2"/>
      <c r="C54150" s="2"/>
    </row>
    <row r="54151" spans="1:3" ht="19.2">
      <c r="A54151" s="2"/>
      <c r="B54151" s="2"/>
      <c r="C54151" s="2"/>
    </row>
    <row r="54152" spans="1:3" ht="19.2">
      <c r="A54152" s="2"/>
      <c r="B54152" s="2"/>
      <c r="C54152" s="2"/>
    </row>
    <row r="54153" spans="1:3" ht="19.2">
      <c r="A54153" s="2"/>
      <c r="B54153" s="2"/>
      <c r="C54153" s="2"/>
    </row>
    <row r="54154" spans="1:3" ht="19.2">
      <c r="A54154" s="2"/>
      <c r="B54154" s="2"/>
      <c r="C54154" s="2"/>
    </row>
    <row r="54155" spans="1:3" ht="19.2">
      <c r="A54155" s="2"/>
      <c r="B54155" s="2"/>
      <c r="C54155" s="2"/>
    </row>
    <row r="54156" spans="1:3" ht="19.2">
      <c r="A54156" s="2"/>
      <c r="B54156" s="2"/>
      <c r="C54156" s="2"/>
    </row>
    <row r="54157" spans="1:3" ht="19.2">
      <c r="A54157" s="2"/>
      <c r="B54157" s="2"/>
      <c r="C54157" s="2"/>
    </row>
    <row r="54158" spans="1:3" ht="19.2">
      <c r="A54158" s="2"/>
      <c r="B54158" s="2"/>
      <c r="C54158" s="2"/>
    </row>
    <row r="54159" spans="1:3" ht="19.2">
      <c r="A54159" s="2"/>
      <c r="B54159" s="2"/>
      <c r="C54159" s="2"/>
    </row>
    <row r="54160" spans="1:3" ht="19.2">
      <c r="A54160" s="2"/>
      <c r="B54160" s="2"/>
      <c r="C54160" s="2"/>
    </row>
    <row r="54161" spans="1:3" ht="19.2">
      <c r="A54161" s="2"/>
      <c r="B54161" s="2"/>
      <c r="C54161" s="2"/>
    </row>
    <row r="54162" spans="1:3" ht="19.2">
      <c r="A54162" s="2"/>
      <c r="B54162" s="2"/>
      <c r="C54162" s="2"/>
    </row>
    <row r="54163" spans="1:3" ht="19.2">
      <c r="A54163" s="2"/>
      <c r="B54163" s="2"/>
      <c r="C54163" s="2"/>
    </row>
    <row r="54164" spans="1:3" ht="19.2">
      <c r="A54164" s="2"/>
      <c r="B54164" s="2"/>
      <c r="C54164" s="2"/>
    </row>
    <row r="54165" spans="1:3" ht="19.2">
      <c r="A54165" s="2"/>
      <c r="B54165" s="2"/>
      <c r="C54165" s="2"/>
    </row>
    <row r="54166" spans="1:3" ht="19.2">
      <c r="A54166" s="2"/>
      <c r="B54166" s="2"/>
      <c r="C54166" s="2"/>
    </row>
    <row r="54167" spans="1:3" ht="19.2">
      <c r="A54167" s="2"/>
      <c r="B54167" s="2"/>
      <c r="C54167" s="2"/>
    </row>
    <row r="54168" spans="1:3" ht="19.2">
      <c r="A54168" s="2"/>
      <c r="B54168" s="2"/>
      <c r="C54168" s="2"/>
    </row>
    <row r="54169" spans="1:3" ht="19.2">
      <c r="A54169" s="2"/>
      <c r="B54169" s="2"/>
      <c r="C54169" s="2"/>
    </row>
    <row r="54170" spans="1:3" ht="19.2">
      <c r="A54170" s="2"/>
      <c r="B54170" s="2"/>
      <c r="C54170" s="2"/>
    </row>
    <row r="54171" spans="1:3" ht="19.2">
      <c r="A54171" s="2"/>
      <c r="B54171" s="2"/>
      <c r="C54171" s="2"/>
    </row>
    <row r="54172" spans="1:3" ht="19.2">
      <c r="A54172" s="2"/>
      <c r="B54172" s="2"/>
      <c r="C54172" s="2"/>
    </row>
    <row r="54173" spans="1:3" ht="19.2">
      <c r="A54173" s="2"/>
      <c r="B54173" s="2"/>
      <c r="C54173" s="2"/>
    </row>
    <row r="54174" spans="1:3" ht="19.2">
      <c r="A54174" s="2"/>
      <c r="B54174" s="2"/>
      <c r="C54174" s="2"/>
    </row>
    <row r="54175" spans="1:3" ht="19.2">
      <c r="A54175" s="2"/>
      <c r="B54175" s="2"/>
      <c r="C54175" s="2"/>
    </row>
    <row r="54176" spans="1:3" ht="19.2">
      <c r="A54176" s="2"/>
      <c r="B54176" s="2"/>
      <c r="C54176" s="2"/>
    </row>
    <row r="54177" spans="1:3" ht="19.2">
      <c r="A54177" s="2"/>
      <c r="B54177" s="2"/>
      <c r="C54177" s="2"/>
    </row>
    <row r="54178" spans="1:3" ht="19.2">
      <c r="A54178" s="2"/>
      <c r="B54178" s="2"/>
      <c r="C54178" s="2"/>
    </row>
    <row r="54179" spans="1:3" ht="19.2">
      <c r="A54179" s="2"/>
      <c r="B54179" s="2"/>
      <c r="C54179" s="2"/>
    </row>
    <row r="54180" spans="1:3" ht="19.2">
      <c r="A54180" s="2"/>
      <c r="B54180" s="2"/>
      <c r="C54180" s="2"/>
    </row>
    <row r="54181" spans="1:3" ht="19.2">
      <c r="A54181" s="2"/>
      <c r="B54181" s="2"/>
      <c r="C54181" s="2"/>
    </row>
    <row r="54182" spans="1:3" ht="19.2">
      <c r="A54182" s="2"/>
      <c r="B54182" s="2"/>
      <c r="C54182" s="2"/>
    </row>
    <row r="54183" spans="1:3" ht="19.2">
      <c r="A54183" s="2"/>
      <c r="B54183" s="2"/>
      <c r="C54183" s="2"/>
    </row>
    <row r="54184" spans="1:3" ht="19.2">
      <c r="A54184" s="2"/>
      <c r="B54184" s="2"/>
      <c r="C54184" s="2"/>
    </row>
    <row r="54185" spans="1:3" ht="19.2">
      <c r="A54185" s="2"/>
      <c r="B54185" s="2"/>
      <c r="C54185" s="2"/>
    </row>
    <row r="54186" spans="1:3" ht="19.2">
      <c r="A54186" s="2"/>
      <c r="B54186" s="2"/>
      <c r="C54186" s="2"/>
    </row>
    <row r="54187" spans="1:3" ht="19.2">
      <c r="A54187" s="2"/>
      <c r="B54187" s="2"/>
      <c r="C54187" s="2"/>
    </row>
    <row r="54188" spans="1:3" ht="19.2">
      <c r="A54188" s="2"/>
      <c r="B54188" s="2"/>
      <c r="C54188" s="2"/>
    </row>
    <row r="54189" spans="1:3" ht="19.2">
      <c r="A54189" s="2"/>
      <c r="B54189" s="2"/>
      <c r="C54189" s="2"/>
    </row>
    <row r="54190" spans="1:3" ht="19.2">
      <c r="A54190" s="2"/>
      <c r="B54190" s="2"/>
      <c r="C54190" s="2"/>
    </row>
    <row r="54191" spans="1:3" ht="19.2">
      <c r="A54191" s="2"/>
      <c r="B54191" s="2"/>
      <c r="C54191" s="2"/>
    </row>
    <row r="54192" spans="1:3" ht="19.2">
      <c r="A54192" s="2"/>
      <c r="B54192" s="2"/>
      <c r="C54192" s="2"/>
    </row>
    <row r="54193" spans="1:3" ht="19.2">
      <c r="A54193" s="2"/>
      <c r="B54193" s="2"/>
      <c r="C54193" s="2"/>
    </row>
    <row r="54194" spans="1:3" ht="19.2">
      <c r="A54194" s="2"/>
      <c r="B54194" s="2"/>
      <c r="C54194" s="2"/>
    </row>
    <row r="54195" spans="1:3" ht="19.2">
      <c r="A54195" s="2"/>
      <c r="B54195" s="2"/>
      <c r="C54195" s="2"/>
    </row>
    <row r="54196" spans="1:3" ht="19.2">
      <c r="A54196" s="2"/>
      <c r="B54196" s="2"/>
      <c r="C54196" s="2"/>
    </row>
    <row r="54197" spans="1:3" ht="19.2">
      <c r="A54197" s="2"/>
      <c r="B54197" s="2"/>
      <c r="C54197" s="2"/>
    </row>
    <row r="54198" spans="1:3" ht="19.2">
      <c r="A54198" s="2"/>
      <c r="B54198" s="2"/>
      <c r="C54198" s="2"/>
    </row>
    <row r="54199" spans="1:3" ht="19.2">
      <c r="A54199" s="2"/>
      <c r="B54199" s="2"/>
      <c r="C54199" s="2"/>
    </row>
    <row r="54200" spans="1:3" ht="19.2">
      <c r="A54200" s="2"/>
      <c r="B54200" s="2"/>
      <c r="C54200" s="2"/>
    </row>
    <row r="54201" spans="1:3" ht="19.2">
      <c r="A54201" s="2"/>
      <c r="B54201" s="2"/>
      <c r="C54201" s="2"/>
    </row>
    <row r="54202" spans="1:3" ht="19.2">
      <c r="A54202" s="2"/>
      <c r="B54202" s="2"/>
      <c r="C54202" s="2"/>
    </row>
    <row r="54203" spans="1:3" ht="19.2">
      <c r="A54203" s="2"/>
      <c r="B54203" s="2"/>
      <c r="C54203" s="2"/>
    </row>
    <row r="54204" spans="1:3" ht="19.2">
      <c r="A54204" s="2"/>
      <c r="B54204" s="2"/>
      <c r="C54204" s="2"/>
    </row>
    <row r="54205" spans="1:3" ht="19.2">
      <c r="A54205" s="2"/>
      <c r="B54205" s="2"/>
      <c r="C54205" s="2"/>
    </row>
    <row r="54206" spans="1:3" ht="19.2">
      <c r="A54206" s="2"/>
      <c r="B54206" s="2"/>
      <c r="C54206" s="2"/>
    </row>
    <row r="54207" spans="1:3" ht="19.2">
      <c r="A54207" s="2"/>
      <c r="B54207" s="2"/>
      <c r="C54207" s="2"/>
    </row>
    <row r="54208" spans="1:3" ht="19.2">
      <c r="A54208" s="2"/>
      <c r="B54208" s="2"/>
      <c r="C54208" s="2"/>
    </row>
    <row r="54209" spans="1:3" ht="19.2">
      <c r="A54209" s="2"/>
      <c r="B54209" s="2"/>
      <c r="C54209" s="2"/>
    </row>
    <row r="54210" spans="1:3" ht="19.2">
      <c r="A54210" s="2"/>
      <c r="B54210" s="2"/>
      <c r="C54210" s="2"/>
    </row>
    <row r="54211" spans="1:3" ht="19.2">
      <c r="A54211" s="2"/>
      <c r="B54211" s="2"/>
      <c r="C54211" s="2"/>
    </row>
    <row r="54212" spans="1:3" ht="19.2">
      <c r="A54212" s="2"/>
      <c r="B54212" s="2"/>
      <c r="C54212" s="2"/>
    </row>
    <row r="54213" spans="1:3" ht="19.2">
      <c r="A54213" s="2"/>
      <c r="B54213" s="2"/>
      <c r="C54213" s="2"/>
    </row>
    <row r="54214" spans="1:3" ht="19.2">
      <c r="A54214" s="2"/>
      <c r="B54214" s="2"/>
      <c r="C54214" s="2"/>
    </row>
    <row r="54215" spans="1:3" ht="19.2">
      <c r="A54215" s="2"/>
      <c r="B54215" s="2"/>
      <c r="C54215" s="2"/>
    </row>
    <row r="54216" spans="1:3" ht="19.2">
      <c r="A54216" s="2"/>
      <c r="B54216" s="2"/>
      <c r="C54216" s="2"/>
    </row>
    <row r="54217" spans="1:3" ht="19.2">
      <c r="A54217" s="2"/>
      <c r="B54217" s="2"/>
      <c r="C54217" s="2"/>
    </row>
    <row r="54218" spans="1:3" ht="19.2">
      <c r="A54218" s="2"/>
      <c r="B54218" s="2"/>
      <c r="C54218" s="2"/>
    </row>
    <row r="54219" spans="1:3" ht="19.2">
      <c r="A54219" s="2"/>
      <c r="B54219" s="2"/>
      <c r="C54219" s="2"/>
    </row>
    <row r="54220" spans="1:3" ht="19.2">
      <c r="A54220" s="2"/>
      <c r="B54220" s="2"/>
      <c r="C54220" s="2"/>
    </row>
    <row r="54221" spans="1:3" ht="19.2">
      <c r="A54221" s="2"/>
      <c r="B54221" s="2"/>
      <c r="C54221" s="2"/>
    </row>
    <row r="54222" spans="1:3" ht="19.2">
      <c r="A54222" s="2"/>
      <c r="B54222" s="2"/>
      <c r="C54222" s="2"/>
    </row>
    <row r="54223" spans="1:3" ht="19.2">
      <c r="A54223" s="2"/>
      <c r="B54223" s="2"/>
      <c r="C54223" s="2"/>
    </row>
    <row r="54224" spans="1:3" ht="19.2">
      <c r="A54224" s="2"/>
      <c r="B54224" s="2"/>
      <c r="C54224" s="2"/>
    </row>
    <row r="54225" spans="1:3" ht="19.2">
      <c r="A54225" s="2"/>
      <c r="B54225" s="2"/>
      <c r="C54225" s="2"/>
    </row>
    <row r="54226" spans="1:3" ht="19.2">
      <c r="A54226" s="2"/>
      <c r="B54226" s="2"/>
      <c r="C54226" s="2"/>
    </row>
    <row r="54227" spans="1:3" ht="19.2">
      <c r="A54227" s="2"/>
      <c r="B54227" s="2"/>
      <c r="C54227" s="2"/>
    </row>
    <row r="54228" spans="1:3" ht="19.2">
      <c r="A54228" s="2"/>
      <c r="B54228" s="2"/>
      <c r="C54228" s="2"/>
    </row>
    <row r="54229" spans="1:3" ht="19.2">
      <c r="A54229" s="2"/>
      <c r="B54229" s="2"/>
      <c r="C54229" s="2"/>
    </row>
    <row r="54230" spans="1:3" ht="19.2">
      <c r="A54230" s="2"/>
      <c r="B54230" s="2"/>
      <c r="C54230" s="2"/>
    </row>
    <row r="54231" spans="1:3" ht="19.2">
      <c r="A54231" s="2"/>
      <c r="B54231" s="2"/>
      <c r="C54231" s="2"/>
    </row>
    <row r="54232" spans="1:3" ht="19.2">
      <c r="A54232" s="2"/>
      <c r="B54232" s="2"/>
      <c r="C54232" s="2"/>
    </row>
    <row r="54233" spans="1:3" ht="19.2">
      <c r="A54233" s="2"/>
      <c r="B54233" s="2"/>
      <c r="C54233" s="2"/>
    </row>
    <row r="54234" spans="1:3" ht="19.2">
      <c r="A54234" s="2"/>
      <c r="B54234" s="2"/>
      <c r="C54234" s="2"/>
    </row>
    <row r="54235" spans="1:3" ht="19.2">
      <c r="A54235" s="2"/>
      <c r="B54235" s="2"/>
      <c r="C54235" s="2"/>
    </row>
    <row r="54236" spans="1:3" ht="19.2">
      <c r="A54236" s="2"/>
      <c r="B54236" s="2"/>
      <c r="C54236" s="2"/>
    </row>
    <row r="54237" spans="1:3" ht="19.2">
      <c r="A54237" s="2"/>
      <c r="B54237" s="2"/>
      <c r="C54237" s="2"/>
    </row>
    <row r="54238" spans="1:3" ht="19.2">
      <c r="A54238" s="2"/>
      <c r="B54238" s="2"/>
      <c r="C54238" s="2"/>
    </row>
    <row r="54239" spans="1:3" ht="19.2">
      <c r="A54239" s="2"/>
      <c r="B54239" s="2"/>
      <c r="C54239" s="2"/>
    </row>
    <row r="54240" spans="1:3" ht="19.2">
      <c r="A54240" s="2"/>
      <c r="B54240" s="2"/>
      <c r="C54240" s="2"/>
    </row>
    <row r="54241" spans="1:3" ht="19.2">
      <c r="A54241" s="2"/>
      <c r="B54241" s="2"/>
      <c r="C54241" s="2"/>
    </row>
    <row r="54242" spans="1:3" ht="19.2">
      <c r="A54242" s="2"/>
      <c r="B54242" s="2"/>
      <c r="C54242" s="2"/>
    </row>
    <row r="54243" spans="1:3" ht="19.2">
      <c r="A54243" s="2"/>
      <c r="B54243" s="2"/>
      <c r="C54243" s="2"/>
    </row>
    <row r="54244" spans="1:3" ht="19.2">
      <c r="A54244" s="2"/>
      <c r="B54244" s="2"/>
      <c r="C54244" s="2"/>
    </row>
    <row r="54245" spans="1:3" ht="19.2">
      <c r="A54245" s="2"/>
      <c r="B54245" s="2"/>
      <c r="C54245" s="2"/>
    </row>
    <row r="54246" spans="1:3" ht="19.2">
      <c r="A54246" s="2"/>
      <c r="B54246" s="2"/>
      <c r="C54246" s="2"/>
    </row>
    <row r="54247" spans="1:3" ht="19.2">
      <c r="A54247" s="2"/>
      <c r="B54247" s="2"/>
      <c r="C54247" s="2"/>
    </row>
    <row r="54248" spans="1:3" ht="19.2">
      <c r="A54248" s="2"/>
      <c r="B54248" s="2"/>
      <c r="C54248" s="2"/>
    </row>
    <row r="54249" spans="1:3" ht="19.2">
      <c r="A54249" s="2"/>
      <c r="B54249" s="2"/>
      <c r="C54249" s="2"/>
    </row>
    <row r="54250" spans="1:3" ht="19.2">
      <c r="A54250" s="2"/>
      <c r="B54250" s="2"/>
      <c r="C54250" s="2"/>
    </row>
    <row r="54251" spans="1:3" ht="19.2">
      <c r="A54251" s="2"/>
      <c r="B54251" s="2"/>
      <c r="C54251" s="2"/>
    </row>
    <row r="54252" spans="1:3" ht="19.2">
      <c r="A54252" s="2"/>
      <c r="B54252" s="2"/>
      <c r="C54252" s="2"/>
    </row>
    <row r="54253" spans="1:3" ht="19.2">
      <c r="A54253" s="2"/>
      <c r="B54253" s="2"/>
      <c r="C54253" s="2"/>
    </row>
    <row r="54254" spans="1:3" ht="19.2">
      <c r="A54254" s="2"/>
      <c r="B54254" s="2"/>
      <c r="C54254" s="2"/>
    </row>
    <row r="54255" spans="1:3" ht="19.2">
      <c r="A54255" s="2"/>
      <c r="B54255" s="2"/>
      <c r="C54255" s="2"/>
    </row>
    <row r="54256" spans="1:3" ht="19.2">
      <c r="A54256" s="2"/>
      <c r="B54256" s="2"/>
      <c r="C54256" s="2"/>
    </row>
    <row r="54257" spans="1:3" ht="19.2">
      <c r="A54257" s="2"/>
      <c r="B54257" s="2"/>
      <c r="C54257" s="2"/>
    </row>
    <row r="54258" spans="1:3" ht="19.2">
      <c r="A54258" s="2"/>
      <c r="B54258" s="2"/>
      <c r="C54258" s="2"/>
    </row>
    <row r="54259" spans="1:3" ht="19.2">
      <c r="A54259" s="2"/>
      <c r="B54259" s="2"/>
      <c r="C54259" s="2"/>
    </row>
    <row r="54260" spans="1:3" ht="19.2">
      <c r="A54260" s="2"/>
      <c r="B54260" s="2"/>
      <c r="C54260" s="2"/>
    </row>
    <row r="54261" spans="1:3" ht="19.2">
      <c r="A54261" s="2"/>
      <c r="B54261" s="2"/>
      <c r="C54261" s="2"/>
    </row>
    <row r="54262" spans="1:3" ht="19.2">
      <c r="A54262" s="2"/>
      <c r="B54262" s="2"/>
      <c r="C54262" s="2"/>
    </row>
    <row r="54263" spans="1:3" ht="19.2">
      <c r="A54263" s="2"/>
      <c r="B54263" s="2"/>
      <c r="C54263" s="2"/>
    </row>
    <row r="54264" spans="1:3" ht="19.2">
      <c r="A54264" s="2"/>
      <c r="B54264" s="2"/>
      <c r="C54264" s="2"/>
    </row>
    <row r="54265" spans="1:3" ht="19.2">
      <c r="A54265" s="2"/>
      <c r="B54265" s="2"/>
      <c r="C54265" s="2"/>
    </row>
    <row r="54266" spans="1:3" ht="19.2">
      <c r="A54266" s="2"/>
      <c r="B54266" s="2"/>
      <c r="C54266" s="2"/>
    </row>
    <row r="54267" spans="1:3" ht="19.2">
      <c r="A54267" s="2"/>
      <c r="B54267" s="2"/>
      <c r="C54267" s="2"/>
    </row>
    <row r="54268" spans="1:3" ht="19.2">
      <c r="A54268" s="2"/>
      <c r="B54268" s="2"/>
      <c r="C54268" s="2"/>
    </row>
    <row r="54269" spans="1:3" ht="19.2">
      <c r="A54269" s="2"/>
      <c r="B54269" s="2"/>
      <c r="C54269" s="2"/>
    </row>
    <row r="54270" spans="1:3" ht="19.2">
      <c r="A54270" s="2"/>
      <c r="B54270" s="2"/>
      <c r="C54270" s="2"/>
    </row>
    <row r="54271" spans="1:3" ht="19.2">
      <c r="A54271" s="2"/>
      <c r="B54271" s="2"/>
      <c r="C54271" s="2"/>
    </row>
    <row r="54272" spans="1:3" ht="19.2">
      <c r="A54272" s="2"/>
      <c r="B54272" s="2"/>
      <c r="C54272" s="2"/>
    </row>
    <row r="54273" spans="1:3" ht="19.2">
      <c r="A54273" s="2"/>
      <c r="B54273" s="2"/>
      <c r="C54273" s="2"/>
    </row>
    <row r="54274" spans="1:3" ht="19.2">
      <c r="A54274" s="2"/>
      <c r="B54274" s="2"/>
      <c r="C54274" s="2"/>
    </row>
    <row r="54275" spans="1:3" ht="19.2">
      <c r="A54275" s="2"/>
      <c r="B54275" s="2"/>
      <c r="C54275" s="2"/>
    </row>
    <row r="54276" spans="1:3" ht="19.2">
      <c r="A54276" s="2"/>
      <c r="B54276" s="2"/>
      <c r="C54276" s="2"/>
    </row>
    <row r="54277" spans="1:3" ht="19.2">
      <c r="A54277" s="2"/>
      <c r="B54277" s="2"/>
      <c r="C54277" s="2"/>
    </row>
    <row r="54278" spans="1:3" ht="19.2">
      <c r="A54278" s="2"/>
      <c r="B54278" s="2"/>
      <c r="C54278" s="2"/>
    </row>
    <row r="54279" spans="1:3" ht="19.2">
      <c r="A54279" s="2"/>
      <c r="B54279" s="2"/>
      <c r="C54279" s="2"/>
    </row>
    <row r="54280" spans="1:3" ht="19.2">
      <c r="A54280" s="2"/>
      <c r="B54280" s="2"/>
      <c r="C54280" s="2"/>
    </row>
    <row r="54281" spans="1:3" ht="19.2">
      <c r="A54281" s="2"/>
      <c r="B54281" s="2"/>
      <c r="C54281" s="2"/>
    </row>
    <row r="54282" spans="1:3" ht="19.2">
      <c r="A54282" s="2"/>
      <c r="B54282" s="2"/>
      <c r="C54282" s="2"/>
    </row>
    <row r="54283" spans="1:3" ht="19.2">
      <c r="A54283" s="2"/>
      <c r="B54283" s="2"/>
      <c r="C54283" s="2"/>
    </row>
    <row r="54284" spans="1:3" ht="19.2">
      <c r="A54284" s="2"/>
      <c r="B54284" s="2"/>
      <c r="C54284" s="2"/>
    </row>
    <row r="54285" spans="1:3" ht="19.2">
      <c r="A54285" s="2"/>
      <c r="B54285" s="2"/>
      <c r="C54285" s="2"/>
    </row>
    <row r="54286" spans="1:3" ht="19.2">
      <c r="A54286" s="2"/>
      <c r="B54286" s="2"/>
      <c r="C54286" s="2"/>
    </row>
    <row r="54287" spans="1:3" ht="19.2">
      <c r="A54287" s="2"/>
      <c r="B54287" s="2"/>
      <c r="C54287" s="2"/>
    </row>
    <row r="54288" spans="1:3" ht="19.2">
      <c r="A54288" s="2"/>
      <c r="B54288" s="2"/>
      <c r="C54288" s="2"/>
    </row>
    <row r="54289" spans="1:3" ht="19.2">
      <c r="A54289" s="2"/>
      <c r="B54289" s="2"/>
      <c r="C54289" s="2"/>
    </row>
    <row r="54290" spans="1:3" ht="19.2">
      <c r="A54290" s="2"/>
      <c r="B54290" s="2"/>
      <c r="C54290" s="2"/>
    </row>
    <row r="54291" spans="1:3" ht="19.2">
      <c r="A54291" s="2"/>
      <c r="B54291" s="2"/>
      <c r="C54291" s="2"/>
    </row>
    <row r="54292" spans="1:3" ht="19.2">
      <c r="A54292" s="2"/>
      <c r="B54292" s="2"/>
      <c r="C54292" s="2"/>
    </row>
    <row r="54293" spans="1:3" ht="19.2">
      <c r="A54293" s="2"/>
      <c r="B54293" s="2"/>
      <c r="C54293" s="2"/>
    </row>
    <row r="54294" spans="1:3" ht="19.2">
      <c r="A54294" s="2"/>
      <c r="B54294" s="2"/>
      <c r="C54294" s="2"/>
    </row>
    <row r="54295" spans="1:3" ht="19.2">
      <c r="A54295" s="2"/>
      <c r="B54295" s="2"/>
      <c r="C54295" s="2"/>
    </row>
    <row r="54296" spans="1:3" ht="19.2">
      <c r="A54296" s="2"/>
      <c r="B54296" s="2"/>
      <c r="C54296" s="2"/>
    </row>
    <row r="54297" spans="1:3" ht="19.2">
      <c r="A54297" s="2"/>
      <c r="B54297" s="2"/>
      <c r="C54297" s="2"/>
    </row>
    <row r="54298" spans="1:3" ht="19.2">
      <c r="A54298" s="2"/>
      <c r="B54298" s="2"/>
      <c r="C54298" s="2"/>
    </row>
    <row r="54299" spans="1:3" ht="19.2">
      <c r="A54299" s="2"/>
      <c r="B54299" s="2"/>
      <c r="C54299" s="2"/>
    </row>
    <row r="54300" spans="1:3" ht="19.2">
      <c r="A54300" s="2"/>
      <c r="B54300" s="2"/>
      <c r="C54300" s="2"/>
    </row>
    <row r="54301" spans="1:3" ht="19.2">
      <c r="A54301" s="2"/>
      <c r="B54301" s="2"/>
      <c r="C54301" s="2"/>
    </row>
    <row r="54302" spans="1:3" ht="19.2">
      <c r="A54302" s="2"/>
      <c r="B54302" s="2"/>
      <c r="C54302" s="2"/>
    </row>
    <row r="54303" spans="1:3" ht="19.2">
      <c r="A54303" s="2"/>
      <c r="B54303" s="2"/>
      <c r="C54303" s="2"/>
    </row>
    <row r="54304" spans="1:3" ht="19.2">
      <c r="A54304" s="2"/>
      <c r="B54304" s="2"/>
      <c r="C54304" s="2"/>
    </row>
    <row r="54305" spans="1:3" ht="19.2">
      <c r="A54305" s="2"/>
      <c r="B54305" s="2"/>
      <c r="C54305" s="2"/>
    </row>
    <row r="54306" spans="1:3" ht="19.2">
      <c r="A54306" s="2"/>
      <c r="B54306" s="2"/>
      <c r="C54306" s="2"/>
    </row>
    <row r="54307" spans="1:3" ht="19.2">
      <c r="A54307" s="2"/>
      <c r="B54307" s="2"/>
      <c r="C54307" s="2"/>
    </row>
    <row r="54308" spans="1:3" ht="19.2">
      <c r="A54308" s="2"/>
      <c r="B54308" s="2"/>
      <c r="C54308" s="2"/>
    </row>
    <row r="54309" spans="1:3" ht="19.2">
      <c r="A54309" s="2"/>
      <c r="B54309" s="2"/>
      <c r="C54309" s="2"/>
    </row>
    <row r="54310" spans="1:3" ht="19.2">
      <c r="A54310" s="2"/>
      <c r="B54310" s="2"/>
      <c r="C54310" s="2"/>
    </row>
    <row r="54311" spans="1:3" ht="19.2">
      <c r="A54311" s="2"/>
      <c r="B54311" s="2"/>
      <c r="C54311" s="2"/>
    </row>
    <row r="54312" spans="1:3" ht="19.2">
      <c r="A54312" s="2"/>
      <c r="B54312" s="2"/>
      <c r="C54312" s="2"/>
    </row>
    <row r="54313" spans="1:3" ht="19.2">
      <c r="A54313" s="2"/>
      <c r="B54313" s="2"/>
      <c r="C54313" s="2"/>
    </row>
    <row r="54314" spans="1:3" ht="19.2">
      <c r="A54314" s="2"/>
      <c r="B54314" s="2"/>
      <c r="C54314" s="2"/>
    </row>
    <row r="54315" spans="1:3" ht="19.2">
      <c r="A54315" s="2"/>
      <c r="B54315" s="2"/>
      <c r="C54315" s="2"/>
    </row>
    <row r="54316" spans="1:3" ht="19.2">
      <c r="A54316" s="2"/>
      <c r="B54316" s="2"/>
      <c r="C54316" s="2"/>
    </row>
    <row r="54317" spans="1:3" ht="19.2">
      <c r="A54317" s="2"/>
      <c r="B54317" s="2"/>
      <c r="C54317" s="2"/>
    </row>
    <row r="54318" spans="1:3" ht="19.2">
      <c r="A54318" s="2"/>
      <c r="B54318" s="2"/>
      <c r="C54318" s="2"/>
    </row>
    <row r="54319" spans="1:3" ht="19.2">
      <c r="A54319" s="2"/>
      <c r="B54319" s="2"/>
      <c r="C54319" s="2"/>
    </row>
    <row r="54320" spans="1:3" ht="19.2">
      <c r="A54320" s="2"/>
      <c r="B54320" s="2"/>
      <c r="C54320" s="2"/>
    </row>
    <row r="54321" spans="1:3" ht="19.2">
      <c r="A54321" s="2"/>
      <c r="B54321" s="2"/>
      <c r="C54321" s="2"/>
    </row>
    <row r="54322" spans="1:3" ht="19.2">
      <c r="A54322" s="2"/>
      <c r="B54322" s="2"/>
      <c r="C54322" s="2"/>
    </row>
    <row r="54323" spans="1:3" ht="19.2">
      <c r="A54323" s="2"/>
      <c r="B54323" s="2"/>
      <c r="C54323" s="2"/>
    </row>
    <row r="54324" spans="1:3" ht="19.2">
      <c r="A54324" s="2"/>
      <c r="B54324" s="2"/>
      <c r="C54324" s="2"/>
    </row>
    <row r="54325" spans="1:3" ht="19.2">
      <c r="A54325" s="2"/>
      <c r="B54325" s="2"/>
      <c r="C54325" s="2"/>
    </row>
    <row r="54326" spans="1:3" ht="19.2">
      <c r="A54326" s="2"/>
      <c r="B54326" s="2"/>
      <c r="C54326" s="2"/>
    </row>
    <row r="54327" spans="1:3" ht="19.2">
      <c r="A54327" s="2"/>
      <c r="B54327" s="2"/>
      <c r="C54327" s="2"/>
    </row>
    <row r="54328" spans="1:3" ht="19.2">
      <c r="A54328" s="2"/>
      <c r="B54328" s="2"/>
      <c r="C54328" s="2"/>
    </row>
    <row r="54329" spans="1:3" ht="19.2">
      <c r="A54329" s="2"/>
      <c r="B54329" s="2"/>
      <c r="C54329" s="2"/>
    </row>
    <row r="54330" spans="1:3" ht="19.2">
      <c r="A54330" s="2"/>
      <c r="B54330" s="2"/>
      <c r="C54330" s="2"/>
    </row>
    <row r="54331" spans="1:3" ht="19.2">
      <c r="A54331" s="2"/>
      <c r="B54331" s="2"/>
      <c r="C54331" s="2"/>
    </row>
    <row r="54332" spans="1:3" ht="19.2">
      <c r="A54332" s="2"/>
      <c r="B54332" s="2"/>
      <c r="C54332" s="2"/>
    </row>
    <row r="54333" spans="1:3" ht="19.2">
      <c r="A54333" s="2"/>
      <c r="B54333" s="2"/>
      <c r="C54333" s="2"/>
    </row>
    <row r="54334" spans="1:3" ht="19.2">
      <c r="A54334" s="2"/>
      <c r="B54334" s="2"/>
      <c r="C54334" s="2"/>
    </row>
    <row r="54335" spans="1:3" ht="19.2">
      <c r="A54335" s="2"/>
      <c r="B54335" s="2"/>
      <c r="C54335" s="2"/>
    </row>
    <row r="54336" spans="1:3" ht="19.2">
      <c r="A54336" s="2"/>
      <c r="B54336" s="2"/>
      <c r="C54336" s="2"/>
    </row>
    <row r="54337" spans="1:3" ht="19.2">
      <c r="A54337" s="2"/>
      <c r="B54337" s="2"/>
      <c r="C54337" s="2"/>
    </row>
    <row r="54338" spans="1:3" ht="19.2">
      <c r="A54338" s="2"/>
      <c r="B54338" s="2"/>
      <c r="C54338" s="2"/>
    </row>
    <row r="54339" spans="1:3" ht="19.2">
      <c r="A54339" s="2"/>
      <c r="B54339" s="2"/>
      <c r="C54339" s="2"/>
    </row>
    <row r="54340" spans="1:3" ht="19.2">
      <c r="A54340" s="2"/>
      <c r="B54340" s="2"/>
      <c r="C54340" s="2"/>
    </row>
    <row r="54341" spans="1:3" ht="19.2">
      <c r="A54341" s="2"/>
      <c r="B54341" s="2"/>
      <c r="C54341" s="2"/>
    </row>
    <row r="54342" spans="1:3" ht="19.2">
      <c r="A54342" s="2"/>
      <c r="B54342" s="2"/>
      <c r="C54342" s="2"/>
    </row>
    <row r="54343" spans="1:3" ht="19.2">
      <c r="A54343" s="2"/>
      <c r="B54343" s="2"/>
      <c r="C54343" s="2"/>
    </row>
    <row r="54344" spans="1:3" ht="19.2">
      <c r="A54344" s="2"/>
      <c r="B54344" s="2"/>
      <c r="C54344" s="2"/>
    </row>
    <row r="54345" spans="1:3" ht="19.2">
      <c r="A54345" s="2"/>
      <c r="B54345" s="2"/>
      <c r="C54345" s="2"/>
    </row>
    <row r="54346" spans="1:3" ht="19.2">
      <c r="A54346" s="2"/>
      <c r="B54346" s="2"/>
      <c r="C54346" s="2"/>
    </row>
    <row r="54347" spans="1:3" ht="19.2">
      <c r="A54347" s="2"/>
      <c r="B54347" s="2"/>
      <c r="C54347" s="2"/>
    </row>
    <row r="54348" spans="1:3" ht="19.2">
      <c r="A54348" s="2"/>
      <c r="B54348" s="2"/>
      <c r="C54348" s="2"/>
    </row>
    <row r="54349" spans="1:3" ht="19.2">
      <c r="A54349" s="2"/>
      <c r="B54349" s="2"/>
      <c r="C54349" s="2"/>
    </row>
    <row r="54350" spans="1:3" ht="19.2">
      <c r="A54350" s="2"/>
      <c r="B54350" s="2"/>
      <c r="C54350" s="2"/>
    </row>
    <row r="54351" spans="1:3" ht="19.2">
      <c r="A54351" s="2"/>
      <c r="B54351" s="2"/>
      <c r="C54351" s="2"/>
    </row>
    <row r="54352" spans="1:3" ht="19.2">
      <c r="A54352" s="2"/>
      <c r="B54352" s="2"/>
      <c r="C54352" s="2"/>
    </row>
    <row r="54353" spans="1:3" ht="19.2">
      <c r="A54353" s="2"/>
      <c r="B54353" s="2"/>
      <c r="C54353" s="2"/>
    </row>
    <row r="54354" spans="1:3" ht="19.2">
      <c r="A54354" s="2"/>
      <c r="B54354" s="2"/>
      <c r="C54354" s="2"/>
    </row>
    <row r="54355" spans="1:3" ht="19.2">
      <c r="A54355" s="2"/>
      <c r="B54355" s="2"/>
      <c r="C54355" s="2"/>
    </row>
    <row r="54356" spans="1:3" ht="19.2">
      <c r="A54356" s="2"/>
      <c r="B54356" s="2"/>
      <c r="C54356" s="2"/>
    </row>
    <row r="54357" spans="1:3" ht="19.2">
      <c r="A54357" s="2"/>
      <c r="B54357" s="2"/>
      <c r="C54357" s="2"/>
    </row>
    <row r="54358" spans="1:3" ht="19.2">
      <c r="A54358" s="2"/>
      <c r="B54358" s="2"/>
      <c r="C54358" s="2"/>
    </row>
    <row r="54359" spans="1:3" ht="19.2">
      <c r="A54359" s="2"/>
      <c r="B54359" s="2"/>
      <c r="C54359" s="2"/>
    </row>
    <row r="54360" spans="1:3" ht="19.2">
      <c r="A54360" s="2"/>
      <c r="B54360" s="2"/>
      <c r="C54360" s="2"/>
    </row>
    <row r="54361" spans="1:3" ht="19.2">
      <c r="A54361" s="2"/>
      <c r="B54361" s="2"/>
      <c r="C54361" s="2"/>
    </row>
    <row r="54362" spans="1:3" ht="19.2">
      <c r="A54362" s="2"/>
      <c r="B54362" s="2"/>
      <c r="C54362" s="2"/>
    </row>
    <row r="54363" spans="1:3" ht="19.2">
      <c r="A54363" s="2"/>
      <c r="B54363" s="2"/>
      <c r="C54363" s="2"/>
    </row>
    <row r="54364" spans="1:3" ht="19.2">
      <c r="A54364" s="2"/>
      <c r="B54364" s="2"/>
      <c r="C54364" s="2"/>
    </row>
    <row r="54365" spans="1:3" ht="19.2">
      <c r="A54365" s="2"/>
      <c r="B54365" s="2"/>
      <c r="C54365" s="2"/>
    </row>
    <row r="54366" spans="1:3" ht="19.2">
      <c r="A54366" s="2"/>
      <c r="B54366" s="2"/>
      <c r="C54366" s="2"/>
    </row>
    <row r="54367" spans="1:3" ht="19.2">
      <c r="A54367" s="2"/>
      <c r="B54367" s="2"/>
      <c r="C54367" s="2"/>
    </row>
    <row r="54368" spans="1:3" ht="19.2">
      <c r="A54368" s="2"/>
      <c r="B54368" s="2"/>
      <c r="C54368" s="2"/>
    </row>
    <row r="54369" spans="1:3" ht="19.2">
      <c r="A54369" s="2"/>
      <c r="B54369" s="2"/>
      <c r="C54369" s="2"/>
    </row>
    <row r="54370" spans="1:3" ht="19.2">
      <c r="A54370" s="2"/>
      <c r="B54370" s="2"/>
      <c r="C54370" s="2"/>
    </row>
    <row r="54371" spans="1:3" ht="19.2">
      <c r="A54371" s="2"/>
      <c r="B54371" s="2"/>
      <c r="C54371" s="2"/>
    </row>
    <row r="54372" spans="1:3" ht="19.2">
      <c r="A54372" s="2"/>
      <c r="B54372" s="2"/>
      <c r="C54372" s="2"/>
    </row>
    <row r="54373" spans="1:3" ht="19.2">
      <c r="A54373" s="2"/>
      <c r="B54373" s="2"/>
      <c r="C54373" s="2"/>
    </row>
    <row r="54374" spans="1:3" ht="19.2">
      <c r="A54374" s="2"/>
      <c r="B54374" s="2"/>
      <c r="C54374" s="2"/>
    </row>
    <row r="54375" spans="1:3" ht="19.2">
      <c r="A54375" s="2"/>
      <c r="B54375" s="2"/>
      <c r="C54375" s="2"/>
    </row>
    <row r="54376" spans="1:3" ht="19.2">
      <c r="A54376" s="2"/>
      <c r="B54376" s="2"/>
      <c r="C54376" s="2"/>
    </row>
    <row r="54377" spans="1:3" ht="19.2">
      <c r="A54377" s="2"/>
      <c r="B54377" s="2"/>
      <c r="C54377" s="2"/>
    </row>
    <row r="54378" spans="1:3" ht="19.2">
      <c r="A54378" s="2"/>
      <c r="B54378" s="2"/>
      <c r="C54378" s="2"/>
    </row>
    <row r="54379" spans="1:3" ht="19.2">
      <c r="A54379" s="2"/>
      <c r="B54379" s="2"/>
      <c r="C54379" s="2"/>
    </row>
    <row r="54380" spans="1:3" ht="19.2">
      <c r="A54380" s="2"/>
      <c r="B54380" s="2"/>
      <c r="C54380" s="2"/>
    </row>
    <row r="54381" spans="1:3" ht="19.2">
      <c r="A54381" s="2"/>
      <c r="B54381" s="2"/>
      <c r="C54381" s="2"/>
    </row>
    <row r="54382" spans="1:3" ht="19.2">
      <c r="A54382" s="2"/>
      <c r="B54382" s="2"/>
      <c r="C54382" s="2"/>
    </row>
    <row r="54383" spans="1:3" ht="19.2">
      <c r="A54383" s="2"/>
      <c r="B54383" s="2"/>
      <c r="C54383" s="2"/>
    </row>
    <row r="54384" spans="1:3" ht="19.2">
      <c r="A54384" s="2"/>
      <c r="B54384" s="2"/>
      <c r="C54384" s="2"/>
    </row>
    <row r="54385" spans="1:3" ht="19.2">
      <c r="A54385" s="2"/>
      <c r="B54385" s="2"/>
      <c r="C54385" s="2"/>
    </row>
    <row r="54386" spans="1:3" ht="19.2">
      <c r="A54386" s="2"/>
      <c r="B54386" s="2"/>
      <c r="C54386" s="2"/>
    </row>
    <row r="54387" spans="1:3" ht="19.2">
      <c r="A54387" s="2"/>
      <c r="B54387" s="2"/>
      <c r="C54387" s="2"/>
    </row>
    <row r="54388" spans="1:3" ht="19.2">
      <c r="A54388" s="2"/>
      <c r="B54388" s="2"/>
      <c r="C54388" s="2"/>
    </row>
    <row r="54389" spans="1:3" ht="19.2">
      <c r="A54389" s="2"/>
      <c r="B54389" s="2"/>
      <c r="C54389" s="2"/>
    </row>
    <row r="54390" spans="1:3" ht="19.2">
      <c r="A54390" s="2"/>
      <c r="B54390" s="2"/>
      <c r="C54390" s="2"/>
    </row>
    <row r="54391" spans="1:3" ht="19.2">
      <c r="A54391" s="2"/>
      <c r="B54391" s="2"/>
      <c r="C54391" s="2"/>
    </row>
    <row r="54392" spans="1:3" ht="19.2">
      <c r="A54392" s="2"/>
      <c r="B54392" s="2"/>
      <c r="C54392" s="2"/>
    </row>
    <row r="54393" spans="1:3" ht="19.2">
      <c r="A54393" s="2"/>
      <c r="B54393" s="2"/>
      <c r="C54393" s="2"/>
    </row>
    <row r="54394" spans="1:3" ht="19.2">
      <c r="A54394" s="2"/>
      <c r="B54394" s="2"/>
      <c r="C54394" s="2"/>
    </row>
    <row r="54395" spans="1:3" ht="19.2">
      <c r="A54395" s="2"/>
      <c r="B54395" s="2"/>
      <c r="C54395" s="2"/>
    </row>
    <row r="54396" spans="1:3" ht="19.2">
      <c r="A54396" s="2"/>
      <c r="B54396" s="2"/>
      <c r="C54396" s="2"/>
    </row>
    <row r="54397" spans="1:3" ht="19.2">
      <c r="A54397" s="2"/>
      <c r="B54397" s="2"/>
      <c r="C54397" s="2"/>
    </row>
    <row r="54398" spans="1:3" ht="19.2">
      <c r="A54398" s="2"/>
      <c r="B54398" s="2"/>
      <c r="C54398" s="2"/>
    </row>
    <row r="54399" spans="1:3" ht="19.2">
      <c r="A54399" s="2"/>
      <c r="B54399" s="2"/>
      <c r="C54399" s="2"/>
    </row>
    <row r="54400" spans="1:3" ht="19.2">
      <c r="A54400" s="2"/>
      <c r="B54400" s="2"/>
      <c r="C54400" s="2"/>
    </row>
    <row r="54401" spans="1:3" ht="19.2">
      <c r="A54401" s="2"/>
      <c r="B54401" s="2"/>
      <c r="C54401" s="2"/>
    </row>
    <row r="54402" spans="1:3" ht="19.2">
      <c r="A54402" s="2"/>
      <c r="B54402" s="2"/>
      <c r="C54402" s="2"/>
    </row>
    <row r="54403" spans="1:3" ht="19.2">
      <c r="A54403" s="2"/>
      <c r="B54403" s="2"/>
      <c r="C54403" s="2"/>
    </row>
    <row r="54404" spans="1:3" ht="19.2">
      <c r="A54404" s="2"/>
      <c r="B54404" s="2"/>
      <c r="C54404" s="2"/>
    </row>
    <row r="54405" spans="1:3" ht="19.2">
      <c r="A54405" s="2"/>
      <c r="B54405" s="2"/>
      <c r="C54405" s="2"/>
    </row>
    <row r="54406" spans="1:3" ht="19.2">
      <c r="A54406" s="2"/>
      <c r="B54406" s="2"/>
      <c r="C54406" s="2"/>
    </row>
    <row r="54407" spans="1:3" ht="19.2">
      <c r="A54407" s="2"/>
      <c r="B54407" s="2"/>
      <c r="C54407" s="2"/>
    </row>
    <row r="54408" spans="1:3" ht="19.2">
      <c r="A54408" s="2"/>
      <c r="B54408" s="2"/>
      <c r="C54408" s="2"/>
    </row>
    <row r="54409" spans="1:3" ht="19.2">
      <c r="A54409" s="2"/>
      <c r="B54409" s="2"/>
      <c r="C54409" s="2"/>
    </row>
    <row r="54410" spans="1:3" ht="19.2">
      <c r="A54410" s="2"/>
      <c r="B54410" s="2"/>
      <c r="C54410" s="2"/>
    </row>
    <row r="54411" spans="1:3" ht="19.2">
      <c r="A54411" s="2"/>
      <c r="B54411" s="2"/>
      <c r="C54411" s="2"/>
    </row>
    <row r="54412" spans="1:3" ht="19.2">
      <c r="A54412" s="2"/>
      <c r="B54412" s="2"/>
      <c r="C54412" s="2"/>
    </row>
    <row r="54413" spans="1:3" ht="19.2">
      <c r="A54413" s="2"/>
      <c r="B54413" s="2"/>
      <c r="C54413" s="2"/>
    </row>
    <row r="54414" spans="1:3" ht="19.2">
      <c r="A54414" s="2"/>
      <c r="B54414" s="2"/>
      <c r="C54414" s="2"/>
    </row>
    <row r="54415" spans="1:3" ht="19.2">
      <c r="A54415" s="2"/>
      <c r="B54415" s="2"/>
      <c r="C54415" s="2"/>
    </row>
    <row r="54416" spans="1:3" ht="19.2">
      <c r="A54416" s="2"/>
      <c r="B54416" s="2"/>
      <c r="C54416" s="2"/>
    </row>
    <row r="54417" spans="1:3" ht="19.2">
      <c r="A54417" s="2"/>
      <c r="B54417" s="2"/>
      <c r="C54417" s="2"/>
    </row>
    <row r="54418" spans="1:3" ht="19.2">
      <c r="A54418" s="2"/>
      <c r="B54418" s="2"/>
      <c r="C54418" s="2"/>
    </row>
    <row r="54419" spans="1:3" ht="19.2">
      <c r="A54419" s="2"/>
      <c r="B54419" s="2"/>
      <c r="C54419" s="2"/>
    </row>
    <row r="54420" spans="1:3" ht="19.2">
      <c r="A54420" s="2"/>
      <c r="B54420" s="2"/>
      <c r="C54420" s="2"/>
    </row>
    <row r="54421" spans="1:3" ht="19.2">
      <c r="A54421" s="2"/>
      <c r="B54421" s="2"/>
      <c r="C54421" s="2"/>
    </row>
    <row r="54422" spans="1:3" ht="19.2">
      <c r="A54422" s="2"/>
      <c r="B54422" s="2"/>
      <c r="C54422" s="2"/>
    </row>
    <row r="54423" spans="1:3" ht="19.2">
      <c r="A54423" s="2"/>
      <c r="B54423" s="2"/>
      <c r="C54423" s="2"/>
    </row>
    <row r="54424" spans="1:3" ht="19.2">
      <c r="A54424" s="2"/>
      <c r="B54424" s="2"/>
      <c r="C54424" s="2"/>
    </row>
    <row r="54425" spans="1:3" ht="19.2">
      <c r="A54425" s="2"/>
      <c r="B54425" s="2"/>
      <c r="C54425" s="2"/>
    </row>
    <row r="54426" spans="1:3" ht="19.2">
      <c r="A54426" s="2"/>
      <c r="B54426" s="2"/>
      <c r="C54426" s="2"/>
    </row>
    <row r="54427" spans="1:3" ht="19.2">
      <c r="A54427" s="2"/>
      <c r="B54427" s="2"/>
      <c r="C54427" s="2"/>
    </row>
    <row r="54428" spans="1:3" ht="19.2">
      <c r="A54428" s="2"/>
      <c r="B54428" s="2"/>
      <c r="C54428" s="2"/>
    </row>
    <row r="54429" spans="1:3" ht="19.2">
      <c r="A54429" s="2"/>
      <c r="B54429" s="2"/>
      <c r="C54429" s="2"/>
    </row>
    <row r="54430" spans="1:3" ht="19.2">
      <c r="A54430" s="2"/>
      <c r="B54430" s="2"/>
      <c r="C54430" s="2"/>
    </row>
    <row r="54431" spans="1:3" ht="19.2">
      <c r="A54431" s="2"/>
      <c r="B54431" s="2"/>
      <c r="C54431" s="2"/>
    </row>
    <row r="54432" spans="1:3" ht="19.2">
      <c r="A54432" s="2"/>
      <c r="B54432" s="2"/>
      <c r="C54432" s="2"/>
    </row>
    <row r="54433" spans="1:3" ht="19.2">
      <c r="A54433" s="2"/>
      <c r="B54433" s="2"/>
      <c r="C54433" s="2"/>
    </row>
    <row r="54434" spans="1:3" ht="19.2">
      <c r="A54434" s="2"/>
      <c r="B54434" s="2"/>
      <c r="C54434" s="2"/>
    </row>
    <row r="54435" spans="1:3" ht="19.2">
      <c r="A54435" s="2"/>
      <c r="B54435" s="2"/>
      <c r="C54435" s="2"/>
    </row>
    <row r="54436" spans="1:3" ht="19.2">
      <c r="A54436" s="2"/>
      <c r="B54436" s="2"/>
      <c r="C54436" s="2"/>
    </row>
    <row r="54437" spans="1:3" ht="19.2">
      <c r="A54437" s="2"/>
      <c r="B54437" s="2"/>
      <c r="C54437" s="2"/>
    </row>
    <row r="54438" spans="1:3" ht="19.2">
      <c r="A54438" s="2"/>
      <c r="B54438" s="2"/>
      <c r="C54438" s="2"/>
    </row>
    <row r="54439" spans="1:3" ht="19.2">
      <c r="A54439" s="2"/>
      <c r="B54439" s="2"/>
      <c r="C54439" s="2"/>
    </row>
    <row r="54440" spans="1:3" ht="19.2">
      <c r="A54440" s="2"/>
      <c r="B54440" s="2"/>
      <c r="C54440" s="2"/>
    </row>
    <row r="54441" spans="1:3" ht="19.2">
      <c r="A54441" s="2"/>
      <c r="B54441" s="2"/>
      <c r="C54441" s="2"/>
    </row>
    <row r="54442" spans="1:3" ht="19.2">
      <c r="A54442" s="2"/>
      <c r="B54442" s="2"/>
      <c r="C54442" s="2"/>
    </row>
    <row r="54443" spans="1:3" ht="19.2">
      <c r="A54443" s="2"/>
      <c r="B54443" s="2"/>
      <c r="C54443" s="2"/>
    </row>
    <row r="54444" spans="1:3" ht="19.2">
      <c r="A54444" s="2"/>
      <c r="B54444" s="2"/>
      <c r="C54444" s="2"/>
    </row>
    <row r="54445" spans="1:3" ht="19.2">
      <c r="A54445" s="2"/>
      <c r="B54445" s="2"/>
      <c r="C54445" s="2"/>
    </row>
    <row r="54446" spans="1:3" ht="19.2">
      <c r="A54446" s="2"/>
      <c r="B54446" s="2"/>
      <c r="C54446" s="2"/>
    </row>
    <row r="54447" spans="1:3" ht="19.2">
      <c r="A54447" s="2"/>
      <c r="B54447" s="2"/>
      <c r="C54447" s="2"/>
    </row>
    <row r="54448" spans="1:3" ht="19.2">
      <c r="A54448" s="2"/>
      <c r="B54448" s="2"/>
      <c r="C54448" s="2"/>
    </row>
    <row r="54449" spans="1:3" ht="19.2">
      <c r="A54449" s="2"/>
      <c r="B54449" s="2"/>
      <c r="C54449" s="2"/>
    </row>
    <row r="54450" spans="1:3" ht="19.2">
      <c r="A54450" s="2"/>
      <c r="B54450" s="2"/>
      <c r="C54450" s="2"/>
    </row>
    <row r="54451" spans="1:3" ht="19.2">
      <c r="A54451" s="2"/>
      <c r="B54451" s="2"/>
      <c r="C54451" s="2"/>
    </row>
    <row r="54452" spans="1:3" ht="19.2">
      <c r="A54452" s="2"/>
      <c r="B54452" s="2"/>
      <c r="C54452" s="2"/>
    </row>
    <row r="54453" spans="1:3" ht="19.2">
      <c r="A54453" s="2"/>
      <c r="B54453" s="2"/>
      <c r="C54453" s="2"/>
    </row>
    <row r="54454" spans="1:3" ht="19.2">
      <c r="A54454" s="2"/>
      <c r="B54454" s="2"/>
      <c r="C54454" s="2"/>
    </row>
    <row r="54455" spans="1:3" ht="19.2">
      <c r="A54455" s="2"/>
      <c r="B54455" s="2"/>
      <c r="C54455" s="2"/>
    </row>
    <row r="54456" spans="1:3" ht="19.2">
      <c r="A54456" s="2"/>
      <c r="B54456" s="2"/>
      <c r="C54456" s="2"/>
    </row>
    <row r="54457" spans="1:3" ht="19.2">
      <c r="A54457" s="2"/>
      <c r="B54457" s="2"/>
      <c r="C54457" s="2"/>
    </row>
    <row r="54458" spans="1:3" ht="19.2">
      <c r="A54458" s="2"/>
      <c r="B54458" s="2"/>
      <c r="C54458" s="2"/>
    </row>
    <row r="54459" spans="1:3" ht="19.2">
      <c r="A54459" s="2"/>
      <c r="B54459" s="2"/>
      <c r="C54459" s="2"/>
    </row>
    <row r="54460" spans="1:3" ht="19.2">
      <c r="A54460" s="2"/>
      <c r="B54460" s="2"/>
      <c r="C54460" s="2"/>
    </row>
    <row r="54461" spans="1:3" ht="19.2">
      <c r="A54461" s="2"/>
      <c r="B54461" s="2"/>
      <c r="C54461" s="2"/>
    </row>
    <row r="54462" spans="1:3" ht="19.2">
      <c r="A54462" s="2"/>
      <c r="B54462" s="2"/>
      <c r="C54462" s="2"/>
    </row>
    <row r="54463" spans="1:3" ht="19.2">
      <c r="A54463" s="2"/>
      <c r="B54463" s="2"/>
      <c r="C54463" s="2"/>
    </row>
    <row r="54464" spans="1:3" ht="19.2">
      <c r="A54464" s="2"/>
      <c r="B54464" s="2"/>
      <c r="C54464" s="2"/>
    </row>
    <row r="54465" spans="1:3" ht="19.2">
      <c r="A54465" s="2"/>
      <c r="B54465" s="2"/>
      <c r="C54465" s="2"/>
    </row>
    <row r="54466" spans="1:3" ht="19.2">
      <c r="A54466" s="2"/>
      <c r="B54466" s="2"/>
      <c r="C54466" s="2"/>
    </row>
    <row r="54467" spans="1:3" ht="19.2">
      <c r="A54467" s="2"/>
      <c r="B54467" s="2"/>
      <c r="C54467" s="2"/>
    </row>
    <row r="54468" spans="1:3" ht="19.2">
      <c r="A54468" s="2"/>
      <c r="B54468" s="2"/>
      <c r="C54468" s="2"/>
    </row>
    <row r="54469" spans="1:3" ht="19.2">
      <c r="A54469" s="2"/>
      <c r="B54469" s="2"/>
      <c r="C54469" s="2"/>
    </row>
    <row r="54470" spans="1:3" ht="19.2">
      <c r="A54470" s="2"/>
      <c r="B54470" s="2"/>
      <c r="C54470" s="2"/>
    </row>
    <row r="54471" spans="1:3" ht="19.2">
      <c r="A54471" s="2"/>
      <c r="B54471" s="2"/>
      <c r="C54471" s="2"/>
    </row>
    <row r="54472" spans="1:3" ht="19.2">
      <c r="A54472" s="2"/>
      <c r="B54472" s="2"/>
      <c r="C54472" s="2"/>
    </row>
    <row r="54473" spans="1:3" ht="19.2">
      <c r="A54473" s="2"/>
      <c r="B54473" s="2"/>
      <c r="C54473" s="2"/>
    </row>
    <row r="54474" spans="1:3" ht="19.2">
      <c r="A54474" s="2"/>
      <c r="B54474" s="2"/>
      <c r="C54474" s="2"/>
    </row>
    <row r="54475" spans="1:3" ht="19.2">
      <c r="A54475" s="2"/>
      <c r="B54475" s="2"/>
      <c r="C54475" s="2"/>
    </row>
    <row r="54476" spans="1:3" ht="19.2">
      <c r="A54476" s="2"/>
      <c r="B54476" s="2"/>
      <c r="C54476" s="2"/>
    </row>
    <row r="54477" spans="1:3" ht="19.2">
      <c r="A54477" s="2"/>
      <c r="B54477" s="2"/>
      <c r="C54477" s="2"/>
    </row>
    <row r="54478" spans="1:3" ht="19.2">
      <c r="A54478" s="2"/>
      <c r="B54478" s="2"/>
      <c r="C54478" s="2"/>
    </row>
    <row r="54479" spans="1:3" ht="19.2">
      <c r="A54479" s="2"/>
      <c r="B54479" s="2"/>
      <c r="C54479" s="2"/>
    </row>
    <row r="54480" spans="1:3" ht="19.2">
      <c r="A54480" s="2"/>
      <c r="B54480" s="2"/>
      <c r="C54480" s="2"/>
    </row>
    <row r="54481" spans="1:3" ht="19.2">
      <c r="A54481" s="2"/>
      <c r="B54481" s="2"/>
      <c r="C54481" s="2"/>
    </row>
    <row r="54482" spans="1:3" ht="19.2">
      <c r="A54482" s="2"/>
      <c r="B54482" s="2"/>
      <c r="C54482" s="2"/>
    </row>
    <row r="54483" spans="1:3" ht="19.2">
      <c r="A54483" s="2"/>
      <c r="B54483" s="2"/>
      <c r="C54483" s="2"/>
    </row>
    <row r="54484" spans="1:3" ht="19.2">
      <c r="A54484" s="2"/>
      <c r="B54484" s="2"/>
      <c r="C54484" s="2"/>
    </row>
    <row r="54485" spans="1:3" ht="19.2">
      <c r="A54485" s="2"/>
      <c r="B54485" s="2"/>
      <c r="C54485" s="2"/>
    </row>
    <row r="54486" spans="1:3" ht="19.2">
      <c r="A54486" s="2"/>
      <c r="B54486" s="2"/>
      <c r="C54486" s="2"/>
    </row>
    <row r="54487" spans="1:3" ht="19.2">
      <c r="A54487" s="2"/>
      <c r="B54487" s="2"/>
      <c r="C54487" s="2"/>
    </row>
    <row r="54488" spans="1:3" ht="19.2">
      <c r="A54488" s="2"/>
      <c r="B54488" s="2"/>
      <c r="C54488" s="2"/>
    </row>
    <row r="54489" spans="1:3" ht="19.2">
      <c r="A54489" s="2"/>
      <c r="B54489" s="2"/>
      <c r="C54489" s="2"/>
    </row>
    <row r="54490" spans="1:3" ht="19.2">
      <c r="A54490" s="2"/>
      <c r="B54490" s="2"/>
      <c r="C54490" s="2"/>
    </row>
    <row r="54491" spans="1:3" ht="19.2">
      <c r="A54491" s="2"/>
      <c r="B54491" s="2"/>
      <c r="C54491" s="2"/>
    </row>
    <row r="54492" spans="1:3" ht="19.2">
      <c r="A54492" s="2"/>
      <c r="B54492" s="2"/>
      <c r="C54492" s="2"/>
    </row>
    <row r="54493" spans="1:3" ht="19.2">
      <c r="A54493" s="2"/>
      <c r="B54493" s="2"/>
      <c r="C54493" s="2"/>
    </row>
    <row r="54494" spans="1:3" ht="19.2">
      <c r="A54494" s="2"/>
      <c r="B54494" s="2"/>
      <c r="C54494" s="2"/>
    </row>
    <row r="54495" spans="1:3" ht="19.2">
      <c r="A54495" s="2"/>
      <c r="B54495" s="2"/>
      <c r="C54495" s="2"/>
    </row>
    <row r="54496" spans="1:3" ht="19.2">
      <c r="A54496" s="2"/>
      <c r="B54496" s="2"/>
      <c r="C54496" s="2"/>
    </row>
    <row r="54497" spans="1:3" ht="19.2">
      <c r="A54497" s="2"/>
      <c r="B54497" s="2"/>
      <c r="C54497" s="2"/>
    </row>
    <row r="54498" spans="1:3" ht="19.2">
      <c r="A54498" s="2"/>
      <c r="B54498" s="2"/>
      <c r="C54498" s="2"/>
    </row>
    <row r="54499" spans="1:3" ht="19.2">
      <c r="A54499" s="2"/>
      <c r="B54499" s="2"/>
      <c r="C54499" s="2"/>
    </row>
    <row r="54500" spans="1:3" ht="19.2">
      <c r="A54500" s="2"/>
      <c r="B54500" s="2"/>
      <c r="C54500" s="2"/>
    </row>
    <row r="54501" spans="1:3" ht="19.2">
      <c r="A54501" s="2"/>
      <c r="B54501" s="2"/>
      <c r="C54501" s="2"/>
    </row>
    <row r="54502" spans="1:3" ht="19.2">
      <c r="A54502" s="2"/>
      <c r="B54502" s="2"/>
      <c r="C54502" s="2"/>
    </row>
    <row r="54503" spans="1:3" ht="19.2">
      <c r="A54503" s="2"/>
      <c r="B54503" s="2"/>
      <c r="C54503" s="2"/>
    </row>
    <row r="54504" spans="1:3" ht="19.2">
      <c r="A54504" s="2"/>
      <c r="B54504" s="2"/>
      <c r="C54504" s="2"/>
    </row>
    <row r="54505" spans="1:3" ht="19.2">
      <c r="A54505" s="2"/>
      <c r="B54505" s="2"/>
      <c r="C54505" s="2"/>
    </row>
    <row r="54506" spans="1:3" ht="19.2">
      <c r="A54506" s="2"/>
      <c r="B54506" s="2"/>
      <c r="C54506" s="2"/>
    </row>
    <row r="54507" spans="1:3" ht="19.2">
      <c r="A54507" s="2"/>
      <c r="B54507" s="2"/>
      <c r="C54507" s="2"/>
    </row>
    <row r="54508" spans="1:3" ht="19.2">
      <c r="A54508" s="2"/>
      <c r="B54508" s="2"/>
      <c r="C54508" s="2"/>
    </row>
    <row r="54509" spans="1:3" ht="19.2">
      <c r="A54509" s="2"/>
      <c r="B54509" s="2"/>
      <c r="C54509" s="2"/>
    </row>
    <row r="54510" spans="1:3" ht="19.2">
      <c r="A54510" s="2"/>
      <c r="B54510" s="2"/>
      <c r="C54510" s="2"/>
    </row>
    <row r="54511" spans="1:3" ht="19.2">
      <c r="A54511" s="2"/>
      <c r="B54511" s="2"/>
      <c r="C54511" s="2"/>
    </row>
    <row r="54512" spans="1:3" ht="19.2">
      <c r="A54512" s="2"/>
      <c r="B54512" s="2"/>
      <c r="C54512" s="2"/>
    </row>
    <row r="54513" spans="1:3" ht="19.2">
      <c r="A54513" s="2"/>
      <c r="B54513" s="2"/>
      <c r="C54513" s="2"/>
    </row>
    <row r="54514" spans="1:3" ht="19.2">
      <c r="A54514" s="2"/>
      <c r="B54514" s="2"/>
      <c r="C54514" s="2"/>
    </row>
    <row r="54515" spans="1:3" ht="19.2">
      <c r="A54515" s="2"/>
      <c r="B54515" s="2"/>
      <c r="C54515" s="2"/>
    </row>
    <row r="54516" spans="1:3" ht="19.2">
      <c r="A54516" s="2"/>
      <c r="B54516" s="2"/>
      <c r="C54516" s="2"/>
    </row>
    <row r="54517" spans="1:3" ht="19.2">
      <c r="A54517" s="2"/>
      <c r="B54517" s="2"/>
      <c r="C54517" s="2"/>
    </row>
    <row r="54518" spans="1:3" ht="19.2">
      <c r="A54518" s="2"/>
      <c r="B54518" s="2"/>
      <c r="C54518" s="2"/>
    </row>
    <row r="54519" spans="1:3" ht="19.2">
      <c r="A54519" s="2"/>
      <c r="B54519" s="2"/>
      <c r="C54519" s="2"/>
    </row>
    <row r="54520" spans="1:3" ht="19.2">
      <c r="A54520" s="2"/>
      <c r="B54520" s="2"/>
      <c r="C54520" s="2"/>
    </row>
    <row r="54521" spans="1:3" ht="19.2">
      <c r="A54521" s="2"/>
      <c r="B54521" s="2"/>
      <c r="C54521" s="2"/>
    </row>
    <row r="54522" spans="1:3" ht="19.2">
      <c r="A54522" s="2"/>
      <c r="B54522" s="2"/>
      <c r="C54522" s="2"/>
    </row>
    <row r="54523" spans="1:3" ht="19.2">
      <c r="A54523" s="2"/>
      <c r="B54523" s="2"/>
      <c r="C54523" s="2"/>
    </row>
    <row r="54524" spans="1:3" ht="19.2">
      <c r="A54524" s="2"/>
      <c r="B54524" s="2"/>
      <c r="C54524" s="2"/>
    </row>
    <row r="54525" spans="1:3" ht="19.2">
      <c r="A54525" s="2"/>
      <c r="B54525" s="2"/>
      <c r="C54525" s="2"/>
    </row>
    <row r="54526" spans="1:3" ht="19.2">
      <c r="A54526" s="2"/>
      <c r="B54526" s="2"/>
      <c r="C54526" s="2"/>
    </row>
    <row r="54527" spans="1:3" ht="19.2">
      <c r="A54527" s="2"/>
      <c r="B54527" s="2"/>
      <c r="C54527" s="2"/>
    </row>
    <row r="54528" spans="1:3" ht="19.2">
      <c r="A54528" s="2"/>
      <c r="B54528" s="2"/>
      <c r="C54528" s="2"/>
    </row>
    <row r="54529" spans="1:3" ht="19.2">
      <c r="A54529" s="2"/>
      <c r="B54529" s="2"/>
      <c r="C54529" s="2"/>
    </row>
    <row r="54530" spans="1:3" ht="19.2">
      <c r="A54530" s="2"/>
      <c r="B54530" s="2"/>
      <c r="C54530" s="2"/>
    </row>
    <row r="54531" spans="1:3" ht="19.2">
      <c r="A54531" s="2"/>
      <c r="B54531" s="2"/>
      <c r="C54531" s="2"/>
    </row>
    <row r="54532" spans="1:3" ht="19.2">
      <c r="A54532" s="2"/>
      <c r="B54532" s="2"/>
      <c r="C54532" s="2"/>
    </row>
    <row r="54533" spans="1:3" ht="19.2">
      <c r="A54533" s="2"/>
      <c r="B54533" s="2"/>
      <c r="C54533" s="2"/>
    </row>
    <row r="54534" spans="1:3" ht="19.2">
      <c r="A54534" s="2"/>
      <c r="B54534" s="2"/>
      <c r="C54534" s="2"/>
    </row>
    <row r="54535" spans="1:3" ht="19.2">
      <c r="A54535" s="2"/>
      <c r="B54535" s="2"/>
      <c r="C54535" s="2"/>
    </row>
    <row r="54536" spans="1:3" ht="19.2">
      <c r="A54536" s="2"/>
      <c r="B54536" s="2"/>
      <c r="C54536" s="2"/>
    </row>
    <row r="54537" spans="1:3" ht="19.2">
      <c r="A54537" s="2"/>
      <c r="B54537" s="2"/>
      <c r="C54537" s="2"/>
    </row>
    <row r="54538" spans="1:3" ht="19.2">
      <c r="A54538" s="2"/>
      <c r="B54538" s="2"/>
      <c r="C54538" s="2"/>
    </row>
    <row r="54539" spans="1:3" ht="19.2">
      <c r="A54539" s="2"/>
      <c r="B54539" s="2"/>
      <c r="C54539" s="2"/>
    </row>
    <row r="54540" spans="1:3" ht="19.2">
      <c r="A54540" s="2"/>
      <c r="B54540" s="2"/>
      <c r="C54540" s="2"/>
    </row>
    <row r="54541" spans="1:3" ht="19.2">
      <c r="A54541" s="2"/>
      <c r="B54541" s="2"/>
      <c r="C54541" s="2"/>
    </row>
    <row r="54542" spans="1:3" ht="19.2">
      <c r="A54542" s="2"/>
      <c r="B54542" s="2"/>
      <c r="C54542" s="2"/>
    </row>
    <row r="54543" spans="1:3" ht="19.2">
      <c r="A54543" s="2"/>
      <c r="B54543" s="2"/>
      <c r="C54543" s="2"/>
    </row>
    <row r="54544" spans="1:3" ht="19.2">
      <c r="A54544" s="2"/>
      <c r="B54544" s="2"/>
      <c r="C54544" s="2"/>
    </row>
    <row r="54545" spans="1:3" ht="19.2">
      <c r="A54545" s="2"/>
      <c r="B54545" s="2"/>
      <c r="C54545" s="2"/>
    </row>
    <row r="54546" spans="1:3" ht="19.2">
      <c r="A54546" s="2"/>
      <c r="B54546" s="2"/>
      <c r="C54546" s="2"/>
    </row>
    <row r="54547" spans="1:3" ht="19.2">
      <c r="A54547" s="2"/>
      <c r="B54547" s="2"/>
      <c r="C54547" s="2"/>
    </row>
    <row r="54548" spans="1:3" ht="19.2">
      <c r="A54548" s="2"/>
      <c r="B54548" s="2"/>
      <c r="C54548" s="2"/>
    </row>
    <row r="54549" spans="1:3" ht="19.2">
      <c r="A54549" s="2"/>
      <c r="B54549" s="2"/>
      <c r="C54549" s="2"/>
    </row>
    <row r="54550" spans="1:3" ht="19.2">
      <c r="A54550" s="2"/>
      <c r="B54550" s="2"/>
      <c r="C54550" s="2"/>
    </row>
    <row r="54551" spans="1:3" ht="19.2">
      <c r="A54551" s="2"/>
      <c r="B54551" s="2"/>
      <c r="C54551" s="2"/>
    </row>
    <row r="54552" spans="1:3" ht="19.2">
      <c r="A54552" s="2"/>
      <c r="B54552" s="2"/>
      <c r="C54552" s="2"/>
    </row>
    <row r="54553" spans="1:3" ht="19.2">
      <c r="A54553" s="2"/>
      <c r="B54553" s="2"/>
      <c r="C54553" s="2"/>
    </row>
    <row r="54554" spans="1:3" ht="19.2">
      <c r="A54554" s="2"/>
      <c r="B54554" s="2"/>
      <c r="C54554" s="2"/>
    </row>
    <row r="54555" spans="1:3" ht="19.2">
      <c r="A54555" s="2"/>
      <c r="B54555" s="2"/>
      <c r="C54555" s="2"/>
    </row>
    <row r="54556" spans="1:3" ht="19.2">
      <c r="A54556" s="2"/>
      <c r="B54556" s="2"/>
      <c r="C54556" s="2"/>
    </row>
    <row r="54557" spans="1:3" ht="19.2">
      <c r="A54557" s="2"/>
      <c r="B54557" s="2"/>
      <c r="C54557" s="2"/>
    </row>
    <row r="54558" spans="1:3" ht="19.2">
      <c r="A54558" s="2"/>
      <c r="B54558" s="2"/>
      <c r="C54558" s="2"/>
    </row>
    <row r="54559" spans="1:3" ht="19.2">
      <c r="A54559" s="2"/>
      <c r="B54559" s="2"/>
      <c r="C54559" s="2"/>
    </row>
    <row r="54560" spans="1:3" ht="19.2">
      <c r="A54560" s="2"/>
      <c r="B54560" s="2"/>
      <c r="C54560" s="2"/>
    </row>
    <row r="54561" spans="1:3" ht="19.2">
      <c r="A54561" s="2"/>
      <c r="B54561" s="2"/>
      <c r="C54561" s="2"/>
    </row>
    <row r="54562" spans="1:3" ht="19.2">
      <c r="A54562" s="2"/>
      <c r="B54562" s="2"/>
      <c r="C54562" s="2"/>
    </row>
    <row r="54563" spans="1:3" ht="19.2">
      <c r="A54563" s="2"/>
      <c r="B54563" s="2"/>
      <c r="C54563" s="2"/>
    </row>
    <row r="54564" spans="1:3" ht="19.2">
      <c r="A54564" s="2"/>
      <c r="B54564" s="2"/>
      <c r="C54564" s="2"/>
    </row>
    <row r="54565" spans="1:3" ht="19.2">
      <c r="A54565" s="2"/>
      <c r="B54565" s="2"/>
      <c r="C54565" s="2"/>
    </row>
    <row r="54566" spans="1:3" ht="19.2">
      <c r="A54566" s="2"/>
      <c r="B54566" s="2"/>
      <c r="C54566" s="2"/>
    </row>
    <row r="54567" spans="1:3" ht="19.2">
      <c r="A54567" s="2"/>
      <c r="B54567" s="2"/>
      <c r="C54567" s="2"/>
    </row>
    <row r="54568" spans="1:3" ht="19.2">
      <c r="A54568" s="2"/>
      <c r="B54568" s="2"/>
      <c r="C54568" s="2"/>
    </row>
    <row r="54569" spans="1:3" ht="19.2">
      <c r="A54569" s="2"/>
      <c r="B54569" s="2"/>
      <c r="C54569" s="2"/>
    </row>
    <row r="54570" spans="1:3" ht="19.2">
      <c r="A54570" s="2"/>
      <c r="B54570" s="2"/>
      <c r="C54570" s="2"/>
    </row>
    <row r="54571" spans="1:3" ht="19.2">
      <c r="A54571" s="2"/>
      <c r="B54571" s="2"/>
      <c r="C54571" s="2"/>
    </row>
    <row r="54572" spans="1:3" ht="19.2">
      <c r="A54572" s="2"/>
      <c r="B54572" s="2"/>
      <c r="C54572" s="2"/>
    </row>
    <row r="54573" spans="1:3" ht="19.2">
      <c r="A54573" s="2"/>
      <c r="B54573" s="2"/>
      <c r="C54573" s="2"/>
    </row>
    <row r="54574" spans="1:3" ht="19.2">
      <c r="A54574" s="2"/>
      <c r="B54574" s="2"/>
      <c r="C54574" s="2"/>
    </row>
    <row r="54575" spans="1:3" ht="19.2">
      <c r="A54575" s="2"/>
      <c r="B54575" s="2"/>
      <c r="C54575" s="2"/>
    </row>
    <row r="54576" spans="1:3" ht="19.2">
      <c r="A54576" s="2"/>
      <c r="B54576" s="2"/>
      <c r="C54576" s="2"/>
    </row>
    <row r="54577" spans="1:3" ht="19.2">
      <c r="A54577" s="2"/>
      <c r="B54577" s="2"/>
      <c r="C54577" s="2"/>
    </row>
    <row r="54578" spans="1:3" ht="19.2">
      <c r="A54578" s="2"/>
      <c r="B54578" s="2"/>
      <c r="C54578" s="2"/>
    </row>
    <row r="54579" spans="1:3" ht="19.2">
      <c r="A54579" s="2"/>
      <c r="B54579" s="2"/>
      <c r="C54579" s="2"/>
    </row>
    <row r="54580" spans="1:3" ht="19.2">
      <c r="A54580" s="2"/>
      <c r="B54580" s="2"/>
      <c r="C54580" s="2"/>
    </row>
    <row r="54581" spans="1:3" ht="19.2">
      <c r="A54581" s="2"/>
      <c r="B54581" s="2"/>
      <c r="C54581" s="2"/>
    </row>
    <row r="54582" spans="1:3" ht="19.2">
      <c r="A54582" s="2"/>
      <c r="B54582" s="2"/>
      <c r="C54582" s="2"/>
    </row>
    <row r="54583" spans="1:3" ht="19.2">
      <c r="A54583" s="2"/>
      <c r="B54583" s="2"/>
      <c r="C54583" s="2"/>
    </row>
    <row r="54584" spans="1:3" ht="19.2">
      <c r="A54584" s="2"/>
      <c r="B54584" s="2"/>
      <c r="C54584" s="2"/>
    </row>
    <row r="54585" spans="1:3" ht="19.2">
      <c r="A54585" s="2"/>
      <c r="B54585" s="2"/>
      <c r="C54585" s="2"/>
    </row>
    <row r="54586" spans="1:3" ht="19.2">
      <c r="A54586" s="2"/>
      <c r="B54586" s="2"/>
      <c r="C54586" s="2"/>
    </row>
    <row r="54587" spans="1:3" ht="19.2">
      <c r="A54587" s="2"/>
      <c r="B54587" s="2"/>
      <c r="C54587" s="2"/>
    </row>
    <row r="54588" spans="1:3" ht="19.2">
      <c r="A54588" s="2"/>
      <c r="B54588" s="2"/>
      <c r="C54588" s="2"/>
    </row>
    <row r="54589" spans="1:3" ht="19.2">
      <c r="A54589" s="2"/>
      <c r="B54589" s="2"/>
      <c r="C54589" s="2"/>
    </row>
    <row r="54590" spans="1:3" ht="19.2">
      <c r="A54590" s="2"/>
      <c r="B54590" s="2"/>
      <c r="C54590" s="2"/>
    </row>
    <row r="54591" spans="1:3" ht="19.2">
      <c r="A54591" s="2"/>
      <c r="B54591" s="2"/>
      <c r="C54591" s="2"/>
    </row>
    <row r="54592" spans="1:3" ht="19.2">
      <c r="A54592" s="2"/>
      <c r="B54592" s="2"/>
      <c r="C54592" s="2"/>
    </row>
    <row r="54593" spans="1:3" ht="19.2">
      <c r="A54593" s="2"/>
      <c r="B54593" s="2"/>
      <c r="C54593" s="2"/>
    </row>
    <row r="54594" spans="1:3" ht="19.2">
      <c r="A54594" s="2"/>
      <c r="B54594" s="2"/>
      <c r="C54594" s="2"/>
    </row>
    <row r="54595" spans="1:3" ht="19.2">
      <c r="A54595" s="2"/>
      <c r="B54595" s="2"/>
      <c r="C54595" s="2"/>
    </row>
    <row r="54596" spans="1:3" ht="19.2">
      <c r="A54596" s="2"/>
      <c r="B54596" s="2"/>
      <c r="C54596" s="2"/>
    </row>
    <row r="54597" spans="1:3" ht="19.2">
      <c r="A54597" s="2"/>
      <c r="B54597" s="2"/>
      <c r="C54597" s="2"/>
    </row>
    <row r="54598" spans="1:3" ht="19.2">
      <c r="A54598" s="2"/>
      <c r="B54598" s="2"/>
      <c r="C54598" s="2"/>
    </row>
    <row r="54599" spans="1:3" ht="19.2">
      <c r="A54599" s="2"/>
      <c r="B54599" s="2"/>
      <c r="C54599" s="2"/>
    </row>
    <row r="54600" spans="1:3" ht="19.2">
      <c r="A54600" s="2"/>
      <c r="B54600" s="2"/>
      <c r="C54600" s="2"/>
    </row>
    <row r="54601" spans="1:3" ht="19.2">
      <c r="A54601" s="2"/>
      <c r="B54601" s="2"/>
      <c r="C54601" s="2"/>
    </row>
    <row r="54602" spans="1:3" ht="19.2">
      <c r="A54602" s="2"/>
      <c r="B54602" s="2"/>
      <c r="C54602" s="2"/>
    </row>
    <row r="54603" spans="1:3" ht="19.2">
      <c r="A54603" s="2"/>
      <c r="B54603" s="2"/>
      <c r="C54603" s="2"/>
    </row>
    <row r="54604" spans="1:3" ht="19.2">
      <c r="A54604" s="2"/>
      <c r="B54604" s="2"/>
      <c r="C54604" s="2"/>
    </row>
    <row r="54605" spans="1:3" ht="19.2">
      <c r="A54605" s="2"/>
      <c r="B54605" s="2"/>
      <c r="C54605" s="2"/>
    </row>
    <row r="54606" spans="1:3" ht="19.2">
      <c r="A54606" s="2"/>
      <c r="B54606" s="2"/>
      <c r="C54606" s="2"/>
    </row>
    <row r="54607" spans="1:3" ht="19.2">
      <c r="A54607" s="2"/>
      <c r="B54607" s="2"/>
      <c r="C54607" s="2"/>
    </row>
    <row r="54608" spans="1:3" ht="19.2">
      <c r="A54608" s="2"/>
      <c r="B54608" s="2"/>
      <c r="C54608" s="2"/>
    </row>
    <row r="54609" spans="1:3" ht="19.2">
      <c r="A54609" s="2"/>
      <c r="B54609" s="2"/>
      <c r="C54609" s="2"/>
    </row>
    <row r="54610" spans="1:3" ht="19.2">
      <c r="A54610" s="2"/>
      <c r="B54610" s="2"/>
      <c r="C54610" s="2"/>
    </row>
    <row r="54611" spans="1:3" ht="19.2">
      <c r="A54611" s="2"/>
      <c r="B54611" s="2"/>
      <c r="C54611" s="2"/>
    </row>
    <row r="54612" spans="1:3" ht="19.2">
      <c r="A54612" s="2"/>
      <c r="B54612" s="2"/>
      <c r="C54612" s="2"/>
    </row>
    <row r="54613" spans="1:3" ht="19.2">
      <c r="A54613" s="2"/>
      <c r="B54613" s="2"/>
      <c r="C54613" s="2"/>
    </row>
    <row r="54614" spans="1:3" ht="19.2">
      <c r="A54614" s="2"/>
      <c r="B54614" s="2"/>
      <c r="C54614" s="2"/>
    </row>
    <row r="54615" spans="1:3" ht="19.2">
      <c r="A54615" s="2"/>
      <c r="B54615" s="2"/>
      <c r="C54615" s="2"/>
    </row>
    <row r="54616" spans="1:3" ht="19.2">
      <c r="A54616" s="2"/>
      <c r="B54616" s="2"/>
      <c r="C54616" s="2"/>
    </row>
    <row r="54617" spans="1:3" ht="19.2">
      <c r="A54617" s="2"/>
      <c r="B54617" s="2"/>
      <c r="C54617" s="2"/>
    </row>
    <row r="54618" spans="1:3" ht="19.2">
      <c r="A54618" s="2"/>
      <c r="B54618" s="2"/>
      <c r="C54618" s="2"/>
    </row>
    <row r="54619" spans="1:3" ht="19.2">
      <c r="A54619" s="2"/>
      <c r="B54619" s="2"/>
      <c r="C54619" s="2"/>
    </row>
    <row r="54620" spans="1:3" ht="19.2">
      <c r="A54620" s="2"/>
      <c r="B54620" s="2"/>
      <c r="C54620" s="2"/>
    </row>
    <row r="54621" spans="1:3" ht="19.2">
      <c r="A54621" s="2"/>
      <c r="B54621" s="2"/>
      <c r="C54621" s="2"/>
    </row>
    <row r="54622" spans="1:3" ht="19.2">
      <c r="A54622" s="2"/>
      <c r="B54622" s="2"/>
      <c r="C54622" s="2"/>
    </row>
    <row r="54623" spans="1:3" ht="19.2">
      <c r="A54623" s="2"/>
      <c r="B54623" s="2"/>
      <c r="C54623" s="2"/>
    </row>
    <row r="54624" spans="1:3" ht="19.2">
      <c r="A54624" s="2"/>
      <c r="B54624" s="2"/>
      <c r="C54624" s="2"/>
    </row>
    <row r="54625" spans="1:3" ht="19.2">
      <c r="A54625" s="2"/>
      <c r="B54625" s="2"/>
      <c r="C54625" s="2"/>
    </row>
    <row r="54626" spans="1:3" ht="19.2">
      <c r="A54626" s="2"/>
      <c r="B54626" s="2"/>
      <c r="C54626" s="2"/>
    </row>
    <row r="54627" spans="1:3" ht="19.2">
      <c r="A54627" s="2"/>
      <c r="B54627" s="2"/>
      <c r="C54627" s="2"/>
    </row>
    <row r="54628" spans="1:3" ht="19.2">
      <c r="A54628" s="2"/>
      <c r="B54628" s="2"/>
      <c r="C54628" s="2"/>
    </row>
    <row r="54629" spans="1:3" ht="19.2">
      <c r="A54629" s="2"/>
      <c r="B54629" s="2"/>
      <c r="C54629" s="2"/>
    </row>
    <row r="54630" spans="1:3" ht="19.2">
      <c r="A54630" s="2"/>
      <c r="B54630" s="2"/>
      <c r="C54630" s="2"/>
    </row>
    <row r="54631" spans="1:3" ht="19.2">
      <c r="A54631" s="2"/>
      <c r="B54631" s="2"/>
      <c r="C54631" s="2"/>
    </row>
    <row r="54632" spans="1:3" ht="19.2">
      <c r="A54632" s="2"/>
      <c r="B54632" s="2"/>
      <c r="C54632" s="2"/>
    </row>
    <row r="54633" spans="1:3" ht="19.2">
      <c r="A54633" s="2"/>
      <c r="B54633" s="2"/>
      <c r="C54633" s="2"/>
    </row>
    <row r="54634" spans="1:3" ht="19.2">
      <c r="A54634" s="2"/>
      <c r="B54634" s="2"/>
      <c r="C54634" s="2"/>
    </row>
    <row r="54635" spans="1:3" ht="19.2">
      <c r="A54635" s="2"/>
      <c r="B54635" s="2"/>
      <c r="C54635" s="2"/>
    </row>
    <row r="54636" spans="1:3" ht="19.2">
      <c r="A54636" s="2"/>
      <c r="B54636" s="2"/>
      <c r="C54636" s="2"/>
    </row>
    <row r="54637" spans="1:3" ht="19.2">
      <c r="A54637" s="2"/>
      <c r="B54637" s="2"/>
      <c r="C54637" s="2"/>
    </row>
    <row r="54638" spans="1:3" ht="19.2">
      <c r="A54638" s="2"/>
      <c r="B54638" s="2"/>
      <c r="C54638" s="2"/>
    </row>
    <row r="54639" spans="1:3" ht="19.2">
      <c r="A54639" s="2"/>
      <c r="B54639" s="2"/>
      <c r="C54639" s="2"/>
    </row>
    <row r="54640" spans="1:3" ht="19.2">
      <c r="A54640" s="2"/>
      <c r="B54640" s="2"/>
      <c r="C54640" s="2"/>
    </row>
    <row r="54641" spans="1:3" ht="19.2">
      <c r="A54641" s="2"/>
      <c r="B54641" s="2"/>
      <c r="C54641" s="2"/>
    </row>
    <row r="54642" spans="1:3" ht="19.2">
      <c r="A54642" s="2"/>
      <c r="B54642" s="2"/>
      <c r="C54642" s="2"/>
    </row>
    <row r="54643" spans="1:3" ht="19.2">
      <c r="A54643" s="2"/>
      <c r="B54643" s="2"/>
      <c r="C54643" s="2"/>
    </row>
    <row r="54644" spans="1:3" ht="19.2">
      <c r="A54644" s="2"/>
      <c r="B54644" s="2"/>
      <c r="C54644" s="2"/>
    </row>
    <row r="54645" spans="1:3" ht="19.2">
      <c r="A54645" s="2"/>
      <c r="B54645" s="2"/>
      <c r="C54645" s="2"/>
    </row>
    <row r="54646" spans="1:3" ht="19.2">
      <c r="A54646" s="2"/>
      <c r="B54646" s="2"/>
      <c r="C54646" s="2"/>
    </row>
    <row r="54647" spans="1:3" ht="19.2">
      <c r="A54647" s="2"/>
      <c r="B54647" s="2"/>
      <c r="C54647" s="2"/>
    </row>
    <row r="54648" spans="1:3" ht="19.2">
      <c r="A54648" s="2"/>
      <c r="B54648" s="2"/>
      <c r="C54648" s="2"/>
    </row>
    <row r="54649" spans="1:3" ht="19.2">
      <c r="A54649" s="2"/>
      <c r="B54649" s="2"/>
      <c r="C54649" s="2"/>
    </row>
    <row r="54650" spans="1:3" ht="19.2">
      <c r="A54650" s="2"/>
      <c r="B54650" s="2"/>
      <c r="C54650" s="2"/>
    </row>
    <row r="54651" spans="1:3" ht="19.2">
      <c r="A54651" s="2"/>
      <c r="B54651" s="2"/>
      <c r="C54651" s="2"/>
    </row>
    <row r="54652" spans="1:3" ht="19.2">
      <c r="A54652" s="2"/>
      <c r="B54652" s="2"/>
      <c r="C54652" s="2"/>
    </row>
    <row r="54653" spans="1:3" ht="19.2">
      <c r="A54653" s="2"/>
      <c r="B54653" s="2"/>
      <c r="C54653" s="2"/>
    </row>
    <row r="54654" spans="1:3" ht="19.2">
      <c r="A54654" s="2"/>
      <c r="B54654" s="2"/>
      <c r="C54654" s="2"/>
    </row>
    <row r="54655" spans="1:3" ht="19.2">
      <c r="A54655" s="2"/>
      <c r="B54655" s="2"/>
      <c r="C54655" s="2"/>
    </row>
    <row r="54656" spans="1:3" ht="19.2">
      <c r="A54656" s="2"/>
      <c r="B54656" s="2"/>
      <c r="C54656" s="2"/>
    </row>
    <row r="54657" spans="1:3" ht="19.2">
      <c r="A54657" s="2"/>
      <c r="B54657" s="2"/>
      <c r="C54657" s="2"/>
    </row>
    <row r="54658" spans="1:3" ht="19.2">
      <c r="A54658" s="2"/>
      <c r="B54658" s="2"/>
      <c r="C54658" s="2"/>
    </row>
    <row r="54659" spans="1:3" ht="19.2">
      <c r="A54659" s="2"/>
      <c r="B54659" s="2"/>
      <c r="C54659" s="2"/>
    </row>
    <row r="54660" spans="1:3" ht="19.2">
      <c r="A54660" s="2"/>
      <c r="B54660" s="2"/>
      <c r="C54660" s="2"/>
    </row>
    <row r="54661" spans="1:3" ht="19.2">
      <c r="A54661" s="2"/>
      <c r="B54661" s="2"/>
      <c r="C54661" s="2"/>
    </row>
    <row r="54662" spans="1:3" ht="19.2">
      <c r="A54662" s="2"/>
      <c r="B54662" s="2"/>
      <c r="C54662" s="2"/>
    </row>
    <row r="54663" spans="1:3" ht="19.2">
      <c r="A54663" s="2"/>
      <c r="B54663" s="2"/>
      <c r="C54663" s="2"/>
    </row>
    <row r="54664" spans="1:3" ht="19.2">
      <c r="A54664" s="2"/>
      <c r="B54664" s="2"/>
      <c r="C54664" s="2"/>
    </row>
    <row r="54665" spans="1:3" ht="19.2">
      <c r="A54665" s="2"/>
      <c r="B54665" s="2"/>
      <c r="C54665" s="2"/>
    </row>
    <row r="54666" spans="1:3" ht="19.2">
      <c r="A54666" s="2"/>
      <c r="B54666" s="2"/>
      <c r="C54666" s="2"/>
    </row>
    <row r="54667" spans="1:3" ht="19.2">
      <c r="A54667" s="2"/>
      <c r="B54667" s="2"/>
      <c r="C54667" s="2"/>
    </row>
    <row r="54668" spans="1:3" ht="19.2">
      <c r="A54668" s="2"/>
      <c r="B54668" s="2"/>
      <c r="C54668" s="2"/>
    </row>
    <row r="54669" spans="1:3" ht="19.2">
      <c r="A54669" s="2"/>
      <c r="B54669" s="2"/>
      <c r="C54669" s="2"/>
    </row>
    <row r="54670" spans="1:3" ht="19.2">
      <c r="A54670" s="2"/>
      <c r="B54670" s="2"/>
      <c r="C54670" s="2"/>
    </row>
    <row r="54671" spans="1:3" ht="19.2">
      <c r="A54671" s="2"/>
      <c r="B54671" s="2"/>
      <c r="C54671" s="2"/>
    </row>
    <row r="54672" spans="1:3" ht="19.2">
      <c r="A54672" s="2"/>
      <c r="B54672" s="2"/>
      <c r="C54672" s="2"/>
    </row>
    <row r="54673" spans="1:3" ht="19.2">
      <c r="A54673" s="2"/>
      <c r="B54673" s="2"/>
      <c r="C54673" s="2"/>
    </row>
    <row r="54674" spans="1:3" ht="19.2">
      <c r="A54674" s="2"/>
      <c r="B54674" s="2"/>
      <c r="C54674" s="2"/>
    </row>
    <row r="54675" spans="1:3" ht="19.2">
      <c r="A54675" s="2"/>
      <c r="B54675" s="2"/>
      <c r="C54675" s="2"/>
    </row>
    <row r="54676" spans="1:3" ht="19.2">
      <c r="A54676" s="2"/>
      <c r="B54676" s="2"/>
      <c r="C54676" s="2"/>
    </row>
    <row r="54677" spans="1:3" ht="19.2">
      <c r="A54677" s="2"/>
      <c r="B54677" s="2"/>
      <c r="C54677" s="2"/>
    </row>
    <row r="54678" spans="1:3" ht="19.2">
      <c r="A54678" s="2"/>
      <c r="B54678" s="2"/>
      <c r="C54678" s="2"/>
    </row>
    <row r="54679" spans="1:3" ht="19.2">
      <c r="A54679" s="2"/>
      <c r="B54679" s="2"/>
      <c r="C54679" s="2"/>
    </row>
    <row r="54680" spans="1:3" ht="19.2">
      <c r="A54680" s="2"/>
      <c r="B54680" s="2"/>
      <c r="C54680" s="2"/>
    </row>
    <row r="54681" spans="1:3" ht="19.2">
      <c r="A54681" s="2"/>
      <c r="B54681" s="2"/>
      <c r="C54681" s="2"/>
    </row>
    <row r="54682" spans="1:3" ht="19.2">
      <c r="A54682" s="2"/>
      <c r="B54682" s="2"/>
      <c r="C54682" s="2"/>
    </row>
    <row r="54683" spans="1:3" ht="19.2">
      <c r="A54683" s="2"/>
      <c r="B54683" s="2"/>
      <c r="C54683" s="2"/>
    </row>
    <row r="54684" spans="1:3" ht="19.2">
      <c r="A54684" s="2"/>
      <c r="B54684" s="2"/>
      <c r="C54684" s="2"/>
    </row>
    <row r="54685" spans="1:3" ht="19.2">
      <c r="A54685" s="2"/>
      <c r="B54685" s="2"/>
      <c r="C54685" s="2"/>
    </row>
    <row r="54686" spans="1:3" ht="19.2">
      <c r="A54686" s="2"/>
      <c r="B54686" s="2"/>
      <c r="C54686" s="2"/>
    </row>
    <row r="54687" spans="1:3" ht="19.2">
      <c r="A54687" s="2"/>
      <c r="B54687" s="2"/>
      <c r="C54687" s="2"/>
    </row>
    <row r="54688" spans="1:3" ht="19.2">
      <c r="A54688" s="2"/>
      <c r="B54688" s="2"/>
      <c r="C54688" s="2"/>
    </row>
    <row r="54689" spans="1:3" ht="19.2">
      <c r="A54689" s="2"/>
      <c r="B54689" s="2"/>
      <c r="C54689" s="2"/>
    </row>
    <row r="54690" spans="1:3" ht="19.2">
      <c r="A54690" s="2"/>
      <c r="B54690" s="2"/>
      <c r="C54690" s="2"/>
    </row>
    <row r="54691" spans="1:3" ht="19.2">
      <c r="A54691" s="2"/>
      <c r="B54691" s="2"/>
      <c r="C54691" s="2"/>
    </row>
    <row r="54692" spans="1:3" ht="19.2">
      <c r="A54692" s="2"/>
      <c r="B54692" s="2"/>
      <c r="C54692" s="2"/>
    </row>
    <row r="54693" spans="1:3" ht="19.2">
      <c r="A54693" s="2"/>
      <c r="B54693" s="2"/>
      <c r="C54693" s="2"/>
    </row>
    <row r="54694" spans="1:3" ht="19.2">
      <c r="A54694" s="2"/>
      <c r="B54694" s="2"/>
      <c r="C54694" s="2"/>
    </row>
    <row r="54695" spans="1:3" ht="19.2">
      <c r="A54695" s="2"/>
      <c r="B54695" s="2"/>
      <c r="C54695" s="2"/>
    </row>
    <row r="54696" spans="1:3" ht="19.2">
      <c r="A54696" s="2"/>
      <c r="B54696" s="2"/>
      <c r="C54696" s="2"/>
    </row>
    <row r="54697" spans="1:3" ht="19.2">
      <c r="A54697" s="2"/>
      <c r="B54697" s="2"/>
      <c r="C54697" s="2"/>
    </row>
    <row r="54698" spans="1:3" ht="19.2">
      <c r="A54698" s="2"/>
      <c r="B54698" s="2"/>
      <c r="C54698" s="2"/>
    </row>
    <row r="54699" spans="1:3" ht="19.2">
      <c r="A54699" s="2"/>
      <c r="B54699" s="2"/>
      <c r="C54699" s="2"/>
    </row>
    <row r="54700" spans="1:3" ht="19.2">
      <c r="A54700" s="2"/>
      <c r="B54700" s="2"/>
      <c r="C54700" s="2"/>
    </row>
    <row r="54701" spans="1:3" ht="19.2">
      <c r="A54701" s="2"/>
      <c r="B54701" s="2"/>
      <c r="C54701" s="2"/>
    </row>
    <row r="54702" spans="1:3" ht="19.2">
      <c r="A54702" s="2"/>
      <c r="B54702" s="2"/>
      <c r="C54702" s="2"/>
    </row>
    <row r="54703" spans="1:3" ht="19.2">
      <c r="A54703" s="2"/>
      <c r="B54703" s="2"/>
      <c r="C54703" s="2"/>
    </row>
    <row r="54704" spans="1:3" ht="19.2">
      <c r="A54704" s="2"/>
      <c r="B54704" s="2"/>
      <c r="C54704" s="2"/>
    </row>
    <row r="54705" spans="1:3" ht="19.2">
      <c r="A54705" s="2"/>
      <c r="B54705" s="2"/>
      <c r="C54705" s="2"/>
    </row>
    <row r="54706" spans="1:3" ht="19.2">
      <c r="A54706" s="2"/>
      <c r="B54706" s="2"/>
      <c r="C54706" s="2"/>
    </row>
    <row r="54707" spans="1:3" ht="19.2">
      <c r="A54707" s="2"/>
      <c r="B54707" s="2"/>
      <c r="C54707" s="2"/>
    </row>
    <row r="54708" spans="1:3" ht="19.2">
      <c r="A54708" s="2"/>
      <c r="B54708" s="2"/>
      <c r="C54708" s="2"/>
    </row>
    <row r="54709" spans="1:3" ht="19.2">
      <c r="A54709" s="2"/>
      <c r="B54709" s="2"/>
      <c r="C54709" s="2"/>
    </row>
    <row r="54710" spans="1:3" ht="19.2">
      <c r="A54710" s="2"/>
      <c r="B54710" s="2"/>
      <c r="C54710" s="2"/>
    </row>
    <row r="54711" spans="1:3" ht="19.2">
      <c r="A54711" s="2"/>
      <c r="B54711" s="2"/>
      <c r="C54711" s="2"/>
    </row>
    <row r="54712" spans="1:3" ht="19.2">
      <c r="A54712" s="2"/>
      <c r="B54712" s="2"/>
      <c r="C54712" s="2"/>
    </row>
    <row r="54713" spans="1:3" ht="19.2">
      <c r="A54713" s="2"/>
      <c r="B54713" s="2"/>
      <c r="C54713" s="2"/>
    </row>
    <row r="54714" spans="1:3" ht="19.2">
      <c r="A54714" s="2"/>
      <c r="B54714" s="2"/>
      <c r="C54714" s="2"/>
    </row>
    <row r="54715" spans="1:3" ht="19.2">
      <c r="A54715" s="2"/>
      <c r="B54715" s="2"/>
      <c r="C54715" s="2"/>
    </row>
    <row r="54716" spans="1:3" ht="19.2">
      <c r="A54716" s="2"/>
      <c r="B54716" s="2"/>
      <c r="C54716" s="2"/>
    </row>
    <row r="54717" spans="1:3" ht="19.2">
      <c r="A54717" s="2"/>
      <c r="B54717" s="2"/>
      <c r="C54717" s="2"/>
    </row>
    <row r="54718" spans="1:3" ht="19.2">
      <c r="A54718" s="2"/>
      <c r="B54718" s="2"/>
      <c r="C54718" s="2"/>
    </row>
    <row r="54719" spans="1:3" ht="19.2">
      <c r="A54719" s="2"/>
      <c r="B54719" s="2"/>
      <c r="C54719" s="2"/>
    </row>
    <row r="54720" spans="1:3" ht="19.2">
      <c r="A54720" s="2"/>
      <c r="B54720" s="2"/>
      <c r="C54720" s="2"/>
    </row>
    <row r="54721" spans="1:3" ht="19.2">
      <c r="A54721" s="2"/>
      <c r="B54721" s="2"/>
      <c r="C54721" s="2"/>
    </row>
    <row r="54722" spans="1:3" ht="19.2">
      <c r="A54722" s="2"/>
      <c r="B54722" s="2"/>
      <c r="C54722" s="2"/>
    </row>
    <row r="54723" spans="1:3" ht="19.2">
      <c r="A54723" s="2"/>
      <c r="B54723" s="2"/>
      <c r="C54723" s="2"/>
    </row>
    <row r="54724" spans="1:3" ht="19.2">
      <c r="A54724" s="2"/>
      <c r="B54724" s="2"/>
      <c r="C54724" s="2"/>
    </row>
    <row r="54725" spans="1:3" ht="19.2">
      <c r="A54725" s="2"/>
      <c r="B54725" s="2"/>
      <c r="C54725" s="2"/>
    </row>
    <row r="54726" spans="1:3" ht="19.2">
      <c r="A54726" s="2"/>
      <c r="B54726" s="2"/>
      <c r="C54726" s="2"/>
    </row>
    <row r="54727" spans="1:3" ht="19.2">
      <c r="A54727" s="2"/>
      <c r="B54727" s="2"/>
      <c r="C54727" s="2"/>
    </row>
    <row r="54728" spans="1:3" ht="19.2">
      <c r="A54728" s="2"/>
      <c r="B54728" s="2"/>
      <c r="C54728" s="2"/>
    </row>
    <row r="54729" spans="1:3" ht="19.2">
      <c r="A54729" s="2"/>
      <c r="B54729" s="2"/>
      <c r="C54729" s="2"/>
    </row>
    <row r="54730" spans="1:3" ht="19.2">
      <c r="A54730" s="2"/>
      <c r="B54730" s="2"/>
      <c r="C54730" s="2"/>
    </row>
    <row r="54731" spans="1:3" ht="19.2">
      <c r="A54731" s="2"/>
      <c r="B54731" s="2"/>
      <c r="C54731" s="2"/>
    </row>
    <row r="54732" spans="1:3" ht="19.2">
      <c r="A54732" s="2"/>
      <c r="B54732" s="2"/>
      <c r="C54732" s="2"/>
    </row>
    <row r="54733" spans="1:3" ht="19.2">
      <c r="A54733" s="2"/>
      <c r="B54733" s="2"/>
      <c r="C54733" s="2"/>
    </row>
    <row r="54734" spans="1:3" ht="19.2">
      <c r="A54734" s="2"/>
      <c r="B54734" s="2"/>
      <c r="C54734" s="2"/>
    </row>
    <row r="54735" spans="1:3" ht="19.2">
      <c r="A54735" s="2"/>
      <c r="B54735" s="2"/>
      <c r="C54735" s="2"/>
    </row>
    <row r="54736" spans="1:3" ht="19.2">
      <c r="A54736" s="2"/>
      <c r="B54736" s="2"/>
      <c r="C54736" s="2"/>
    </row>
    <row r="54737" spans="1:3" ht="19.2">
      <c r="A54737" s="2"/>
      <c r="B54737" s="2"/>
      <c r="C54737" s="2"/>
    </row>
    <row r="54738" spans="1:3" ht="19.2">
      <c r="A54738" s="2"/>
      <c r="B54738" s="2"/>
      <c r="C54738" s="2"/>
    </row>
    <row r="54739" spans="1:3" ht="19.2">
      <c r="A54739" s="2"/>
      <c r="B54739" s="2"/>
      <c r="C54739" s="2"/>
    </row>
    <row r="54740" spans="1:3" ht="19.2">
      <c r="A54740" s="2"/>
      <c r="B54740" s="2"/>
      <c r="C54740" s="2"/>
    </row>
    <row r="54741" spans="1:3" ht="19.2">
      <c r="A54741" s="2"/>
      <c r="B54741" s="2"/>
      <c r="C54741" s="2"/>
    </row>
    <row r="54742" spans="1:3" ht="19.2">
      <c r="A54742" s="2"/>
      <c r="B54742" s="2"/>
      <c r="C54742" s="2"/>
    </row>
    <row r="54743" spans="1:3" ht="19.2">
      <c r="A54743" s="2"/>
      <c r="B54743" s="2"/>
      <c r="C54743" s="2"/>
    </row>
    <row r="54744" spans="1:3" ht="19.2">
      <c r="A54744" s="2"/>
      <c r="B54744" s="2"/>
      <c r="C54744" s="2"/>
    </row>
    <row r="54745" spans="1:3" ht="19.2">
      <c r="A54745" s="2"/>
      <c r="B54745" s="2"/>
      <c r="C54745" s="2"/>
    </row>
    <row r="54746" spans="1:3" ht="19.2">
      <c r="A54746" s="2"/>
      <c r="B54746" s="2"/>
      <c r="C54746" s="2"/>
    </row>
    <row r="54747" spans="1:3" ht="19.2">
      <c r="A54747" s="2"/>
      <c r="B54747" s="2"/>
      <c r="C54747" s="2"/>
    </row>
    <row r="54748" spans="1:3" ht="19.2">
      <c r="A54748" s="2"/>
      <c r="B54748" s="2"/>
      <c r="C54748" s="2"/>
    </row>
    <row r="54749" spans="1:3" ht="19.2">
      <c r="A54749" s="2"/>
      <c r="B54749" s="2"/>
      <c r="C54749" s="2"/>
    </row>
    <row r="54750" spans="1:3" ht="19.2">
      <c r="A54750" s="2"/>
      <c r="B54750" s="2"/>
      <c r="C54750" s="2"/>
    </row>
    <row r="54751" spans="1:3" ht="19.2">
      <c r="A54751" s="2"/>
      <c r="B54751" s="2"/>
      <c r="C54751" s="2"/>
    </row>
    <row r="54752" spans="1:3" ht="19.2">
      <c r="A54752" s="2"/>
      <c r="B54752" s="2"/>
      <c r="C54752" s="2"/>
    </row>
    <row r="54753" spans="1:3" ht="19.2">
      <c r="A54753" s="2"/>
      <c r="B54753" s="2"/>
      <c r="C54753" s="2"/>
    </row>
    <row r="54754" spans="1:3" ht="19.2">
      <c r="A54754" s="2"/>
      <c r="B54754" s="2"/>
      <c r="C54754" s="2"/>
    </row>
    <row r="54755" spans="1:3" ht="19.2">
      <c r="A54755" s="2"/>
      <c r="B54755" s="2"/>
      <c r="C54755" s="2"/>
    </row>
    <row r="54756" spans="1:3" ht="19.2">
      <c r="A54756" s="2"/>
      <c r="B54756" s="2"/>
      <c r="C54756" s="2"/>
    </row>
    <row r="54757" spans="1:3" ht="19.2">
      <c r="A54757" s="2"/>
      <c r="B54757" s="2"/>
      <c r="C54757" s="2"/>
    </row>
    <row r="54758" spans="1:3" ht="19.2">
      <c r="A54758" s="2"/>
      <c r="B54758" s="2"/>
      <c r="C54758" s="2"/>
    </row>
    <row r="54759" spans="1:3" ht="19.2">
      <c r="A54759" s="2"/>
      <c r="B54759" s="2"/>
      <c r="C54759" s="2"/>
    </row>
    <row r="54760" spans="1:3" ht="19.2">
      <c r="A54760" s="2"/>
      <c r="B54760" s="2"/>
      <c r="C54760" s="2"/>
    </row>
    <row r="54761" spans="1:3" ht="19.2">
      <c r="A54761" s="2"/>
      <c r="B54761" s="2"/>
      <c r="C54761" s="2"/>
    </row>
    <row r="54762" spans="1:3" ht="19.2">
      <c r="A54762" s="2"/>
      <c r="B54762" s="2"/>
      <c r="C54762" s="2"/>
    </row>
    <row r="54763" spans="1:3" ht="19.2">
      <c r="A54763" s="2"/>
      <c r="B54763" s="2"/>
      <c r="C54763" s="2"/>
    </row>
    <row r="54764" spans="1:3" ht="19.2">
      <c r="A54764" s="2"/>
      <c r="B54764" s="2"/>
      <c r="C54764" s="2"/>
    </row>
    <row r="54765" spans="1:3" ht="19.2">
      <c r="A54765" s="2"/>
      <c r="B54765" s="2"/>
      <c r="C54765" s="2"/>
    </row>
    <row r="54766" spans="1:3" ht="19.2">
      <c r="A54766" s="2"/>
      <c r="B54766" s="2"/>
      <c r="C54766" s="2"/>
    </row>
    <row r="54767" spans="1:3" ht="19.2">
      <c r="A54767" s="2"/>
      <c r="B54767" s="2"/>
      <c r="C54767" s="2"/>
    </row>
    <row r="54768" spans="1:3" ht="19.2">
      <c r="A54768" s="2"/>
      <c r="B54768" s="2"/>
      <c r="C54768" s="2"/>
    </row>
    <row r="54769" spans="1:3" ht="19.2">
      <c r="A54769" s="2"/>
      <c r="B54769" s="2"/>
      <c r="C54769" s="2"/>
    </row>
    <row r="54770" spans="1:3" ht="19.2">
      <c r="A54770" s="2"/>
      <c r="B54770" s="2"/>
      <c r="C54770" s="2"/>
    </row>
    <row r="54771" spans="1:3" ht="19.2">
      <c r="A54771" s="2"/>
      <c r="B54771" s="2"/>
      <c r="C54771" s="2"/>
    </row>
    <row r="54772" spans="1:3" ht="19.2">
      <c r="A54772" s="2"/>
      <c r="B54772" s="2"/>
      <c r="C54772" s="2"/>
    </row>
    <row r="54773" spans="1:3" ht="19.2">
      <c r="A54773" s="2"/>
      <c r="B54773" s="2"/>
      <c r="C54773" s="2"/>
    </row>
    <row r="54774" spans="1:3" ht="19.2">
      <c r="A54774" s="2"/>
      <c r="B54774" s="2"/>
      <c r="C54774" s="2"/>
    </row>
    <row r="54775" spans="1:3" ht="19.2">
      <c r="A54775" s="2"/>
      <c r="B54775" s="2"/>
      <c r="C54775" s="2"/>
    </row>
    <row r="54776" spans="1:3" ht="19.2">
      <c r="A54776" s="2"/>
      <c r="B54776" s="2"/>
      <c r="C54776" s="2"/>
    </row>
    <row r="54777" spans="1:3" ht="19.2">
      <c r="A54777" s="2"/>
      <c r="B54777" s="2"/>
      <c r="C54777" s="2"/>
    </row>
    <row r="54778" spans="1:3" ht="19.2">
      <c r="A54778" s="2"/>
      <c r="B54778" s="2"/>
      <c r="C54778" s="2"/>
    </row>
    <row r="54779" spans="1:3" ht="19.2">
      <c r="A54779" s="2"/>
      <c r="B54779" s="2"/>
      <c r="C54779" s="2"/>
    </row>
    <row r="54780" spans="1:3" ht="19.2">
      <c r="A54780" s="2"/>
      <c r="B54780" s="2"/>
      <c r="C54780" s="2"/>
    </row>
    <row r="54781" spans="1:3" ht="19.2">
      <c r="A54781" s="2"/>
      <c r="B54781" s="2"/>
      <c r="C54781" s="2"/>
    </row>
    <row r="54782" spans="1:3" ht="19.2">
      <c r="A54782" s="2"/>
      <c r="B54782" s="2"/>
      <c r="C54782" s="2"/>
    </row>
    <row r="54783" spans="1:3" ht="19.2">
      <c r="A54783" s="2"/>
      <c r="B54783" s="2"/>
      <c r="C54783" s="2"/>
    </row>
    <row r="54784" spans="1:3" ht="19.2">
      <c r="A54784" s="2"/>
      <c r="B54784" s="2"/>
      <c r="C54784" s="2"/>
    </row>
    <row r="54785" spans="1:3" ht="19.2">
      <c r="A54785" s="2"/>
      <c r="B54785" s="2"/>
      <c r="C54785" s="2"/>
    </row>
    <row r="54786" spans="1:3" ht="19.2">
      <c r="A54786" s="2"/>
      <c r="B54786" s="2"/>
      <c r="C54786" s="2"/>
    </row>
    <row r="54787" spans="1:3" ht="19.2">
      <c r="A54787" s="2"/>
      <c r="B54787" s="2"/>
      <c r="C54787" s="2"/>
    </row>
    <row r="54788" spans="1:3" ht="19.2">
      <c r="A54788" s="2"/>
      <c r="B54788" s="2"/>
      <c r="C54788" s="2"/>
    </row>
    <row r="54789" spans="1:3" ht="19.2">
      <c r="A54789" s="2"/>
      <c r="B54789" s="2"/>
      <c r="C54789" s="2"/>
    </row>
    <row r="54790" spans="1:3" ht="19.2">
      <c r="A54790" s="2"/>
      <c r="B54790" s="2"/>
      <c r="C54790" s="2"/>
    </row>
    <row r="54791" spans="1:3" ht="19.2">
      <c r="A54791" s="2"/>
      <c r="B54791" s="2"/>
      <c r="C54791" s="2"/>
    </row>
    <row r="54792" spans="1:3" ht="19.2">
      <c r="A54792" s="2"/>
      <c r="B54792" s="2"/>
      <c r="C54792" s="2"/>
    </row>
    <row r="54793" spans="1:3" ht="19.2">
      <c r="A54793" s="2"/>
      <c r="B54793" s="2"/>
      <c r="C54793" s="2"/>
    </row>
    <row r="54794" spans="1:3" ht="19.2">
      <c r="A54794" s="2"/>
      <c r="B54794" s="2"/>
      <c r="C54794" s="2"/>
    </row>
    <row r="54795" spans="1:3" ht="19.2">
      <c r="A54795" s="2"/>
      <c r="B54795" s="2"/>
      <c r="C54795" s="2"/>
    </row>
    <row r="54796" spans="1:3" ht="19.2">
      <c r="A54796" s="2"/>
      <c r="B54796" s="2"/>
      <c r="C54796" s="2"/>
    </row>
    <row r="54797" spans="1:3" ht="19.2">
      <c r="A54797" s="2"/>
      <c r="B54797" s="2"/>
      <c r="C54797" s="2"/>
    </row>
    <row r="54798" spans="1:3" ht="19.2">
      <c r="A54798" s="2"/>
      <c r="B54798" s="2"/>
      <c r="C54798" s="2"/>
    </row>
    <row r="54799" spans="1:3" ht="19.2">
      <c r="A54799" s="2"/>
      <c r="B54799" s="2"/>
      <c r="C54799" s="2"/>
    </row>
    <row r="54800" spans="1:3" ht="19.2">
      <c r="A54800" s="2"/>
      <c r="B54800" s="2"/>
      <c r="C54800" s="2"/>
    </row>
    <row r="54801" spans="1:3" ht="19.2">
      <c r="A54801" s="2"/>
      <c r="B54801" s="2"/>
      <c r="C54801" s="2"/>
    </row>
    <row r="54802" spans="1:3" ht="19.2">
      <c r="A54802" s="2"/>
      <c r="B54802" s="2"/>
      <c r="C54802" s="2"/>
    </row>
    <row r="54803" spans="1:3" ht="19.2">
      <c r="A54803" s="2"/>
      <c r="B54803" s="2"/>
      <c r="C54803" s="2"/>
    </row>
    <row r="54804" spans="1:3" ht="19.2">
      <c r="A54804" s="2"/>
      <c r="B54804" s="2"/>
      <c r="C54804" s="2"/>
    </row>
    <row r="54805" spans="1:3" ht="19.2">
      <c r="A54805" s="2"/>
      <c r="B54805" s="2"/>
      <c r="C54805" s="2"/>
    </row>
    <row r="54806" spans="1:3" ht="19.2">
      <c r="A54806" s="2"/>
      <c r="B54806" s="2"/>
      <c r="C54806" s="2"/>
    </row>
    <row r="54807" spans="1:3" ht="19.2">
      <c r="A54807" s="2"/>
      <c r="B54807" s="2"/>
      <c r="C54807" s="2"/>
    </row>
    <row r="54808" spans="1:3" ht="19.2">
      <c r="A54808" s="2"/>
      <c r="B54808" s="2"/>
      <c r="C54808" s="2"/>
    </row>
    <row r="54809" spans="1:3" ht="19.2">
      <c r="A54809" s="2"/>
      <c r="B54809" s="2"/>
      <c r="C54809" s="2"/>
    </row>
    <row r="54810" spans="1:3" ht="19.2">
      <c r="A54810" s="2"/>
      <c r="B54810" s="2"/>
      <c r="C54810" s="2"/>
    </row>
    <row r="54811" spans="1:3" ht="19.2">
      <c r="A54811" s="2"/>
      <c r="B54811" s="2"/>
      <c r="C54811" s="2"/>
    </row>
    <row r="54812" spans="1:3" ht="19.2">
      <c r="A54812" s="2"/>
      <c r="B54812" s="2"/>
      <c r="C54812" s="2"/>
    </row>
    <row r="54813" spans="1:3" ht="19.2">
      <c r="A54813" s="2"/>
      <c r="B54813" s="2"/>
      <c r="C54813" s="2"/>
    </row>
    <row r="54814" spans="1:3" ht="19.2">
      <c r="A54814" s="2"/>
      <c r="B54814" s="2"/>
      <c r="C54814" s="2"/>
    </row>
    <row r="54815" spans="1:3" ht="19.2">
      <c r="A54815" s="2"/>
      <c r="B54815" s="2"/>
      <c r="C54815" s="2"/>
    </row>
    <row r="54816" spans="1:3" ht="19.2">
      <c r="A54816" s="2"/>
      <c r="B54816" s="2"/>
      <c r="C54816" s="2"/>
    </row>
    <row r="54817" spans="1:3" ht="19.2">
      <c r="A54817" s="2"/>
      <c r="B54817" s="2"/>
      <c r="C54817" s="2"/>
    </row>
    <row r="54818" spans="1:3" ht="19.2">
      <c r="A54818" s="2"/>
      <c r="B54818" s="2"/>
      <c r="C54818" s="2"/>
    </row>
    <row r="54819" spans="1:3" ht="19.2">
      <c r="A54819" s="2"/>
      <c r="B54819" s="2"/>
      <c r="C54819" s="2"/>
    </row>
    <row r="54820" spans="1:3" ht="19.2">
      <c r="A54820" s="2"/>
      <c r="B54820" s="2"/>
      <c r="C54820" s="2"/>
    </row>
    <row r="54821" spans="1:3" ht="19.2">
      <c r="A54821" s="2"/>
      <c r="B54821" s="2"/>
      <c r="C54821" s="2"/>
    </row>
    <row r="54822" spans="1:3" ht="19.2">
      <c r="A54822" s="2"/>
      <c r="B54822" s="2"/>
      <c r="C54822" s="2"/>
    </row>
    <row r="54823" spans="1:3" ht="19.2">
      <c r="A54823" s="2"/>
      <c r="B54823" s="2"/>
      <c r="C54823" s="2"/>
    </row>
    <row r="54824" spans="1:3" ht="19.2">
      <c r="A54824" s="2"/>
      <c r="B54824" s="2"/>
      <c r="C54824" s="2"/>
    </row>
    <row r="54825" spans="1:3" ht="19.2">
      <c r="A54825" s="2"/>
      <c r="B54825" s="2"/>
      <c r="C54825" s="2"/>
    </row>
    <row r="54826" spans="1:3" ht="19.2">
      <c r="A54826" s="2"/>
      <c r="B54826" s="2"/>
      <c r="C54826" s="2"/>
    </row>
    <row r="54827" spans="1:3" ht="19.2">
      <c r="A54827" s="2"/>
      <c r="B54827" s="2"/>
      <c r="C54827" s="2"/>
    </row>
    <row r="54828" spans="1:3" ht="19.2">
      <c r="A54828" s="2"/>
      <c r="B54828" s="2"/>
      <c r="C54828" s="2"/>
    </row>
    <row r="54829" spans="1:3" ht="19.2">
      <c r="A54829" s="2"/>
      <c r="B54829" s="2"/>
      <c r="C54829" s="2"/>
    </row>
    <row r="54830" spans="1:3" ht="19.2">
      <c r="A54830" s="2"/>
      <c r="B54830" s="2"/>
      <c r="C54830" s="2"/>
    </row>
    <row r="54831" spans="1:3" ht="19.2">
      <c r="A54831" s="2"/>
      <c r="B54831" s="2"/>
      <c r="C54831" s="2"/>
    </row>
    <row r="54832" spans="1:3" ht="19.2">
      <c r="A54832" s="2"/>
      <c r="B54832" s="2"/>
      <c r="C54832" s="2"/>
    </row>
    <row r="54833" spans="1:3" ht="19.2">
      <c r="A54833" s="2"/>
      <c r="B54833" s="2"/>
      <c r="C54833" s="2"/>
    </row>
    <row r="54834" spans="1:3" ht="19.2">
      <c r="A54834" s="2"/>
      <c r="B54834" s="2"/>
      <c r="C54834" s="2"/>
    </row>
    <row r="54835" spans="1:3" ht="19.2">
      <c r="A54835" s="2"/>
      <c r="B54835" s="2"/>
      <c r="C54835" s="2"/>
    </row>
    <row r="54836" spans="1:3" ht="19.2">
      <c r="A54836" s="2"/>
      <c r="B54836" s="2"/>
      <c r="C54836" s="2"/>
    </row>
    <row r="54837" spans="1:3" ht="19.2">
      <c r="A54837" s="2"/>
      <c r="B54837" s="2"/>
      <c r="C54837" s="2"/>
    </row>
    <row r="54838" spans="1:3" ht="19.2">
      <c r="A54838" s="2"/>
      <c r="B54838" s="2"/>
      <c r="C54838" s="2"/>
    </row>
    <row r="54839" spans="1:3" ht="19.2">
      <c r="A54839" s="2"/>
      <c r="B54839" s="2"/>
      <c r="C54839" s="2"/>
    </row>
    <row r="54840" spans="1:3" ht="19.2">
      <c r="A54840" s="2"/>
      <c r="B54840" s="2"/>
      <c r="C54840" s="2"/>
    </row>
    <row r="54841" spans="1:3" ht="19.2">
      <c r="A54841" s="2"/>
      <c r="B54841" s="2"/>
      <c r="C54841" s="2"/>
    </row>
    <row r="54842" spans="1:3" ht="19.2">
      <c r="A54842" s="2"/>
      <c r="B54842" s="2"/>
      <c r="C54842" s="2"/>
    </row>
    <row r="54843" spans="1:3" ht="19.2">
      <c r="A54843" s="2"/>
      <c r="B54843" s="2"/>
      <c r="C54843" s="2"/>
    </row>
    <row r="54844" spans="1:3" ht="19.2">
      <c r="A54844" s="2"/>
      <c r="B54844" s="2"/>
      <c r="C54844" s="2"/>
    </row>
    <row r="54845" spans="1:3" ht="19.2">
      <c r="A54845" s="2"/>
      <c r="B54845" s="2"/>
      <c r="C54845" s="2"/>
    </row>
    <row r="54846" spans="1:3" ht="19.2">
      <c r="A54846" s="2"/>
      <c r="B54846" s="2"/>
      <c r="C54846" s="2"/>
    </row>
    <row r="54847" spans="1:3" ht="19.2">
      <c r="A54847" s="2"/>
      <c r="B54847" s="2"/>
      <c r="C54847" s="2"/>
    </row>
    <row r="54848" spans="1:3" ht="19.2">
      <c r="A54848" s="2"/>
      <c r="B54848" s="2"/>
      <c r="C54848" s="2"/>
    </row>
    <row r="54849" spans="1:3" ht="19.2">
      <c r="A54849" s="2"/>
      <c r="B54849" s="2"/>
      <c r="C54849" s="2"/>
    </row>
    <row r="54850" spans="1:3" ht="19.2">
      <c r="A54850" s="2"/>
      <c r="B54850" s="2"/>
      <c r="C54850" s="2"/>
    </row>
    <row r="54851" spans="1:3" ht="19.2">
      <c r="A54851" s="2"/>
      <c r="B54851" s="2"/>
      <c r="C54851" s="2"/>
    </row>
    <row r="54852" spans="1:3" ht="19.2">
      <c r="A54852" s="2"/>
      <c r="B54852" s="2"/>
      <c r="C54852" s="2"/>
    </row>
    <row r="54853" spans="1:3" ht="19.2">
      <c r="A54853" s="2"/>
      <c r="B54853" s="2"/>
      <c r="C54853" s="2"/>
    </row>
    <row r="54854" spans="1:3" ht="19.2">
      <c r="A54854" s="2"/>
      <c r="B54854" s="2"/>
      <c r="C54854" s="2"/>
    </row>
    <row r="54855" spans="1:3" ht="19.2">
      <c r="A54855" s="2"/>
      <c r="B54855" s="2"/>
      <c r="C54855" s="2"/>
    </row>
    <row r="54856" spans="1:3" ht="19.2">
      <c r="A54856" s="2"/>
      <c r="B54856" s="2"/>
      <c r="C54856" s="2"/>
    </row>
    <row r="54857" spans="1:3" ht="19.2">
      <c r="A54857" s="2"/>
      <c r="B54857" s="2"/>
      <c r="C54857" s="2"/>
    </row>
    <row r="54858" spans="1:3" ht="19.2">
      <c r="A54858" s="2"/>
      <c r="B54858" s="2"/>
      <c r="C54858" s="2"/>
    </row>
    <row r="54859" spans="1:3" ht="19.2">
      <c r="A54859" s="2"/>
      <c r="B54859" s="2"/>
      <c r="C54859" s="2"/>
    </row>
    <row r="54860" spans="1:3" ht="19.2">
      <c r="A54860" s="2"/>
      <c r="B54860" s="2"/>
      <c r="C54860" s="2"/>
    </row>
    <row r="54861" spans="1:3" ht="19.2">
      <c r="A54861" s="2"/>
      <c r="B54861" s="2"/>
      <c r="C54861" s="2"/>
    </row>
    <row r="54862" spans="1:3" ht="19.2">
      <c r="A54862" s="2"/>
      <c r="B54862" s="2"/>
      <c r="C54862" s="2"/>
    </row>
    <row r="54863" spans="1:3" ht="19.2">
      <c r="A54863" s="2"/>
      <c r="B54863" s="2"/>
      <c r="C54863" s="2"/>
    </row>
    <row r="54864" spans="1:3" ht="19.2">
      <c r="A54864" s="2"/>
      <c r="B54864" s="2"/>
      <c r="C54864" s="2"/>
    </row>
    <row r="54865" spans="1:3" ht="19.2">
      <c r="A54865" s="2"/>
      <c r="B54865" s="2"/>
      <c r="C54865" s="2"/>
    </row>
    <row r="54866" spans="1:3" ht="19.2">
      <c r="A54866" s="2"/>
      <c r="B54866" s="2"/>
      <c r="C54866" s="2"/>
    </row>
    <row r="54867" spans="1:3" ht="19.2">
      <c r="A54867" s="2"/>
      <c r="B54867" s="2"/>
      <c r="C54867" s="2"/>
    </row>
    <row r="54868" spans="1:3" ht="19.2">
      <c r="A54868" s="2"/>
      <c r="B54868" s="2"/>
      <c r="C54868" s="2"/>
    </row>
    <row r="54869" spans="1:3" ht="19.2">
      <c r="A54869" s="2"/>
      <c r="B54869" s="2"/>
      <c r="C54869" s="2"/>
    </row>
    <row r="54870" spans="1:3" ht="19.2">
      <c r="A54870" s="2"/>
      <c r="B54870" s="2"/>
      <c r="C54870" s="2"/>
    </row>
    <row r="54871" spans="1:3" ht="19.2">
      <c r="A54871" s="2"/>
      <c r="B54871" s="2"/>
      <c r="C54871" s="2"/>
    </row>
    <row r="54872" spans="1:3" ht="19.2">
      <c r="A54872" s="2"/>
      <c r="B54872" s="2"/>
      <c r="C54872" s="2"/>
    </row>
    <row r="54873" spans="1:3" ht="19.2">
      <c r="A54873" s="2"/>
      <c r="B54873" s="2"/>
      <c r="C54873" s="2"/>
    </row>
    <row r="54874" spans="1:3" ht="19.2">
      <c r="A54874" s="2"/>
      <c r="B54874" s="2"/>
      <c r="C54874" s="2"/>
    </row>
    <row r="54875" spans="1:3" ht="19.2">
      <c r="A54875" s="2"/>
      <c r="B54875" s="2"/>
      <c r="C54875" s="2"/>
    </row>
    <row r="54876" spans="1:3" ht="19.2">
      <c r="A54876" s="2"/>
      <c r="B54876" s="2"/>
      <c r="C54876" s="2"/>
    </row>
    <row r="54877" spans="1:3" ht="19.2">
      <c r="A54877" s="2"/>
      <c r="B54877" s="2"/>
      <c r="C54877" s="2"/>
    </row>
    <row r="54878" spans="1:3" ht="19.2">
      <c r="A54878" s="2"/>
      <c r="B54878" s="2"/>
      <c r="C54878" s="2"/>
    </row>
    <row r="54879" spans="1:3" ht="19.2">
      <c r="A54879" s="2"/>
      <c r="B54879" s="2"/>
      <c r="C54879" s="2"/>
    </row>
    <row r="54880" spans="1:3" ht="19.2">
      <c r="A54880" s="2"/>
      <c r="B54880" s="2"/>
      <c r="C54880" s="2"/>
    </row>
    <row r="54881" spans="1:3" ht="19.2">
      <c r="A54881" s="2"/>
      <c r="B54881" s="2"/>
      <c r="C54881" s="2"/>
    </row>
    <row r="54882" spans="1:3" ht="19.2">
      <c r="A54882" s="2"/>
      <c r="B54882" s="2"/>
      <c r="C54882" s="2"/>
    </row>
    <row r="54883" spans="1:3" ht="19.2">
      <c r="A54883" s="2"/>
      <c r="B54883" s="2"/>
      <c r="C54883" s="2"/>
    </row>
    <row r="54884" spans="1:3" ht="19.2">
      <c r="A54884" s="2"/>
      <c r="B54884" s="2"/>
      <c r="C54884" s="2"/>
    </row>
    <row r="54885" spans="1:3" ht="19.2">
      <c r="A54885" s="2"/>
      <c r="B54885" s="2"/>
      <c r="C54885" s="2"/>
    </row>
    <row r="54886" spans="1:3" ht="19.2">
      <c r="A54886" s="2"/>
      <c r="B54886" s="2"/>
      <c r="C54886" s="2"/>
    </row>
    <row r="54887" spans="1:3" ht="19.2">
      <c r="A54887" s="2"/>
      <c r="B54887" s="2"/>
      <c r="C54887" s="2"/>
    </row>
    <row r="54888" spans="1:3" ht="19.2">
      <c r="A54888" s="2"/>
      <c r="B54888" s="2"/>
      <c r="C54888" s="2"/>
    </row>
    <row r="54889" spans="1:3" ht="19.2">
      <c r="A54889" s="2"/>
      <c r="B54889" s="2"/>
      <c r="C54889" s="2"/>
    </row>
    <row r="54890" spans="1:3" ht="19.2">
      <c r="A54890" s="2"/>
      <c r="B54890" s="2"/>
      <c r="C54890" s="2"/>
    </row>
    <row r="54891" spans="1:3" ht="19.2">
      <c r="A54891" s="2"/>
      <c r="B54891" s="2"/>
      <c r="C54891" s="2"/>
    </row>
    <row r="54892" spans="1:3" ht="19.2">
      <c r="A54892" s="2"/>
      <c r="B54892" s="2"/>
      <c r="C54892" s="2"/>
    </row>
    <row r="54893" spans="1:3" ht="19.2">
      <c r="A54893" s="2"/>
      <c r="B54893" s="2"/>
      <c r="C54893" s="2"/>
    </row>
    <row r="54894" spans="1:3" ht="19.2">
      <c r="A54894" s="2"/>
      <c r="B54894" s="2"/>
      <c r="C54894" s="2"/>
    </row>
    <row r="54895" spans="1:3" ht="19.2">
      <c r="A54895" s="2"/>
      <c r="B54895" s="2"/>
      <c r="C54895" s="2"/>
    </row>
    <row r="54896" spans="1:3" ht="19.2">
      <c r="A54896" s="2"/>
      <c r="B54896" s="2"/>
      <c r="C54896" s="2"/>
    </row>
    <row r="54897" spans="1:3" ht="19.2">
      <c r="A54897" s="2"/>
      <c r="B54897" s="2"/>
      <c r="C54897" s="2"/>
    </row>
    <row r="54898" spans="1:3" ht="19.2">
      <c r="A54898" s="2"/>
      <c r="B54898" s="2"/>
      <c r="C54898" s="2"/>
    </row>
    <row r="54899" spans="1:3" ht="19.2">
      <c r="A54899" s="2"/>
      <c r="B54899" s="2"/>
      <c r="C54899" s="2"/>
    </row>
    <row r="54900" spans="1:3" ht="19.2">
      <c r="A54900" s="2"/>
      <c r="B54900" s="2"/>
      <c r="C54900" s="2"/>
    </row>
    <row r="54901" spans="1:3" ht="19.2">
      <c r="A54901" s="2"/>
      <c r="B54901" s="2"/>
      <c r="C54901" s="2"/>
    </row>
    <row r="54902" spans="1:3" ht="19.2">
      <c r="A54902" s="2"/>
      <c r="B54902" s="2"/>
      <c r="C54902" s="2"/>
    </row>
    <row r="54903" spans="1:3" ht="19.2">
      <c r="A54903" s="2"/>
      <c r="B54903" s="2"/>
      <c r="C54903" s="2"/>
    </row>
    <row r="54904" spans="1:3" ht="19.2">
      <c r="A54904" s="2"/>
      <c r="B54904" s="2"/>
      <c r="C54904" s="2"/>
    </row>
    <row r="54905" spans="1:3" ht="19.2">
      <c r="A54905" s="2"/>
      <c r="B54905" s="2"/>
      <c r="C54905" s="2"/>
    </row>
    <row r="54906" spans="1:3" ht="19.2">
      <c r="A54906" s="2"/>
      <c r="B54906" s="2"/>
      <c r="C54906" s="2"/>
    </row>
    <row r="54907" spans="1:3" ht="19.2">
      <c r="A54907" s="2"/>
      <c r="B54907" s="2"/>
      <c r="C54907" s="2"/>
    </row>
    <row r="54908" spans="1:3" ht="19.2">
      <c r="A54908" s="2"/>
      <c r="B54908" s="2"/>
      <c r="C54908" s="2"/>
    </row>
    <row r="54909" spans="1:3" ht="19.2">
      <c r="A54909" s="2"/>
      <c r="B54909" s="2"/>
      <c r="C54909" s="2"/>
    </row>
    <row r="54910" spans="1:3" ht="19.2">
      <c r="A54910" s="2"/>
      <c r="B54910" s="2"/>
      <c r="C54910" s="2"/>
    </row>
    <row r="54911" spans="1:3" ht="19.2">
      <c r="A54911" s="2"/>
      <c r="B54911" s="2"/>
      <c r="C54911" s="2"/>
    </row>
    <row r="54912" spans="1:3" ht="19.2">
      <c r="A54912" s="2"/>
      <c r="B54912" s="2"/>
      <c r="C54912" s="2"/>
    </row>
    <row r="54913" spans="1:3" ht="19.2">
      <c r="A54913" s="2"/>
      <c r="B54913" s="2"/>
      <c r="C54913" s="2"/>
    </row>
    <row r="54914" spans="1:3" ht="19.2">
      <c r="A54914" s="2"/>
      <c r="B54914" s="2"/>
      <c r="C54914" s="2"/>
    </row>
    <row r="54915" spans="1:3" ht="19.2">
      <c r="A54915" s="2"/>
      <c r="B54915" s="2"/>
      <c r="C54915" s="2"/>
    </row>
    <row r="54916" spans="1:3" ht="19.2">
      <c r="A54916" s="2"/>
      <c r="B54916" s="2"/>
      <c r="C54916" s="2"/>
    </row>
    <row r="54917" spans="1:3" ht="19.2">
      <c r="A54917" s="2"/>
      <c r="B54917" s="2"/>
      <c r="C54917" s="2"/>
    </row>
    <row r="54918" spans="1:3" ht="19.2">
      <c r="A54918" s="2"/>
      <c r="B54918" s="2"/>
      <c r="C54918" s="2"/>
    </row>
    <row r="54919" spans="1:3" ht="19.2">
      <c r="A54919" s="2"/>
      <c r="B54919" s="2"/>
      <c r="C54919" s="2"/>
    </row>
    <row r="54920" spans="1:3" ht="19.2">
      <c r="A54920" s="2"/>
      <c r="B54920" s="2"/>
      <c r="C54920" s="2"/>
    </row>
    <row r="54921" spans="1:3" ht="19.2">
      <c r="A54921" s="2"/>
      <c r="B54921" s="2"/>
      <c r="C54921" s="2"/>
    </row>
    <row r="54922" spans="1:3" ht="19.2">
      <c r="A54922" s="2"/>
      <c r="B54922" s="2"/>
      <c r="C54922" s="2"/>
    </row>
    <row r="54923" spans="1:3" ht="19.2">
      <c r="A54923" s="2"/>
      <c r="B54923" s="2"/>
      <c r="C54923" s="2"/>
    </row>
    <row r="54924" spans="1:3" ht="19.2">
      <c r="A54924" s="2"/>
      <c r="B54924" s="2"/>
      <c r="C54924" s="2"/>
    </row>
    <row r="54925" spans="1:3" ht="19.2">
      <c r="A54925" s="2"/>
      <c r="B54925" s="2"/>
      <c r="C54925" s="2"/>
    </row>
    <row r="54926" spans="1:3" ht="19.2">
      <c r="A54926" s="2"/>
      <c r="B54926" s="2"/>
      <c r="C54926" s="2"/>
    </row>
    <row r="54927" spans="1:3" ht="19.2">
      <c r="A54927" s="2"/>
      <c r="B54927" s="2"/>
      <c r="C54927" s="2"/>
    </row>
    <row r="54928" spans="1:3" ht="19.2">
      <c r="A54928" s="2"/>
      <c r="B54928" s="2"/>
      <c r="C54928" s="2"/>
    </row>
    <row r="54929" spans="1:3" ht="19.2">
      <c r="A54929" s="2"/>
      <c r="B54929" s="2"/>
      <c r="C54929" s="2"/>
    </row>
    <row r="54930" spans="1:3" ht="19.2">
      <c r="A54930" s="2"/>
      <c r="B54930" s="2"/>
      <c r="C54930" s="2"/>
    </row>
    <row r="54931" spans="1:3" ht="19.2">
      <c r="A54931" s="2"/>
      <c r="B54931" s="2"/>
      <c r="C54931" s="2"/>
    </row>
    <row r="54932" spans="1:3" ht="19.2">
      <c r="A54932" s="2"/>
      <c r="B54932" s="2"/>
      <c r="C54932" s="2"/>
    </row>
    <row r="54933" spans="1:3" ht="19.2">
      <c r="A54933" s="2"/>
      <c r="B54933" s="2"/>
      <c r="C54933" s="2"/>
    </row>
    <row r="54934" spans="1:3" ht="19.2">
      <c r="A54934" s="2"/>
      <c r="B54934" s="2"/>
      <c r="C54934" s="2"/>
    </row>
    <row r="54935" spans="1:3" ht="19.2">
      <c r="A54935" s="2"/>
      <c r="B54935" s="2"/>
      <c r="C54935" s="2"/>
    </row>
    <row r="54936" spans="1:3" ht="19.2">
      <c r="A54936" s="2"/>
      <c r="B54936" s="2"/>
      <c r="C54936" s="2"/>
    </row>
    <row r="54937" spans="1:3" ht="19.2">
      <c r="A54937" s="2"/>
      <c r="B54937" s="2"/>
      <c r="C54937" s="2"/>
    </row>
    <row r="54938" spans="1:3" ht="19.2">
      <c r="A54938" s="2"/>
      <c r="B54938" s="2"/>
      <c r="C54938" s="2"/>
    </row>
    <row r="54939" spans="1:3" ht="19.2">
      <c r="A54939" s="2"/>
      <c r="B54939" s="2"/>
      <c r="C54939" s="2"/>
    </row>
    <row r="54940" spans="1:3" ht="19.2">
      <c r="A54940" s="2"/>
      <c r="B54940" s="2"/>
      <c r="C54940" s="2"/>
    </row>
    <row r="54941" spans="1:3" ht="19.2">
      <c r="A54941" s="2"/>
      <c r="B54941" s="2"/>
      <c r="C54941" s="2"/>
    </row>
    <row r="54942" spans="1:3" ht="19.2">
      <c r="A54942" s="2"/>
      <c r="B54942" s="2"/>
      <c r="C54942" s="2"/>
    </row>
    <row r="54943" spans="1:3" ht="19.2">
      <c r="A54943" s="2"/>
      <c r="B54943" s="2"/>
      <c r="C54943" s="2"/>
    </row>
    <row r="54944" spans="1:3" ht="19.2">
      <c r="A54944" s="2"/>
      <c r="B54944" s="2"/>
      <c r="C54944" s="2"/>
    </row>
    <row r="54945" spans="1:3" ht="19.2">
      <c r="A54945" s="2"/>
      <c r="B54945" s="2"/>
      <c r="C54945" s="2"/>
    </row>
    <row r="54946" spans="1:3" ht="19.2">
      <c r="A54946" s="2"/>
      <c r="B54946" s="2"/>
      <c r="C54946" s="2"/>
    </row>
    <row r="54947" spans="1:3" ht="19.2">
      <c r="A54947" s="2"/>
      <c r="B54947" s="2"/>
      <c r="C54947" s="2"/>
    </row>
    <row r="54948" spans="1:3" ht="19.2">
      <c r="A54948" s="2"/>
      <c r="B54948" s="2"/>
      <c r="C54948" s="2"/>
    </row>
    <row r="54949" spans="1:3" ht="19.2">
      <c r="A54949" s="2"/>
      <c r="B54949" s="2"/>
      <c r="C54949" s="2"/>
    </row>
    <row r="54950" spans="1:3" ht="19.2">
      <c r="A54950" s="2"/>
      <c r="B54950" s="2"/>
      <c r="C54950" s="2"/>
    </row>
    <row r="54951" spans="1:3" ht="19.2">
      <c r="A54951" s="2"/>
      <c r="B54951" s="2"/>
      <c r="C54951" s="2"/>
    </row>
    <row r="54952" spans="1:3" ht="19.2">
      <c r="A54952" s="2"/>
      <c r="B54952" s="2"/>
      <c r="C54952" s="2"/>
    </row>
    <row r="54953" spans="1:3" ht="19.2">
      <c r="A54953" s="2"/>
      <c r="B54953" s="2"/>
      <c r="C54953" s="2"/>
    </row>
    <row r="54954" spans="1:3" ht="19.2">
      <c r="A54954" s="2"/>
      <c r="B54954" s="2"/>
      <c r="C54954" s="2"/>
    </row>
    <row r="54955" spans="1:3" ht="19.2">
      <c r="A54955" s="2"/>
      <c r="B54955" s="2"/>
      <c r="C54955" s="2"/>
    </row>
    <row r="54956" spans="1:3" ht="19.2">
      <c r="A54956" s="2"/>
      <c r="B54956" s="2"/>
      <c r="C54956" s="2"/>
    </row>
    <row r="54957" spans="1:3" ht="19.2">
      <c r="A54957" s="2"/>
      <c r="B54957" s="2"/>
      <c r="C54957" s="2"/>
    </row>
    <row r="54958" spans="1:3" ht="19.2">
      <c r="A54958" s="2"/>
      <c r="B54958" s="2"/>
      <c r="C54958" s="2"/>
    </row>
    <row r="54959" spans="1:3" ht="19.2">
      <c r="A54959" s="2"/>
      <c r="B54959" s="2"/>
      <c r="C54959" s="2"/>
    </row>
    <row r="54960" spans="1:3" ht="19.2">
      <c r="A54960" s="2"/>
      <c r="B54960" s="2"/>
      <c r="C54960" s="2"/>
    </row>
    <row r="54961" spans="1:3" ht="19.2">
      <c r="A54961" s="2"/>
      <c r="B54961" s="2"/>
      <c r="C54961" s="2"/>
    </row>
    <row r="54962" spans="1:3" ht="19.2">
      <c r="A54962" s="2"/>
      <c r="B54962" s="2"/>
      <c r="C54962" s="2"/>
    </row>
    <row r="54963" spans="1:3" ht="19.2">
      <c r="A54963" s="2"/>
      <c r="B54963" s="2"/>
      <c r="C54963" s="2"/>
    </row>
    <row r="54964" spans="1:3" ht="19.2">
      <c r="A54964" s="2"/>
      <c r="B54964" s="2"/>
      <c r="C54964" s="2"/>
    </row>
    <row r="54965" spans="1:3" ht="19.2">
      <c r="A54965" s="2"/>
      <c r="B54965" s="2"/>
      <c r="C54965" s="2"/>
    </row>
    <row r="54966" spans="1:3" ht="19.2">
      <c r="A54966" s="2"/>
      <c r="B54966" s="2"/>
      <c r="C54966" s="2"/>
    </row>
    <row r="54967" spans="1:3" ht="19.2">
      <c r="A54967" s="2"/>
      <c r="B54967" s="2"/>
      <c r="C54967" s="2"/>
    </row>
    <row r="54968" spans="1:3" ht="19.2">
      <c r="A54968" s="2"/>
      <c r="B54968" s="2"/>
      <c r="C54968" s="2"/>
    </row>
    <row r="54969" spans="1:3" ht="19.2">
      <c r="A54969" s="2"/>
      <c r="B54969" s="2"/>
      <c r="C54969" s="2"/>
    </row>
    <row r="54970" spans="1:3" ht="19.2">
      <c r="A54970" s="2"/>
      <c r="B54970" s="2"/>
      <c r="C54970" s="2"/>
    </row>
    <row r="54971" spans="1:3" ht="19.2">
      <c r="A54971" s="2"/>
      <c r="B54971" s="2"/>
      <c r="C54971" s="2"/>
    </row>
    <row r="54972" spans="1:3" ht="19.2">
      <c r="A54972" s="2"/>
      <c r="B54972" s="2"/>
      <c r="C54972" s="2"/>
    </row>
    <row r="54973" spans="1:3" ht="19.2">
      <c r="A54973" s="2"/>
      <c r="B54973" s="2"/>
      <c r="C54973" s="2"/>
    </row>
    <row r="54974" spans="1:3" ht="19.2">
      <c r="A54974" s="2"/>
      <c r="B54974" s="2"/>
      <c r="C54974" s="2"/>
    </row>
    <row r="54975" spans="1:3" ht="19.2">
      <c r="A54975" s="2"/>
      <c r="B54975" s="2"/>
      <c r="C54975" s="2"/>
    </row>
    <row r="54976" spans="1:3" ht="19.2">
      <c r="A54976" s="2"/>
      <c r="B54976" s="2"/>
      <c r="C54976" s="2"/>
    </row>
    <row r="54977" spans="1:3" ht="19.2">
      <c r="A54977" s="2"/>
      <c r="B54977" s="2"/>
      <c r="C54977" s="2"/>
    </row>
    <row r="54978" spans="1:3" ht="19.2">
      <c r="A54978" s="2"/>
      <c r="B54978" s="2"/>
      <c r="C54978" s="2"/>
    </row>
    <row r="54979" spans="1:3" ht="19.2">
      <c r="A54979" s="2"/>
      <c r="B54979" s="2"/>
      <c r="C54979" s="2"/>
    </row>
    <row r="54980" spans="1:3" ht="19.2">
      <c r="A54980" s="2"/>
      <c r="B54980" s="2"/>
      <c r="C54980" s="2"/>
    </row>
    <row r="54981" spans="1:3" ht="19.2">
      <c r="A54981" s="2"/>
      <c r="B54981" s="2"/>
      <c r="C54981" s="2"/>
    </row>
    <row r="54982" spans="1:3" ht="19.2">
      <c r="A54982" s="2"/>
      <c r="B54982" s="2"/>
      <c r="C54982" s="2"/>
    </row>
    <row r="54983" spans="1:3" ht="19.2">
      <c r="A54983" s="2"/>
      <c r="B54983" s="2"/>
      <c r="C54983" s="2"/>
    </row>
    <row r="54984" spans="1:3" ht="19.2">
      <c r="A54984" s="2"/>
      <c r="B54984" s="2"/>
      <c r="C54984" s="2"/>
    </row>
    <row r="54985" spans="1:3" ht="19.2">
      <c r="A54985" s="2"/>
      <c r="B54985" s="2"/>
      <c r="C54985" s="2"/>
    </row>
    <row r="54986" spans="1:3" ht="19.2">
      <c r="A54986" s="2"/>
      <c r="B54986" s="2"/>
      <c r="C54986" s="2"/>
    </row>
    <row r="54987" spans="1:3" ht="19.2">
      <c r="A54987" s="2"/>
      <c r="B54987" s="2"/>
      <c r="C54987" s="2"/>
    </row>
    <row r="54988" spans="1:3" ht="19.2">
      <c r="A54988" s="2"/>
      <c r="B54988" s="2"/>
      <c r="C54988" s="2"/>
    </row>
    <row r="54989" spans="1:3" ht="19.2">
      <c r="A54989" s="2"/>
      <c r="B54989" s="2"/>
      <c r="C54989" s="2"/>
    </row>
    <row r="54990" spans="1:3" ht="19.2">
      <c r="A54990" s="2"/>
      <c r="B54990" s="2"/>
      <c r="C54990" s="2"/>
    </row>
    <row r="54991" spans="1:3" ht="19.2">
      <c r="A54991" s="2"/>
      <c r="B54991" s="2"/>
      <c r="C54991" s="2"/>
    </row>
    <row r="54992" spans="1:3" ht="19.2">
      <c r="A54992" s="2"/>
      <c r="B54992" s="2"/>
      <c r="C54992" s="2"/>
    </row>
    <row r="54993" spans="1:3" ht="19.2">
      <c r="A54993" s="2"/>
      <c r="B54993" s="2"/>
      <c r="C54993" s="2"/>
    </row>
    <row r="54994" spans="1:3" ht="19.2">
      <c r="A54994" s="2"/>
      <c r="B54994" s="2"/>
      <c r="C54994" s="2"/>
    </row>
    <row r="54995" spans="1:3" ht="19.2">
      <c r="A54995" s="2"/>
      <c r="B54995" s="2"/>
      <c r="C54995" s="2"/>
    </row>
    <row r="54996" spans="1:3" ht="19.2">
      <c r="A54996" s="2"/>
      <c r="B54996" s="2"/>
      <c r="C54996" s="2"/>
    </row>
    <row r="54997" spans="1:3" ht="19.2">
      <c r="A54997" s="2"/>
      <c r="B54997" s="2"/>
      <c r="C54997" s="2"/>
    </row>
    <row r="54998" spans="1:3" ht="19.2">
      <c r="A54998" s="2"/>
      <c r="B54998" s="2"/>
      <c r="C54998" s="2"/>
    </row>
    <row r="54999" spans="1:3" ht="19.2">
      <c r="A54999" s="2"/>
      <c r="B54999" s="2"/>
      <c r="C54999" s="2"/>
    </row>
    <row r="55000" spans="1:3" ht="19.2">
      <c r="A55000" s="2"/>
      <c r="B55000" s="2"/>
      <c r="C55000" s="2"/>
    </row>
    <row r="55001" spans="1:3" ht="19.2">
      <c r="A55001" s="2"/>
      <c r="B55001" s="2"/>
      <c r="C55001" s="2"/>
    </row>
    <row r="55002" spans="1:3" ht="19.2">
      <c r="A55002" s="2"/>
      <c r="B55002" s="2"/>
      <c r="C55002" s="2"/>
    </row>
    <row r="55003" spans="1:3" ht="19.2">
      <c r="A55003" s="2"/>
      <c r="B55003" s="2"/>
      <c r="C55003" s="2"/>
    </row>
    <row r="55004" spans="1:3" ht="19.2">
      <c r="A55004" s="2"/>
      <c r="B55004" s="2"/>
      <c r="C55004" s="2"/>
    </row>
    <row r="55005" spans="1:3" ht="19.2">
      <c r="A55005" s="2"/>
      <c r="B55005" s="2"/>
      <c r="C55005" s="2"/>
    </row>
    <row r="55006" spans="1:3" ht="19.2">
      <c r="A55006" s="2"/>
      <c r="B55006" s="2"/>
      <c r="C55006" s="2"/>
    </row>
    <row r="55007" spans="1:3" ht="19.2">
      <c r="A55007" s="2"/>
      <c r="B55007" s="2"/>
      <c r="C55007" s="2"/>
    </row>
    <row r="55008" spans="1:3" ht="19.2">
      <c r="A55008" s="2"/>
      <c r="B55008" s="2"/>
      <c r="C55008" s="2"/>
    </row>
    <row r="55009" spans="1:3" ht="19.2">
      <c r="A55009" s="2"/>
      <c r="B55009" s="2"/>
      <c r="C55009" s="2"/>
    </row>
    <row r="55010" spans="1:3" ht="19.2">
      <c r="A55010" s="2"/>
      <c r="B55010" s="2"/>
      <c r="C55010" s="2"/>
    </row>
    <row r="55011" spans="1:3" ht="19.2">
      <c r="A55011" s="2"/>
      <c r="B55011" s="2"/>
      <c r="C55011" s="2"/>
    </row>
    <row r="55012" spans="1:3" ht="19.2">
      <c r="A55012" s="2"/>
      <c r="B55012" s="2"/>
      <c r="C55012" s="2"/>
    </row>
    <row r="55013" spans="1:3" ht="19.2">
      <c r="A55013" s="2"/>
      <c r="B55013" s="2"/>
      <c r="C55013" s="2"/>
    </row>
    <row r="55014" spans="1:3" ht="19.2">
      <c r="A55014" s="2"/>
      <c r="B55014" s="2"/>
      <c r="C55014" s="2"/>
    </row>
    <row r="55015" spans="1:3" ht="19.2">
      <c r="A55015" s="2"/>
      <c r="B55015" s="2"/>
      <c r="C55015" s="2"/>
    </row>
    <row r="55016" spans="1:3" ht="19.2">
      <c r="A55016" s="2"/>
      <c r="B55016" s="2"/>
      <c r="C55016" s="2"/>
    </row>
    <row r="55017" spans="1:3" ht="19.2">
      <c r="A55017" s="2"/>
      <c r="B55017" s="2"/>
      <c r="C55017" s="2"/>
    </row>
    <row r="55018" spans="1:3" ht="19.2">
      <c r="A55018" s="2"/>
      <c r="B55018" s="2"/>
      <c r="C55018" s="2"/>
    </row>
    <row r="55019" spans="1:3" ht="19.2">
      <c r="A55019" s="2"/>
      <c r="B55019" s="2"/>
      <c r="C55019" s="2"/>
    </row>
    <row r="55020" spans="1:3" ht="19.2">
      <c r="A55020" s="2"/>
      <c r="B55020" s="2"/>
      <c r="C55020" s="2"/>
    </row>
    <row r="55021" spans="1:3" ht="19.2">
      <c r="A55021" s="2"/>
      <c r="B55021" s="2"/>
      <c r="C55021" s="2"/>
    </row>
    <row r="55022" spans="1:3" ht="19.2">
      <c r="A55022" s="2"/>
      <c r="B55022" s="2"/>
      <c r="C55022" s="2"/>
    </row>
    <row r="55023" spans="1:3" ht="19.2">
      <c r="A55023" s="2"/>
      <c r="B55023" s="2"/>
      <c r="C55023" s="2"/>
    </row>
    <row r="55024" spans="1:3" ht="19.2">
      <c r="A55024" s="2"/>
      <c r="B55024" s="2"/>
      <c r="C55024" s="2"/>
    </row>
    <row r="55025" spans="1:3" ht="19.2">
      <c r="A55025" s="2"/>
      <c r="B55025" s="2"/>
      <c r="C55025" s="2"/>
    </row>
    <row r="55026" spans="1:3" ht="19.2">
      <c r="A55026" s="2"/>
      <c r="B55026" s="2"/>
      <c r="C55026" s="2"/>
    </row>
    <row r="55027" spans="1:3" ht="19.2">
      <c r="A55027" s="2"/>
      <c r="B55027" s="2"/>
      <c r="C55027" s="2"/>
    </row>
    <row r="55028" spans="1:3" ht="19.2">
      <c r="A55028" s="2"/>
      <c r="B55028" s="2"/>
      <c r="C55028" s="2"/>
    </row>
    <row r="55029" spans="1:3" ht="19.2">
      <c r="A55029" s="2"/>
      <c r="B55029" s="2"/>
      <c r="C55029" s="2"/>
    </row>
    <row r="55030" spans="1:3" ht="19.2">
      <c r="A55030" s="2"/>
      <c r="B55030" s="2"/>
      <c r="C55030" s="2"/>
    </row>
    <row r="55031" spans="1:3" ht="19.2">
      <c r="A55031" s="2"/>
      <c r="B55031" s="2"/>
      <c r="C55031" s="2"/>
    </row>
    <row r="55032" spans="1:3" ht="19.2">
      <c r="A55032" s="2"/>
      <c r="B55032" s="2"/>
      <c r="C55032" s="2"/>
    </row>
    <row r="55033" spans="1:3" ht="19.2">
      <c r="A55033" s="2"/>
      <c r="B55033" s="2"/>
      <c r="C55033" s="2"/>
    </row>
    <row r="55034" spans="1:3" ht="19.2">
      <c r="A55034" s="2"/>
      <c r="B55034" s="2"/>
      <c r="C55034" s="2"/>
    </row>
    <row r="55035" spans="1:3" ht="19.2">
      <c r="A55035" s="2"/>
      <c r="B55035" s="2"/>
      <c r="C55035" s="2"/>
    </row>
    <row r="55036" spans="1:3" ht="19.2">
      <c r="A55036" s="2"/>
      <c r="B55036" s="2"/>
      <c r="C55036" s="2"/>
    </row>
    <row r="55037" spans="1:3" ht="19.2">
      <c r="A55037" s="2"/>
      <c r="B55037" s="2"/>
      <c r="C55037" s="2"/>
    </row>
    <row r="55038" spans="1:3" ht="19.2">
      <c r="A55038" s="2"/>
      <c r="B55038" s="2"/>
      <c r="C55038" s="2"/>
    </row>
    <row r="55039" spans="1:3" ht="19.2">
      <c r="A55039" s="2"/>
      <c r="B55039" s="2"/>
      <c r="C55039" s="2"/>
    </row>
    <row r="55040" spans="1:3" ht="19.2">
      <c r="A55040" s="2"/>
      <c r="B55040" s="2"/>
      <c r="C55040" s="2"/>
    </row>
    <row r="55041" spans="1:3" ht="19.2">
      <c r="A55041" s="2"/>
      <c r="B55041" s="2"/>
      <c r="C55041" s="2"/>
    </row>
    <row r="55042" spans="1:3" ht="19.2">
      <c r="A55042" s="2"/>
      <c r="B55042" s="2"/>
      <c r="C55042" s="2"/>
    </row>
    <row r="55043" spans="1:3" ht="19.2">
      <c r="A55043" s="2"/>
      <c r="B55043" s="2"/>
      <c r="C55043" s="2"/>
    </row>
    <row r="55044" spans="1:3" ht="19.2">
      <c r="A55044" s="2"/>
      <c r="B55044" s="2"/>
      <c r="C55044" s="2"/>
    </row>
    <row r="55045" spans="1:3" ht="19.2">
      <c r="A55045" s="2"/>
      <c r="B55045" s="2"/>
      <c r="C55045" s="2"/>
    </row>
    <row r="55046" spans="1:3" ht="19.2">
      <c r="A55046" s="2"/>
      <c r="B55046" s="2"/>
      <c r="C55046" s="2"/>
    </row>
    <row r="55047" spans="1:3" ht="19.2">
      <c r="A55047" s="2"/>
      <c r="B55047" s="2"/>
      <c r="C55047" s="2"/>
    </row>
    <row r="55048" spans="1:3" ht="19.2">
      <c r="A55048" s="2"/>
      <c r="B55048" s="2"/>
      <c r="C55048" s="2"/>
    </row>
    <row r="55049" spans="1:3" ht="19.2">
      <c r="A55049" s="2"/>
      <c r="B55049" s="2"/>
      <c r="C55049" s="2"/>
    </row>
    <row r="55050" spans="1:3" ht="19.2">
      <c r="A55050" s="2"/>
      <c r="B55050" s="2"/>
      <c r="C55050" s="2"/>
    </row>
    <row r="55051" spans="1:3" ht="19.2">
      <c r="A55051" s="2"/>
      <c r="B55051" s="2"/>
      <c r="C55051" s="2"/>
    </row>
    <row r="55052" spans="1:3" ht="19.2">
      <c r="A55052" s="2"/>
      <c r="B55052" s="2"/>
      <c r="C55052" s="2"/>
    </row>
    <row r="55053" spans="1:3" ht="19.2">
      <c r="A55053" s="2"/>
      <c r="B55053" s="2"/>
      <c r="C55053" s="2"/>
    </row>
    <row r="55054" spans="1:3" ht="19.2">
      <c r="A55054" s="2"/>
      <c r="B55054" s="2"/>
      <c r="C55054" s="2"/>
    </row>
    <row r="55055" spans="1:3" ht="19.2">
      <c r="A55055" s="2"/>
      <c r="B55055" s="2"/>
      <c r="C55055" s="2"/>
    </row>
    <row r="55056" spans="1:3" ht="19.2">
      <c r="A55056" s="2"/>
      <c r="B55056" s="2"/>
      <c r="C55056" s="2"/>
    </row>
    <row r="55057" spans="1:3" ht="19.2">
      <c r="A55057" s="2"/>
      <c r="B55057" s="2"/>
      <c r="C55057" s="2"/>
    </row>
    <row r="55058" spans="1:3" ht="19.2">
      <c r="A55058" s="2"/>
      <c r="B55058" s="2"/>
      <c r="C55058" s="2"/>
    </row>
    <row r="55059" spans="1:3" ht="19.2">
      <c r="A55059" s="2"/>
      <c r="B55059" s="2"/>
      <c r="C55059" s="2"/>
    </row>
    <row r="55060" spans="1:3" ht="19.2">
      <c r="A55060" s="2"/>
      <c r="B55060" s="2"/>
      <c r="C55060" s="2"/>
    </row>
    <row r="55061" spans="1:3" ht="19.2">
      <c r="A55061" s="2"/>
      <c r="B55061" s="2"/>
      <c r="C55061" s="2"/>
    </row>
    <row r="55062" spans="1:3" ht="19.2">
      <c r="A55062" s="2"/>
      <c r="B55062" s="2"/>
      <c r="C55062" s="2"/>
    </row>
    <row r="55063" spans="1:3" ht="19.2">
      <c r="A55063" s="2"/>
      <c r="B55063" s="2"/>
      <c r="C55063" s="2"/>
    </row>
    <row r="55064" spans="1:3" ht="19.2">
      <c r="A55064" s="2"/>
      <c r="B55064" s="2"/>
      <c r="C55064" s="2"/>
    </row>
    <row r="55065" spans="1:3" ht="19.2">
      <c r="A55065" s="2"/>
      <c r="B55065" s="2"/>
      <c r="C55065" s="2"/>
    </row>
    <row r="55066" spans="1:3" ht="19.2">
      <c r="A55066" s="2"/>
      <c r="B55066" s="2"/>
      <c r="C55066" s="2"/>
    </row>
    <row r="55067" spans="1:3" ht="19.2">
      <c r="A55067" s="2"/>
      <c r="B55067" s="2"/>
      <c r="C55067" s="2"/>
    </row>
    <row r="55068" spans="1:3" ht="19.2">
      <c r="A55068" s="2"/>
      <c r="B55068" s="2"/>
      <c r="C55068" s="2"/>
    </row>
    <row r="55069" spans="1:3" ht="19.2">
      <c r="A55069" s="2"/>
      <c r="B55069" s="2"/>
      <c r="C55069" s="2"/>
    </row>
    <row r="55070" spans="1:3" ht="19.2">
      <c r="A55070" s="2"/>
      <c r="B55070" s="2"/>
      <c r="C55070" s="2"/>
    </row>
    <row r="55071" spans="1:3" ht="19.2">
      <c r="A55071" s="2"/>
      <c r="B55071" s="2"/>
      <c r="C55071" s="2"/>
    </row>
    <row r="55072" spans="1:3" ht="19.2">
      <c r="A55072" s="2"/>
      <c r="B55072" s="2"/>
      <c r="C55072" s="2"/>
    </row>
    <row r="55073" spans="1:3" ht="19.2">
      <c r="A55073" s="2"/>
      <c r="B55073" s="2"/>
      <c r="C55073" s="2"/>
    </row>
    <row r="55074" spans="1:3" ht="19.2">
      <c r="A55074" s="2"/>
      <c r="B55074" s="2"/>
      <c r="C55074" s="2"/>
    </row>
    <row r="55075" spans="1:3" ht="19.2">
      <c r="A55075" s="2"/>
      <c r="B55075" s="2"/>
      <c r="C55075" s="2"/>
    </row>
    <row r="55076" spans="1:3" ht="19.2">
      <c r="A55076" s="2"/>
      <c r="B55076" s="2"/>
      <c r="C55076" s="2"/>
    </row>
    <row r="55077" spans="1:3" ht="19.2">
      <c r="A55077" s="2"/>
      <c r="B55077" s="2"/>
      <c r="C55077" s="2"/>
    </row>
    <row r="55078" spans="1:3" ht="19.2">
      <c r="A55078" s="2"/>
      <c r="B55078" s="2"/>
      <c r="C55078" s="2"/>
    </row>
    <row r="55079" spans="1:3" ht="19.2">
      <c r="A55079" s="2"/>
      <c r="B55079" s="2"/>
      <c r="C55079" s="2"/>
    </row>
    <row r="55080" spans="1:3" ht="19.2">
      <c r="A55080" s="2"/>
      <c r="B55080" s="2"/>
      <c r="C55080" s="2"/>
    </row>
    <row r="55081" spans="1:3" ht="19.2">
      <c r="A55081" s="2"/>
      <c r="B55081" s="2"/>
      <c r="C55081" s="2"/>
    </row>
    <row r="55082" spans="1:3" ht="19.2">
      <c r="A55082" s="2"/>
      <c r="B55082" s="2"/>
      <c r="C55082" s="2"/>
    </row>
    <row r="55083" spans="1:3" ht="19.2">
      <c r="A55083" s="2"/>
      <c r="B55083" s="2"/>
      <c r="C55083" s="2"/>
    </row>
    <row r="55084" spans="1:3" ht="19.2">
      <c r="A55084" s="2"/>
      <c r="B55084" s="2"/>
      <c r="C55084" s="2"/>
    </row>
    <row r="55085" spans="1:3" ht="19.2">
      <c r="A55085" s="2"/>
      <c r="B55085" s="2"/>
      <c r="C55085" s="2"/>
    </row>
    <row r="55086" spans="1:3" ht="19.2">
      <c r="A55086" s="2"/>
      <c r="B55086" s="2"/>
      <c r="C55086" s="2"/>
    </row>
    <row r="55087" spans="1:3" ht="19.2">
      <c r="A55087" s="2"/>
      <c r="B55087" s="2"/>
      <c r="C55087" s="2"/>
    </row>
    <row r="55088" spans="1:3" ht="19.2">
      <c r="A55088" s="2"/>
      <c r="B55088" s="2"/>
      <c r="C55088" s="2"/>
    </row>
    <row r="55089" spans="1:3" ht="19.2">
      <c r="A55089" s="2"/>
      <c r="B55089" s="2"/>
      <c r="C55089" s="2"/>
    </row>
    <row r="55090" spans="1:3" ht="19.2">
      <c r="A55090" s="2"/>
      <c r="B55090" s="2"/>
      <c r="C55090" s="2"/>
    </row>
    <row r="55091" spans="1:3" ht="19.2">
      <c r="A55091" s="2"/>
      <c r="B55091" s="2"/>
      <c r="C55091" s="2"/>
    </row>
    <row r="55092" spans="1:3" ht="19.2">
      <c r="A55092" s="2"/>
      <c r="B55092" s="2"/>
      <c r="C55092" s="2"/>
    </row>
    <row r="55093" spans="1:3" ht="19.2">
      <c r="A55093" s="2"/>
      <c r="B55093" s="2"/>
      <c r="C55093" s="2"/>
    </row>
    <row r="55094" spans="1:3" ht="19.2">
      <c r="A55094" s="2"/>
      <c r="B55094" s="2"/>
      <c r="C55094" s="2"/>
    </row>
    <row r="55095" spans="1:3" ht="19.2">
      <c r="A55095" s="2"/>
      <c r="B55095" s="2"/>
      <c r="C55095" s="2"/>
    </row>
    <row r="55096" spans="1:3" ht="19.2">
      <c r="A55096" s="2"/>
      <c r="B55096" s="2"/>
      <c r="C55096" s="2"/>
    </row>
    <row r="55097" spans="1:3" ht="19.2">
      <c r="A55097" s="2"/>
      <c r="B55097" s="2"/>
      <c r="C55097" s="2"/>
    </row>
    <row r="55098" spans="1:3" ht="19.2">
      <c r="A55098" s="2"/>
      <c r="B55098" s="2"/>
      <c r="C55098" s="2"/>
    </row>
    <row r="55099" spans="1:3" ht="19.2">
      <c r="A55099" s="2"/>
      <c r="B55099" s="2"/>
      <c r="C55099" s="2"/>
    </row>
    <row r="55100" spans="1:3" ht="19.2">
      <c r="A55100" s="2"/>
      <c r="B55100" s="2"/>
      <c r="C55100" s="2"/>
    </row>
    <row r="55101" spans="1:3" ht="19.2">
      <c r="A55101" s="2"/>
      <c r="B55101" s="2"/>
      <c r="C55101" s="2"/>
    </row>
    <row r="55102" spans="1:3" ht="19.2">
      <c r="A55102" s="2"/>
      <c r="B55102" s="2"/>
      <c r="C55102" s="2"/>
    </row>
    <row r="55103" spans="1:3" ht="19.2">
      <c r="A55103" s="2"/>
      <c r="B55103" s="2"/>
      <c r="C55103" s="2"/>
    </row>
    <row r="55104" spans="1:3" ht="19.2">
      <c r="A55104" s="2"/>
      <c r="B55104" s="2"/>
      <c r="C55104" s="2"/>
    </row>
    <row r="55105" spans="1:3" ht="19.2">
      <c r="A55105" s="2"/>
      <c r="B55105" s="2"/>
      <c r="C55105" s="2"/>
    </row>
    <row r="55106" spans="1:3" ht="19.2">
      <c r="A55106" s="2"/>
      <c r="B55106" s="2"/>
      <c r="C55106" s="2"/>
    </row>
    <row r="55107" spans="1:3" ht="19.2">
      <c r="A55107" s="2"/>
      <c r="B55107" s="2"/>
      <c r="C55107" s="2"/>
    </row>
    <row r="55108" spans="1:3" ht="19.2">
      <c r="A55108" s="2"/>
      <c r="B55108" s="2"/>
      <c r="C55108" s="2"/>
    </row>
    <row r="55109" spans="1:3" ht="19.2">
      <c r="A55109" s="2"/>
      <c r="B55109" s="2"/>
      <c r="C55109" s="2"/>
    </row>
    <row r="55110" spans="1:3" ht="19.2">
      <c r="A55110" s="2"/>
      <c r="B55110" s="2"/>
      <c r="C55110" s="2"/>
    </row>
    <row r="55111" spans="1:3" ht="19.2">
      <c r="A55111" s="2"/>
      <c r="B55111" s="2"/>
      <c r="C55111" s="2"/>
    </row>
    <row r="55112" spans="1:3" ht="19.2">
      <c r="A55112" s="2"/>
      <c r="B55112" s="2"/>
      <c r="C55112" s="2"/>
    </row>
    <row r="55113" spans="1:3" ht="19.2">
      <c r="A55113" s="2"/>
      <c r="B55113" s="2"/>
      <c r="C55113" s="2"/>
    </row>
    <row r="55114" spans="1:3" ht="19.2">
      <c r="A55114" s="2"/>
      <c r="B55114" s="2"/>
      <c r="C55114" s="2"/>
    </row>
    <row r="55115" spans="1:3" ht="19.2">
      <c r="A55115" s="2"/>
      <c r="B55115" s="2"/>
      <c r="C55115" s="2"/>
    </row>
    <row r="55116" spans="1:3" ht="19.2">
      <c r="A55116" s="2"/>
      <c r="B55116" s="2"/>
      <c r="C55116" s="2"/>
    </row>
    <row r="55117" spans="1:3" ht="19.2">
      <c r="A55117" s="2"/>
      <c r="B55117" s="2"/>
      <c r="C55117" s="2"/>
    </row>
    <row r="55118" spans="1:3" ht="19.2">
      <c r="A55118" s="2"/>
      <c r="B55118" s="2"/>
      <c r="C55118" s="2"/>
    </row>
    <row r="55119" spans="1:3" ht="19.2">
      <c r="A55119" s="2"/>
      <c r="B55119" s="2"/>
      <c r="C55119" s="2"/>
    </row>
    <row r="55120" spans="1:3" ht="19.2">
      <c r="A55120" s="2"/>
      <c r="B55120" s="2"/>
      <c r="C55120" s="2"/>
    </row>
    <row r="55121" spans="1:3" ht="19.2">
      <c r="A55121" s="2"/>
      <c r="B55121" s="2"/>
      <c r="C55121" s="2"/>
    </row>
    <row r="55122" spans="1:3" ht="19.2">
      <c r="A55122" s="2"/>
      <c r="B55122" s="2"/>
      <c r="C55122" s="2"/>
    </row>
    <row r="55123" spans="1:3" ht="19.2">
      <c r="A55123" s="2"/>
      <c r="B55123" s="2"/>
      <c r="C55123" s="2"/>
    </row>
    <row r="55124" spans="1:3" ht="19.2">
      <c r="A55124" s="2"/>
      <c r="B55124" s="2"/>
      <c r="C55124" s="2"/>
    </row>
    <row r="55125" spans="1:3" ht="19.2">
      <c r="A55125" s="2"/>
      <c r="B55125" s="2"/>
      <c r="C55125" s="2"/>
    </row>
    <row r="55126" spans="1:3" ht="19.2">
      <c r="A55126" s="2"/>
      <c r="B55126" s="2"/>
      <c r="C55126" s="2"/>
    </row>
    <row r="55127" spans="1:3" ht="19.2">
      <c r="A55127" s="2"/>
      <c r="B55127" s="2"/>
      <c r="C55127" s="2"/>
    </row>
    <row r="55128" spans="1:3" ht="19.2">
      <c r="A55128" s="2"/>
      <c r="B55128" s="2"/>
      <c r="C55128" s="2"/>
    </row>
    <row r="55129" spans="1:3" ht="19.2">
      <c r="A55129" s="2"/>
      <c r="B55129" s="2"/>
      <c r="C55129" s="2"/>
    </row>
    <row r="55130" spans="1:3" ht="19.2">
      <c r="A55130" s="2"/>
      <c r="B55130" s="2"/>
      <c r="C55130" s="2"/>
    </row>
    <row r="55131" spans="1:3" ht="19.2">
      <c r="A55131" s="2"/>
      <c r="B55131" s="2"/>
      <c r="C55131" s="2"/>
    </row>
    <row r="55132" spans="1:3" ht="19.2">
      <c r="A55132" s="2"/>
      <c r="B55132" s="2"/>
      <c r="C55132" s="2"/>
    </row>
    <row r="55133" spans="1:3" ht="19.2">
      <c r="A55133" s="2"/>
      <c r="B55133" s="2"/>
      <c r="C55133" s="2"/>
    </row>
    <row r="55134" spans="1:3" ht="19.2">
      <c r="A55134" s="2"/>
      <c r="B55134" s="2"/>
      <c r="C55134" s="2"/>
    </row>
    <row r="55135" spans="1:3" ht="19.2">
      <c r="A55135" s="2"/>
      <c r="B55135" s="2"/>
      <c r="C55135" s="2"/>
    </row>
    <row r="55136" spans="1:3" ht="19.2">
      <c r="A55136" s="2"/>
      <c r="B55136" s="2"/>
      <c r="C55136" s="2"/>
    </row>
    <row r="55137" spans="1:3" ht="19.2">
      <c r="A55137" s="2"/>
      <c r="B55137" s="2"/>
      <c r="C55137" s="2"/>
    </row>
    <row r="55138" spans="1:3" ht="19.2">
      <c r="A55138" s="2"/>
      <c r="B55138" s="2"/>
      <c r="C55138" s="2"/>
    </row>
    <row r="55139" spans="1:3" ht="19.2">
      <c r="A55139" s="2"/>
      <c r="B55139" s="2"/>
      <c r="C55139" s="2"/>
    </row>
    <row r="55140" spans="1:3" ht="19.2">
      <c r="A55140" s="2"/>
      <c r="B55140" s="2"/>
      <c r="C55140" s="2"/>
    </row>
    <row r="55141" spans="1:3" ht="19.2">
      <c r="A55141" s="2"/>
      <c r="B55141" s="2"/>
      <c r="C55141" s="2"/>
    </row>
    <row r="55142" spans="1:3" ht="19.2">
      <c r="A55142" s="2"/>
      <c r="B55142" s="2"/>
      <c r="C55142" s="2"/>
    </row>
    <row r="55143" spans="1:3" ht="19.2">
      <c r="A55143" s="2"/>
      <c r="B55143" s="2"/>
      <c r="C55143" s="2"/>
    </row>
    <row r="55144" spans="1:3" ht="19.2">
      <c r="A55144" s="2"/>
      <c r="B55144" s="2"/>
      <c r="C55144" s="2"/>
    </row>
    <row r="55145" spans="1:3" ht="19.2">
      <c r="A55145" s="2"/>
      <c r="B55145" s="2"/>
      <c r="C55145" s="2"/>
    </row>
    <row r="55146" spans="1:3" ht="19.2">
      <c r="A55146" s="2"/>
      <c r="B55146" s="2"/>
      <c r="C55146" s="2"/>
    </row>
    <row r="55147" spans="1:3" ht="19.2">
      <c r="A55147" s="2"/>
      <c r="B55147" s="2"/>
      <c r="C55147" s="2"/>
    </row>
    <row r="55148" spans="1:3" ht="19.2">
      <c r="A55148" s="2"/>
      <c r="B55148" s="2"/>
      <c r="C55148" s="2"/>
    </row>
    <row r="55149" spans="1:3" ht="19.2">
      <c r="A55149" s="2"/>
      <c r="B55149" s="2"/>
      <c r="C55149" s="2"/>
    </row>
    <row r="55150" spans="1:3" ht="19.2">
      <c r="A55150" s="2"/>
      <c r="B55150" s="2"/>
      <c r="C55150" s="2"/>
    </row>
    <row r="55151" spans="1:3" ht="19.2">
      <c r="A55151" s="2"/>
      <c r="B55151" s="2"/>
      <c r="C55151" s="2"/>
    </row>
    <row r="55152" spans="1:3" ht="19.2">
      <c r="A55152" s="2"/>
      <c r="B55152" s="2"/>
      <c r="C55152" s="2"/>
    </row>
    <row r="55153" spans="1:3" ht="19.2">
      <c r="A55153" s="2"/>
      <c r="B55153" s="2"/>
      <c r="C55153" s="2"/>
    </row>
    <row r="55154" spans="1:3" ht="19.2">
      <c r="A55154" s="2"/>
      <c r="B55154" s="2"/>
      <c r="C55154" s="2"/>
    </row>
    <row r="55155" spans="1:3" ht="19.2">
      <c r="A55155" s="2"/>
      <c r="B55155" s="2"/>
      <c r="C55155" s="2"/>
    </row>
    <row r="55156" spans="1:3" ht="19.2">
      <c r="A55156" s="2"/>
      <c r="B55156" s="2"/>
      <c r="C55156" s="2"/>
    </row>
    <row r="55157" spans="1:3" ht="19.2">
      <c r="A55157" s="2"/>
      <c r="B55157" s="2"/>
      <c r="C55157" s="2"/>
    </row>
    <row r="55158" spans="1:3" ht="19.2">
      <c r="A55158" s="2"/>
      <c r="B55158" s="2"/>
      <c r="C55158" s="2"/>
    </row>
    <row r="55159" spans="1:3" ht="19.2">
      <c r="A55159" s="2"/>
      <c r="B55159" s="2"/>
      <c r="C55159" s="2"/>
    </row>
    <row r="55160" spans="1:3" ht="19.2">
      <c r="A55160" s="2"/>
      <c r="B55160" s="2"/>
      <c r="C55160" s="2"/>
    </row>
    <row r="55161" spans="1:3" ht="19.2">
      <c r="A55161" s="2"/>
      <c r="B55161" s="2"/>
      <c r="C55161" s="2"/>
    </row>
    <row r="55162" spans="1:3" ht="19.2">
      <c r="A55162" s="2"/>
      <c r="B55162" s="2"/>
      <c r="C55162" s="2"/>
    </row>
    <row r="55163" spans="1:3" ht="19.2">
      <c r="A55163" s="2"/>
      <c r="B55163" s="2"/>
      <c r="C55163" s="2"/>
    </row>
    <row r="55164" spans="1:3" ht="19.2">
      <c r="A55164" s="2"/>
      <c r="B55164" s="2"/>
      <c r="C55164" s="2"/>
    </row>
    <row r="55165" spans="1:3" ht="19.2">
      <c r="A55165" s="2"/>
      <c r="B55165" s="2"/>
      <c r="C55165" s="2"/>
    </row>
    <row r="55166" spans="1:3" ht="19.2">
      <c r="A55166" s="2"/>
      <c r="B55166" s="2"/>
      <c r="C55166" s="2"/>
    </row>
    <row r="55167" spans="1:3" ht="19.2">
      <c r="A55167" s="2"/>
      <c r="B55167" s="2"/>
      <c r="C55167" s="2"/>
    </row>
    <row r="55168" spans="1:3" ht="19.2">
      <c r="A55168" s="2"/>
      <c r="B55168" s="2"/>
      <c r="C55168" s="2"/>
    </row>
    <row r="55169" spans="1:3" ht="19.2">
      <c r="A55169" s="2"/>
      <c r="B55169" s="2"/>
      <c r="C55169" s="2"/>
    </row>
    <row r="55170" spans="1:3" ht="19.2">
      <c r="A55170" s="2"/>
      <c r="B55170" s="2"/>
      <c r="C55170" s="2"/>
    </row>
    <row r="55171" spans="1:3" ht="19.2">
      <c r="A55171" s="2"/>
      <c r="B55171" s="2"/>
      <c r="C55171" s="2"/>
    </row>
    <row r="55172" spans="1:3" ht="19.2">
      <c r="A55172" s="2"/>
      <c r="B55172" s="2"/>
      <c r="C55172" s="2"/>
    </row>
    <row r="55173" spans="1:3" ht="19.2">
      <c r="A55173" s="2"/>
      <c r="B55173" s="2"/>
      <c r="C55173" s="2"/>
    </row>
    <row r="55174" spans="1:3" ht="19.2">
      <c r="A55174" s="2"/>
      <c r="B55174" s="2"/>
      <c r="C55174" s="2"/>
    </row>
    <row r="55175" spans="1:3" ht="19.2">
      <c r="A55175" s="2"/>
      <c r="B55175" s="2"/>
      <c r="C55175" s="2"/>
    </row>
    <row r="55176" spans="1:3" ht="19.2">
      <c r="A55176" s="2"/>
      <c r="B55176" s="2"/>
      <c r="C55176" s="2"/>
    </row>
    <row r="55177" spans="1:3" ht="19.2">
      <c r="A55177" s="2"/>
      <c r="B55177" s="2"/>
      <c r="C55177" s="2"/>
    </row>
    <row r="55178" spans="1:3" ht="19.2">
      <c r="A55178" s="2"/>
      <c r="B55178" s="2"/>
      <c r="C55178" s="2"/>
    </row>
    <row r="55179" spans="1:3" ht="19.2">
      <c r="A55179" s="2"/>
      <c r="B55179" s="2"/>
      <c r="C55179" s="2"/>
    </row>
    <row r="55180" spans="1:3" ht="19.2">
      <c r="A55180" s="2"/>
      <c r="B55180" s="2"/>
      <c r="C55180" s="2"/>
    </row>
    <row r="55181" spans="1:3" ht="19.2">
      <c r="A55181" s="2"/>
      <c r="B55181" s="2"/>
      <c r="C55181" s="2"/>
    </row>
    <row r="55182" spans="1:3" ht="19.2">
      <c r="A55182" s="2"/>
      <c r="B55182" s="2"/>
      <c r="C55182" s="2"/>
    </row>
    <row r="55183" spans="1:3" ht="19.2">
      <c r="A55183" s="2"/>
      <c r="B55183" s="2"/>
      <c r="C55183" s="2"/>
    </row>
    <row r="55184" spans="1:3" ht="19.2">
      <c r="A55184" s="2"/>
      <c r="B55184" s="2"/>
      <c r="C55184" s="2"/>
    </row>
    <row r="55185" spans="1:3" ht="19.2">
      <c r="A55185" s="2"/>
      <c r="B55185" s="2"/>
      <c r="C55185" s="2"/>
    </row>
    <row r="55186" spans="1:3" ht="19.2">
      <c r="A55186" s="2"/>
      <c r="B55186" s="2"/>
      <c r="C55186" s="2"/>
    </row>
    <row r="55187" spans="1:3" ht="19.2">
      <c r="A55187" s="2"/>
      <c r="B55187" s="2"/>
      <c r="C55187" s="2"/>
    </row>
    <row r="55188" spans="1:3" ht="19.2">
      <c r="A55188" s="2"/>
      <c r="B55188" s="2"/>
      <c r="C55188" s="2"/>
    </row>
    <row r="55189" spans="1:3" ht="19.2">
      <c r="A55189" s="2"/>
      <c r="B55189" s="2"/>
      <c r="C55189" s="2"/>
    </row>
    <row r="55190" spans="1:3" ht="19.2">
      <c r="A55190" s="2"/>
      <c r="B55190" s="2"/>
      <c r="C55190" s="2"/>
    </row>
    <row r="55191" spans="1:3" ht="19.2">
      <c r="A55191" s="2"/>
      <c r="B55191" s="2"/>
      <c r="C55191" s="2"/>
    </row>
    <row r="55192" spans="1:3" ht="19.2">
      <c r="A55192" s="2"/>
      <c r="B55192" s="2"/>
      <c r="C55192" s="2"/>
    </row>
    <row r="55193" spans="1:3" ht="19.2">
      <c r="A55193" s="2"/>
      <c r="B55193" s="2"/>
      <c r="C55193" s="2"/>
    </row>
    <row r="55194" spans="1:3" ht="19.2">
      <c r="A55194" s="2"/>
      <c r="B55194" s="2"/>
      <c r="C55194" s="2"/>
    </row>
    <row r="55195" spans="1:3" ht="19.2">
      <c r="A55195" s="2"/>
      <c r="B55195" s="2"/>
      <c r="C55195" s="2"/>
    </row>
    <row r="55196" spans="1:3" ht="19.2">
      <c r="A55196" s="2"/>
      <c r="B55196" s="2"/>
      <c r="C55196" s="2"/>
    </row>
    <row r="55197" spans="1:3" ht="19.2">
      <c r="A55197" s="2"/>
      <c r="B55197" s="2"/>
      <c r="C55197" s="2"/>
    </row>
    <row r="55198" spans="1:3" ht="19.2">
      <c r="A55198" s="2"/>
      <c r="B55198" s="2"/>
      <c r="C55198" s="2"/>
    </row>
    <row r="55199" spans="1:3" ht="19.2">
      <c r="A55199" s="2"/>
      <c r="B55199" s="2"/>
      <c r="C55199" s="2"/>
    </row>
    <row r="55200" spans="1:3" ht="19.2">
      <c r="A55200" s="2"/>
      <c r="B55200" s="2"/>
      <c r="C55200" s="2"/>
    </row>
    <row r="55201" spans="1:3" ht="19.2">
      <c r="A55201" s="2"/>
      <c r="B55201" s="2"/>
      <c r="C55201" s="2"/>
    </row>
    <row r="55202" spans="1:3" ht="19.2">
      <c r="A55202" s="2"/>
      <c r="B55202" s="2"/>
      <c r="C55202" s="2"/>
    </row>
    <row r="55203" spans="1:3" ht="19.2">
      <c r="A55203" s="2"/>
      <c r="B55203" s="2"/>
      <c r="C55203" s="2"/>
    </row>
    <row r="55204" spans="1:3" ht="19.2">
      <c r="A55204" s="2"/>
      <c r="B55204" s="2"/>
      <c r="C55204" s="2"/>
    </row>
    <row r="55205" spans="1:3" ht="19.2">
      <c r="A55205" s="2"/>
      <c r="B55205" s="2"/>
      <c r="C55205" s="2"/>
    </row>
    <row r="55206" spans="1:3" ht="19.2">
      <c r="A55206" s="2"/>
      <c r="B55206" s="2"/>
      <c r="C55206" s="2"/>
    </row>
    <row r="55207" spans="1:3" ht="19.2">
      <c r="A55207" s="2"/>
      <c r="B55207" s="2"/>
      <c r="C55207" s="2"/>
    </row>
    <row r="55208" spans="1:3" ht="19.2">
      <c r="A55208" s="2"/>
      <c r="B55208" s="2"/>
      <c r="C55208" s="2"/>
    </row>
    <row r="55209" spans="1:3" ht="19.2">
      <c r="A55209" s="2"/>
      <c r="B55209" s="2"/>
      <c r="C55209" s="2"/>
    </row>
    <row r="55210" spans="1:3" ht="19.2">
      <c r="A55210" s="2"/>
      <c r="B55210" s="2"/>
      <c r="C55210" s="2"/>
    </row>
    <row r="55211" spans="1:3" ht="19.2">
      <c r="A55211" s="2"/>
      <c r="B55211" s="2"/>
      <c r="C55211" s="2"/>
    </row>
    <row r="55212" spans="1:3" ht="19.2">
      <c r="A55212" s="2"/>
      <c r="B55212" s="2"/>
      <c r="C55212" s="2"/>
    </row>
    <row r="55213" spans="1:3" ht="19.2">
      <c r="A55213" s="2"/>
      <c r="B55213" s="2"/>
      <c r="C55213" s="2"/>
    </row>
    <row r="55214" spans="1:3" ht="19.2">
      <c r="A55214" s="2"/>
      <c r="B55214" s="2"/>
      <c r="C55214" s="2"/>
    </row>
    <row r="55215" spans="1:3" ht="19.2">
      <c r="A55215" s="2"/>
      <c r="B55215" s="2"/>
      <c r="C55215" s="2"/>
    </row>
    <row r="55216" spans="1:3" ht="19.2">
      <c r="A55216" s="2"/>
      <c r="B55216" s="2"/>
      <c r="C55216" s="2"/>
    </row>
    <row r="55217" spans="1:3" ht="19.2">
      <c r="A55217" s="2"/>
      <c r="B55217" s="2"/>
      <c r="C55217" s="2"/>
    </row>
    <row r="55218" spans="1:3" ht="19.2">
      <c r="A55218" s="2"/>
      <c r="B55218" s="2"/>
      <c r="C55218" s="2"/>
    </row>
    <row r="55219" spans="1:3" ht="19.2">
      <c r="A55219" s="2"/>
      <c r="B55219" s="2"/>
      <c r="C55219" s="2"/>
    </row>
    <row r="55220" spans="1:3" ht="19.2">
      <c r="A55220" s="2"/>
      <c r="B55220" s="2"/>
      <c r="C55220" s="2"/>
    </row>
    <row r="55221" spans="1:3" ht="19.2">
      <c r="A55221" s="2"/>
      <c r="B55221" s="2"/>
      <c r="C55221" s="2"/>
    </row>
    <row r="55222" spans="1:3" ht="19.2">
      <c r="A55222" s="2"/>
      <c r="B55222" s="2"/>
      <c r="C55222" s="2"/>
    </row>
    <row r="55223" spans="1:3" ht="19.2">
      <c r="A55223" s="2"/>
      <c r="B55223" s="2"/>
      <c r="C55223" s="2"/>
    </row>
    <row r="55224" spans="1:3" ht="19.2">
      <c r="A55224" s="2"/>
      <c r="B55224" s="2"/>
      <c r="C55224" s="2"/>
    </row>
    <row r="55225" spans="1:3" ht="19.2">
      <c r="A55225" s="2"/>
      <c r="B55225" s="2"/>
      <c r="C55225" s="2"/>
    </row>
    <row r="55226" spans="1:3" ht="19.2">
      <c r="A55226" s="2"/>
      <c r="B55226" s="2"/>
      <c r="C55226" s="2"/>
    </row>
    <row r="55227" spans="1:3" ht="19.2">
      <c r="A55227" s="2"/>
      <c r="B55227" s="2"/>
      <c r="C55227" s="2"/>
    </row>
    <row r="55228" spans="1:3" ht="19.2">
      <c r="A55228" s="2"/>
      <c r="B55228" s="2"/>
      <c r="C55228" s="2"/>
    </row>
    <row r="55229" spans="1:3" ht="19.2">
      <c r="A55229" s="2"/>
      <c r="B55229" s="2"/>
      <c r="C55229" s="2"/>
    </row>
    <row r="55230" spans="1:3" ht="19.2">
      <c r="A55230" s="2"/>
      <c r="B55230" s="2"/>
      <c r="C55230" s="2"/>
    </row>
    <row r="55231" spans="1:3" ht="19.2">
      <c r="A55231" s="2"/>
      <c r="B55231" s="2"/>
      <c r="C55231" s="2"/>
    </row>
    <row r="55232" spans="1:3" ht="19.2">
      <c r="A55232" s="2"/>
      <c r="B55232" s="2"/>
      <c r="C55232" s="2"/>
    </row>
    <row r="55233" spans="1:3" ht="19.2">
      <c r="A55233" s="2"/>
      <c r="B55233" s="2"/>
      <c r="C55233" s="2"/>
    </row>
    <row r="55234" spans="1:3" ht="19.2">
      <c r="A55234" s="2"/>
      <c r="B55234" s="2"/>
      <c r="C55234" s="2"/>
    </row>
    <row r="55235" spans="1:3" ht="19.2">
      <c r="A55235" s="2"/>
      <c r="B55235" s="2"/>
      <c r="C55235" s="2"/>
    </row>
    <row r="55236" spans="1:3" ht="19.2">
      <c r="A55236" s="2"/>
      <c r="B55236" s="2"/>
      <c r="C55236" s="2"/>
    </row>
    <row r="55237" spans="1:3" ht="19.2">
      <c r="A55237" s="2"/>
      <c r="B55237" s="2"/>
      <c r="C55237" s="2"/>
    </row>
    <row r="55238" spans="1:3" ht="19.2">
      <c r="A55238" s="2"/>
      <c r="B55238" s="2"/>
      <c r="C55238" s="2"/>
    </row>
    <row r="55239" spans="1:3" ht="19.2">
      <c r="A55239" s="2"/>
      <c r="B55239" s="2"/>
      <c r="C55239" s="2"/>
    </row>
    <row r="55240" spans="1:3" ht="19.2">
      <c r="A55240" s="2"/>
      <c r="B55240" s="2"/>
      <c r="C55240" s="2"/>
    </row>
    <row r="55241" spans="1:3" ht="19.2">
      <c r="A55241" s="2"/>
      <c r="B55241" s="2"/>
      <c r="C55241" s="2"/>
    </row>
    <row r="55242" spans="1:3" ht="19.2">
      <c r="A55242" s="2"/>
      <c r="B55242" s="2"/>
      <c r="C55242" s="2"/>
    </row>
    <row r="55243" spans="1:3" ht="19.2">
      <c r="A55243" s="2"/>
      <c r="B55243" s="2"/>
      <c r="C55243" s="2"/>
    </row>
    <row r="55244" spans="1:3" ht="19.2">
      <c r="A55244" s="2"/>
      <c r="B55244" s="2"/>
      <c r="C55244" s="2"/>
    </row>
    <row r="55245" spans="1:3" ht="19.2">
      <c r="A55245" s="2"/>
      <c r="B55245" s="2"/>
      <c r="C55245" s="2"/>
    </row>
    <row r="55246" spans="1:3" ht="19.2">
      <c r="A55246" s="2"/>
      <c r="B55246" s="2"/>
      <c r="C55246" s="2"/>
    </row>
    <row r="55247" spans="1:3" ht="19.2">
      <c r="A55247" s="2"/>
      <c r="B55247" s="2"/>
      <c r="C55247" s="2"/>
    </row>
    <row r="55248" spans="1:3" ht="19.2">
      <c r="A55248" s="2"/>
      <c r="B55248" s="2"/>
      <c r="C55248" s="2"/>
    </row>
    <row r="55249" spans="1:3" ht="19.2">
      <c r="A55249" s="2"/>
      <c r="B55249" s="2"/>
      <c r="C55249" s="2"/>
    </row>
    <row r="55250" spans="1:3" ht="19.2">
      <c r="A55250" s="2"/>
      <c r="B55250" s="2"/>
      <c r="C55250" s="2"/>
    </row>
    <row r="55251" spans="1:3" ht="19.2">
      <c r="A55251" s="2"/>
      <c r="B55251" s="2"/>
      <c r="C55251" s="2"/>
    </row>
    <row r="55252" spans="1:3" ht="19.2">
      <c r="A55252" s="2"/>
      <c r="B55252" s="2"/>
      <c r="C55252" s="2"/>
    </row>
    <row r="55253" spans="1:3" ht="19.2">
      <c r="A55253" s="2"/>
      <c r="B55253" s="2"/>
      <c r="C55253" s="2"/>
    </row>
    <row r="55254" spans="1:3" ht="19.2">
      <c r="A55254" s="2"/>
      <c r="B55254" s="2"/>
      <c r="C55254" s="2"/>
    </row>
    <row r="55255" spans="1:3" ht="19.2">
      <c r="A55255" s="2"/>
      <c r="B55255" s="2"/>
      <c r="C55255" s="2"/>
    </row>
    <row r="55256" spans="1:3" ht="19.2">
      <c r="A55256" s="2"/>
      <c r="B55256" s="2"/>
      <c r="C55256" s="2"/>
    </row>
    <row r="55257" spans="1:3" ht="19.2">
      <c r="A55257" s="2"/>
      <c r="B55257" s="2"/>
      <c r="C55257" s="2"/>
    </row>
    <row r="55258" spans="1:3" ht="19.2">
      <c r="A55258" s="2"/>
      <c r="B55258" s="2"/>
      <c r="C55258" s="2"/>
    </row>
    <row r="55259" spans="1:3" ht="19.2">
      <c r="A55259" s="2"/>
      <c r="B55259" s="2"/>
      <c r="C55259" s="2"/>
    </row>
    <row r="55260" spans="1:3" ht="19.2">
      <c r="A55260" s="2"/>
      <c r="B55260" s="2"/>
      <c r="C55260" s="2"/>
    </row>
    <row r="55261" spans="1:3" ht="19.2">
      <c r="A55261" s="2"/>
      <c r="B55261" s="2"/>
      <c r="C55261" s="2"/>
    </row>
    <row r="55262" spans="1:3" ht="19.2">
      <c r="A55262" s="2"/>
      <c r="B55262" s="2"/>
      <c r="C55262" s="2"/>
    </row>
    <row r="55263" spans="1:3" ht="19.2">
      <c r="A55263" s="2"/>
      <c r="B55263" s="2"/>
      <c r="C55263" s="2"/>
    </row>
    <row r="55264" spans="1:3" ht="19.2">
      <c r="A55264" s="2"/>
      <c r="B55264" s="2"/>
      <c r="C55264" s="2"/>
    </row>
    <row r="55265" spans="1:3" ht="19.2">
      <c r="A55265" s="2"/>
      <c r="B55265" s="2"/>
      <c r="C55265" s="2"/>
    </row>
    <row r="55266" spans="1:3" ht="19.2">
      <c r="A55266" s="2"/>
      <c r="B55266" s="2"/>
      <c r="C55266" s="2"/>
    </row>
    <row r="55267" spans="1:3" ht="19.2">
      <c r="A55267" s="2"/>
      <c r="B55267" s="2"/>
      <c r="C55267" s="2"/>
    </row>
    <row r="55268" spans="1:3" ht="19.2">
      <c r="A55268" s="2"/>
      <c r="B55268" s="2"/>
      <c r="C55268" s="2"/>
    </row>
    <row r="55269" spans="1:3" ht="19.2">
      <c r="A55269" s="2"/>
      <c r="B55269" s="2"/>
      <c r="C55269" s="2"/>
    </row>
    <row r="55270" spans="1:3" ht="19.2">
      <c r="A55270" s="2"/>
      <c r="B55270" s="2"/>
      <c r="C55270" s="2"/>
    </row>
    <row r="55271" spans="1:3" ht="19.2">
      <c r="A55271" s="2"/>
      <c r="B55271" s="2"/>
      <c r="C55271" s="2"/>
    </row>
    <row r="55272" spans="1:3" ht="19.2">
      <c r="A55272" s="2"/>
      <c r="B55272" s="2"/>
      <c r="C55272" s="2"/>
    </row>
    <row r="55273" spans="1:3" ht="19.2">
      <c r="A55273" s="2"/>
      <c r="B55273" s="2"/>
      <c r="C55273" s="2"/>
    </row>
    <row r="55274" spans="1:3" ht="19.2">
      <c r="A55274" s="2"/>
      <c r="B55274" s="2"/>
      <c r="C55274" s="2"/>
    </row>
    <row r="55275" spans="1:3" ht="19.2">
      <c r="A55275" s="2"/>
      <c r="B55275" s="2"/>
      <c r="C55275" s="2"/>
    </row>
    <row r="55276" spans="1:3" ht="19.2">
      <c r="A55276" s="2"/>
      <c r="B55276" s="2"/>
      <c r="C55276" s="2"/>
    </row>
    <row r="55277" spans="1:3" ht="19.2">
      <c r="A55277" s="2"/>
      <c r="B55277" s="2"/>
      <c r="C55277" s="2"/>
    </row>
    <row r="55278" spans="1:3" ht="19.2">
      <c r="A55278" s="2"/>
      <c r="B55278" s="2"/>
      <c r="C55278" s="2"/>
    </row>
    <row r="55279" spans="1:3" ht="19.2">
      <c r="A55279" s="2"/>
      <c r="B55279" s="2"/>
      <c r="C55279" s="2"/>
    </row>
    <row r="55280" spans="1:3" ht="19.2">
      <c r="A55280" s="2"/>
      <c r="B55280" s="2"/>
      <c r="C55280" s="2"/>
    </row>
    <row r="55281" spans="1:3" ht="19.2">
      <c r="A55281" s="2"/>
      <c r="B55281" s="2"/>
      <c r="C55281" s="2"/>
    </row>
    <row r="55282" spans="1:3" ht="19.2">
      <c r="A55282" s="2"/>
      <c r="B55282" s="2"/>
      <c r="C55282" s="2"/>
    </row>
    <row r="55283" spans="1:3" ht="19.2">
      <c r="A55283" s="2"/>
      <c r="B55283" s="2"/>
      <c r="C55283" s="2"/>
    </row>
    <row r="55284" spans="1:3" ht="19.2">
      <c r="A55284" s="2"/>
      <c r="B55284" s="2"/>
      <c r="C55284" s="2"/>
    </row>
    <row r="55285" spans="1:3" ht="19.2">
      <c r="A55285" s="2"/>
      <c r="B55285" s="2"/>
      <c r="C55285" s="2"/>
    </row>
    <row r="55286" spans="1:3" ht="19.2">
      <c r="A55286" s="2"/>
      <c r="B55286" s="2"/>
      <c r="C55286" s="2"/>
    </row>
    <row r="55287" spans="1:3" ht="19.2">
      <c r="A55287" s="2"/>
      <c r="B55287" s="2"/>
      <c r="C55287" s="2"/>
    </row>
    <row r="55288" spans="1:3" ht="19.2">
      <c r="A55288" s="2"/>
      <c r="B55288" s="2"/>
      <c r="C55288" s="2"/>
    </row>
    <row r="55289" spans="1:3" ht="19.2">
      <c r="A55289" s="2"/>
      <c r="B55289" s="2"/>
      <c r="C55289" s="2"/>
    </row>
    <row r="55290" spans="1:3" ht="19.2">
      <c r="A55290" s="2"/>
      <c r="B55290" s="2"/>
      <c r="C55290" s="2"/>
    </row>
    <row r="55291" spans="1:3" ht="19.2">
      <c r="A55291" s="2"/>
      <c r="B55291" s="2"/>
      <c r="C55291" s="2"/>
    </row>
    <row r="55292" spans="1:3" ht="19.2">
      <c r="A55292" s="2"/>
      <c r="B55292" s="2"/>
      <c r="C55292" s="2"/>
    </row>
    <row r="55293" spans="1:3" ht="19.2">
      <c r="A55293" s="2"/>
      <c r="B55293" s="2"/>
      <c r="C55293" s="2"/>
    </row>
    <row r="55294" spans="1:3" ht="19.2">
      <c r="A55294" s="2"/>
      <c r="B55294" s="2"/>
      <c r="C55294" s="2"/>
    </row>
    <row r="55295" spans="1:3" ht="19.2">
      <c r="A55295" s="2"/>
      <c r="B55295" s="2"/>
      <c r="C55295" s="2"/>
    </row>
    <row r="55296" spans="1:3" ht="19.2">
      <c r="A55296" s="2"/>
      <c r="B55296" s="2"/>
      <c r="C55296" s="2"/>
    </row>
    <row r="55297" spans="1:3" ht="19.2">
      <c r="A55297" s="2"/>
      <c r="B55297" s="2"/>
      <c r="C55297" s="2"/>
    </row>
    <row r="55298" spans="1:3" ht="19.2">
      <c r="A55298" s="2"/>
      <c r="B55298" s="2"/>
      <c r="C55298" s="2"/>
    </row>
    <row r="55299" spans="1:3" ht="19.2">
      <c r="A55299" s="2"/>
      <c r="B55299" s="2"/>
      <c r="C55299" s="2"/>
    </row>
    <row r="55300" spans="1:3" ht="19.2">
      <c r="A55300" s="2"/>
      <c r="B55300" s="2"/>
      <c r="C55300" s="2"/>
    </row>
    <row r="55301" spans="1:3" ht="19.2">
      <c r="A55301" s="2"/>
      <c r="B55301" s="2"/>
      <c r="C55301" s="2"/>
    </row>
    <row r="55302" spans="1:3" ht="19.2">
      <c r="A55302" s="2"/>
      <c r="B55302" s="2"/>
      <c r="C55302" s="2"/>
    </row>
    <row r="55303" spans="1:3" ht="19.2">
      <c r="A55303" s="2"/>
      <c r="B55303" s="2"/>
      <c r="C55303" s="2"/>
    </row>
    <row r="55304" spans="1:3" ht="19.2">
      <c r="A55304" s="2"/>
      <c r="B55304" s="2"/>
      <c r="C55304" s="2"/>
    </row>
    <row r="55305" spans="1:3" ht="19.2">
      <c r="A55305" s="2"/>
      <c r="B55305" s="2"/>
      <c r="C55305" s="2"/>
    </row>
    <row r="55306" spans="1:3" ht="19.2">
      <c r="A55306" s="2"/>
      <c r="B55306" s="2"/>
      <c r="C55306" s="2"/>
    </row>
    <row r="55307" spans="1:3" ht="19.2">
      <c r="A55307" s="2"/>
      <c r="B55307" s="2"/>
      <c r="C55307" s="2"/>
    </row>
    <row r="55308" spans="1:3" ht="19.2">
      <c r="A55308" s="2"/>
      <c r="B55308" s="2"/>
      <c r="C55308" s="2"/>
    </row>
    <row r="55309" spans="1:3" ht="19.2">
      <c r="A55309" s="2"/>
      <c r="B55309" s="2"/>
      <c r="C55309" s="2"/>
    </row>
    <row r="55310" spans="1:3" ht="19.2">
      <c r="A55310" s="2"/>
      <c r="B55310" s="2"/>
      <c r="C55310" s="2"/>
    </row>
    <row r="55311" spans="1:3" ht="19.2">
      <c r="A55311" s="2"/>
      <c r="B55311" s="2"/>
      <c r="C55311" s="2"/>
    </row>
    <row r="55312" spans="1:3" ht="19.2">
      <c r="A55312" s="2"/>
      <c r="B55312" s="2"/>
      <c r="C55312" s="2"/>
    </row>
    <row r="55313" spans="1:3" ht="19.2">
      <c r="A55313" s="2"/>
      <c r="B55313" s="2"/>
      <c r="C55313" s="2"/>
    </row>
    <row r="55314" spans="1:3" ht="19.2">
      <c r="A55314" s="2"/>
      <c r="B55314" s="2"/>
      <c r="C55314" s="2"/>
    </row>
    <row r="55315" spans="1:3" ht="19.2">
      <c r="A55315" s="2"/>
      <c r="B55315" s="2"/>
      <c r="C55315" s="2"/>
    </row>
    <row r="55316" spans="1:3" ht="19.2">
      <c r="A55316" s="2"/>
      <c r="B55316" s="2"/>
      <c r="C55316" s="2"/>
    </row>
    <row r="55317" spans="1:3" ht="19.2">
      <c r="A55317" s="2"/>
      <c r="B55317" s="2"/>
      <c r="C55317" s="2"/>
    </row>
    <row r="55318" spans="1:3" ht="19.2">
      <c r="A55318" s="2"/>
      <c r="B55318" s="2"/>
      <c r="C55318" s="2"/>
    </row>
    <row r="55319" spans="1:3" ht="19.2">
      <c r="A55319" s="2"/>
      <c r="B55319" s="2"/>
      <c r="C55319" s="2"/>
    </row>
    <row r="55320" spans="1:3" ht="19.2">
      <c r="A55320" s="2"/>
      <c r="B55320" s="2"/>
      <c r="C55320" s="2"/>
    </row>
    <row r="55321" spans="1:3" ht="19.2">
      <c r="A55321" s="2"/>
      <c r="B55321" s="2"/>
      <c r="C55321" s="2"/>
    </row>
    <row r="55322" spans="1:3" ht="19.2">
      <c r="A55322" s="2"/>
      <c r="B55322" s="2"/>
      <c r="C55322" s="2"/>
    </row>
    <row r="55323" spans="1:3" ht="19.2">
      <c r="A55323" s="2"/>
      <c r="B55323" s="2"/>
      <c r="C55323" s="2"/>
    </row>
    <row r="55324" spans="1:3" ht="19.2">
      <c r="A55324" s="2"/>
      <c r="B55324" s="2"/>
      <c r="C55324" s="2"/>
    </row>
    <row r="55325" spans="1:3" ht="19.2">
      <c r="A55325" s="2"/>
      <c r="B55325" s="2"/>
      <c r="C55325" s="2"/>
    </row>
    <row r="55326" spans="1:3" ht="19.2">
      <c r="A55326" s="2"/>
      <c r="B55326" s="2"/>
      <c r="C55326" s="2"/>
    </row>
    <row r="55327" spans="1:3" ht="19.2">
      <c r="A55327" s="2"/>
      <c r="B55327" s="2"/>
      <c r="C55327" s="2"/>
    </row>
    <row r="55328" spans="1:3" ht="19.2">
      <c r="A55328" s="2"/>
      <c r="B55328" s="2"/>
      <c r="C55328" s="2"/>
    </row>
    <row r="55329" spans="1:3" ht="19.2">
      <c r="A55329" s="2"/>
      <c r="B55329" s="2"/>
      <c r="C55329" s="2"/>
    </row>
    <row r="55330" spans="1:3" ht="19.2">
      <c r="A55330" s="2"/>
      <c r="B55330" s="2"/>
      <c r="C55330" s="2"/>
    </row>
    <row r="55331" spans="1:3" ht="19.2">
      <c r="A55331" s="2"/>
      <c r="B55331" s="2"/>
      <c r="C55331" s="2"/>
    </row>
    <row r="55332" spans="1:3" ht="19.2">
      <c r="A55332" s="2"/>
      <c r="B55332" s="2"/>
      <c r="C55332" s="2"/>
    </row>
    <row r="55333" spans="1:3" ht="19.2">
      <c r="A55333" s="2"/>
      <c r="B55333" s="2"/>
      <c r="C55333" s="2"/>
    </row>
    <row r="55334" spans="1:3" ht="19.2">
      <c r="A55334" s="2"/>
      <c r="B55334" s="2"/>
      <c r="C55334" s="2"/>
    </row>
    <row r="55335" spans="1:3" ht="19.2">
      <c r="A55335" s="2"/>
      <c r="B55335" s="2"/>
      <c r="C55335" s="2"/>
    </row>
    <row r="55336" spans="1:3" ht="19.2">
      <c r="A55336" s="2"/>
      <c r="B55336" s="2"/>
      <c r="C55336" s="2"/>
    </row>
    <row r="55337" spans="1:3" ht="19.2">
      <c r="A55337" s="2"/>
      <c r="B55337" s="2"/>
      <c r="C55337" s="2"/>
    </row>
    <row r="55338" spans="1:3" ht="19.2">
      <c r="A55338" s="2"/>
      <c r="B55338" s="2"/>
      <c r="C55338" s="2"/>
    </row>
    <row r="55339" spans="1:3" ht="19.2">
      <c r="A55339" s="2"/>
      <c r="B55339" s="2"/>
      <c r="C55339" s="2"/>
    </row>
    <row r="55340" spans="1:3" ht="19.2">
      <c r="A55340" s="2"/>
      <c r="B55340" s="2"/>
      <c r="C55340" s="2"/>
    </row>
    <row r="55341" spans="1:3" ht="19.2">
      <c r="A55341" s="2"/>
      <c r="B55341" s="2"/>
      <c r="C55341" s="2"/>
    </row>
    <row r="55342" spans="1:3" ht="19.2">
      <c r="A55342" s="2"/>
      <c r="B55342" s="2"/>
      <c r="C55342" s="2"/>
    </row>
    <row r="55343" spans="1:3" ht="19.2">
      <c r="A55343" s="2"/>
      <c r="B55343" s="2"/>
      <c r="C55343" s="2"/>
    </row>
    <row r="55344" spans="1:3" ht="19.2">
      <c r="A55344" s="2"/>
      <c r="B55344" s="2"/>
      <c r="C55344" s="2"/>
    </row>
    <row r="55345" spans="1:3" ht="19.2">
      <c r="A55345" s="2"/>
      <c r="B55345" s="2"/>
      <c r="C55345" s="2"/>
    </row>
    <row r="55346" spans="1:3" ht="19.2">
      <c r="A55346" s="2"/>
      <c r="B55346" s="2"/>
      <c r="C55346" s="2"/>
    </row>
    <row r="55347" spans="1:3" ht="19.2">
      <c r="A55347" s="2"/>
      <c r="B55347" s="2"/>
      <c r="C55347" s="2"/>
    </row>
    <row r="55348" spans="1:3" ht="19.2">
      <c r="A55348" s="2"/>
      <c r="B55348" s="2"/>
      <c r="C55348" s="2"/>
    </row>
    <row r="55349" spans="1:3" ht="19.2">
      <c r="A55349" s="2"/>
      <c r="B55349" s="2"/>
      <c r="C55349" s="2"/>
    </row>
    <row r="55350" spans="1:3" ht="19.2">
      <c r="A55350" s="2"/>
      <c r="B55350" s="2"/>
      <c r="C55350" s="2"/>
    </row>
    <row r="55351" spans="1:3" ht="19.2">
      <c r="A55351" s="2"/>
      <c r="B55351" s="2"/>
      <c r="C55351" s="2"/>
    </row>
    <row r="55352" spans="1:3" ht="19.2">
      <c r="A55352" s="2"/>
      <c r="B55352" s="2"/>
      <c r="C55352" s="2"/>
    </row>
    <row r="55353" spans="1:3" ht="19.2">
      <c r="A55353" s="2"/>
      <c r="B55353" s="2"/>
      <c r="C55353" s="2"/>
    </row>
    <row r="55354" spans="1:3" ht="19.2">
      <c r="A55354" s="2"/>
      <c r="B55354" s="2"/>
      <c r="C55354" s="2"/>
    </row>
    <row r="55355" spans="1:3" ht="19.2">
      <c r="A55355" s="2"/>
      <c r="B55355" s="2"/>
      <c r="C55355" s="2"/>
    </row>
    <row r="55356" spans="1:3" ht="19.2">
      <c r="A55356" s="2"/>
      <c r="B55356" s="2"/>
      <c r="C55356" s="2"/>
    </row>
    <row r="55357" spans="1:3" ht="19.2">
      <c r="A55357" s="2"/>
      <c r="B55357" s="2"/>
      <c r="C55357" s="2"/>
    </row>
    <row r="55358" spans="1:3" ht="19.2">
      <c r="A55358" s="2"/>
      <c r="B55358" s="2"/>
      <c r="C55358" s="2"/>
    </row>
    <row r="55359" spans="1:3" ht="19.2">
      <c r="A55359" s="2"/>
      <c r="B55359" s="2"/>
      <c r="C55359" s="2"/>
    </row>
    <row r="55360" spans="1:3" ht="19.2">
      <c r="A55360" s="2"/>
      <c r="B55360" s="2"/>
      <c r="C55360" s="2"/>
    </row>
    <row r="55361" spans="1:3" ht="19.2">
      <c r="A55361" s="2"/>
      <c r="B55361" s="2"/>
      <c r="C55361" s="2"/>
    </row>
    <row r="55362" spans="1:3" ht="19.2">
      <c r="A55362" s="2"/>
      <c r="B55362" s="2"/>
      <c r="C55362" s="2"/>
    </row>
    <row r="55363" spans="1:3" ht="19.2">
      <c r="A55363" s="2"/>
      <c r="B55363" s="2"/>
      <c r="C55363" s="2"/>
    </row>
    <row r="55364" spans="1:3" ht="19.2">
      <c r="A55364" s="2"/>
      <c r="B55364" s="2"/>
      <c r="C55364" s="2"/>
    </row>
    <row r="55365" spans="1:3" ht="19.2">
      <c r="A55365" s="2"/>
      <c r="B55365" s="2"/>
      <c r="C55365" s="2"/>
    </row>
    <row r="55366" spans="1:3" ht="19.2">
      <c r="A55366" s="2"/>
      <c r="B55366" s="2"/>
      <c r="C55366" s="2"/>
    </row>
    <row r="55367" spans="1:3" ht="19.2">
      <c r="A55367" s="2"/>
      <c r="B55367" s="2"/>
      <c r="C55367" s="2"/>
    </row>
    <row r="55368" spans="1:3" ht="19.2">
      <c r="A55368" s="2"/>
      <c r="B55368" s="2"/>
      <c r="C55368" s="2"/>
    </row>
    <row r="55369" spans="1:3" ht="19.2">
      <c r="A55369" s="2"/>
      <c r="B55369" s="2"/>
      <c r="C55369" s="2"/>
    </row>
    <row r="55370" spans="1:3" ht="19.2">
      <c r="A55370" s="2"/>
      <c r="B55370" s="2"/>
      <c r="C55370" s="2"/>
    </row>
    <row r="55371" spans="1:3" ht="19.2">
      <c r="A55371" s="2"/>
      <c r="B55371" s="2"/>
      <c r="C55371" s="2"/>
    </row>
    <row r="55372" spans="1:3" ht="19.2">
      <c r="A55372" s="2"/>
      <c r="B55372" s="2"/>
      <c r="C55372" s="2"/>
    </row>
    <row r="55373" spans="1:3" ht="19.2">
      <c r="A55373" s="2"/>
      <c r="B55373" s="2"/>
      <c r="C55373" s="2"/>
    </row>
    <row r="55374" spans="1:3" ht="19.2">
      <c r="A55374" s="2"/>
      <c r="B55374" s="2"/>
      <c r="C55374" s="2"/>
    </row>
    <row r="55375" spans="1:3" ht="19.2">
      <c r="A55375" s="2"/>
      <c r="B55375" s="2"/>
      <c r="C55375" s="2"/>
    </row>
    <row r="55376" spans="1:3" ht="19.2">
      <c r="A55376" s="2"/>
      <c r="B55376" s="2"/>
      <c r="C55376" s="2"/>
    </row>
    <row r="55377" spans="1:3" ht="19.2">
      <c r="A55377" s="2"/>
      <c r="B55377" s="2"/>
      <c r="C55377" s="2"/>
    </row>
    <row r="55378" spans="1:3" ht="19.2">
      <c r="A55378" s="2"/>
      <c r="B55378" s="2"/>
      <c r="C55378" s="2"/>
    </row>
    <row r="55379" spans="1:3" ht="19.2">
      <c r="A55379" s="2"/>
      <c r="B55379" s="2"/>
      <c r="C55379" s="2"/>
    </row>
    <row r="55380" spans="1:3" ht="19.2">
      <c r="A55380" s="2"/>
      <c r="B55380" s="2"/>
      <c r="C55380" s="2"/>
    </row>
    <row r="55381" spans="1:3" ht="19.2">
      <c r="A55381" s="2"/>
      <c r="B55381" s="2"/>
      <c r="C55381" s="2"/>
    </row>
    <row r="55382" spans="1:3" ht="19.2">
      <c r="A55382" s="2"/>
      <c r="B55382" s="2"/>
      <c r="C55382" s="2"/>
    </row>
    <row r="55383" spans="1:3" ht="19.2">
      <c r="A55383" s="2"/>
      <c r="B55383" s="2"/>
      <c r="C55383" s="2"/>
    </row>
    <row r="55384" spans="1:3" ht="19.2">
      <c r="A55384" s="2"/>
      <c r="B55384" s="2"/>
      <c r="C55384" s="2"/>
    </row>
    <row r="55385" spans="1:3" ht="19.2">
      <c r="A55385" s="2"/>
      <c r="B55385" s="2"/>
      <c r="C55385" s="2"/>
    </row>
    <row r="55386" spans="1:3" ht="19.2">
      <c r="A55386" s="2"/>
      <c r="B55386" s="2"/>
      <c r="C55386" s="2"/>
    </row>
    <row r="55387" spans="1:3" ht="19.2">
      <c r="A55387" s="2"/>
      <c r="B55387" s="2"/>
      <c r="C55387" s="2"/>
    </row>
    <row r="55388" spans="1:3" ht="19.2">
      <c r="A55388" s="2"/>
      <c r="B55388" s="2"/>
      <c r="C55388" s="2"/>
    </row>
    <row r="55389" spans="1:3" ht="19.2">
      <c r="A55389" s="2"/>
      <c r="B55389" s="2"/>
      <c r="C55389" s="2"/>
    </row>
    <row r="55390" spans="1:3" ht="19.2">
      <c r="A55390" s="2"/>
      <c r="B55390" s="2"/>
      <c r="C55390" s="2"/>
    </row>
    <row r="55391" spans="1:3" ht="19.2">
      <c r="A55391" s="2"/>
      <c r="B55391" s="2"/>
      <c r="C55391" s="2"/>
    </row>
    <row r="55392" spans="1:3" ht="19.2">
      <c r="A55392" s="2"/>
      <c r="B55392" s="2"/>
      <c r="C55392" s="2"/>
    </row>
    <row r="55393" spans="1:3" ht="19.2">
      <c r="A55393" s="2"/>
      <c r="B55393" s="2"/>
      <c r="C55393" s="2"/>
    </row>
    <row r="55394" spans="1:3" ht="19.2">
      <c r="A55394" s="2"/>
      <c r="B55394" s="2"/>
      <c r="C55394" s="2"/>
    </row>
    <row r="55395" spans="1:3" ht="19.2">
      <c r="A55395" s="2"/>
      <c r="B55395" s="2"/>
      <c r="C55395" s="2"/>
    </row>
    <row r="55396" spans="1:3" ht="19.2">
      <c r="A55396" s="2"/>
      <c r="B55396" s="2"/>
      <c r="C55396" s="2"/>
    </row>
    <row r="55397" spans="1:3" ht="19.2">
      <c r="A55397" s="2"/>
      <c r="B55397" s="2"/>
      <c r="C55397" s="2"/>
    </row>
    <row r="55398" spans="1:3" ht="19.2">
      <c r="A55398" s="2"/>
      <c r="B55398" s="2"/>
      <c r="C55398" s="2"/>
    </row>
    <row r="55399" spans="1:3" ht="19.2">
      <c r="A55399" s="2"/>
      <c r="B55399" s="2"/>
      <c r="C55399" s="2"/>
    </row>
    <row r="55400" spans="1:3" ht="19.2">
      <c r="A55400" s="2"/>
      <c r="B55400" s="2"/>
      <c r="C55400" s="2"/>
    </row>
    <row r="55401" spans="1:3" ht="19.2">
      <c r="A55401" s="2"/>
      <c r="B55401" s="2"/>
      <c r="C55401" s="2"/>
    </row>
    <row r="55402" spans="1:3" ht="19.2">
      <c r="A55402" s="2"/>
      <c r="B55402" s="2"/>
      <c r="C55402" s="2"/>
    </row>
    <row r="55403" spans="1:3" ht="19.2">
      <c r="A55403" s="2"/>
      <c r="B55403" s="2"/>
      <c r="C55403" s="2"/>
    </row>
    <row r="55404" spans="1:3" ht="19.2">
      <c r="A55404" s="2"/>
      <c r="B55404" s="2"/>
      <c r="C55404" s="2"/>
    </row>
    <row r="55405" spans="1:3" ht="19.2">
      <c r="A55405" s="2"/>
      <c r="B55405" s="2"/>
      <c r="C55405" s="2"/>
    </row>
    <row r="55406" spans="1:3" ht="19.2">
      <c r="A55406" s="2"/>
      <c r="B55406" s="2"/>
      <c r="C55406" s="2"/>
    </row>
    <row r="55407" spans="1:3" ht="19.2">
      <c r="A55407" s="2"/>
      <c r="B55407" s="2"/>
      <c r="C55407" s="2"/>
    </row>
    <row r="55408" spans="1:3" ht="19.2">
      <c r="A55408" s="2"/>
      <c r="B55408" s="2"/>
      <c r="C55408" s="2"/>
    </row>
    <row r="55409" spans="1:3" ht="19.2">
      <c r="A55409" s="2"/>
      <c r="B55409" s="2"/>
      <c r="C55409" s="2"/>
    </row>
    <row r="55410" spans="1:3" ht="19.2">
      <c r="A55410" s="2"/>
      <c r="B55410" s="2"/>
      <c r="C55410" s="2"/>
    </row>
    <row r="55411" spans="1:3" ht="19.2">
      <c r="A55411" s="2"/>
      <c r="B55411" s="2"/>
      <c r="C55411" s="2"/>
    </row>
    <row r="55412" spans="1:3" ht="19.2">
      <c r="A55412" s="2"/>
      <c r="B55412" s="2"/>
      <c r="C55412" s="2"/>
    </row>
    <row r="55413" spans="1:3" ht="19.2">
      <c r="A55413" s="2"/>
      <c r="B55413" s="2"/>
      <c r="C55413" s="2"/>
    </row>
    <row r="55414" spans="1:3" ht="19.2">
      <c r="A55414" s="2"/>
      <c r="B55414" s="2"/>
      <c r="C55414" s="2"/>
    </row>
    <row r="55415" spans="1:3" ht="19.2">
      <c r="A55415" s="2"/>
      <c r="B55415" s="2"/>
      <c r="C55415" s="2"/>
    </row>
    <row r="55416" spans="1:3" ht="19.2">
      <c r="A55416" s="2"/>
      <c r="B55416" s="2"/>
      <c r="C55416" s="2"/>
    </row>
    <row r="55417" spans="1:3" ht="19.2">
      <c r="A55417" s="2"/>
      <c r="B55417" s="2"/>
      <c r="C55417" s="2"/>
    </row>
    <row r="55418" spans="1:3" ht="19.2">
      <c r="A55418" s="2"/>
      <c r="B55418" s="2"/>
      <c r="C55418" s="2"/>
    </row>
    <row r="55419" spans="1:3" ht="19.2">
      <c r="A55419" s="2"/>
      <c r="B55419" s="2"/>
      <c r="C55419" s="2"/>
    </row>
    <row r="55420" spans="1:3" ht="19.2">
      <c r="A55420" s="2"/>
      <c r="B55420" s="2"/>
      <c r="C55420" s="2"/>
    </row>
    <row r="55421" spans="1:3" ht="19.2">
      <c r="A55421" s="2"/>
      <c r="B55421" s="2"/>
      <c r="C55421" s="2"/>
    </row>
    <row r="55422" spans="1:3" ht="19.2">
      <c r="A55422" s="2"/>
      <c r="B55422" s="2"/>
      <c r="C55422" s="2"/>
    </row>
    <row r="55423" spans="1:3" ht="19.2">
      <c r="A55423" s="2"/>
      <c r="B55423" s="2"/>
      <c r="C55423" s="2"/>
    </row>
    <row r="55424" spans="1:3" ht="19.2">
      <c r="A55424" s="2"/>
      <c r="B55424" s="2"/>
      <c r="C55424" s="2"/>
    </row>
    <row r="55425" spans="1:3" ht="19.2">
      <c r="A55425" s="2"/>
      <c r="B55425" s="2"/>
      <c r="C55425" s="2"/>
    </row>
    <row r="55426" spans="1:3" ht="19.2">
      <c r="A55426" s="2"/>
      <c r="B55426" s="2"/>
      <c r="C55426" s="2"/>
    </row>
    <row r="55427" spans="1:3" ht="19.2">
      <c r="A55427" s="2"/>
      <c r="B55427" s="2"/>
      <c r="C55427" s="2"/>
    </row>
    <row r="55428" spans="1:3" ht="19.2">
      <c r="A55428" s="2"/>
      <c r="B55428" s="2"/>
      <c r="C55428" s="2"/>
    </row>
    <row r="55429" spans="1:3" ht="19.2">
      <c r="A55429" s="2"/>
      <c r="B55429" s="2"/>
      <c r="C55429" s="2"/>
    </row>
    <row r="55430" spans="1:3" ht="19.2">
      <c r="A55430" s="2"/>
      <c r="B55430" s="2"/>
      <c r="C55430" s="2"/>
    </row>
    <row r="55431" spans="1:3" ht="19.2">
      <c r="A55431" s="2"/>
      <c r="B55431" s="2"/>
      <c r="C55431" s="2"/>
    </row>
    <row r="55432" spans="1:3" ht="19.2">
      <c r="A55432" s="2"/>
      <c r="B55432" s="2"/>
      <c r="C55432" s="2"/>
    </row>
    <row r="55433" spans="1:3" ht="19.2">
      <c r="A55433" s="2"/>
      <c r="B55433" s="2"/>
      <c r="C55433" s="2"/>
    </row>
    <row r="55434" spans="1:3" ht="19.2">
      <c r="A55434" s="2"/>
      <c r="B55434" s="2"/>
      <c r="C55434" s="2"/>
    </row>
    <row r="55435" spans="1:3" ht="19.2">
      <c r="A55435" s="2"/>
      <c r="B55435" s="2"/>
      <c r="C55435" s="2"/>
    </row>
    <row r="55436" spans="1:3" ht="19.2">
      <c r="A55436" s="2"/>
      <c r="B55436" s="2"/>
      <c r="C55436" s="2"/>
    </row>
    <row r="55437" spans="1:3" ht="19.2">
      <c r="A55437" s="2"/>
      <c r="B55437" s="2"/>
      <c r="C55437" s="2"/>
    </row>
    <row r="55438" spans="1:3" ht="19.2">
      <c r="A55438" s="2"/>
      <c r="B55438" s="2"/>
      <c r="C55438" s="2"/>
    </row>
    <row r="55439" spans="1:3" ht="19.2">
      <c r="A55439" s="2"/>
      <c r="B55439" s="2"/>
      <c r="C55439" s="2"/>
    </row>
    <row r="55440" spans="1:3" ht="19.2">
      <c r="A55440" s="2"/>
      <c r="B55440" s="2"/>
      <c r="C55440" s="2"/>
    </row>
    <row r="55441" spans="1:3" ht="19.2">
      <c r="A55441" s="2"/>
      <c r="B55441" s="2"/>
      <c r="C55441" s="2"/>
    </row>
    <row r="55442" spans="1:3" ht="19.2">
      <c r="A55442" s="2"/>
      <c r="B55442" s="2"/>
      <c r="C55442" s="2"/>
    </row>
    <row r="55443" spans="1:3" ht="19.2">
      <c r="A55443" s="2"/>
      <c r="B55443" s="2"/>
      <c r="C55443" s="2"/>
    </row>
    <row r="55444" spans="1:3" ht="19.2">
      <c r="A55444" s="2"/>
      <c r="B55444" s="2"/>
      <c r="C55444" s="2"/>
    </row>
    <row r="55445" spans="1:3" ht="19.2">
      <c r="A55445" s="2"/>
      <c r="B55445" s="2"/>
      <c r="C55445" s="2"/>
    </row>
    <row r="55446" spans="1:3" ht="19.2">
      <c r="A55446" s="2"/>
      <c r="B55446" s="2"/>
      <c r="C55446" s="2"/>
    </row>
    <row r="55447" spans="1:3" ht="19.2">
      <c r="A55447" s="2"/>
      <c r="B55447" s="2"/>
      <c r="C55447" s="2"/>
    </row>
    <row r="55448" spans="1:3" ht="19.2">
      <c r="A55448" s="2"/>
      <c r="B55448" s="2"/>
      <c r="C55448" s="2"/>
    </row>
    <row r="55449" spans="1:3" ht="19.2">
      <c r="A55449" s="2"/>
      <c r="B55449" s="2"/>
      <c r="C55449" s="2"/>
    </row>
    <row r="55450" spans="1:3" ht="19.2">
      <c r="A55450" s="2"/>
      <c r="B55450" s="2"/>
      <c r="C55450" s="2"/>
    </row>
    <row r="55451" spans="1:3" ht="19.2">
      <c r="A55451" s="2"/>
      <c r="B55451" s="2"/>
      <c r="C55451" s="2"/>
    </row>
    <row r="55452" spans="1:3" ht="19.2">
      <c r="A55452" s="2"/>
      <c r="B55452" s="2"/>
      <c r="C55452" s="2"/>
    </row>
    <row r="55453" spans="1:3" ht="19.2">
      <c r="A55453" s="2"/>
      <c r="B55453" s="2"/>
      <c r="C55453" s="2"/>
    </row>
    <row r="55454" spans="1:3" ht="19.2">
      <c r="A55454" s="2"/>
      <c r="B55454" s="2"/>
      <c r="C55454" s="2"/>
    </row>
    <row r="55455" spans="1:3" ht="19.2">
      <c r="A55455" s="2"/>
      <c r="B55455" s="2"/>
      <c r="C55455" s="2"/>
    </row>
    <row r="55456" spans="1:3" ht="19.2">
      <c r="A55456" s="2"/>
      <c r="B55456" s="2"/>
      <c r="C55456" s="2"/>
    </row>
    <row r="55457" spans="1:3" ht="19.2">
      <c r="A55457" s="2"/>
      <c r="B55457" s="2"/>
      <c r="C55457" s="2"/>
    </row>
    <row r="55458" spans="1:3" ht="19.2">
      <c r="A55458" s="2"/>
      <c r="B55458" s="2"/>
      <c r="C55458" s="2"/>
    </row>
    <row r="55459" spans="1:3" ht="19.2">
      <c r="A55459" s="2"/>
      <c r="B55459" s="2"/>
      <c r="C55459" s="2"/>
    </row>
    <row r="55460" spans="1:3" ht="19.2">
      <c r="A55460" s="2"/>
      <c r="B55460" s="2"/>
      <c r="C55460" s="2"/>
    </row>
    <row r="55461" spans="1:3" ht="19.2">
      <c r="A55461" s="2"/>
      <c r="B55461" s="2"/>
      <c r="C55461" s="2"/>
    </row>
    <row r="55462" spans="1:3" ht="19.2">
      <c r="A55462" s="2"/>
      <c r="B55462" s="2"/>
      <c r="C55462" s="2"/>
    </row>
    <row r="55463" spans="1:3" ht="19.2">
      <c r="A55463" s="2"/>
      <c r="B55463" s="2"/>
      <c r="C55463" s="2"/>
    </row>
    <row r="55464" spans="1:3" ht="19.2">
      <c r="A55464" s="2"/>
      <c r="B55464" s="2"/>
      <c r="C55464" s="2"/>
    </row>
    <row r="55465" spans="1:3" ht="19.2">
      <c r="A55465" s="2"/>
      <c r="B55465" s="2"/>
      <c r="C55465" s="2"/>
    </row>
    <row r="55466" spans="1:3" ht="19.2">
      <c r="A55466" s="2"/>
      <c r="B55466" s="2"/>
      <c r="C55466" s="2"/>
    </row>
    <row r="55467" spans="1:3" ht="19.2">
      <c r="A55467" s="2"/>
      <c r="B55467" s="2"/>
      <c r="C55467" s="2"/>
    </row>
    <row r="55468" spans="1:3" ht="19.2">
      <c r="A55468" s="2"/>
      <c r="B55468" s="2"/>
      <c r="C55468" s="2"/>
    </row>
    <row r="55469" spans="1:3" ht="19.2">
      <c r="A55469" s="2"/>
      <c r="B55469" s="2"/>
      <c r="C55469" s="2"/>
    </row>
    <row r="55470" spans="1:3" ht="19.2">
      <c r="A55470" s="2"/>
      <c r="B55470" s="2"/>
      <c r="C55470" s="2"/>
    </row>
    <row r="55471" spans="1:3" ht="19.2">
      <c r="A55471" s="2"/>
      <c r="B55471" s="2"/>
      <c r="C55471" s="2"/>
    </row>
    <row r="55472" spans="1:3" ht="19.2">
      <c r="A55472" s="2"/>
      <c r="B55472" s="2"/>
      <c r="C55472" s="2"/>
    </row>
    <row r="55473" spans="1:3" ht="19.2">
      <c r="A55473" s="2"/>
      <c r="B55473" s="2"/>
      <c r="C55473" s="2"/>
    </row>
    <row r="55474" spans="1:3" ht="19.2">
      <c r="A55474" s="2"/>
      <c r="B55474" s="2"/>
      <c r="C55474" s="2"/>
    </row>
    <row r="55475" spans="1:3" ht="19.2">
      <c r="A55475" s="2"/>
      <c r="B55475" s="2"/>
      <c r="C55475" s="2"/>
    </row>
    <row r="55476" spans="1:3" ht="19.2">
      <c r="A55476" s="2"/>
      <c r="B55476" s="2"/>
      <c r="C55476" s="2"/>
    </row>
    <row r="55477" spans="1:3" ht="19.2">
      <c r="A55477" s="2"/>
      <c r="B55477" s="2"/>
      <c r="C55477" s="2"/>
    </row>
    <row r="55478" spans="1:3" ht="19.2">
      <c r="A55478" s="2"/>
      <c r="B55478" s="2"/>
      <c r="C55478" s="2"/>
    </row>
    <row r="55479" spans="1:3" ht="19.2">
      <c r="A55479" s="2"/>
      <c r="B55479" s="2"/>
      <c r="C55479" s="2"/>
    </row>
    <row r="55480" spans="1:3" ht="19.2">
      <c r="A55480" s="2"/>
      <c r="B55480" s="2"/>
      <c r="C55480" s="2"/>
    </row>
    <row r="55481" spans="1:3" ht="19.2">
      <c r="A55481" s="2"/>
      <c r="B55481" s="2"/>
      <c r="C55481" s="2"/>
    </row>
    <row r="55482" spans="1:3" ht="19.2">
      <c r="A55482" s="2"/>
      <c r="B55482" s="2"/>
      <c r="C55482" s="2"/>
    </row>
    <row r="55483" spans="1:3" ht="19.2">
      <c r="A55483" s="2"/>
      <c r="B55483" s="2"/>
      <c r="C55483" s="2"/>
    </row>
    <row r="55484" spans="1:3" ht="19.2">
      <c r="A55484" s="2"/>
      <c r="B55484" s="2"/>
      <c r="C55484" s="2"/>
    </row>
    <row r="55485" spans="1:3" ht="19.2">
      <c r="A55485" s="2"/>
      <c r="B55485" s="2"/>
      <c r="C55485" s="2"/>
    </row>
    <row r="55486" spans="1:3" ht="19.2">
      <c r="A55486" s="2"/>
      <c r="B55486" s="2"/>
      <c r="C55486" s="2"/>
    </row>
    <row r="55487" spans="1:3" ht="19.2">
      <c r="A55487" s="2"/>
      <c r="B55487" s="2"/>
      <c r="C55487" s="2"/>
    </row>
    <row r="55488" spans="1:3" ht="19.2">
      <c r="A55488" s="2"/>
      <c r="B55488" s="2"/>
      <c r="C55488" s="2"/>
    </row>
    <row r="55489" spans="1:3" ht="19.2">
      <c r="A55489" s="2"/>
      <c r="B55489" s="2"/>
      <c r="C55489" s="2"/>
    </row>
    <row r="55490" spans="1:3" ht="19.2">
      <c r="A55490" s="2"/>
      <c r="B55490" s="2"/>
      <c r="C55490" s="2"/>
    </row>
    <row r="55491" spans="1:3" ht="19.2">
      <c r="A55491" s="2"/>
      <c r="B55491" s="2"/>
      <c r="C55491" s="2"/>
    </row>
    <row r="55492" spans="1:3" ht="19.2">
      <c r="A55492" s="2"/>
      <c r="B55492" s="2"/>
      <c r="C55492" s="2"/>
    </row>
    <row r="55493" spans="1:3" ht="19.2">
      <c r="A55493" s="2"/>
      <c r="B55493" s="2"/>
      <c r="C55493" s="2"/>
    </row>
    <row r="55494" spans="1:3" ht="19.2">
      <c r="A55494" s="2"/>
      <c r="B55494" s="2"/>
      <c r="C55494" s="2"/>
    </row>
    <row r="55495" spans="1:3" ht="19.2">
      <c r="A55495" s="2"/>
      <c r="B55495" s="2"/>
      <c r="C55495" s="2"/>
    </row>
    <row r="55496" spans="1:3" ht="19.2">
      <c r="A55496" s="2"/>
      <c r="B55496" s="2"/>
      <c r="C55496" s="2"/>
    </row>
    <row r="55497" spans="1:3" ht="19.2">
      <c r="A55497" s="2"/>
      <c r="B55497" s="2"/>
      <c r="C55497" s="2"/>
    </row>
    <row r="55498" spans="1:3" ht="19.2">
      <c r="A55498" s="2"/>
      <c r="B55498" s="2"/>
      <c r="C55498" s="2"/>
    </row>
    <row r="55499" spans="1:3" ht="19.2">
      <c r="A55499" s="2"/>
      <c r="B55499" s="2"/>
      <c r="C55499" s="2"/>
    </row>
    <row r="55500" spans="1:3" ht="19.2">
      <c r="A55500" s="2"/>
      <c r="B55500" s="2"/>
      <c r="C55500" s="2"/>
    </row>
    <row r="55501" spans="1:3" ht="19.2">
      <c r="A55501" s="2"/>
      <c r="B55501" s="2"/>
      <c r="C55501" s="2"/>
    </row>
    <row r="55502" spans="1:3" ht="19.2">
      <c r="A55502" s="2"/>
      <c r="B55502" s="2"/>
      <c r="C55502" s="2"/>
    </row>
    <row r="55503" spans="1:3" ht="19.2">
      <c r="A55503" s="2"/>
      <c r="B55503" s="2"/>
      <c r="C55503" s="2"/>
    </row>
    <row r="55504" spans="1:3" ht="19.2">
      <c r="A55504" s="2"/>
      <c r="B55504" s="2"/>
      <c r="C55504" s="2"/>
    </row>
    <row r="55505" spans="1:3" ht="19.2">
      <c r="A55505" s="2"/>
      <c r="B55505" s="2"/>
      <c r="C55505" s="2"/>
    </row>
    <row r="55506" spans="1:3" ht="19.2">
      <c r="A55506" s="2"/>
      <c r="B55506" s="2"/>
      <c r="C55506" s="2"/>
    </row>
    <row r="55507" spans="1:3" ht="19.2">
      <c r="A55507" s="2"/>
      <c r="B55507" s="2"/>
      <c r="C55507" s="2"/>
    </row>
    <row r="55508" spans="1:3" ht="19.2">
      <c r="A55508" s="2"/>
      <c r="B55508" s="2"/>
      <c r="C55508" s="2"/>
    </row>
    <row r="55509" spans="1:3" ht="19.2">
      <c r="A55509" s="2"/>
      <c r="B55509" s="2"/>
      <c r="C55509" s="2"/>
    </row>
    <row r="55510" spans="1:3" ht="19.2">
      <c r="A55510" s="2"/>
      <c r="B55510" s="2"/>
      <c r="C55510" s="2"/>
    </row>
    <row r="55511" spans="1:3" ht="19.2">
      <c r="A55511" s="2"/>
      <c r="B55511" s="2"/>
      <c r="C55511" s="2"/>
    </row>
    <row r="55512" spans="1:3" ht="19.2">
      <c r="A55512" s="2"/>
      <c r="B55512" s="2"/>
      <c r="C55512" s="2"/>
    </row>
    <row r="55513" spans="1:3" ht="19.2">
      <c r="A55513" s="2"/>
      <c r="B55513" s="2"/>
      <c r="C55513" s="2"/>
    </row>
    <row r="55514" spans="1:3" ht="19.2">
      <c r="A55514" s="2"/>
      <c r="B55514" s="2"/>
      <c r="C55514" s="2"/>
    </row>
    <row r="55515" spans="1:3" ht="19.2">
      <c r="A55515" s="2"/>
      <c r="B55515" s="2"/>
      <c r="C55515" s="2"/>
    </row>
    <row r="55516" spans="1:3" ht="19.2">
      <c r="A55516" s="2"/>
      <c r="B55516" s="2"/>
      <c r="C55516" s="2"/>
    </row>
    <row r="55517" spans="1:3" ht="19.2">
      <c r="A55517" s="2"/>
      <c r="B55517" s="2"/>
      <c r="C55517" s="2"/>
    </row>
    <row r="55518" spans="1:3" ht="19.2">
      <c r="A55518" s="2"/>
      <c r="B55518" s="2"/>
      <c r="C55518" s="2"/>
    </row>
    <row r="55519" spans="1:3" ht="19.2">
      <c r="A55519" s="2"/>
      <c r="B55519" s="2"/>
      <c r="C55519" s="2"/>
    </row>
    <row r="55520" spans="1:3" ht="19.2">
      <c r="A55520" s="2"/>
      <c r="B55520" s="2"/>
      <c r="C55520" s="2"/>
    </row>
    <row r="55521" spans="1:3" ht="19.2">
      <c r="A55521" s="2"/>
      <c r="B55521" s="2"/>
      <c r="C55521" s="2"/>
    </row>
    <row r="55522" spans="1:3" ht="19.2">
      <c r="A55522" s="2"/>
      <c r="B55522" s="2"/>
      <c r="C55522" s="2"/>
    </row>
    <row r="55523" spans="1:3" ht="19.2">
      <c r="A55523" s="2"/>
      <c r="B55523" s="2"/>
      <c r="C55523" s="2"/>
    </row>
    <row r="55524" spans="1:3" ht="19.2">
      <c r="A55524" s="2"/>
      <c r="B55524" s="2"/>
      <c r="C55524" s="2"/>
    </row>
    <row r="55525" spans="1:3" ht="19.2">
      <c r="A55525" s="2"/>
      <c r="B55525" s="2"/>
      <c r="C55525" s="2"/>
    </row>
    <row r="55526" spans="1:3" ht="19.2">
      <c r="A55526" s="2"/>
      <c r="B55526" s="2"/>
      <c r="C55526" s="2"/>
    </row>
    <row r="55527" spans="1:3" ht="19.2">
      <c r="A55527" s="2"/>
      <c r="B55527" s="2"/>
      <c r="C55527" s="2"/>
    </row>
    <row r="55528" spans="1:3" ht="19.2">
      <c r="A55528" s="2"/>
      <c r="B55528" s="2"/>
      <c r="C55528" s="2"/>
    </row>
    <row r="55529" spans="1:3" ht="19.2">
      <c r="A55529" s="2"/>
      <c r="B55529" s="2"/>
      <c r="C55529" s="2"/>
    </row>
    <row r="55530" spans="1:3" ht="19.2">
      <c r="A55530" s="2"/>
      <c r="B55530" s="2"/>
      <c r="C55530" s="2"/>
    </row>
    <row r="55531" spans="1:3" ht="19.2">
      <c r="A55531" s="2"/>
      <c r="B55531" s="2"/>
      <c r="C55531" s="2"/>
    </row>
    <row r="55532" spans="1:3" ht="19.2">
      <c r="A55532" s="2"/>
      <c r="B55532" s="2"/>
      <c r="C55532" s="2"/>
    </row>
    <row r="55533" spans="1:3" ht="19.2">
      <c r="A55533" s="2"/>
      <c r="B55533" s="2"/>
      <c r="C55533" s="2"/>
    </row>
    <row r="55534" spans="1:3" ht="19.2">
      <c r="A55534" s="2"/>
      <c r="B55534" s="2"/>
      <c r="C55534" s="2"/>
    </row>
    <row r="55535" spans="1:3" ht="19.2">
      <c r="A55535" s="2"/>
      <c r="B55535" s="2"/>
      <c r="C55535" s="2"/>
    </row>
    <row r="55536" spans="1:3" ht="19.2">
      <c r="A55536" s="2"/>
      <c r="B55536" s="2"/>
      <c r="C55536" s="2"/>
    </row>
    <row r="55537" spans="1:3" ht="19.2">
      <c r="A55537" s="2"/>
      <c r="B55537" s="2"/>
      <c r="C55537" s="2"/>
    </row>
    <row r="55538" spans="1:3" ht="19.2">
      <c r="A55538" s="2"/>
      <c r="B55538" s="2"/>
      <c r="C55538" s="2"/>
    </row>
    <row r="55539" spans="1:3" ht="19.2">
      <c r="A55539" s="2"/>
      <c r="B55539" s="2"/>
      <c r="C55539" s="2"/>
    </row>
    <row r="55540" spans="1:3" ht="19.2">
      <c r="A55540" s="2"/>
      <c r="B55540" s="2"/>
      <c r="C55540" s="2"/>
    </row>
    <row r="55541" spans="1:3" ht="19.2">
      <c r="A55541" s="2"/>
      <c r="B55541" s="2"/>
      <c r="C55541" s="2"/>
    </row>
    <row r="55542" spans="1:3" ht="19.2">
      <c r="A55542" s="2"/>
      <c r="B55542" s="2"/>
      <c r="C55542" s="2"/>
    </row>
    <row r="55543" spans="1:3" ht="19.2">
      <c r="A55543" s="2"/>
      <c r="B55543" s="2"/>
      <c r="C55543" s="2"/>
    </row>
    <row r="55544" spans="1:3" ht="19.2">
      <c r="A55544" s="2"/>
      <c r="B55544" s="2"/>
      <c r="C55544" s="2"/>
    </row>
    <row r="55545" spans="1:3" ht="19.2">
      <c r="A55545" s="2"/>
      <c r="B55545" s="2"/>
      <c r="C55545" s="2"/>
    </row>
    <row r="55546" spans="1:3" ht="19.2">
      <c r="A55546" s="2"/>
      <c r="B55546" s="2"/>
      <c r="C55546" s="2"/>
    </row>
    <row r="55547" spans="1:3" ht="19.2">
      <c r="A55547" s="2"/>
      <c r="B55547" s="2"/>
      <c r="C55547" s="2"/>
    </row>
    <row r="55548" spans="1:3" ht="19.2">
      <c r="A55548" s="2"/>
      <c r="B55548" s="2"/>
      <c r="C55548" s="2"/>
    </row>
    <row r="55549" spans="1:3" ht="19.2">
      <c r="A55549" s="2"/>
      <c r="B55549" s="2"/>
      <c r="C55549" s="2"/>
    </row>
    <row r="55550" spans="1:3" ht="19.2">
      <c r="A55550" s="2"/>
      <c r="B55550" s="2"/>
      <c r="C55550" s="2"/>
    </row>
    <row r="55551" spans="1:3" ht="19.2">
      <c r="A55551" s="2"/>
      <c r="B55551" s="2"/>
      <c r="C55551" s="2"/>
    </row>
    <row r="55552" spans="1:3" ht="19.2">
      <c r="A55552" s="2"/>
      <c r="B55552" s="2"/>
      <c r="C55552" s="2"/>
    </row>
    <row r="55553" spans="1:3" ht="19.2">
      <c r="A55553" s="2"/>
      <c r="B55553" s="2"/>
      <c r="C55553" s="2"/>
    </row>
    <row r="55554" spans="1:3" ht="19.2">
      <c r="A55554" s="2"/>
      <c r="B55554" s="2"/>
      <c r="C55554" s="2"/>
    </row>
    <row r="55555" spans="1:3" ht="19.2">
      <c r="A55555" s="2"/>
      <c r="B55555" s="2"/>
      <c r="C55555" s="2"/>
    </row>
    <row r="55556" spans="1:3" ht="19.2">
      <c r="A55556" s="2"/>
      <c r="B55556" s="2"/>
      <c r="C55556" s="2"/>
    </row>
    <row r="55557" spans="1:3" ht="19.2">
      <c r="A55557" s="2"/>
      <c r="B55557" s="2"/>
      <c r="C55557" s="2"/>
    </row>
    <row r="55558" spans="1:3" ht="19.2">
      <c r="A55558" s="2"/>
      <c r="B55558" s="2"/>
      <c r="C55558" s="2"/>
    </row>
    <row r="55559" spans="1:3" ht="19.2">
      <c r="A55559" s="2"/>
      <c r="B55559" s="2"/>
      <c r="C55559" s="2"/>
    </row>
    <row r="55560" spans="1:3" ht="19.2">
      <c r="A55560" s="2"/>
      <c r="B55560" s="2"/>
      <c r="C55560" s="2"/>
    </row>
    <row r="55561" spans="1:3" ht="19.2">
      <c r="A55561" s="2"/>
      <c r="B55561" s="2"/>
      <c r="C55561" s="2"/>
    </row>
    <row r="55562" spans="1:3" ht="19.2">
      <c r="A55562" s="2"/>
      <c r="B55562" s="2"/>
      <c r="C55562" s="2"/>
    </row>
    <row r="55563" spans="1:3" ht="19.2">
      <c r="A55563" s="2"/>
      <c r="B55563" s="2"/>
      <c r="C55563" s="2"/>
    </row>
    <row r="55564" spans="1:3" ht="19.2">
      <c r="A55564" s="2"/>
      <c r="B55564" s="2"/>
      <c r="C55564" s="2"/>
    </row>
    <row r="55565" spans="1:3" ht="19.2">
      <c r="A55565" s="2"/>
      <c r="B55565" s="2"/>
      <c r="C55565" s="2"/>
    </row>
    <row r="55566" spans="1:3" ht="19.2">
      <c r="A55566" s="2"/>
      <c r="B55566" s="2"/>
      <c r="C55566" s="2"/>
    </row>
    <row r="55567" spans="1:3" ht="19.2">
      <c r="A55567" s="2"/>
      <c r="B55567" s="2"/>
      <c r="C55567" s="2"/>
    </row>
    <row r="55568" spans="1:3" ht="19.2">
      <c r="A55568" s="2"/>
      <c r="B55568" s="2"/>
      <c r="C55568" s="2"/>
    </row>
    <row r="55569" spans="1:3" ht="19.2">
      <c r="A55569" s="2"/>
      <c r="B55569" s="2"/>
      <c r="C55569" s="2"/>
    </row>
    <row r="55570" spans="1:3" ht="19.2">
      <c r="A55570" s="2"/>
      <c r="B55570" s="2"/>
      <c r="C55570" s="2"/>
    </row>
    <row r="55571" spans="1:3" ht="19.2">
      <c r="A55571" s="2"/>
      <c r="B55571" s="2"/>
      <c r="C55571" s="2"/>
    </row>
    <row r="55572" spans="1:3" ht="19.2">
      <c r="A55572" s="2"/>
      <c r="B55572" s="2"/>
      <c r="C55572" s="2"/>
    </row>
    <row r="55573" spans="1:3" ht="19.2">
      <c r="A55573" s="2"/>
      <c r="B55573" s="2"/>
      <c r="C55573" s="2"/>
    </row>
    <row r="55574" spans="1:3" ht="19.2">
      <c r="A55574" s="2"/>
      <c r="B55574" s="2"/>
      <c r="C55574" s="2"/>
    </row>
    <row r="55575" spans="1:3" ht="19.2">
      <c r="A55575" s="2"/>
      <c r="B55575" s="2"/>
      <c r="C55575" s="2"/>
    </row>
    <row r="55576" spans="1:3" ht="19.2">
      <c r="A55576" s="2"/>
      <c r="B55576" s="2"/>
      <c r="C55576" s="2"/>
    </row>
    <row r="55577" spans="1:3" ht="19.2">
      <c r="A55577" s="2"/>
      <c r="B55577" s="2"/>
      <c r="C55577" s="2"/>
    </row>
    <row r="55578" spans="1:3" ht="19.2">
      <c r="A55578" s="2"/>
      <c r="B55578" s="2"/>
      <c r="C55578" s="2"/>
    </row>
    <row r="55579" spans="1:3" ht="19.2">
      <c r="A55579" s="2"/>
      <c r="B55579" s="2"/>
      <c r="C55579" s="2"/>
    </row>
    <row r="55580" spans="1:3" ht="19.2">
      <c r="A55580" s="2"/>
      <c r="B55580" s="2"/>
      <c r="C55580" s="2"/>
    </row>
    <row r="55581" spans="1:3" ht="19.2">
      <c r="A55581" s="2"/>
      <c r="B55581" s="2"/>
      <c r="C55581" s="2"/>
    </row>
    <row r="55582" spans="1:3" ht="19.2">
      <c r="A55582" s="2"/>
      <c r="B55582" s="2"/>
      <c r="C55582" s="2"/>
    </row>
    <row r="55583" spans="1:3" ht="19.2">
      <c r="A55583" s="2"/>
      <c r="B55583" s="2"/>
      <c r="C55583" s="2"/>
    </row>
    <row r="55584" spans="1:3" ht="19.2">
      <c r="A55584" s="2"/>
      <c r="B55584" s="2"/>
      <c r="C55584" s="2"/>
    </row>
    <row r="55585" spans="1:3" ht="19.2">
      <c r="A55585" s="2"/>
      <c r="B55585" s="2"/>
      <c r="C55585" s="2"/>
    </row>
    <row r="55586" spans="1:3" ht="19.2">
      <c r="A55586" s="2"/>
      <c r="B55586" s="2"/>
      <c r="C55586" s="2"/>
    </row>
    <row r="55587" spans="1:3" ht="19.2">
      <c r="A55587" s="2"/>
      <c r="B55587" s="2"/>
      <c r="C55587" s="2"/>
    </row>
    <row r="55588" spans="1:3" ht="19.2">
      <c r="A55588" s="2"/>
      <c r="B55588" s="2"/>
      <c r="C55588" s="2"/>
    </row>
    <row r="55589" spans="1:3" ht="19.2">
      <c r="A55589" s="2"/>
      <c r="B55589" s="2"/>
      <c r="C55589" s="2"/>
    </row>
    <row r="55590" spans="1:3" ht="19.2">
      <c r="A55590" s="2"/>
      <c r="B55590" s="2"/>
      <c r="C55590" s="2"/>
    </row>
    <row r="55591" spans="1:3" ht="19.2">
      <c r="A55591" s="2"/>
      <c r="B55591" s="2"/>
      <c r="C55591" s="2"/>
    </row>
    <row r="55592" spans="1:3" ht="19.2">
      <c r="A55592" s="2"/>
      <c r="B55592" s="2"/>
      <c r="C55592" s="2"/>
    </row>
    <row r="55593" spans="1:3" ht="19.2">
      <c r="A55593" s="2"/>
      <c r="B55593" s="2"/>
      <c r="C55593" s="2"/>
    </row>
    <row r="55594" spans="1:3" ht="19.2">
      <c r="A55594" s="2"/>
      <c r="B55594" s="2"/>
      <c r="C55594" s="2"/>
    </row>
    <row r="55595" spans="1:3" ht="19.2">
      <c r="A55595" s="2"/>
      <c r="B55595" s="2"/>
      <c r="C55595" s="2"/>
    </row>
    <row r="55596" spans="1:3" ht="19.2">
      <c r="A55596" s="2"/>
      <c r="B55596" s="2"/>
      <c r="C55596" s="2"/>
    </row>
    <row r="55597" spans="1:3" ht="19.2">
      <c r="A55597" s="2"/>
      <c r="B55597" s="2"/>
      <c r="C55597" s="2"/>
    </row>
    <row r="55598" spans="1:3" ht="19.2">
      <c r="A55598" s="2"/>
      <c r="B55598" s="2"/>
      <c r="C55598" s="2"/>
    </row>
    <row r="55599" spans="1:3" ht="19.2">
      <c r="A55599" s="2"/>
      <c r="B55599" s="2"/>
      <c r="C55599" s="2"/>
    </row>
    <row r="55600" spans="1:3" ht="19.2">
      <c r="A55600" s="2"/>
      <c r="B55600" s="2"/>
      <c r="C55600" s="2"/>
    </row>
    <row r="55601" spans="1:3" ht="19.2">
      <c r="A55601" s="2"/>
      <c r="B55601" s="2"/>
      <c r="C55601" s="2"/>
    </row>
    <row r="55602" spans="1:3" ht="19.2">
      <c r="A55602" s="2"/>
      <c r="B55602" s="2"/>
      <c r="C55602" s="2"/>
    </row>
    <row r="55603" spans="1:3" ht="19.2">
      <c r="A55603" s="2"/>
      <c r="B55603" s="2"/>
      <c r="C55603" s="2"/>
    </row>
    <row r="55604" spans="1:3" ht="19.2">
      <c r="A55604" s="2"/>
      <c r="B55604" s="2"/>
      <c r="C55604" s="2"/>
    </row>
    <row r="55605" spans="1:3" ht="19.2">
      <c r="A55605" s="2"/>
      <c r="B55605" s="2"/>
      <c r="C55605" s="2"/>
    </row>
    <row r="55606" spans="1:3" ht="19.2">
      <c r="A55606" s="2"/>
      <c r="B55606" s="2"/>
      <c r="C55606" s="2"/>
    </row>
    <row r="55607" spans="1:3" ht="19.2">
      <c r="A55607" s="2"/>
      <c r="B55607" s="2"/>
      <c r="C55607" s="2"/>
    </row>
    <row r="55608" spans="1:3" ht="19.2">
      <c r="A55608" s="2"/>
      <c r="B55608" s="2"/>
      <c r="C55608" s="2"/>
    </row>
    <row r="55609" spans="1:3" ht="19.2">
      <c r="A55609" s="2"/>
      <c r="B55609" s="2"/>
      <c r="C55609" s="2"/>
    </row>
    <row r="55610" spans="1:3" ht="19.2">
      <c r="A55610" s="2"/>
      <c r="B55610" s="2"/>
      <c r="C55610" s="2"/>
    </row>
    <row r="55611" spans="1:3" ht="19.2">
      <c r="A55611" s="2"/>
      <c r="B55611" s="2"/>
      <c r="C55611" s="2"/>
    </row>
    <row r="55612" spans="1:3" ht="19.2">
      <c r="A55612" s="2"/>
      <c r="B55612" s="2"/>
      <c r="C55612" s="2"/>
    </row>
    <row r="55613" spans="1:3" ht="19.2">
      <c r="A55613" s="2"/>
      <c r="B55613" s="2"/>
      <c r="C55613" s="2"/>
    </row>
    <row r="55614" spans="1:3" ht="19.2">
      <c r="A55614" s="2"/>
      <c r="B55614" s="2"/>
      <c r="C55614" s="2"/>
    </row>
    <row r="55615" spans="1:3" ht="19.2">
      <c r="A55615" s="2"/>
      <c r="B55615" s="2"/>
      <c r="C55615" s="2"/>
    </row>
    <row r="55616" spans="1:3" ht="19.2">
      <c r="A55616" s="2"/>
      <c r="B55616" s="2"/>
      <c r="C55616" s="2"/>
    </row>
    <row r="55617" spans="1:3" ht="19.2">
      <c r="A55617" s="2"/>
      <c r="B55617" s="2"/>
      <c r="C55617" s="2"/>
    </row>
    <row r="55618" spans="1:3" ht="19.2">
      <c r="A55618" s="2"/>
      <c r="B55618" s="2"/>
      <c r="C55618" s="2"/>
    </row>
    <row r="55619" spans="1:3" ht="19.2">
      <c r="A55619" s="2"/>
      <c r="B55619" s="2"/>
      <c r="C55619" s="2"/>
    </row>
    <row r="55620" spans="1:3" ht="19.2">
      <c r="A55620" s="2"/>
      <c r="B55620" s="2"/>
      <c r="C55620" s="2"/>
    </row>
    <row r="55621" spans="1:3" ht="19.2">
      <c r="A55621" s="2"/>
      <c r="B55621" s="2"/>
      <c r="C55621" s="2"/>
    </row>
    <row r="55622" spans="1:3" ht="19.2">
      <c r="A55622" s="2"/>
      <c r="B55622" s="2"/>
      <c r="C55622" s="2"/>
    </row>
    <row r="55623" spans="1:3" ht="19.2">
      <c r="A55623" s="2"/>
      <c r="B55623" s="2"/>
      <c r="C55623" s="2"/>
    </row>
    <row r="55624" spans="1:3" ht="19.2">
      <c r="A55624" s="2"/>
      <c r="B55624" s="2"/>
      <c r="C55624" s="2"/>
    </row>
    <row r="55625" spans="1:3" ht="19.2">
      <c r="A55625" s="2"/>
      <c r="B55625" s="2"/>
      <c r="C55625" s="2"/>
    </row>
    <row r="55626" spans="1:3" ht="19.2">
      <c r="A55626" s="2"/>
      <c r="B55626" s="2"/>
      <c r="C55626" s="2"/>
    </row>
    <row r="55627" spans="1:3" ht="19.2">
      <c r="A55627" s="2"/>
      <c r="B55627" s="2"/>
      <c r="C55627" s="2"/>
    </row>
    <row r="55628" spans="1:3" ht="19.2">
      <c r="A55628" s="2"/>
      <c r="B55628" s="2"/>
      <c r="C55628" s="2"/>
    </row>
    <row r="55629" spans="1:3" ht="19.2">
      <c r="A55629" s="2"/>
      <c r="B55629" s="2"/>
      <c r="C55629" s="2"/>
    </row>
    <row r="55630" spans="1:3" ht="19.2">
      <c r="A55630" s="2"/>
      <c r="B55630" s="2"/>
      <c r="C55630" s="2"/>
    </row>
    <row r="55631" spans="1:3" ht="19.2">
      <c r="A55631" s="2"/>
      <c r="B55631" s="2"/>
      <c r="C55631" s="2"/>
    </row>
    <row r="55632" spans="1:3" ht="19.2">
      <c r="A55632" s="2"/>
      <c r="B55632" s="2"/>
      <c r="C55632" s="2"/>
    </row>
    <row r="55633" spans="1:3" ht="19.2">
      <c r="A55633" s="2"/>
      <c r="B55633" s="2"/>
      <c r="C55633" s="2"/>
    </row>
    <row r="55634" spans="1:3" ht="19.2">
      <c r="A55634" s="2"/>
      <c r="B55634" s="2"/>
      <c r="C55634" s="2"/>
    </row>
    <row r="55635" spans="1:3" ht="19.2">
      <c r="A55635" s="2"/>
      <c r="B55635" s="2"/>
      <c r="C55635" s="2"/>
    </row>
    <row r="55636" spans="1:3" ht="19.2">
      <c r="A55636" s="2"/>
      <c r="B55636" s="2"/>
      <c r="C55636" s="2"/>
    </row>
    <row r="55637" spans="1:3" ht="19.2">
      <c r="A55637" s="2"/>
      <c r="B55637" s="2"/>
      <c r="C55637" s="2"/>
    </row>
    <row r="55638" spans="1:3" ht="19.2">
      <c r="A55638" s="2"/>
      <c r="B55638" s="2"/>
      <c r="C55638" s="2"/>
    </row>
    <row r="55639" spans="1:3" ht="19.2">
      <c r="A55639" s="2"/>
      <c r="B55639" s="2"/>
      <c r="C55639" s="2"/>
    </row>
    <row r="55640" spans="1:3" ht="19.2">
      <c r="A55640" s="2"/>
      <c r="B55640" s="2"/>
      <c r="C55640" s="2"/>
    </row>
    <row r="55641" spans="1:3" ht="19.2">
      <c r="A55641" s="2"/>
      <c r="B55641" s="2"/>
      <c r="C55641" s="2"/>
    </row>
    <row r="55642" spans="1:3" ht="19.2">
      <c r="A55642" s="2"/>
      <c r="B55642" s="2"/>
      <c r="C55642" s="2"/>
    </row>
    <row r="55643" spans="1:3" ht="19.2">
      <c r="A55643" s="2"/>
      <c r="B55643" s="2"/>
      <c r="C55643" s="2"/>
    </row>
    <row r="55644" spans="1:3" ht="19.2">
      <c r="A55644" s="2"/>
      <c r="B55644" s="2"/>
      <c r="C55644" s="2"/>
    </row>
    <row r="55645" spans="1:3" ht="19.2">
      <c r="A55645" s="2"/>
      <c r="B55645" s="2"/>
      <c r="C55645" s="2"/>
    </row>
    <row r="55646" spans="1:3" ht="19.2">
      <c r="A55646" s="2"/>
      <c r="B55646" s="2"/>
      <c r="C55646" s="2"/>
    </row>
    <row r="55647" spans="1:3" ht="19.2">
      <c r="A55647" s="2"/>
      <c r="B55647" s="2"/>
      <c r="C55647" s="2"/>
    </row>
    <row r="55648" spans="1:3" ht="19.2">
      <c r="A55648" s="2"/>
      <c r="B55648" s="2"/>
      <c r="C55648" s="2"/>
    </row>
    <row r="55649" spans="1:3" ht="19.2">
      <c r="A55649" s="2"/>
      <c r="B55649" s="2"/>
      <c r="C55649" s="2"/>
    </row>
    <row r="55650" spans="1:3" ht="19.2">
      <c r="A55650" s="2"/>
      <c r="B55650" s="2"/>
      <c r="C55650" s="2"/>
    </row>
    <row r="55651" spans="1:3" ht="19.2">
      <c r="A55651" s="2"/>
      <c r="B55651" s="2"/>
      <c r="C55651" s="2"/>
    </row>
    <row r="55652" spans="1:3" ht="19.2">
      <c r="A55652" s="2"/>
      <c r="B55652" s="2"/>
      <c r="C55652" s="2"/>
    </row>
    <row r="55653" spans="1:3" ht="19.2">
      <c r="A55653" s="2"/>
      <c r="B55653" s="2"/>
      <c r="C55653" s="2"/>
    </row>
    <row r="55654" spans="1:3" ht="19.2">
      <c r="A55654" s="2"/>
      <c r="B55654" s="2"/>
      <c r="C55654" s="2"/>
    </row>
    <row r="55655" spans="1:3" ht="19.2">
      <c r="A55655" s="2"/>
      <c r="B55655" s="2"/>
      <c r="C55655" s="2"/>
    </row>
    <row r="55656" spans="1:3" ht="19.2">
      <c r="A55656" s="2"/>
      <c r="B55656" s="2"/>
      <c r="C55656" s="2"/>
    </row>
    <row r="55657" spans="1:3" ht="19.2">
      <c r="A55657" s="2"/>
      <c r="B55657" s="2"/>
      <c r="C55657" s="2"/>
    </row>
    <row r="55658" spans="1:3" ht="19.2">
      <c r="A55658" s="2"/>
      <c r="B55658" s="2"/>
      <c r="C55658" s="2"/>
    </row>
    <row r="55659" spans="1:3" ht="19.2">
      <c r="A55659" s="2"/>
      <c r="B55659" s="2"/>
      <c r="C55659" s="2"/>
    </row>
    <row r="55660" spans="1:3" ht="19.2">
      <c r="A55660" s="2"/>
      <c r="B55660" s="2"/>
      <c r="C55660" s="2"/>
    </row>
    <row r="55661" spans="1:3" ht="19.2">
      <c r="A55661" s="2"/>
      <c r="B55661" s="2"/>
      <c r="C55661" s="2"/>
    </row>
    <row r="55662" spans="1:3" ht="19.2">
      <c r="A55662" s="2"/>
      <c r="B55662" s="2"/>
      <c r="C55662" s="2"/>
    </row>
    <row r="55663" spans="1:3" ht="19.2">
      <c r="A55663" s="2"/>
      <c r="B55663" s="2"/>
      <c r="C55663" s="2"/>
    </row>
    <row r="55664" spans="1:3" ht="19.2">
      <c r="A55664" s="2"/>
      <c r="B55664" s="2"/>
      <c r="C55664" s="2"/>
    </row>
    <row r="55665" spans="1:3" ht="19.2">
      <c r="A55665" s="2"/>
      <c r="B55665" s="2"/>
      <c r="C55665" s="2"/>
    </row>
    <row r="55666" spans="1:3" ht="19.2">
      <c r="A55666" s="2"/>
      <c r="B55666" s="2"/>
      <c r="C55666" s="2"/>
    </row>
    <row r="55667" spans="1:3" ht="19.2">
      <c r="A55667" s="2"/>
      <c r="B55667" s="2"/>
      <c r="C55667" s="2"/>
    </row>
    <row r="55668" spans="1:3" ht="19.2">
      <c r="A55668" s="2"/>
      <c r="B55668" s="2"/>
      <c r="C55668" s="2"/>
    </row>
    <row r="55669" spans="1:3" ht="19.2">
      <c r="A55669" s="2"/>
      <c r="B55669" s="2"/>
      <c r="C55669" s="2"/>
    </row>
    <row r="55670" spans="1:3" ht="19.2">
      <c r="A55670" s="2"/>
      <c r="B55670" s="2"/>
      <c r="C55670" s="2"/>
    </row>
    <row r="55671" spans="1:3" ht="19.2">
      <c r="A55671" s="2"/>
      <c r="B55671" s="2"/>
      <c r="C55671" s="2"/>
    </row>
    <row r="55672" spans="1:3" ht="19.2">
      <c r="A55672" s="2"/>
      <c r="B55672" s="2"/>
      <c r="C55672" s="2"/>
    </row>
    <row r="55673" spans="1:3" ht="19.2">
      <c r="A55673" s="2"/>
      <c r="B55673" s="2"/>
      <c r="C55673" s="2"/>
    </row>
    <row r="55674" spans="1:3" ht="19.2">
      <c r="A55674" s="2"/>
      <c r="B55674" s="2"/>
      <c r="C55674" s="2"/>
    </row>
    <row r="55675" spans="1:3" ht="19.2">
      <c r="A55675" s="2"/>
      <c r="B55675" s="2"/>
      <c r="C55675" s="2"/>
    </row>
    <row r="55676" spans="1:3" ht="19.2">
      <c r="A55676" s="2"/>
      <c r="B55676" s="2"/>
      <c r="C55676" s="2"/>
    </row>
    <row r="55677" spans="1:3" ht="19.2">
      <c r="A55677" s="2"/>
      <c r="B55677" s="2"/>
      <c r="C55677" s="2"/>
    </row>
    <row r="55678" spans="1:3" ht="19.2">
      <c r="A55678" s="2"/>
      <c r="B55678" s="2"/>
      <c r="C55678" s="2"/>
    </row>
    <row r="55679" spans="1:3" ht="19.2">
      <c r="A55679" s="2"/>
      <c r="B55679" s="2"/>
      <c r="C55679" s="2"/>
    </row>
    <row r="55680" spans="1:3" ht="19.2">
      <c r="A55680" s="2"/>
      <c r="B55680" s="2"/>
      <c r="C55680" s="2"/>
    </row>
    <row r="55681" spans="1:3" ht="19.2">
      <c r="A55681" s="2"/>
      <c r="B55681" s="2"/>
      <c r="C55681" s="2"/>
    </row>
    <row r="55682" spans="1:3" ht="19.2">
      <c r="A55682" s="2"/>
      <c r="B55682" s="2"/>
      <c r="C55682" s="2"/>
    </row>
    <row r="55683" spans="1:3" ht="19.2">
      <c r="A55683" s="2"/>
      <c r="B55683" s="2"/>
      <c r="C55683" s="2"/>
    </row>
    <row r="55684" spans="1:3" ht="19.2">
      <c r="A55684" s="2"/>
      <c r="B55684" s="2"/>
      <c r="C55684" s="2"/>
    </row>
    <row r="55685" spans="1:3" ht="19.2">
      <c r="A55685" s="2"/>
      <c r="B55685" s="2"/>
      <c r="C55685" s="2"/>
    </row>
    <row r="55686" spans="1:3" ht="19.2">
      <c r="A55686" s="2"/>
      <c r="B55686" s="2"/>
      <c r="C55686" s="2"/>
    </row>
    <row r="55687" spans="1:3" ht="19.2">
      <c r="A55687" s="2"/>
      <c r="B55687" s="2"/>
      <c r="C55687" s="2"/>
    </row>
    <row r="55688" spans="1:3" ht="19.2">
      <c r="A55688" s="2"/>
      <c r="B55688" s="2"/>
      <c r="C55688" s="2"/>
    </row>
    <row r="55689" spans="1:3" ht="19.2">
      <c r="A55689" s="2"/>
      <c r="B55689" s="2"/>
      <c r="C55689" s="2"/>
    </row>
    <row r="55690" spans="1:3" ht="19.2">
      <c r="A55690" s="2"/>
      <c r="B55690" s="2"/>
      <c r="C55690" s="2"/>
    </row>
    <row r="55691" spans="1:3" ht="19.2">
      <c r="A55691" s="2"/>
      <c r="B55691" s="2"/>
      <c r="C55691" s="2"/>
    </row>
    <row r="55692" spans="1:3" ht="19.2">
      <c r="A55692" s="2"/>
      <c r="B55692" s="2"/>
      <c r="C55692" s="2"/>
    </row>
    <row r="55693" spans="1:3" ht="19.2">
      <c r="A55693" s="2"/>
      <c r="B55693" s="2"/>
      <c r="C55693" s="2"/>
    </row>
    <row r="55694" spans="1:3" ht="19.2">
      <c r="A55694" s="2"/>
      <c r="B55694" s="2"/>
      <c r="C55694" s="2"/>
    </row>
    <row r="55695" spans="1:3" ht="19.2">
      <c r="A55695" s="2"/>
      <c r="B55695" s="2"/>
      <c r="C55695" s="2"/>
    </row>
    <row r="55696" spans="1:3" ht="19.2">
      <c r="A55696" s="2"/>
      <c r="B55696" s="2"/>
      <c r="C55696" s="2"/>
    </row>
    <row r="55697" spans="1:3" ht="19.2">
      <c r="A55697" s="2"/>
      <c r="B55697" s="2"/>
      <c r="C55697" s="2"/>
    </row>
    <row r="55698" spans="1:3" ht="19.2">
      <c r="A55698" s="2"/>
      <c r="B55698" s="2"/>
      <c r="C55698" s="2"/>
    </row>
    <row r="55699" spans="1:3" ht="19.2">
      <c r="A55699" s="2"/>
      <c r="B55699" s="2"/>
      <c r="C55699" s="2"/>
    </row>
    <row r="55700" spans="1:3" ht="19.2">
      <c r="A55700" s="2"/>
      <c r="B55700" s="2"/>
      <c r="C55700" s="2"/>
    </row>
    <row r="55701" spans="1:3" ht="19.2">
      <c r="A55701" s="2"/>
      <c r="B55701" s="2"/>
      <c r="C55701" s="2"/>
    </row>
    <row r="55702" spans="1:3" ht="19.2">
      <c r="A55702" s="2"/>
      <c r="B55702" s="2"/>
      <c r="C55702" s="2"/>
    </row>
    <row r="55703" spans="1:3" ht="19.2">
      <c r="A55703" s="2"/>
      <c r="B55703" s="2"/>
      <c r="C55703" s="2"/>
    </row>
    <row r="55704" spans="1:3" ht="19.2">
      <c r="A55704" s="2"/>
      <c r="B55704" s="2"/>
      <c r="C55704" s="2"/>
    </row>
    <row r="55705" spans="1:3" ht="19.2">
      <c r="A55705" s="2"/>
      <c r="B55705" s="2"/>
      <c r="C55705" s="2"/>
    </row>
    <row r="55706" spans="1:3" ht="19.2">
      <c r="A55706" s="2"/>
      <c r="B55706" s="2"/>
      <c r="C55706" s="2"/>
    </row>
    <row r="55707" spans="1:3" ht="19.2">
      <c r="A55707" s="2"/>
      <c r="B55707" s="2"/>
      <c r="C55707" s="2"/>
    </row>
    <row r="55708" spans="1:3" ht="19.2">
      <c r="A55708" s="2"/>
      <c r="B55708" s="2"/>
      <c r="C55708" s="2"/>
    </row>
    <row r="55709" spans="1:3" ht="19.2">
      <c r="A55709" s="2"/>
      <c r="B55709" s="2"/>
      <c r="C55709" s="2"/>
    </row>
    <row r="55710" spans="1:3" ht="19.2">
      <c r="A55710" s="2"/>
      <c r="B55710" s="2"/>
      <c r="C55710" s="2"/>
    </row>
    <row r="55711" spans="1:3" ht="19.2">
      <c r="A55711" s="2"/>
      <c r="B55711" s="2"/>
      <c r="C55711" s="2"/>
    </row>
    <row r="55712" spans="1:3" ht="19.2">
      <c r="A55712" s="2"/>
      <c r="B55712" s="2"/>
      <c r="C55712" s="2"/>
    </row>
    <row r="55713" spans="1:3" ht="19.2">
      <c r="A55713" s="2"/>
      <c r="B55713" s="2"/>
      <c r="C55713" s="2"/>
    </row>
    <row r="55714" spans="1:3" ht="19.2">
      <c r="A55714" s="2"/>
      <c r="B55714" s="2"/>
      <c r="C55714" s="2"/>
    </row>
    <row r="55715" spans="1:3" ht="19.2">
      <c r="A55715" s="2"/>
      <c r="B55715" s="2"/>
      <c r="C55715" s="2"/>
    </row>
    <row r="55716" spans="1:3" ht="19.2">
      <c r="A55716" s="2"/>
      <c r="B55716" s="2"/>
      <c r="C55716" s="2"/>
    </row>
    <row r="55717" spans="1:3" ht="19.2">
      <c r="A55717" s="2"/>
      <c r="B55717" s="2"/>
      <c r="C55717" s="2"/>
    </row>
    <row r="55718" spans="1:3" ht="19.2">
      <c r="A55718" s="2"/>
      <c r="B55718" s="2"/>
      <c r="C55718" s="2"/>
    </row>
    <row r="55719" spans="1:3" ht="19.2">
      <c r="A55719" s="2"/>
      <c r="B55719" s="2"/>
      <c r="C55719" s="2"/>
    </row>
    <row r="55720" spans="1:3" ht="19.2">
      <c r="A55720" s="2"/>
      <c r="B55720" s="2"/>
      <c r="C55720" s="2"/>
    </row>
    <row r="55721" spans="1:3" ht="19.2">
      <c r="A55721" s="2"/>
      <c r="B55721" s="2"/>
      <c r="C55721" s="2"/>
    </row>
    <row r="55722" spans="1:3" ht="19.2">
      <c r="A55722" s="2"/>
      <c r="B55722" s="2"/>
      <c r="C55722" s="2"/>
    </row>
    <row r="55723" spans="1:3" ht="19.2">
      <c r="A55723" s="2"/>
      <c r="B55723" s="2"/>
      <c r="C55723" s="2"/>
    </row>
    <row r="55724" spans="1:3" ht="19.2">
      <c r="A55724" s="2"/>
      <c r="B55724" s="2"/>
      <c r="C55724" s="2"/>
    </row>
    <row r="55725" spans="1:3" ht="19.2">
      <c r="A55725" s="2"/>
      <c r="B55725" s="2"/>
      <c r="C55725" s="2"/>
    </row>
    <row r="55726" spans="1:3" ht="19.2">
      <c r="A55726" s="2"/>
      <c r="B55726" s="2"/>
      <c r="C55726" s="2"/>
    </row>
    <row r="55727" spans="1:3" ht="19.2">
      <c r="A55727" s="2"/>
      <c r="B55727" s="2"/>
      <c r="C55727" s="2"/>
    </row>
    <row r="55728" spans="1:3" ht="19.2">
      <c r="A55728" s="2"/>
      <c r="B55728" s="2"/>
      <c r="C55728" s="2"/>
    </row>
    <row r="55729" spans="1:3" ht="19.2">
      <c r="A55729" s="2"/>
      <c r="B55729" s="2"/>
      <c r="C55729" s="2"/>
    </row>
    <row r="55730" spans="1:3" ht="19.2">
      <c r="A55730" s="2"/>
      <c r="B55730" s="2"/>
      <c r="C55730" s="2"/>
    </row>
    <row r="55731" spans="1:3" ht="19.2">
      <c r="A55731" s="2"/>
      <c r="B55731" s="2"/>
      <c r="C55731" s="2"/>
    </row>
    <row r="55732" spans="1:3" ht="19.2">
      <c r="A55732" s="2"/>
      <c r="B55732" s="2"/>
      <c r="C55732" s="2"/>
    </row>
    <row r="55733" spans="1:3" ht="19.2">
      <c r="A55733" s="2"/>
      <c r="B55733" s="2"/>
      <c r="C55733" s="2"/>
    </row>
    <row r="55734" spans="1:3" ht="19.2">
      <c r="A55734" s="2"/>
      <c r="B55734" s="2"/>
      <c r="C55734" s="2"/>
    </row>
    <row r="55735" spans="1:3" ht="19.2">
      <c r="A55735" s="2"/>
      <c r="B55735" s="2"/>
      <c r="C55735" s="2"/>
    </row>
    <row r="55736" spans="1:3" ht="19.2">
      <c r="A55736" s="2"/>
      <c r="B55736" s="2"/>
      <c r="C55736" s="2"/>
    </row>
    <row r="55737" spans="1:3" ht="19.2">
      <c r="A55737" s="2"/>
      <c r="B55737" s="2"/>
      <c r="C55737" s="2"/>
    </row>
    <row r="55738" spans="1:3" ht="19.2">
      <c r="A55738" s="2"/>
      <c r="B55738" s="2"/>
      <c r="C55738" s="2"/>
    </row>
    <row r="55739" spans="1:3" ht="19.2">
      <c r="A55739" s="2"/>
      <c r="B55739" s="2"/>
      <c r="C55739" s="2"/>
    </row>
    <row r="55740" spans="1:3" ht="19.2">
      <c r="A55740" s="2"/>
      <c r="B55740" s="2"/>
      <c r="C55740" s="2"/>
    </row>
    <row r="55741" spans="1:3" ht="19.2">
      <c r="A55741" s="2"/>
      <c r="B55741" s="2"/>
      <c r="C55741" s="2"/>
    </row>
    <row r="55742" spans="1:3" ht="19.2">
      <c r="A55742" s="2"/>
      <c r="B55742" s="2"/>
      <c r="C55742" s="2"/>
    </row>
    <row r="55743" spans="1:3" ht="19.2">
      <c r="A55743" s="2"/>
      <c r="B55743" s="2"/>
      <c r="C55743" s="2"/>
    </row>
    <row r="55744" spans="1:3" ht="19.2">
      <c r="A55744" s="2"/>
      <c r="B55744" s="2"/>
      <c r="C55744" s="2"/>
    </row>
    <row r="55745" spans="1:3" ht="19.2">
      <c r="A55745" s="2"/>
      <c r="B55745" s="2"/>
      <c r="C55745" s="2"/>
    </row>
    <row r="55746" spans="1:3" ht="19.2">
      <c r="A55746" s="2"/>
      <c r="B55746" s="2"/>
      <c r="C55746" s="2"/>
    </row>
    <row r="55747" spans="1:3" ht="19.2">
      <c r="A55747" s="2"/>
      <c r="B55747" s="2"/>
      <c r="C55747" s="2"/>
    </row>
    <row r="55748" spans="1:3" ht="19.2">
      <c r="A55748" s="2"/>
      <c r="B55748" s="2"/>
      <c r="C55748" s="2"/>
    </row>
    <row r="55749" spans="1:3" ht="19.2">
      <c r="A55749" s="2"/>
      <c r="B55749" s="2"/>
      <c r="C55749" s="2"/>
    </row>
    <row r="55750" spans="1:3" ht="19.2">
      <c r="A55750" s="2"/>
      <c r="B55750" s="2"/>
      <c r="C55750" s="2"/>
    </row>
    <row r="55751" spans="1:3" ht="19.2">
      <c r="A55751" s="2"/>
      <c r="B55751" s="2"/>
      <c r="C55751" s="2"/>
    </row>
    <row r="55752" spans="1:3" ht="19.2">
      <c r="A55752" s="2"/>
      <c r="B55752" s="2"/>
      <c r="C55752" s="2"/>
    </row>
    <row r="55753" spans="1:3" ht="19.2">
      <c r="A55753" s="2"/>
      <c r="B55753" s="2"/>
      <c r="C55753" s="2"/>
    </row>
    <row r="55754" spans="1:3" ht="19.2">
      <c r="A55754" s="2"/>
      <c r="B55754" s="2"/>
      <c r="C55754" s="2"/>
    </row>
    <row r="55755" spans="1:3" ht="19.2">
      <c r="A55755" s="2"/>
      <c r="B55755" s="2"/>
      <c r="C55755" s="2"/>
    </row>
    <row r="55756" spans="1:3" ht="19.2">
      <c r="A55756" s="2"/>
      <c r="B55756" s="2"/>
      <c r="C55756" s="2"/>
    </row>
    <row r="55757" spans="1:3" ht="19.2">
      <c r="A55757" s="2"/>
      <c r="B55757" s="2"/>
      <c r="C55757" s="2"/>
    </row>
    <row r="55758" spans="1:3" ht="19.2">
      <c r="A55758" s="2"/>
      <c r="B55758" s="2"/>
      <c r="C55758" s="2"/>
    </row>
    <row r="55759" spans="1:3" ht="19.2">
      <c r="A55759" s="2"/>
      <c r="B55759" s="2"/>
      <c r="C55759" s="2"/>
    </row>
    <row r="55760" spans="1:3" ht="19.2">
      <c r="A55760" s="2"/>
      <c r="B55760" s="2"/>
      <c r="C55760" s="2"/>
    </row>
    <row r="55761" spans="1:3" ht="19.2">
      <c r="A55761" s="2"/>
      <c r="B55761" s="2"/>
      <c r="C55761" s="2"/>
    </row>
    <row r="55762" spans="1:3" ht="19.2">
      <c r="A55762" s="2"/>
      <c r="B55762" s="2"/>
      <c r="C55762" s="2"/>
    </row>
    <row r="55763" spans="1:3" ht="19.2">
      <c r="A55763" s="2"/>
      <c r="B55763" s="2"/>
      <c r="C55763" s="2"/>
    </row>
    <row r="55764" spans="1:3" ht="19.2">
      <c r="A55764" s="2"/>
      <c r="B55764" s="2"/>
      <c r="C55764" s="2"/>
    </row>
    <row r="55765" spans="1:3" ht="19.2">
      <c r="A55765" s="2"/>
      <c r="B55765" s="2"/>
      <c r="C55765" s="2"/>
    </row>
    <row r="55766" spans="1:3" ht="19.2">
      <c r="A55766" s="2"/>
      <c r="B55766" s="2"/>
      <c r="C55766" s="2"/>
    </row>
    <row r="55767" spans="1:3" ht="19.2">
      <c r="A55767" s="2"/>
      <c r="B55767" s="2"/>
      <c r="C55767" s="2"/>
    </row>
    <row r="55768" spans="1:3" ht="19.2">
      <c r="A55768" s="2"/>
      <c r="B55768" s="2"/>
      <c r="C55768" s="2"/>
    </row>
    <row r="55769" spans="1:3" ht="19.2">
      <c r="A55769" s="2"/>
      <c r="B55769" s="2"/>
      <c r="C55769" s="2"/>
    </row>
    <row r="55770" spans="1:3" ht="19.2">
      <c r="A55770" s="2"/>
      <c r="B55770" s="2"/>
      <c r="C55770" s="2"/>
    </row>
    <row r="55771" spans="1:3" ht="19.2">
      <c r="A55771" s="2"/>
      <c r="B55771" s="2"/>
      <c r="C55771" s="2"/>
    </row>
    <row r="55772" spans="1:3" ht="19.2">
      <c r="A55772" s="2"/>
      <c r="B55772" s="2"/>
      <c r="C55772" s="2"/>
    </row>
    <row r="55773" spans="1:3" ht="19.2">
      <c r="A55773" s="2"/>
      <c r="B55773" s="2"/>
      <c r="C55773" s="2"/>
    </row>
    <row r="55774" spans="1:3" ht="19.2">
      <c r="A55774" s="2"/>
      <c r="B55774" s="2"/>
      <c r="C55774" s="2"/>
    </row>
    <row r="55775" spans="1:3" ht="19.2">
      <c r="A55775" s="2"/>
      <c r="B55775" s="2"/>
      <c r="C55775" s="2"/>
    </row>
    <row r="55776" spans="1:3" ht="19.2">
      <c r="A55776" s="2"/>
      <c r="B55776" s="2"/>
      <c r="C55776" s="2"/>
    </row>
    <row r="55777" spans="1:3" ht="19.2">
      <c r="A55777" s="2"/>
      <c r="B55777" s="2"/>
      <c r="C55777" s="2"/>
    </row>
    <row r="55778" spans="1:3" ht="19.2">
      <c r="A55778" s="2"/>
      <c r="B55778" s="2"/>
      <c r="C55778" s="2"/>
    </row>
    <row r="55779" spans="1:3" ht="19.2">
      <c r="A55779" s="2"/>
      <c r="B55779" s="2"/>
      <c r="C55779" s="2"/>
    </row>
    <row r="55780" spans="1:3" ht="19.2">
      <c r="A55780" s="2"/>
      <c r="B55780" s="2"/>
      <c r="C55780" s="2"/>
    </row>
    <row r="55781" spans="1:3" ht="19.2">
      <c r="A55781" s="2"/>
      <c r="B55781" s="2"/>
      <c r="C55781" s="2"/>
    </row>
    <row r="55782" spans="1:3" ht="19.2">
      <c r="A55782" s="2"/>
      <c r="B55782" s="2"/>
      <c r="C55782" s="2"/>
    </row>
    <row r="55783" spans="1:3" ht="19.2">
      <c r="A55783" s="2"/>
      <c r="B55783" s="2"/>
      <c r="C55783" s="2"/>
    </row>
    <row r="55784" spans="1:3" ht="19.2">
      <c r="A55784" s="2"/>
      <c r="B55784" s="2"/>
      <c r="C55784" s="2"/>
    </row>
    <row r="55785" spans="1:3" ht="19.2">
      <c r="A55785" s="2"/>
      <c r="B55785" s="2"/>
      <c r="C55785" s="2"/>
    </row>
    <row r="55786" spans="1:3" ht="19.2">
      <c r="A55786" s="2"/>
      <c r="B55786" s="2"/>
      <c r="C55786" s="2"/>
    </row>
    <row r="55787" spans="1:3" ht="19.2">
      <c r="A55787" s="2"/>
      <c r="B55787" s="2"/>
      <c r="C55787" s="2"/>
    </row>
    <row r="55788" spans="1:3" ht="19.2">
      <c r="A55788" s="2"/>
      <c r="B55788" s="2"/>
      <c r="C55788" s="2"/>
    </row>
    <row r="55789" spans="1:3" ht="19.2">
      <c r="A55789" s="2"/>
      <c r="B55789" s="2"/>
      <c r="C55789" s="2"/>
    </row>
    <row r="55790" spans="1:3" ht="19.2">
      <c r="A55790" s="2"/>
      <c r="B55790" s="2"/>
      <c r="C55790" s="2"/>
    </row>
    <row r="55791" spans="1:3" ht="19.2">
      <c r="A55791" s="2"/>
      <c r="B55791" s="2"/>
      <c r="C55791" s="2"/>
    </row>
    <row r="55792" spans="1:3" ht="19.2">
      <c r="A55792" s="2"/>
      <c r="B55792" s="2"/>
      <c r="C55792" s="2"/>
    </row>
    <row r="55793" spans="1:3" ht="19.2">
      <c r="A55793" s="2"/>
      <c r="B55793" s="2"/>
      <c r="C55793" s="2"/>
    </row>
    <row r="55794" spans="1:3" ht="19.2">
      <c r="A55794" s="2"/>
      <c r="B55794" s="2"/>
      <c r="C55794" s="2"/>
    </row>
    <row r="55795" spans="1:3" ht="19.2">
      <c r="A55795" s="2"/>
      <c r="B55795" s="2"/>
      <c r="C55795" s="2"/>
    </row>
    <row r="55796" spans="1:3" ht="19.2">
      <c r="A55796" s="2"/>
      <c r="B55796" s="2"/>
      <c r="C55796" s="2"/>
    </row>
    <row r="55797" spans="1:3" ht="19.2">
      <c r="A55797" s="2"/>
      <c r="B55797" s="2"/>
      <c r="C55797" s="2"/>
    </row>
    <row r="55798" spans="1:3" ht="19.2">
      <c r="A55798" s="2"/>
      <c r="B55798" s="2"/>
      <c r="C55798" s="2"/>
    </row>
    <row r="55799" spans="1:3" ht="19.2">
      <c r="A55799" s="2"/>
      <c r="B55799" s="2"/>
      <c r="C55799" s="2"/>
    </row>
    <row r="55800" spans="1:3" ht="19.2">
      <c r="A55800" s="2"/>
      <c r="B55800" s="2"/>
      <c r="C55800" s="2"/>
    </row>
    <row r="55801" spans="1:3" ht="19.2">
      <c r="A55801" s="2"/>
      <c r="B55801" s="2"/>
      <c r="C55801" s="2"/>
    </row>
    <row r="55802" spans="1:3" ht="19.2">
      <c r="A55802" s="2"/>
      <c r="B55802" s="2"/>
      <c r="C55802" s="2"/>
    </row>
    <row r="55803" spans="1:3" ht="19.2">
      <c r="A55803" s="2"/>
      <c r="B55803" s="2"/>
      <c r="C55803" s="2"/>
    </row>
    <row r="55804" spans="1:3" ht="19.2">
      <c r="A55804" s="2"/>
      <c r="B55804" s="2"/>
      <c r="C55804" s="2"/>
    </row>
    <row r="55805" spans="1:3" ht="19.2">
      <c r="A55805" s="2"/>
      <c r="B55805" s="2"/>
      <c r="C55805" s="2"/>
    </row>
    <row r="55806" spans="1:3" ht="19.2">
      <c r="A55806" s="2"/>
      <c r="B55806" s="2"/>
      <c r="C55806" s="2"/>
    </row>
    <row r="55807" spans="1:3" ht="19.2">
      <c r="A55807" s="2"/>
      <c r="B55807" s="2"/>
      <c r="C55807" s="2"/>
    </row>
    <row r="55808" spans="1:3" ht="19.2">
      <c r="A55808" s="2"/>
      <c r="B55808" s="2"/>
      <c r="C55808" s="2"/>
    </row>
    <row r="55809" spans="1:3" ht="19.2">
      <c r="A55809" s="2"/>
      <c r="B55809" s="2"/>
      <c r="C55809" s="2"/>
    </row>
    <row r="55810" spans="1:3" ht="19.2">
      <c r="A55810" s="2"/>
      <c r="B55810" s="2"/>
      <c r="C55810" s="2"/>
    </row>
    <row r="55811" spans="1:3" ht="19.2">
      <c r="A55811" s="2"/>
      <c r="B55811" s="2"/>
      <c r="C55811" s="2"/>
    </row>
    <row r="55812" spans="1:3" ht="19.2">
      <c r="A55812" s="2"/>
      <c r="B55812" s="2"/>
      <c r="C55812" s="2"/>
    </row>
    <row r="55813" spans="1:3" ht="19.2">
      <c r="A55813" s="2"/>
      <c r="B55813" s="2"/>
      <c r="C55813" s="2"/>
    </row>
    <row r="55814" spans="1:3" ht="19.2">
      <c r="A55814" s="2"/>
      <c r="B55814" s="2"/>
      <c r="C55814" s="2"/>
    </row>
    <row r="55815" spans="1:3" ht="19.2">
      <c r="A55815" s="2"/>
      <c r="B55815" s="2"/>
      <c r="C55815" s="2"/>
    </row>
    <row r="55816" spans="1:3" ht="19.2">
      <c r="A55816" s="2"/>
      <c r="B55816" s="2"/>
      <c r="C55816" s="2"/>
    </row>
    <row r="55817" spans="1:3" ht="19.2">
      <c r="A55817" s="2"/>
      <c r="B55817" s="2"/>
      <c r="C55817" s="2"/>
    </row>
    <row r="55818" spans="1:3" ht="19.2">
      <c r="A55818" s="2"/>
      <c r="B55818" s="2"/>
      <c r="C55818" s="2"/>
    </row>
    <row r="55819" spans="1:3" ht="19.2">
      <c r="A55819" s="2"/>
      <c r="B55819" s="2"/>
      <c r="C55819" s="2"/>
    </row>
    <row r="55820" spans="1:3" ht="19.2">
      <c r="A55820" s="2"/>
      <c r="B55820" s="2"/>
      <c r="C55820" s="2"/>
    </row>
    <row r="55821" spans="1:3" ht="19.2">
      <c r="A55821" s="2"/>
      <c r="B55821" s="2"/>
      <c r="C55821" s="2"/>
    </row>
    <row r="55822" spans="1:3" ht="19.2">
      <c r="A55822" s="2"/>
      <c r="B55822" s="2"/>
      <c r="C55822" s="2"/>
    </row>
    <row r="55823" spans="1:3" ht="19.2">
      <c r="A55823" s="2"/>
      <c r="B55823" s="2"/>
      <c r="C55823" s="2"/>
    </row>
    <row r="55824" spans="1:3" ht="19.2">
      <c r="A55824" s="2"/>
      <c r="B55824" s="2"/>
      <c r="C55824" s="2"/>
    </row>
    <row r="55825" spans="1:3" ht="19.2">
      <c r="A55825" s="2"/>
      <c r="B55825" s="2"/>
      <c r="C55825" s="2"/>
    </row>
    <row r="55826" spans="1:3" ht="19.2">
      <c r="A55826" s="2"/>
      <c r="B55826" s="2"/>
      <c r="C55826" s="2"/>
    </row>
    <row r="55827" spans="1:3" ht="19.2">
      <c r="A55827" s="2"/>
      <c r="B55827" s="2"/>
      <c r="C55827" s="2"/>
    </row>
    <row r="55828" spans="1:3" ht="19.2">
      <c r="A55828" s="2"/>
      <c r="B55828" s="2"/>
      <c r="C55828" s="2"/>
    </row>
    <row r="55829" spans="1:3" ht="19.2">
      <c r="A55829" s="2"/>
      <c r="B55829" s="2"/>
      <c r="C55829" s="2"/>
    </row>
    <row r="55830" spans="1:3" ht="19.2">
      <c r="A55830" s="2"/>
      <c r="B55830" s="2"/>
      <c r="C55830" s="2"/>
    </row>
    <row r="55831" spans="1:3" ht="19.2">
      <c r="A55831" s="2"/>
      <c r="B55831" s="2"/>
      <c r="C55831" s="2"/>
    </row>
    <row r="55832" spans="1:3" ht="19.2">
      <c r="A55832" s="2"/>
      <c r="B55832" s="2"/>
      <c r="C55832" s="2"/>
    </row>
    <row r="55833" spans="1:3" ht="19.2">
      <c r="A55833" s="2"/>
      <c r="B55833" s="2"/>
      <c r="C55833" s="2"/>
    </row>
    <row r="55834" spans="1:3" ht="19.2">
      <c r="A55834" s="2"/>
      <c r="B55834" s="2"/>
      <c r="C55834" s="2"/>
    </row>
    <row r="55835" spans="1:3" ht="19.2">
      <c r="A55835" s="2"/>
      <c r="B55835" s="2"/>
      <c r="C55835" s="2"/>
    </row>
    <row r="55836" spans="1:3" ht="19.2">
      <c r="A55836" s="2"/>
      <c r="B55836" s="2"/>
      <c r="C55836" s="2"/>
    </row>
    <row r="55837" spans="1:3" ht="19.2">
      <c r="A55837" s="2"/>
      <c r="B55837" s="2"/>
      <c r="C55837" s="2"/>
    </row>
    <row r="55838" spans="1:3" ht="19.2">
      <c r="A55838" s="2"/>
      <c r="B55838" s="2"/>
      <c r="C55838" s="2"/>
    </row>
    <row r="55839" spans="1:3" ht="19.2">
      <c r="A55839" s="2"/>
      <c r="B55839" s="2"/>
      <c r="C55839" s="2"/>
    </row>
    <row r="55840" spans="1:3" ht="19.2">
      <c r="A55840" s="2"/>
      <c r="B55840" s="2"/>
      <c r="C55840" s="2"/>
    </row>
    <row r="55841" spans="1:3" ht="19.2">
      <c r="A55841" s="2"/>
      <c r="B55841" s="2"/>
      <c r="C55841" s="2"/>
    </row>
    <row r="55842" spans="1:3" ht="19.2">
      <c r="A55842" s="2"/>
      <c r="B55842" s="2"/>
      <c r="C55842" s="2"/>
    </row>
    <row r="55843" spans="1:3" ht="19.2">
      <c r="A55843" s="2"/>
      <c r="B55843" s="2"/>
      <c r="C55843" s="2"/>
    </row>
    <row r="55844" spans="1:3" ht="19.2">
      <c r="A55844" s="2"/>
      <c r="B55844" s="2"/>
      <c r="C55844" s="2"/>
    </row>
    <row r="55845" spans="1:3" ht="19.2">
      <c r="A55845" s="2"/>
      <c r="B55845" s="2"/>
      <c r="C55845" s="2"/>
    </row>
    <row r="55846" spans="1:3" ht="19.2">
      <c r="A55846" s="2"/>
      <c r="B55846" s="2"/>
      <c r="C55846" s="2"/>
    </row>
    <row r="55847" spans="1:3" ht="19.2">
      <c r="A55847" s="2"/>
      <c r="B55847" s="2"/>
      <c r="C55847" s="2"/>
    </row>
    <row r="55848" spans="1:3" ht="19.2">
      <c r="A55848" s="2"/>
      <c r="B55848" s="2"/>
      <c r="C55848" s="2"/>
    </row>
    <row r="55849" spans="1:3" ht="19.2">
      <c r="A55849" s="2"/>
      <c r="B55849" s="2"/>
      <c r="C55849" s="2"/>
    </row>
    <row r="55850" spans="1:3" ht="19.2">
      <c r="A55850" s="2"/>
      <c r="B55850" s="2"/>
      <c r="C55850" s="2"/>
    </row>
    <row r="55851" spans="1:3" ht="19.2">
      <c r="A55851" s="2"/>
      <c r="B55851" s="2"/>
      <c r="C55851" s="2"/>
    </row>
    <row r="55852" spans="1:3" ht="19.2">
      <c r="A55852" s="2"/>
      <c r="B55852" s="2"/>
      <c r="C55852" s="2"/>
    </row>
    <row r="55853" spans="1:3" ht="19.2">
      <c r="A55853" s="2"/>
      <c r="B55853" s="2"/>
      <c r="C55853" s="2"/>
    </row>
    <row r="55854" spans="1:3" ht="19.2">
      <c r="A55854" s="2"/>
      <c r="B55854" s="2"/>
      <c r="C55854" s="2"/>
    </row>
    <row r="55855" spans="1:3" ht="19.2">
      <c r="A55855" s="2"/>
      <c r="B55855" s="2"/>
      <c r="C55855" s="2"/>
    </row>
    <row r="55856" spans="1:3" ht="19.2">
      <c r="A55856" s="2"/>
      <c r="B55856" s="2"/>
      <c r="C55856" s="2"/>
    </row>
    <row r="55857" spans="1:3" ht="19.2">
      <c r="A55857" s="2"/>
      <c r="B55857" s="2"/>
      <c r="C55857" s="2"/>
    </row>
    <row r="55858" spans="1:3" ht="19.2">
      <c r="A55858" s="2"/>
      <c r="B55858" s="2"/>
      <c r="C55858" s="2"/>
    </row>
    <row r="55859" spans="1:3" ht="19.2">
      <c r="A55859" s="2"/>
      <c r="B55859" s="2"/>
      <c r="C55859" s="2"/>
    </row>
    <row r="55860" spans="1:3" ht="19.2">
      <c r="A55860" s="2"/>
      <c r="B55860" s="2"/>
      <c r="C55860" s="2"/>
    </row>
    <row r="55861" spans="1:3" ht="19.2">
      <c r="A55861" s="2"/>
      <c r="B55861" s="2"/>
      <c r="C55861" s="2"/>
    </row>
    <row r="55862" spans="1:3" ht="19.2">
      <c r="A55862" s="2"/>
      <c r="B55862" s="2"/>
      <c r="C55862" s="2"/>
    </row>
    <row r="55863" spans="1:3" ht="19.2">
      <c r="A55863" s="2"/>
      <c r="B55863" s="2"/>
      <c r="C55863" s="2"/>
    </row>
    <row r="55864" spans="1:3" ht="19.2">
      <c r="A55864" s="2"/>
      <c r="B55864" s="2"/>
      <c r="C55864" s="2"/>
    </row>
    <row r="55865" spans="1:3" ht="19.2">
      <c r="A55865" s="2"/>
      <c r="B55865" s="2"/>
      <c r="C55865" s="2"/>
    </row>
    <row r="55866" spans="1:3" ht="19.2">
      <c r="A55866" s="2"/>
      <c r="B55866" s="2"/>
      <c r="C55866" s="2"/>
    </row>
    <row r="55867" spans="1:3" ht="19.2">
      <c r="A55867" s="2"/>
      <c r="B55867" s="2"/>
      <c r="C55867" s="2"/>
    </row>
    <row r="55868" spans="1:3" ht="19.2">
      <c r="A55868" s="2"/>
      <c r="B55868" s="2"/>
      <c r="C55868" s="2"/>
    </row>
    <row r="55869" spans="1:3" ht="19.2">
      <c r="A55869" s="2"/>
      <c r="B55869" s="2"/>
      <c r="C55869" s="2"/>
    </row>
    <row r="55870" spans="1:3" ht="19.2">
      <c r="A55870" s="2"/>
      <c r="B55870" s="2"/>
      <c r="C55870" s="2"/>
    </row>
    <row r="55871" spans="1:3" ht="19.2">
      <c r="A55871" s="2"/>
      <c r="B55871" s="2"/>
      <c r="C55871" s="2"/>
    </row>
    <row r="55872" spans="1:3" ht="19.2">
      <c r="A55872" s="2"/>
      <c r="B55872" s="2"/>
      <c r="C55872" s="2"/>
    </row>
    <row r="55873" spans="1:3" ht="19.2">
      <c r="A55873" s="2"/>
      <c r="B55873" s="2"/>
      <c r="C55873" s="2"/>
    </row>
    <row r="55874" spans="1:3" ht="19.2">
      <c r="A55874" s="2"/>
      <c r="B55874" s="2"/>
      <c r="C55874" s="2"/>
    </row>
    <row r="55875" spans="1:3" ht="19.2">
      <c r="A55875" s="2"/>
      <c r="B55875" s="2"/>
      <c r="C55875" s="2"/>
    </row>
    <row r="55876" spans="1:3" ht="19.2">
      <c r="A55876" s="2"/>
      <c r="B55876" s="2"/>
      <c r="C55876" s="2"/>
    </row>
    <row r="55877" spans="1:3" ht="19.2">
      <c r="A55877" s="2"/>
      <c r="B55877" s="2"/>
      <c r="C55877" s="2"/>
    </row>
    <row r="55878" spans="1:3" ht="19.2">
      <c r="A55878" s="2"/>
      <c r="B55878" s="2"/>
      <c r="C55878" s="2"/>
    </row>
    <row r="55879" spans="1:3" ht="19.2">
      <c r="A55879" s="2"/>
      <c r="B55879" s="2"/>
      <c r="C55879" s="2"/>
    </row>
    <row r="55880" spans="1:3" ht="19.2">
      <c r="A55880" s="2"/>
      <c r="B55880" s="2"/>
      <c r="C55880" s="2"/>
    </row>
    <row r="55881" spans="1:3" ht="19.2">
      <c r="A55881" s="2"/>
      <c r="B55881" s="2"/>
      <c r="C55881" s="2"/>
    </row>
    <row r="55882" spans="1:3" ht="19.2">
      <c r="A55882" s="2"/>
      <c r="B55882" s="2"/>
      <c r="C55882" s="2"/>
    </row>
    <row r="55883" spans="1:3" ht="19.2">
      <c r="A55883" s="2"/>
      <c r="B55883" s="2"/>
      <c r="C55883" s="2"/>
    </row>
    <row r="55884" spans="1:3" ht="19.2">
      <c r="A55884" s="2"/>
      <c r="B55884" s="2"/>
      <c r="C55884" s="2"/>
    </row>
    <row r="55885" spans="1:3" ht="19.2">
      <c r="A55885" s="2"/>
      <c r="B55885" s="2"/>
      <c r="C55885" s="2"/>
    </row>
    <row r="55886" spans="1:3" ht="19.2">
      <c r="A55886" s="2"/>
      <c r="B55886" s="2"/>
      <c r="C55886" s="2"/>
    </row>
    <row r="55887" spans="1:3" ht="19.2">
      <c r="A55887" s="2"/>
      <c r="B55887" s="2"/>
      <c r="C55887" s="2"/>
    </row>
    <row r="55888" spans="1:3" ht="19.2">
      <c r="A55888" s="2"/>
      <c r="B55888" s="2"/>
      <c r="C55888" s="2"/>
    </row>
    <row r="55889" spans="1:3" ht="19.2">
      <c r="A55889" s="2"/>
      <c r="B55889" s="2"/>
      <c r="C55889" s="2"/>
    </row>
    <row r="55890" spans="1:3" ht="19.2">
      <c r="A55890" s="2"/>
      <c r="B55890" s="2"/>
      <c r="C55890" s="2"/>
    </row>
    <row r="55891" spans="1:3" ht="19.2">
      <c r="A55891" s="2"/>
      <c r="B55891" s="2"/>
      <c r="C55891" s="2"/>
    </row>
    <row r="55892" spans="1:3" ht="19.2">
      <c r="A55892" s="2"/>
      <c r="B55892" s="2"/>
      <c r="C55892" s="2"/>
    </row>
    <row r="55893" spans="1:3" ht="19.2">
      <c r="A55893" s="2"/>
      <c r="B55893" s="2"/>
      <c r="C55893" s="2"/>
    </row>
    <row r="55894" spans="1:3" ht="19.2">
      <c r="A55894" s="2"/>
      <c r="B55894" s="2"/>
      <c r="C55894" s="2"/>
    </row>
    <row r="55895" spans="1:3" ht="19.2">
      <c r="A55895" s="2"/>
      <c r="B55895" s="2"/>
      <c r="C55895" s="2"/>
    </row>
    <row r="55896" spans="1:3" ht="19.2">
      <c r="A55896" s="2"/>
      <c r="B55896" s="2"/>
      <c r="C55896" s="2"/>
    </row>
    <row r="55897" spans="1:3" ht="19.2">
      <c r="A55897" s="2"/>
      <c r="B55897" s="2"/>
      <c r="C55897" s="2"/>
    </row>
    <row r="55898" spans="1:3" ht="19.2">
      <c r="A55898" s="2"/>
      <c r="B55898" s="2"/>
      <c r="C55898" s="2"/>
    </row>
    <row r="55899" spans="1:3" ht="19.2">
      <c r="A55899" s="2"/>
      <c r="B55899" s="2"/>
      <c r="C55899" s="2"/>
    </row>
    <row r="55900" spans="1:3" ht="19.2">
      <c r="A55900" s="2"/>
      <c r="B55900" s="2"/>
      <c r="C55900" s="2"/>
    </row>
    <row r="55901" spans="1:3" ht="19.2">
      <c r="A55901" s="2"/>
      <c r="B55901" s="2"/>
      <c r="C55901" s="2"/>
    </row>
    <row r="55902" spans="1:3" ht="19.2">
      <c r="A55902" s="2"/>
      <c r="B55902" s="2"/>
      <c r="C55902" s="2"/>
    </row>
    <row r="55903" spans="1:3" ht="19.2">
      <c r="A55903" s="2"/>
      <c r="B55903" s="2"/>
      <c r="C55903" s="2"/>
    </row>
    <row r="55904" spans="1:3" ht="19.2">
      <c r="A55904" s="2"/>
      <c r="B55904" s="2"/>
      <c r="C55904" s="2"/>
    </row>
    <row r="55905" spans="1:3" ht="19.2">
      <c r="A55905" s="2"/>
      <c r="B55905" s="2"/>
      <c r="C55905" s="2"/>
    </row>
    <row r="55906" spans="1:3" ht="19.2">
      <c r="A55906" s="2"/>
      <c r="B55906" s="2"/>
      <c r="C55906" s="2"/>
    </row>
    <row r="55907" spans="1:3" ht="19.2">
      <c r="A55907" s="2"/>
      <c r="B55907" s="2"/>
      <c r="C55907" s="2"/>
    </row>
    <row r="55908" spans="1:3" ht="19.2">
      <c r="A55908" s="2"/>
      <c r="B55908" s="2"/>
      <c r="C55908" s="2"/>
    </row>
    <row r="55909" spans="1:3" ht="19.2">
      <c r="A55909" s="2"/>
      <c r="B55909" s="2"/>
      <c r="C55909" s="2"/>
    </row>
    <row r="55910" spans="1:3" ht="19.2">
      <c r="A55910" s="2"/>
      <c r="B55910" s="2"/>
      <c r="C55910" s="2"/>
    </row>
    <row r="55911" spans="1:3" ht="19.2">
      <c r="A55911" s="2"/>
      <c r="B55911" s="2"/>
      <c r="C55911" s="2"/>
    </row>
    <row r="55912" spans="1:3" ht="19.2">
      <c r="A55912" s="2"/>
      <c r="B55912" s="2"/>
      <c r="C55912" s="2"/>
    </row>
    <row r="55913" spans="1:3" ht="19.2">
      <c r="A55913" s="2"/>
      <c r="B55913" s="2"/>
      <c r="C55913" s="2"/>
    </row>
    <row r="55914" spans="1:3" ht="19.2">
      <c r="A55914" s="2"/>
      <c r="B55914" s="2"/>
      <c r="C55914" s="2"/>
    </row>
    <row r="55915" spans="1:3" ht="19.2">
      <c r="A55915" s="2"/>
      <c r="B55915" s="2"/>
      <c r="C55915" s="2"/>
    </row>
    <row r="55916" spans="1:3" ht="19.2">
      <c r="A55916" s="2"/>
      <c r="B55916" s="2"/>
      <c r="C55916" s="2"/>
    </row>
    <row r="55917" spans="1:3" ht="19.2">
      <c r="A55917" s="2"/>
      <c r="B55917" s="2"/>
      <c r="C55917" s="2"/>
    </row>
    <row r="55918" spans="1:3" ht="19.2">
      <c r="A55918" s="2"/>
      <c r="B55918" s="2"/>
      <c r="C55918" s="2"/>
    </row>
    <row r="55919" spans="1:3" ht="19.2">
      <c r="A55919" s="2"/>
      <c r="B55919" s="2"/>
      <c r="C55919" s="2"/>
    </row>
    <row r="55920" spans="1:3" ht="19.2">
      <c r="A55920" s="2"/>
      <c r="B55920" s="2"/>
      <c r="C55920" s="2"/>
    </row>
    <row r="55921" spans="1:3" ht="19.2">
      <c r="A55921" s="2"/>
      <c r="B55921" s="2"/>
      <c r="C55921" s="2"/>
    </row>
    <row r="55922" spans="1:3" ht="19.2">
      <c r="A55922" s="2"/>
      <c r="B55922" s="2"/>
      <c r="C55922" s="2"/>
    </row>
    <row r="55923" spans="1:3" ht="19.2">
      <c r="A55923" s="2"/>
      <c r="B55923" s="2"/>
      <c r="C55923" s="2"/>
    </row>
    <row r="55924" spans="1:3" ht="19.2">
      <c r="A55924" s="2"/>
      <c r="B55924" s="2"/>
      <c r="C55924" s="2"/>
    </row>
    <row r="55925" spans="1:3" ht="19.2">
      <c r="A55925" s="2"/>
      <c r="B55925" s="2"/>
      <c r="C55925" s="2"/>
    </row>
    <row r="55926" spans="1:3" ht="19.2">
      <c r="A55926" s="2"/>
      <c r="B55926" s="2"/>
      <c r="C55926" s="2"/>
    </row>
    <row r="55927" spans="1:3" ht="19.2">
      <c r="A55927" s="2"/>
      <c r="B55927" s="2"/>
      <c r="C55927" s="2"/>
    </row>
    <row r="55928" spans="1:3" ht="19.2">
      <c r="A55928" s="2"/>
      <c r="B55928" s="2"/>
      <c r="C55928" s="2"/>
    </row>
    <row r="55929" spans="1:3" ht="19.2">
      <c r="A55929" s="2"/>
      <c r="B55929" s="2"/>
      <c r="C55929" s="2"/>
    </row>
    <row r="55930" spans="1:3" ht="19.2">
      <c r="A55930" s="2"/>
      <c r="B55930" s="2"/>
      <c r="C55930" s="2"/>
    </row>
    <row r="55931" spans="1:3" ht="19.2">
      <c r="A55931" s="2"/>
      <c r="B55931" s="2"/>
      <c r="C55931" s="2"/>
    </row>
    <row r="55932" spans="1:3" ht="19.2">
      <c r="A55932" s="2"/>
      <c r="B55932" s="2"/>
      <c r="C55932" s="2"/>
    </row>
    <row r="55933" spans="1:3" ht="19.2">
      <c r="A55933" s="2"/>
      <c r="B55933" s="2"/>
      <c r="C55933" s="2"/>
    </row>
    <row r="55934" spans="1:3" ht="19.2">
      <c r="A55934" s="2"/>
      <c r="B55934" s="2"/>
      <c r="C55934" s="2"/>
    </row>
    <row r="55935" spans="1:3" ht="19.2">
      <c r="A55935" s="2"/>
      <c r="B55935" s="2"/>
      <c r="C55935" s="2"/>
    </row>
    <row r="55936" spans="1:3" ht="19.2">
      <c r="A55936" s="2"/>
      <c r="B55936" s="2"/>
      <c r="C55936" s="2"/>
    </row>
    <row r="55937" spans="1:3" ht="19.2">
      <c r="A55937" s="2"/>
      <c r="B55937" s="2"/>
      <c r="C55937" s="2"/>
    </row>
    <row r="55938" spans="1:3" ht="19.2">
      <c r="A55938" s="2"/>
      <c r="B55938" s="2"/>
      <c r="C55938" s="2"/>
    </row>
    <row r="55939" spans="1:3" ht="19.2">
      <c r="A55939" s="2"/>
      <c r="B55939" s="2"/>
      <c r="C55939" s="2"/>
    </row>
    <row r="55940" spans="1:3" ht="19.2">
      <c r="A55940" s="2"/>
      <c r="B55940" s="2"/>
      <c r="C55940" s="2"/>
    </row>
    <row r="55941" spans="1:3" ht="19.2">
      <c r="A55941" s="2"/>
      <c r="B55941" s="2"/>
      <c r="C55941" s="2"/>
    </row>
    <row r="55942" spans="1:3" ht="19.2">
      <c r="A55942" s="2"/>
      <c r="B55942" s="2"/>
      <c r="C55942" s="2"/>
    </row>
    <row r="55943" spans="1:3" ht="19.2">
      <c r="A55943" s="2"/>
      <c r="B55943" s="2"/>
      <c r="C55943" s="2"/>
    </row>
    <row r="55944" spans="1:3" ht="19.2">
      <c r="A55944" s="2"/>
      <c r="B55944" s="2"/>
      <c r="C55944" s="2"/>
    </row>
    <row r="55945" spans="1:3" ht="19.2">
      <c r="A55945" s="2"/>
      <c r="B55945" s="2"/>
      <c r="C55945" s="2"/>
    </row>
    <row r="55946" spans="1:3" ht="19.2">
      <c r="A55946" s="2"/>
      <c r="B55946" s="2"/>
      <c r="C55946" s="2"/>
    </row>
    <row r="55947" spans="1:3" ht="19.2">
      <c r="A55947" s="2"/>
      <c r="B55947" s="2"/>
      <c r="C55947" s="2"/>
    </row>
    <row r="55948" spans="1:3" ht="19.2">
      <c r="A55948" s="2"/>
      <c r="B55948" s="2"/>
      <c r="C55948" s="2"/>
    </row>
    <row r="55949" spans="1:3" ht="19.2">
      <c r="A55949" s="2"/>
      <c r="B55949" s="2"/>
      <c r="C55949" s="2"/>
    </row>
    <row r="55950" spans="1:3" ht="19.2">
      <c r="A55950" s="2"/>
      <c r="B55950" s="2"/>
      <c r="C55950" s="2"/>
    </row>
    <row r="55951" spans="1:3" ht="19.2">
      <c r="A55951" s="2"/>
      <c r="B55951" s="2"/>
      <c r="C55951" s="2"/>
    </row>
    <row r="55952" spans="1:3" ht="19.2">
      <c r="A55952" s="2"/>
      <c r="B55952" s="2"/>
      <c r="C55952" s="2"/>
    </row>
    <row r="55953" spans="1:3" ht="19.2">
      <c r="A55953" s="2"/>
      <c r="B55953" s="2"/>
      <c r="C55953" s="2"/>
    </row>
    <row r="55954" spans="1:3" ht="19.2">
      <c r="A55954" s="2"/>
      <c r="B55954" s="2"/>
      <c r="C55954" s="2"/>
    </row>
    <row r="55955" spans="1:3" ht="19.2">
      <c r="A55955" s="2"/>
      <c r="B55955" s="2"/>
      <c r="C55955" s="2"/>
    </row>
    <row r="55956" spans="1:3" ht="19.2">
      <c r="A55956" s="2"/>
      <c r="B55956" s="2"/>
      <c r="C55956" s="2"/>
    </row>
    <row r="55957" spans="1:3" ht="19.2">
      <c r="A55957" s="2"/>
      <c r="B55957" s="2"/>
      <c r="C55957" s="2"/>
    </row>
    <row r="55958" spans="1:3" ht="19.2">
      <c r="A55958" s="2"/>
      <c r="B55958" s="2"/>
      <c r="C55958" s="2"/>
    </row>
    <row r="55959" spans="1:3" ht="19.2">
      <c r="A55959" s="2"/>
      <c r="B55959" s="2"/>
      <c r="C55959" s="2"/>
    </row>
    <row r="55960" spans="1:3" ht="19.2">
      <c r="A55960" s="2"/>
      <c r="B55960" s="2"/>
      <c r="C55960" s="2"/>
    </row>
    <row r="55961" spans="1:3" ht="19.2">
      <c r="A55961" s="2"/>
      <c r="B55961" s="2"/>
      <c r="C55961" s="2"/>
    </row>
    <row r="55962" spans="1:3" ht="19.2">
      <c r="A55962" s="2"/>
      <c r="B55962" s="2"/>
      <c r="C55962" s="2"/>
    </row>
    <row r="55963" spans="1:3" ht="19.2">
      <c r="A55963" s="2"/>
      <c r="B55963" s="2"/>
      <c r="C55963" s="2"/>
    </row>
    <row r="55964" spans="1:3" ht="19.2">
      <c r="A55964" s="2"/>
      <c r="B55964" s="2"/>
      <c r="C55964" s="2"/>
    </row>
    <row r="55965" spans="1:3" ht="19.2">
      <c r="A55965" s="2"/>
      <c r="B55965" s="2"/>
      <c r="C55965" s="2"/>
    </row>
    <row r="55966" spans="1:3" ht="19.2">
      <c r="A55966" s="2"/>
      <c r="B55966" s="2"/>
      <c r="C55966" s="2"/>
    </row>
    <row r="55967" spans="1:3" ht="19.2">
      <c r="A55967" s="2"/>
      <c r="B55967" s="2"/>
      <c r="C55967" s="2"/>
    </row>
    <row r="55968" spans="1:3" ht="19.2">
      <c r="A55968" s="2"/>
      <c r="B55968" s="2"/>
      <c r="C55968" s="2"/>
    </row>
    <row r="55969" spans="1:3" ht="19.2">
      <c r="A55969" s="2"/>
      <c r="B55969" s="2"/>
      <c r="C55969" s="2"/>
    </row>
    <row r="55970" spans="1:3" ht="19.2">
      <c r="A55970" s="2"/>
      <c r="B55970" s="2"/>
      <c r="C55970" s="2"/>
    </row>
    <row r="55971" spans="1:3" ht="19.2">
      <c r="A55971" s="2"/>
      <c r="B55971" s="2"/>
      <c r="C55971" s="2"/>
    </row>
    <row r="55972" spans="1:3" ht="19.2">
      <c r="A55972" s="2"/>
      <c r="B55972" s="2"/>
      <c r="C55972" s="2"/>
    </row>
    <row r="55973" spans="1:3" ht="19.2">
      <c r="A55973" s="2"/>
      <c r="B55973" s="2"/>
      <c r="C55973" s="2"/>
    </row>
    <row r="55974" spans="1:3" ht="19.2">
      <c r="A55974" s="2"/>
      <c r="B55974" s="2"/>
      <c r="C55974" s="2"/>
    </row>
    <row r="55975" spans="1:3" ht="19.2">
      <c r="A55975" s="2"/>
      <c r="B55975" s="2"/>
      <c r="C55975" s="2"/>
    </row>
    <row r="55976" spans="1:3" ht="19.2">
      <c r="A55976" s="2"/>
      <c r="B55976" s="2"/>
      <c r="C55976" s="2"/>
    </row>
    <row r="55977" spans="1:3" ht="19.2">
      <c r="A55977" s="2"/>
      <c r="B55977" s="2"/>
      <c r="C55977" s="2"/>
    </row>
    <row r="55978" spans="1:3" ht="19.2">
      <c r="A55978" s="2"/>
      <c r="B55978" s="2"/>
      <c r="C55978" s="2"/>
    </row>
    <row r="55979" spans="1:3" ht="19.2">
      <c r="A55979" s="2"/>
      <c r="B55979" s="2"/>
      <c r="C55979" s="2"/>
    </row>
    <row r="55980" spans="1:3" ht="19.2">
      <c r="A55980" s="2"/>
      <c r="B55980" s="2"/>
      <c r="C55980" s="2"/>
    </row>
    <row r="55981" spans="1:3" ht="19.2">
      <c r="A55981" s="2"/>
      <c r="B55981" s="2"/>
      <c r="C55981" s="2"/>
    </row>
    <row r="55982" spans="1:3" ht="19.2">
      <c r="A55982" s="2"/>
      <c r="B55982" s="2"/>
      <c r="C55982" s="2"/>
    </row>
    <row r="55983" spans="1:3" ht="19.2">
      <c r="A55983" s="2"/>
      <c r="B55983" s="2"/>
      <c r="C55983" s="2"/>
    </row>
    <row r="55984" spans="1:3" ht="19.2">
      <c r="A55984" s="2"/>
      <c r="B55984" s="2"/>
      <c r="C55984" s="2"/>
    </row>
    <row r="55985" spans="1:3" ht="19.2">
      <c r="A55985" s="2"/>
      <c r="B55985" s="2"/>
      <c r="C55985" s="2"/>
    </row>
    <row r="55986" spans="1:3" ht="19.2">
      <c r="A55986" s="2"/>
      <c r="B55986" s="2"/>
      <c r="C55986" s="2"/>
    </row>
    <row r="55987" spans="1:3" ht="19.2">
      <c r="A55987" s="2"/>
      <c r="B55987" s="2"/>
      <c r="C55987" s="2"/>
    </row>
    <row r="55988" spans="1:3" ht="19.2">
      <c r="A55988" s="2"/>
      <c r="B55988" s="2"/>
      <c r="C55988" s="2"/>
    </row>
    <row r="55989" spans="1:3" ht="19.2">
      <c r="A55989" s="2"/>
      <c r="B55989" s="2"/>
      <c r="C55989" s="2"/>
    </row>
    <row r="55990" spans="1:3" ht="19.2">
      <c r="A55990" s="2"/>
      <c r="B55990" s="2"/>
      <c r="C55990" s="2"/>
    </row>
    <row r="55991" spans="1:3" ht="19.2">
      <c r="A55991" s="2"/>
      <c r="B55991" s="2"/>
      <c r="C55991" s="2"/>
    </row>
    <row r="55992" spans="1:3" ht="19.2">
      <c r="A55992" s="2"/>
      <c r="B55992" s="2"/>
      <c r="C55992" s="2"/>
    </row>
    <row r="55993" spans="1:3" ht="19.2">
      <c r="A55993" s="2"/>
      <c r="B55993" s="2"/>
      <c r="C55993" s="2"/>
    </row>
    <row r="55994" spans="1:3" ht="19.2">
      <c r="A55994" s="2"/>
      <c r="B55994" s="2"/>
      <c r="C55994" s="2"/>
    </row>
    <row r="55995" spans="1:3" ht="19.2">
      <c r="A55995" s="2"/>
      <c r="B55995" s="2"/>
      <c r="C55995" s="2"/>
    </row>
    <row r="55996" spans="1:3" ht="19.2">
      <c r="A55996" s="2"/>
      <c r="B55996" s="2"/>
      <c r="C55996" s="2"/>
    </row>
    <row r="55997" spans="1:3" ht="19.2">
      <c r="A55997" s="2"/>
      <c r="B55997" s="2"/>
      <c r="C55997" s="2"/>
    </row>
    <row r="55998" spans="1:3" ht="19.2">
      <c r="A55998" s="2"/>
      <c r="B55998" s="2"/>
      <c r="C55998" s="2"/>
    </row>
    <row r="55999" spans="1:3" ht="19.2">
      <c r="A55999" s="2"/>
      <c r="B55999" s="2"/>
      <c r="C55999" s="2"/>
    </row>
    <row r="56000" spans="1:3" ht="19.2">
      <c r="A56000" s="2"/>
      <c r="B56000" s="2"/>
      <c r="C56000" s="2"/>
    </row>
    <row r="56001" spans="1:3" ht="19.2">
      <c r="A56001" s="2"/>
      <c r="B56001" s="2"/>
      <c r="C56001" s="2"/>
    </row>
    <row r="56002" spans="1:3" ht="19.2">
      <c r="A56002" s="2"/>
      <c r="B56002" s="2"/>
      <c r="C56002" s="2"/>
    </row>
    <row r="56003" spans="1:3" ht="19.2">
      <c r="A56003" s="2"/>
      <c r="B56003" s="2"/>
      <c r="C56003" s="2"/>
    </row>
    <row r="56004" spans="1:3" ht="19.2">
      <c r="A56004" s="2"/>
      <c r="B56004" s="2"/>
      <c r="C56004" s="2"/>
    </row>
    <row r="56005" spans="1:3" ht="19.2">
      <c r="A56005" s="2"/>
      <c r="B56005" s="2"/>
      <c r="C56005" s="2"/>
    </row>
    <row r="56006" spans="1:3" ht="19.2">
      <c r="A56006" s="2"/>
      <c r="B56006" s="2"/>
      <c r="C56006" s="2"/>
    </row>
    <row r="56007" spans="1:3" ht="19.2">
      <c r="A56007" s="2"/>
      <c r="B56007" s="2"/>
      <c r="C56007" s="2"/>
    </row>
    <row r="56008" spans="1:3" ht="19.2">
      <c r="A56008" s="2"/>
      <c r="B56008" s="2"/>
      <c r="C56008" s="2"/>
    </row>
    <row r="56009" spans="1:3" ht="19.2">
      <c r="A56009" s="2"/>
      <c r="B56009" s="2"/>
      <c r="C56009" s="2"/>
    </row>
    <row r="56010" spans="1:3" ht="19.2">
      <c r="A56010" s="2"/>
      <c r="B56010" s="2"/>
      <c r="C56010" s="2"/>
    </row>
    <row r="56011" spans="1:3" ht="19.2">
      <c r="A56011" s="2"/>
      <c r="B56011" s="2"/>
      <c r="C56011" s="2"/>
    </row>
    <row r="56012" spans="1:3" ht="19.2">
      <c r="A56012" s="2"/>
      <c r="B56012" s="2"/>
      <c r="C56012" s="2"/>
    </row>
    <row r="56013" spans="1:3" ht="19.2">
      <c r="A56013" s="2"/>
      <c r="B56013" s="2"/>
      <c r="C56013" s="2"/>
    </row>
    <row r="56014" spans="1:3" ht="19.2">
      <c r="A56014" s="2"/>
      <c r="B56014" s="2"/>
      <c r="C56014" s="2"/>
    </row>
    <row r="56015" spans="1:3" ht="19.2">
      <c r="A56015" s="2"/>
      <c r="B56015" s="2"/>
      <c r="C56015" s="2"/>
    </row>
    <row r="56016" spans="1:3" ht="19.2">
      <c r="A56016" s="2"/>
      <c r="B56016" s="2"/>
      <c r="C56016" s="2"/>
    </row>
    <row r="56017" spans="1:3" ht="19.2">
      <c r="A56017" s="2"/>
      <c r="B56017" s="2"/>
      <c r="C56017" s="2"/>
    </row>
    <row r="56018" spans="1:3" ht="19.2">
      <c r="A56018" s="2"/>
      <c r="B56018" s="2"/>
      <c r="C56018" s="2"/>
    </row>
    <row r="56019" spans="1:3" ht="19.2">
      <c r="A56019" s="2"/>
      <c r="B56019" s="2"/>
      <c r="C56019" s="2"/>
    </row>
    <row r="56020" spans="1:3" ht="19.2">
      <c r="A56020" s="2"/>
      <c r="B56020" s="2"/>
      <c r="C56020" s="2"/>
    </row>
    <row r="56021" spans="1:3" ht="19.2">
      <c r="A56021" s="2"/>
      <c r="B56021" s="2"/>
      <c r="C56021" s="2"/>
    </row>
    <row r="56022" spans="1:3" ht="19.2">
      <c r="A56022" s="2"/>
      <c r="B56022" s="2"/>
      <c r="C56022" s="2"/>
    </row>
    <row r="56023" spans="1:3" ht="19.2">
      <c r="A56023" s="2"/>
      <c r="B56023" s="2"/>
      <c r="C56023" s="2"/>
    </row>
    <row r="56024" spans="1:3" ht="19.2">
      <c r="A56024" s="2"/>
      <c r="B56024" s="2"/>
      <c r="C56024" s="2"/>
    </row>
    <row r="56025" spans="1:3" ht="19.2">
      <c r="A56025" s="2"/>
      <c r="B56025" s="2"/>
      <c r="C56025" s="2"/>
    </row>
    <row r="56026" spans="1:3" ht="19.2">
      <c r="A56026" s="2"/>
      <c r="B56026" s="2"/>
      <c r="C56026" s="2"/>
    </row>
    <row r="56027" spans="1:3" ht="19.2">
      <c r="A56027" s="2"/>
      <c r="B56027" s="2"/>
      <c r="C56027" s="2"/>
    </row>
    <row r="56028" spans="1:3" ht="19.2">
      <c r="A56028" s="2"/>
      <c r="B56028" s="2"/>
      <c r="C56028" s="2"/>
    </row>
    <row r="56029" spans="1:3" ht="19.2">
      <c r="A56029" s="2"/>
      <c r="B56029" s="2"/>
      <c r="C56029" s="2"/>
    </row>
    <row r="56030" spans="1:3" ht="19.2">
      <c r="A56030" s="2"/>
      <c r="B56030" s="2"/>
      <c r="C56030" s="2"/>
    </row>
    <row r="56031" spans="1:3" ht="19.2">
      <c r="A56031" s="2"/>
      <c r="B56031" s="2"/>
      <c r="C56031" s="2"/>
    </row>
    <row r="56032" spans="1:3" ht="19.2">
      <c r="A56032" s="2"/>
      <c r="B56032" s="2"/>
      <c r="C56032" s="2"/>
    </row>
    <row r="56033" spans="1:3" ht="19.2">
      <c r="A56033" s="2"/>
      <c r="B56033" s="2"/>
      <c r="C56033" s="2"/>
    </row>
    <row r="56034" spans="1:3" ht="19.2">
      <c r="A56034" s="2"/>
      <c r="B56034" s="2"/>
      <c r="C56034" s="2"/>
    </row>
    <row r="56035" spans="1:3" ht="19.2">
      <c r="A56035" s="2"/>
      <c r="B56035" s="2"/>
      <c r="C56035" s="2"/>
    </row>
    <row r="56036" spans="1:3" ht="19.2">
      <c r="A56036" s="2"/>
      <c r="B56036" s="2"/>
      <c r="C56036" s="2"/>
    </row>
    <row r="56037" spans="1:3" ht="19.2">
      <c r="A56037" s="2"/>
      <c r="B56037" s="2"/>
      <c r="C56037" s="2"/>
    </row>
    <row r="56038" spans="1:3" ht="19.2">
      <c r="A56038" s="2"/>
      <c r="B56038" s="2"/>
      <c r="C56038" s="2"/>
    </row>
    <row r="56039" spans="1:3" ht="19.2">
      <c r="A56039" s="2"/>
      <c r="B56039" s="2"/>
      <c r="C56039" s="2"/>
    </row>
    <row r="56040" spans="1:3" ht="19.2">
      <c r="A56040" s="2"/>
      <c r="B56040" s="2"/>
      <c r="C56040" s="2"/>
    </row>
    <row r="56041" spans="1:3" ht="19.2">
      <c r="A56041" s="2"/>
      <c r="B56041" s="2"/>
      <c r="C56041" s="2"/>
    </row>
    <row r="56042" spans="1:3" ht="19.2">
      <c r="A56042" s="2"/>
      <c r="B56042" s="2"/>
      <c r="C56042" s="2"/>
    </row>
    <row r="56043" spans="1:3" ht="19.2">
      <c r="A56043" s="2"/>
      <c r="B56043" s="2"/>
      <c r="C56043" s="2"/>
    </row>
    <row r="56044" spans="1:3" ht="19.2">
      <c r="A56044" s="2"/>
      <c r="B56044" s="2"/>
      <c r="C56044" s="2"/>
    </row>
    <row r="56045" spans="1:3" ht="19.2">
      <c r="A56045" s="2"/>
      <c r="B56045" s="2"/>
      <c r="C56045" s="2"/>
    </row>
    <row r="56046" spans="1:3" ht="19.2">
      <c r="A56046" s="2"/>
      <c r="B56046" s="2"/>
      <c r="C56046" s="2"/>
    </row>
    <row r="56047" spans="1:3" ht="19.2">
      <c r="A56047" s="2"/>
      <c r="B56047" s="2"/>
      <c r="C56047" s="2"/>
    </row>
    <row r="56048" spans="1:3" ht="19.2">
      <c r="A56048" s="2"/>
      <c r="B56048" s="2"/>
      <c r="C56048" s="2"/>
    </row>
    <row r="56049" spans="1:3" ht="19.2">
      <c r="A56049" s="2"/>
      <c r="B56049" s="2"/>
      <c r="C56049" s="2"/>
    </row>
    <row r="56050" spans="1:3" ht="19.2">
      <c r="A56050" s="2"/>
      <c r="B56050" s="2"/>
      <c r="C56050" s="2"/>
    </row>
    <row r="56051" spans="1:3" ht="19.2">
      <c r="A56051" s="2"/>
      <c r="B56051" s="2"/>
      <c r="C56051" s="2"/>
    </row>
    <row r="56052" spans="1:3" ht="19.2">
      <c r="A56052" s="2"/>
      <c r="B56052" s="2"/>
      <c r="C56052" s="2"/>
    </row>
    <row r="56053" spans="1:3" ht="19.2">
      <c r="A56053" s="2"/>
      <c r="B56053" s="2"/>
      <c r="C56053" s="2"/>
    </row>
    <row r="56054" spans="1:3" ht="19.2">
      <c r="A56054" s="2"/>
      <c r="B56054" s="2"/>
      <c r="C56054" s="2"/>
    </row>
    <row r="56055" spans="1:3" ht="19.2">
      <c r="A56055" s="2"/>
      <c r="B56055" s="2"/>
      <c r="C56055" s="2"/>
    </row>
    <row r="56056" spans="1:3" ht="19.2">
      <c r="A56056" s="2"/>
      <c r="B56056" s="2"/>
      <c r="C56056" s="2"/>
    </row>
    <row r="56057" spans="1:3" ht="19.2">
      <c r="A56057" s="2"/>
      <c r="B56057" s="2"/>
      <c r="C56057" s="2"/>
    </row>
    <row r="56058" spans="1:3" ht="19.2">
      <c r="A56058" s="2"/>
      <c r="B56058" s="2"/>
      <c r="C56058" s="2"/>
    </row>
    <row r="56059" spans="1:3" ht="19.2">
      <c r="A56059" s="2"/>
      <c r="B56059" s="2"/>
      <c r="C56059" s="2"/>
    </row>
    <row r="56060" spans="1:3" ht="19.2">
      <c r="A56060" s="2"/>
      <c r="B56060" s="2"/>
      <c r="C56060" s="2"/>
    </row>
    <row r="56061" spans="1:3" ht="19.2">
      <c r="A56061" s="2"/>
      <c r="B56061" s="2"/>
      <c r="C56061" s="2"/>
    </row>
    <row r="56062" spans="1:3" ht="19.2">
      <c r="A56062" s="2"/>
      <c r="B56062" s="2"/>
      <c r="C56062" s="2"/>
    </row>
    <row r="56063" spans="1:3" ht="19.2">
      <c r="A56063" s="2"/>
      <c r="B56063" s="2"/>
      <c r="C56063" s="2"/>
    </row>
    <row r="56064" spans="1:3" ht="19.2">
      <c r="A56064" s="2"/>
      <c r="B56064" s="2"/>
      <c r="C56064" s="2"/>
    </row>
    <row r="56065" spans="1:3" ht="19.2">
      <c r="A56065" s="2"/>
      <c r="B56065" s="2"/>
      <c r="C56065" s="2"/>
    </row>
    <row r="56066" spans="1:3" ht="19.2">
      <c r="A56066" s="2"/>
      <c r="B56066" s="2"/>
      <c r="C56066" s="2"/>
    </row>
    <row r="56067" spans="1:3" ht="19.2">
      <c r="A56067" s="2"/>
      <c r="B56067" s="2"/>
      <c r="C56067" s="2"/>
    </row>
    <row r="56068" spans="1:3" ht="19.2">
      <c r="A56068" s="2"/>
      <c r="B56068" s="2"/>
      <c r="C56068" s="2"/>
    </row>
    <row r="56069" spans="1:3" ht="19.2">
      <c r="A56069" s="2"/>
      <c r="B56069" s="2"/>
      <c r="C56069" s="2"/>
    </row>
    <row r="56070" spans="1:3" ht="19.2">
      <c r="A56070" s="2"/>
      <c r="B56070" s="2"/>
      <c r="C56070" s="2"/>
    </row>
    <row r="56071" spans="1:3" ht="19.2">
      <c r="A56071" s="2"/>
      <c r="B56071" s="2"/>
      <c r="C56071" s="2"/>
    </row>
    <row r="56072" spans="1:3" ht="19.2">
      <c r="A56072" s="2"/>
      <c r="B56072" s="2"/>
      <c r="C56072" s="2"/>
    </row>
    <row r="56073" spans="1:3" ht="19.2">
      <c r="A56073" s="2"/>
      <c r="B56073" s="2"/>
      <c r="C56073" s="2"/>
    </row>
    <row r="56074" spans="1:3" ht="19.2">
      <c r="A56074" s="2"/>
      <c r="B56074" s="2"/>
      <c r="C56074" s="2"/>
    </row>
    <row r="56075" spans="1:3" ht="19.2">
      <c r="A56075" s="2"/>
      <c r="B56075" s="2"/>
      <c r="C56075" s="2"/>
    </row>
    <row r="56076" spans="1:3" ht="19.2">
      <c r="A56076" s="2"/>
      <c r="B56076" s="2"/>
      <c r="C56076" s="2"/>
    </row>
    <row r="56077" spans="1:3" ht="19.2">
      <c r="A56077" s="2"/>
      <c r="B56077" s="2"/>
      <c r="C56077" s="2"/>
    </row>
    <row r="56078" spans="1:3" ht="19.2">
      <c r="A56078" s="2"/>
      <c r="B56078" s="2"/>
      <c r="C56078" s="2"/>
    </row>
    <row r="56079" spans="1:3" ht="19.2">
      <c r="A56079" s="2"/>
      <c r="B56079" s="2"/>
      <c r="C56079" s="2"/>
    </row>
    <row r="56080" spans="1:3" ht="19.2">
      <c r="A56080" s="2"/>
      <c r="B56080" s="2"/>
      <c r="C56080" s="2"/>
    </row>
    <row r="56081" spans="1:3" ht="19.2">
      <c r="A56081" s="2"/>
      <c r="B56081" s="2"/>
      <c r="C56081" s="2"/>
    </row>
    <row r="56082" spans="1:3" ht="19.2">
      <c r="A56082" s="2"/>
      <c r="B56082" s="2"/>
      <c r="C56082" s="2"/>
    </row>
    <row r="56083" spans="1:3" ht="19.2">
      <c r="A56083" s="2"/>
      <c r="B56083" s="2"/>
      <c r="C56083" s="2"/>
    </row>
    <row r="56084" spans="1:3" ht="19.2">
      <c r="A56084" s="2"/>
      <c r="B56084" s="2"/>
      <c r="C56084" s="2"/>
    </row>
    <row r="56085" spans="1:3" ht="19.2">
      <c r="A56085" s="2"/>
      <c r="B56085" s="2"/>
      <c r="C56085" s="2"/>
    </row>
    <row r="56086" spans="1:3" ht="19.2">
      <c r="A56086" s="2"/>
      <c r="B56086" s="2"/>
      <c r="C56086" s="2"/>
    </row>
    <row r="56087" spans="1:3" ht="19.2">
      <c r="A56087" s="2"/>
      <c r="B56087" s="2"/>
      <c r="C56087" s="2"/>
    </row>
    <row r="56088" spans="1:3" ht="19.2">
      <c r="A56088" s="2"/>
      <c r="B56088" s="2"/>
      <c r="C56088" s="2"/>
    </row>
    <row r="56089" spans="1:3" ht="19.2">
      <c r="A56089" s="2"/>
      <c r="B56089" s="2"/>
      <c r="C56089" s="2"/>
    </row>
    <row r="56090" spans="1:3" ht="19.2">
      <c r="A56090" s="2"/>
      <c r="B56090" s="2"/>
      <c r="C56090" s="2"/>
    </row>
    <row r="56091" spans="1:3" ht="19.2">
      <c r="A56091" s="2"/>
      <c r="B56091" s="2"/>
      <c r="C56091" s="2"/>
    </row>
    <row r="56092" spans="1:3" ht="19.2">
      <c r="A56092" s="2"/>
      <c r="B56092" s="2"/>
      <c r="C56092" s="2"/>
    </row>
    <row r="56093" spans="1:3" ht="19.2">
      <c r="A56093" s="2"/>
      <c r="B56093" s="2"/>
      <c r="C56093" s="2"/>
    </row>
    <row r="56094" spans="1:3" ht="19.2">
      <c r="A56094" s="2"/>
      <c r="B56094" s="2"/>
      <c r="C56094" s="2"/>
    </row>
    <row r="56095" spans="1:3" ht="19.2">
      <c r="A56095" s="2"/>
      <c r="B56095" s="2"/>
      <c r="C56095" s="2"/>
    </row>
    <row r="56096" spans="1:3" ht="19.2">
      <c r="A56096" s="2"/>
      <c r="B56096" s="2"/>
      <c r="C56096" s="2"/>
    </row>
    <row r="56097" spans="1:3" ht="19.2">
      <c r="A56097" s="2"/>
      <c r="B56097" s="2"/>
      <c r="C56097" s="2"/>
    </row>
    <row r="56098" spans="1:3" ht="19.2">
      <c r="A56098" s="2"/>
      <c r="B56098" s="2"/>
      <c r="C56098" s="2"/>
    </row>
    <row r="56099" spans="1:3" ht="19.2">
      <c r="A56099" s="2"/>
      <c r="B56099" s="2"/>
      <c r="C56099" s="2"/>
    </row>
    <row r="56100" spans="1:3" ht="19.2">
      <c r="A56100" s="2"/>
      <c r="B56100" s="2"/>
      <c r="C56100" s="2"/>
    </row>
    <row r="56101" spans="1:3" ht="19.2">
      <c r="A56101" s="2"/>
      <c r="B56101" s="2"/>
      <c r="C56101" s="2"/>
    </row>
    <row r="56102" spans="1:3" ht="19.2">
      <c r="A56102" s="2"/>
      <c r="B56102" s="2"/>
      <c r="C56102" s="2"/>
    </row>
    <row r="56103" spans="1:3" ht="19.2">
      <c r="A56103" s="2"/>
      <c r="B56103" s="2"/>
      <c r="C56103" s="2"/>
    </row>
    <row r="56104" spans="1:3" ht="19.2">
      <c r="A56104" s="2"/>
      <c r="B56104" s="2"/>
      <c r="C56104" s="2"/>
    </row>
    <row r="56105" spans="1:3" ht="19.2">
      <c r="A56105" s="2"/>
      <c r="B56105" s="2"/>
      <c r="C56105" s="2"/>
    </row>
    <row r="56106" spans="1:3" ht="19.2">
      <c r="A56106" s="2"/>
      <c r="B56106" s="2"/>
      <c r="C56106" s="2"/>
    </row>
    <row r="56107" spans="1:3" ht="19.2">
      <c r="A56107" s="2"/>
      <c r="B56107" s="2"/>
      <c r="C56107" s="2"/>
    </row>
    <row r="56108" spans="1:3" ht="19.2">
      <c r="A56108" s="2"/>
      <c r="B56108" s="2"/>
      <c r="C56108" s="2"/>
    </row>
    <row r="56109" spans="1:3" ht="19.2">
      <c r="A56109" s="2"/>
      <c r="B56109" s="2"/>
      <c r="C56109" s="2"/>
    </row>
    <row r="56110" spans="1:3" ht="19.2">
      <c r="A56110" s="2"/>
      <c r="B56110" s="2"/>
      <c r="C56110" s="2"/>
    </row>
    <row r="56111" spans="1:3" ht="19.2">
      <c r="A56111" s="2"/>
      <c r="B56111" s="2"/>
      <c r="C56111" s="2"/>
    </row>
    <row r="56112" spans="1:3" ht="19.2">
      <c r="A56112" s="2"/>
      <c r="B56112" s="2"/>
      <c r="C56112" s="2"/>
    </row>
    <row r="56113" spans="1:3" ht="19.2">
      <c r="A56113" s="2"/>
      <c r="B56113" s="2"/>
      <c r="C56113" s="2"/>
    </row>
    <row r="56114" spans="1:3" ht="19.2">
      <c r="A56114" s="2"/>
      <c r="B56114" s="2"/>
      <c r="C56114" s="2"/>
    </row>
    <row r="56115" spans="1:3" ht="19.2">
      <c r="A56115" s="2"/>
      <c r="B56115" s="2"/>
      <c r="C56115" s="2"/>
    </row>
    <row r="56116" spans="1:3" ht="19.2">
      <c r="A56116" s="2"/>
      <c r="B56116" s="2"/>
      <c r="C56116" s="2"/>
    </row>
    <row r="56117" spans="1:3" ht="19.2">
      <c r="A56117" s="2"/>
      <c r="B56117" s="2"/>
      <c r="C56117" s="2"/>
    </row>
    <row r="56118" spans="1:3" ht="19.2">
      <c r="A56118" s="2"/>
      <c r="B56118" s="2"/>
      <c r="C56118" s="2"/>
    </row>
    <row r="56119" spans="1:3" ht="19.2">
      <c r="A56119" s="2"/>
      <c r="B56119" s="2"/>
      <c r="C56119" s="2"/>
    </row>
    <row r="56120" spans="1:3" ht="19.2">
      <c r="A56120" s="2"/>
      <c r="B56120" s="2"/>
      <c r="C56120" s="2"/>
    </row>
    <row r="56121" spans="1:3" ht="19.2">
      <c r="A56121" s="2"/>
      <c r="B56121" s="2"/>
      <c r="C56121" s="2"/>
    </row>
    <row r="56122" spans="1:3" ht="19.2">
      <c r="A56122" s="2"/>
      <c r="B56122" s="2"/>
      <c r="C56122" s="2"/>
    </row>
    <row r="56123" spans="1:3" ht="19.2">
      <c r="A56123" s="2"/>
      <c r="B56123" s="2"/>
      <c r="C56123" s="2"/>
    </row>
    <row r="56124" spans="1:3" ht="19.2">
      <c r="A56124" s="2"/>
      <c r="B56124" s="2"/>
      <c r="C56124" s="2"/>
    </row>
    <row r="56125" spans="1:3" ht="19.2">
      <c r="A56125" s="2"/>
      <c r="B56125" s="2"/>
      <c r="C56125" s="2"/>
    </row>
    <row r="56126" spans="1:3" ht="19.2">
      <c r="A56126" s="2"/>
      <c r="B56126" s="2"/>
      <c r="C56126" s="2"/>
    </row>
    <row r="56127" spans="1:3" ht="19.2">
      <c r="A56127" s="2"/>
      <c r="B56127" s="2"/>
      <c r="C56127" s="2"/>
    </row>
    <row r="56128" spans="1:3" ht="19.2">
      <c r="A56128" s="2"/>
      <c r="B56128" s="2"/>
      <c r="C56128" s="2"/>
    </row>
    <row r="56129" spans="1:3" ht="19.2">
      <c r="A56129" s="2"/>
      <c r="B56129" s="2"/>
      <c r="C56129" s="2"/>
    </row>
    <row r="56130" spans="1:3" ht="19.2">
      <c r="A56130" s="2"/>
      <c r="B56130" s="2"/>
      <c r="C56130" s="2"/>
    </row>
    <row r="56131" spans="1:3" ht="19.2">
      <c r="A56131" s="2"/>
      <c r="B56131" s="2"/>
      <c r="C56131" s="2"/>
    </row>
    <row r="56132" spans="1:3" ht="19.2">
      <c r="A56132" s="2"/>
      <c r="B56132" s="2"/>
      <c r="C56132" s="2"/>
    </row>
    <row r="56133" spans="1:3" ht="19.2">
      <c r="A56133" s="2"/>
      <c r="B56133" s="2"/>
      <c r="C56133" s="2"/>
    </row>
    <row r="56134" spans="1:3" ht="19.2">
      <c r="A56134" s="2"/>
      <c r="B56134" s="2"/>
      <c r="C56134" s="2"/>
    </row>
    <row r="56135" spans="1:3" ht="19.2">
      <c r="A56135" s="2"/>
      <c r="B56135" s="2"/>
      <c r="C56135" s="2"/>
    </row>
    <row r="56136" spans="1:3" ht="19.2">
      <c r="A56136" s="2"/>
      <c r="B56136" s="2"/>
      <c r="C56136" s="2"/>
    </row>
    <row r="56137" spans="1:3" ht="19.2">
      <c r="A56137" s="2"/>
      <c r="B56137" s="2"/>
      <c r="C56137" s="2"/>
    </row>
    <row r="56138" spans="1:3" ht="19.2">
      <c r="A56138" s="2"/>
      <c r="B56138" s="2"/>
      <c r="C56138" s="2"/>
    </row>
    <row r="56139" spans="1:3" ht="19.2">
      <c r="A56139" s="2"/>
      <c r="B56139" s="2"/>
      <c r="C56139" s="2"/>
    </row>
    <row r="56140" spans="1:3" ht="19.2">
      <c r="A56140" s="2"/>
      <c r="B56140" s="2"/>
      <c r="C56140" s="2"/>
    </row>
    <row r="56141" spans="1:3" ht="19.2">
      <c r="A56141" s="2"/>
      <c r="B56141" s="2"/>
      <c r="C56141" s="2"/>
    </row>
    <row r="56142" spans="1:3" ht="19.2">
      <c r="A56142" s="2"/>
      <c r="B56142" s="2"/>
      <c r="C56142" s="2"/>
    </row>
    <row r="56143" spans="1:3" ht="19.2">
      <c r="A56143" s="2"/>
      <c r="B56143" s="2"/>
      <c r="C56143" s="2"/>
    </row>
    <row r="56144" spans="1:3" ht="19.2">
      <c r="A56144" s="2"/>
      <c r="B56144" s="2"/>
      <c r="C56144" s="2"/>
    </row>
    <row r="56145" spans="1:3" ht="19.2">
      <c r="A56145" s="2"/>
      <c r="B56145" s="2"/>
      <c r="C56145" s="2"/>
    </row>
    <row r="56146" spans="1:3" ht="19.2">
      <c r="A56146" s="2"/>
      <c r="B56146" s="2"/>
      <c r="C56146" s="2"/>
    </row>
    <row r="56147" spans="1:3" ht="19.2">
      <c r="A56147" s="2"/>
      <c r="B56147" s="2"/>
      <c r="C56147" s="2"/>
    </row>
    <row r="56148" spans="1:3" ht="19.2">
      <c r="A56148" s="2"/>
      <c r="B56148" s="2"/>
      <c r="C56148" s="2"/>
    </row>
    <row r="56149" spans="1:3" ht="19.2">
      <c r="A56149" s="2"/>
      <c r="B56149" s="2"/>
      <c r="C56149" s="2"/>
    </row>
    <row r="56150" spans="1:3" ht="19.2">
      <c r="A56150" s="2"/>
      <c r="B56150" s="2"/>
      <c r="C56150" s="2"/>
    </row>
    <row r="56151" spans="1:3" ht="19.2">
      <c r="A56151" s="2"/>
      <c r="B56151" s="2"/>
      <c r="C56151" s="2"/>
    </row>
    <row r="56152" spans="1:3" ht="19.2">
      <c r="A56152" s="2"/>
      <c r="B56152" s="2"/>
      <c r="C56152" s="2"/>
    </row>
    <row r="56153" spans="1:3" ht="19.2">
      <c r="A56153" s="2"/>
      <c r="B56153" s="2"/>
      <c r="C56153" s="2"/>
    </row>
    <row r="56154" spans="1:3" ht="19.2">
      <c r="A56154" s="2"/>
      <c r="B56154" s="2"/>
      <c r="C56154" s="2"/>
    </row>
    <row r="56155" spans="1:3" ht="19.2">
      <c r="A56155" s="2"/>
      <c r="B56155" s="2"/>
      <c r="C56155" s="2"/>
    </row>
    <row r="56156" spans="1:3" ht="19.2">
      <c r="A56156" s="2"/>
      <c r="B56156" s="2"/>
      <c r="C56156" s="2"/>
    </row>
    <row r="56157" spans="1:3" ht="19.2">
      <c r="A56157" s="2"/>
      <c r="B56157" s="2"/>
      <c r="C56157" s="2"/>
    </row>
    <row r="56158" spans="1:3" ht="19.2">
      <c r="A56158" s="2"/>
      <c r="B56158" s="2"/>
      <c r="C56158" s="2"/>
    </row>
    <row r="56159" spans="1:3" ht="19.2">
      <c r="A56159" s="2"/>
      <c r="B56159" s="2"/>
      <c r="C56159" s="2"/>
    </row>
    <row r="56160" spans="1:3" ht="19.2">
      <c r="A56160" s="2"/>
      <c r="B56160" s="2"/>
      <c r="C56160" s="2"/>
    </row>
    <row r="56161" spans="1:3" ht="19.2">
      <c r="A56161" s="2"/>
      <c r="B56161" s="2"/>
      <c r="C56161" s="2"/>
    </row>
    <row r="56162" spans="1:3" ht="19.2">
      <c r="A56162" s="2"/>
      <c r="B56162" s="2"/>
      <c r="C56162" s="2"/>
    </row>
    <row r="56163" spans="1:3" ht="19.2">
      <c r="A56163" s="2"/>
      <c r="B56163" s="2"/>
      <c r="C56163" s="2"/>
    </row>
    <row r="56164" spans="1:3" ht="19.2">
      <c r="A56164" s="2"/>
      <c r="B56164" s="2"/>
      <c r="C56164" s="2"/>
    </row>
    <row r="56165" spans="1:3" ht="19.2">
      <c r="A56165" s="2"/>
      <c r="B56165" s="2"/>
      <c r="C56165" s="2"/>
    </row>
    <row r="56166" spans="1:3" ht="19.2">
      <c r="A56166" s="2"/>
      <c r="B56166" s="2"/>
      <c r="C56166" s="2"/>
    </row>
    <row r="56167" spans="1:3" ht="19.2">
      <c r="A56167" s="2"/>
      <c r="B56167" s="2"/>
      <c r="C56167" s="2"/>
    </row>
    <row r="56168" spans="1:3" ht="19.2">
      <c r="A56168" s="2"/>
      <c r="B56168" s="2"/>
      <c r="C56168" s="2"/>
    </row>
    <row r="56169" spans="1:3" ht="19.2">
      <c r="A56169" s="2"/>
      <c r="B56169" s="2"/>
      <c r="C56169" s="2"/>
    </row>
    <row r="56170" spans="1:3" ht="19.2">
      <c r="A56170" s="2"/>
      <c r="B56170" s="2"/>
      <c r="C56170" s="2"/>
    </row>
    <row r="56171" spans="1:3" ht="19.2">
      <c r="A56171" s="2"/>
      <c r="B56171" s="2"/>
      <c r="C56171" s="2"/>
    </row>
    <row r="56172" spans="1:3" ht="19.2">
      <c r="A56172" s="2"/>
      <c r="B56172" s="2"/>
      <c r="C56172" s="2"/>
    </row>
    <row r="56173" spans="1:3" ht="19.2">
      <c r="A56173" s="2"/>
      <c r="B56173" s="2"/>
      <c r="C56173" s="2"/>
    </row>
    <row r="56174" spans="1:3" ht="19.2">
      <c r="A56174" s="2"/>
      <c r="B56174" s="2"/>
      <c r="C56174" s="2"/>
    </row>
    <row r="56175" spans="1:3" ht="19.2">
      <c r="A56175" s="2"/>
      <c r="B56175" s="2"/>
      <c r="C56175" s="2"/>
    </row>
    <row r="56176" spans="1:3" ht="19.2">
      <c r="A56176" s="2"/>
      <c r="B56176" s="2"/>
      <c r="C56176" s="2"/>
    </row>
    <row r="56177" spans="1:3" ht="19.2">
      <c r="A56177" s="2"/>
      <c r="B56177" s="2"/>
      <c r="C56177" s="2"/>
    </row>
    <row r="56178" spans="1:3" ht="19.2">
      <c r="A56178" s="2"/>
      <c r="B56178" s="2"/>
      <c r="C56178" s="2"/>
    </row>
    <row r="56179" spans="1:3" ht="19.2">
      <c r="A56179" s="2"/>
      <c r="B56179" s="2"/>
      <c r="C56179" s="2"/>
    </row>
    <row r="56180" spans="1:3" ht="19.2">
      <c r="A56180" s="2"/>
      <c r="B56180" s="2"/>
      <c r="C56180" s="2"/>
    </row>
    <row r="56181" spans="1:3" ht="19.2">
      <c r="A56181" s="2"/>
      <c r="B56181" s="2"/>
      <c r="C56181" s="2"/>
    </row>
    <row r="56182" spans="1:3" ht="19.2">
      <c r="A56182" s="2"/>
      <c r="B56182" s="2"/>
      <c r="C56182" s="2"/>
    </row>
    <row r="56183" spans="1:3" ht="19.2">
      <c r="A56183" s="2"/>
      <c r="B56183" s="2"/>
      <c r="C56183" s="2"/>
    </row>
    <row r="56184" spans="1:3" ht="19.2">
      <c r="A56184" s="2"/>
      <c r="B56184" s="2"/>
      <c r="C56184" s="2"/>
    </row>
    <row r="56185" spans="1:3" ht="19.2">
      <c r="A56185" s="2"/>
      <c r="B56185" s="2"/>
      <c r="C56185" s="2"/>
    </row>
    <row r="56186" spans="1:3" ht="19.2">
      <c r="A56186" s="2"/>
      <c r="B56186" s="2"/>
      <c r="C56186" s="2"/>
    </row>
    <row r="56187" spans="1:3" ht="19.2">
      <c r="A56187" s="2"/>
      <c r="B56187" s="2"/>
      <c r="C56187" s="2"/>
    </row>
    <row r="56188" spans="1:3" ht="19.2">
      <c r="A56188" s="2"/>
      <c r="B56188" s="2"/>
      <c r="C56188" s="2"/>
    </row>
    <row r="56189" spans="1:3" ht="19.2">
      <c r="A56189" s="2"/>
      <c r="B56189" s="2"/>
      <c r="C56189" s="2"/>
    </row>
    <row r="56190" spans="1:3" ht="19.2">
      <c r="A56190" s="2"/>
      <c r="B56190" s="2"/>
      <c r="C56190" s="2"/>
    </row>
    <row r="56191" spans="1:3" ht="19.2">
      <c r="A56191" s="2"/>
      <c r="B56191" s="2"/>
      <c r="C56191" s="2"/>
    </row>
    <row r="56192" spans="1:3" ht="19.2">
      <c r="A56192" s="2"/>
      <c r="B56192" s="2"/>
      <c r="C56192" s="2"/>
    </row>
    <row r="56193" spans="1:3" ht="19.2">
      <c r="A56193" s="2"/>
      <c r="B56193" s="2"/>
      <c r="C56193" s="2"/>
    </row>
    <row r="56194" spans="1:3" ht="19.2">
      <c r="A56194" s="2"/>
      <c r="B56194" s="2"/>
      <c r="C56194" s="2"/>
    </row>
    <row r="56195" spans="1:3" ht="19.2">
      <c r="A56195" s="2"/>
      <c r="B56195" s="2"/>
      <c r="C56195" s="2"/>
    </row>
    <row r="56196" spans="1:3" ht="19.2">
      <c r="A56196" s="2"/>
      <c r="B56196" s="2"/>
      <c r="C56196" s="2"/>
    </row>
    <row r="56197" spans="1:3" ht="19.2">
      <c r="A56197" s="2"/>
      <c r="B56197" s="2"/>
      <c r="C56197" s="2"/>
    </row>
    <row r="56198" spans="1:3" ht="19.2">
      <c r="A56198" s="2"/>
      <c r="B56198" s="2"/>
      <c r="C56198" s="2"/>
    </row>
    <row r="56199" spans="1:3" ht="19.2">
      <c r="A56199" s="2"/>
      <c r="B56199" s="2"/>
      <c r="C56199" s="2"/>
    </row>
    <row r="56200" spans="1:3" ht="19.2">
      <c r="A56200" s="2"/>
      <c r="B56200" s="2"/>
      <c r="C56200" s="2"/>
    </row>
    <row r="56201" spans="1:3" ht="19.2">
      <c r="A56201" s="2"/>
      <c r="B56201" s="2"/>
      <c r="C56201" s="2"/>
    </row>
    <row r="56202" spans="1:3" ht="19.2">
      <c r="A56202" s="2"/>
      <c r="B56202" s="2"/>
      <c r="C56202" s="2"/>
    </row>
    <row r="56203" spans="1:3" ht="19.2">
      <c r="A56203" s="2"/>
      <c r="B56203" s="2"/>
      <c r="C56203" s="2"/>
    </row>
    <row r="56204" spans="1:3" ht="19.2">
      <c r="A56204" s="2"/>
      <c r="B56204" s="2"/>
      <c r="C56204" s="2"/>
    </row>
    <row r="56205" spans="1:3" ht="19.2">
      <c r="A56205" s="2"/>
      <c r="B56205" s="2"/>
      <c r="C56205" s="2"/>
    </row>
    <row r="56206" spans="1:3" ht="19.2">
      <c r="A56206" s="2"/>
      <c r="B56206" s="2"/>
      <c r="C56206" s="2"/>
    </row>
    <row r="56207" spans="1:3" ht="19.2">
      <c r="A56207" s="2"/>
      <c r="B56207" s="2"/>
      <c r="C56207" s="2"/>
    </row>
    <row r="56208" spans="1:3" ht="19.2">
      <c r="A56208" s="2"/>
      <c r="B56208" s="2"/>
      <c r="C56208" s="2"/>
    </row>
    <row r="56209" spans="1:3" ht="19.2">
      <c r="A56209" s="2"/>
      <c r="B56209" s="2"/>
      <c r="C56209" s="2"/>
    </row>
    <row r="56210" spans="1:3" ht="19.2">
      <c r="A56210" s="2"/>
      <c r="B56210" s="2"/>
      <c r="C56210" s="2"/>
    </row>
    <row r="56211" spans="1:3" ht="19.2">
      <c r="A56211" s="2"/>
      <c r="B56211" s="2"/>
      <c r="C56211" s="2"/>
    </row>
    <row r="56212" spans="1:3" ht="19.2">
      <c r="A56212" s="2"/>
      <c r="B56212" s="2"/>
      <c r="C56212" s="2"/>
    </row>
    <row r="56213" spans="1:3" ht="19.2">
      <c r="A56213" s="2"/>
      <c r="B56213" s="2"/>
      <c r="C56213" s="2"/>
    </row>
    <row r="56214" spans="1:3" ht="19.2">
      <c r="A56214" s="2"/>
      <c r="B56214" s="2"/>
      <c r="C56214" s="2"/>
    </row>
    <row r="56215" spans="1:3" ht="19.2">
      <c r="A56215" s="2"/>
      <c r="B56215" s="2"/>
      <c r="C56215" s="2"/>
    </row>
    <row r="56216" spans="1:3" ht="19.2">
      <c r="A56216" s="2"/>
      <c r="B56216" s="2"/>
      <c r="C56216" s="2"/>
    </row>
    <row r="56217" spans="1:3" ht="19.2">
      <c r="A56217" s="2"/>
      <c r="B56217" s="2"/>
      <c r="C56217" s="2"/>
    </row>
    <row r="56218" spans="1:3" ht="19.2">
      <c r="A56218" s="2"/>
      <c r="B56218" s="2"/>
      <c r="C56218" s="2"/>
    </row>
    <row r="56219" spans="1:3" ht="19.2">
      <c r="A56219" s="2"/>
      <c r="B56219" s="2"/>
      <c r="C56219" s="2"/>
    </row>
    <row r="56220" spans="1:3" ht="19.2">
      <c r="A56220" s="2"/>
      <c r="B56220" s="2"/>
      <c r="C56220" s="2"/>
    </row>
    <row r="56221" spans="1:3" ht="19.2">
      <c r="A56221" s="2"/>
      <c r="B56221" s="2"/>
      <c r="C56221" s="2"/>
    </row>
    <row r="56222" spans="1:3" ht="19.2">
      <c r="A56222" s="2"/>
      <c r="B56222" s="2"/>
      <c r="C56222" s="2"/>
    </row>
    <row r="56223" spans="1:3" ht="19.2">
      <c r="A56223" s="2"/>
      <c r="B56223" s="2"/>
      <c r="C56223" s="2"/>
    </row>
    <row r="56224" spans="1:3" ht="19.2">
      <c r="A56224" s="2"/>
      <c r="B56224" s="2"/>
      <c r="C56224" s="2"/>
    </row>
    <row r="56225" spans="1:3" ht="19.2">
      <c r="A56225" s="2"/>
      <c r="B56225" s="2"/>
      <c r="C56225" s="2"/>
    </row>
    <row r="56226" spans="1:3" ht="19.2">
      <c r="A56226" s="2"/>
      <c r="B56226" s="2"/>
      <c r="C56226" s="2"/>
    </row>
    <row r="56227" spans="1:3" ht="19.2">
      <c r="A56227" s="2"/>
      <c r="B56227" s="2"/>
      <c r="C56227" s="2"/>
    </row>
    <row r="56228" spans="1:3" ht="19.2">
      <c r="A56228" s="2"/>
      <c r="B56228" s="2"/>
      <c r="C56228" s="2"/>
    </row>
    <row r="56229" spans="1:3" ht="19.2">
      <c r="A56229" s="2"/>
      <c r="B56229" s="2"/>
      <c r="C56229" s="2"/>
    </row>
    <row r="56230" spans="1:3" ht="19.2">
      <c r="A56230" s="2"/>
      <c r="B56230" s="2"/>
      <c r="C56230" s="2"/>
    </row>
    <row r="56231" spans="1:3" ht="19.2">
      <c r="A56231" s="2"/>
      <c r="B56231" s="2"/>
      <c r="C56231" s="2"/>
    </row>
    <row r="56232" spans="1:3" ht="19.2">
      <c r="A56232" s="2"/>
      <c r="B56232" s="2"/>
      <c r="C56232" s="2"/>
    </row>
    <row r="56233" spans="1:3" ht="19.2">
      <c r="A56233" s="2"/>
      <c r="B56233" s="2"/>
      <c r="C56233" s="2"/>
    </row>
    <row r="56234" spans="1:3" ht="19.2">
      <c r="A56234" s="2"/>
      <c r="B56234" s="2"/>
      <c r="C56234" s="2"/>
    </row>
    <row r="56235" spans="1:3" ht="19.2">
      <c r="A56235" s="2"/>
      <c r="B56235" s="2"/>
      <c r="C56235" s="2"/>
    </row>
    <row r="56236" spans="1:3" ht="19.2">
      <c r="A56236" s="2"/>
      <c r="B56236" s="2"/>
      <c r="C56236" s="2"/>
    </row>
    <row r="56237" spans="1:3" ht="19.2">
      <c r="A56237" s="2"/>
      <c r="B56237" s="2"/>
      <c r="C56237" s="2"/>
    </row>
    <row r="56238" spans="1:3" ht="19.2">
      <c r="A56238" s="2"/>
      <c r="B56238" s="2"/>
      <c r="C56238" s="2"/>
    </row>
    <row r="56239" spans="1:3" ht="19.2">
      <c r="A56239" s="2"/>
      <c r="B56239" s="2"/>
      <c r="C56239" s="2"/>
    </row>
    <row r="56240" spans="1:3" ht="19.2">
      <c r="A56240" s="2"/>
      <c r="B56240" s="2"/>
      <c r="C56240" s="2"/>
    </row>
    <row r="56241" spans="1:3" ht="19.2">
      <c r="A56241" s="2"/>
      <c r="B56241" s="2"/>
      <c r="C56241" s="2"/>
    </row>
    <row r="56242" spans="1:3" ht="19.2">
      <c r="A56242" s="2"/>
      <c r="B56242" s="2"/>
      <c r="C56242" s="2"/>
    </row>
    <row r="56243" spans="1:3" ht="19.2">
      <c r="A56243" s="2"/>
      <c r="B56243" s="2"/>
      <c r="C56243" s="2"/>
    </row>
    <row r="56244" spans="1:3" ht="19.2">
      <c r="A56244" s="2"/>
      <c r="B56244" s="2"/>
      <c r="C56244" s="2"/>
    </row>
    <row r="56245" spans="1:3" ht="19.2">
      <c r="A56245" s="2"/>
      <c r="B56245" s="2"/>
      <c r="C56245" s="2"/>
    </row>
    <row r="56246" spans="1:3" ht="19.2">
      <c r="A56246" s="2"/>
      <c r="B56246" s="2"/>
      <c r="C56246" s="2"/>
    </row>
    <row r="56247" spans="1:3" ht="19.2">
      <c r="A56247" s="2"/>
      <c r="B56247" s="2"/>
      <c r="C56247" s="2"/>
    </row>
    <row r="56248" spans="1:3" ht="19.2">
      <c r="A56248" s="2"/>
      <c r="B56248" s="2"/>
      <c r="C56248" s="2"/>
    </row>
    <row r="56249" spans="1:3" ht="19.2">
      <c r="A56249" s="2"/>
      <c r="B56249" s="2"/>
      <c r="C56249" s="2"/>
    </row>
    <row r="56250" spans="1:3" ht="19.2">
      <c r="A56250" s="2"/>
      <c r="B56250" s="2"/>
      <c r="C56250" s="2"/>
    </row>
    <row r="56251" spans="1:3" ht="19.2">
      <c r="A56251" s="2"/>
      <c r="B56251" s="2"/>
      <c r="C56251" s="2"/>
    </row>
    <row r="56252" spans="1:3" ht="19.2">
      <c r="A56252" s="2"/>
      <c r="B56252" s="2"/>
      <c r="C56252" s="2"/>
    </row>
    <row r="56253" spans="1:3" ht="19.2">
      <c r="A56253" s="2"/>
      <c r="B56253" s="2"/>
      <c r="C56253" s="2"/>
    </row>
    <row r="56254" spans="1:3" ht="19.2">
      <c r="A56254" s="2"/>
      <c r="B56254" s="2"/>
      <c r="C56254" s="2"/>
    </row>
    <row r="56255" spans="1:3" ht="19.2">
      <c r="A56255" s="2"/>
      <c r="B56255" s="2"/>
      <c r="C56255" s="2"/>
    </row>
    <row r="56256" spans="1:3" ht="19.2">
      <c r="A56256" s="2"/>
      <c r="B56256" s="2"/>
      <c r="C56256" s="2"/>
    </row>
    <row r="56257" spans="1:3" ht="19.2">
      <c r="A56257" s="2"/>
      <c r="B56257" s="2"/>
      <c r="C56257" s="2"/>
    </row>
    <row r="56258" spans="1:3" ht="19.2">
      <c r="A56258" s="2"/>
      <c r="B56258" s="2"/>
      <c r="C56258" s="2"/>
    </row>
    <row r="56259" spans="1:3" ht="19.2">
      <c r="A56259" s="2"/>
      <c r="B56259" s="2"/>
      <c r="C56259" s="2"/>
    </row>
    <row r="56260" spans="1:3" ht="19.2">
      <c r="A56260" s="2"/>
      <c r="B56260" s="2"/>
      <c r="C56260" s="2"/>
    </row>
    <row r="56261" spans="1:3" ht="19.2">
      <c r="A56261" s="2"/>
      <c r="B56261" s="2"/>
      <c r="C56261" s="2"/>
    </row>
    <row r="56262" spans="1:3" ht="19.2">
      <c r="A56262" s="2"/>
      <c r="B56262" s="2"/>
      <c r="C56262" s="2"/>
    </row>
    <row r="56263" spans="1:3" ht="19.2">
      <c r="A56263" s="2"/>
      <c r="B56263" s="2"/>
      <c r="C56263" s="2"/>
    </row>
    <row r="56264" spans="1:3" ht="19.2">
      <c r="A56264" s="2"/>
      <c r="B56264" s="2"/>
      <c r="C56264" s="2"/>
    </row>
    <row r="56265" spans="1:3" ht="19.2">
      <c r="A56265" s="2"/>
      <c r="B56265" s="2"/>
      <c r="C56265" s="2"/>
    </row>
    <row r="56266" spans="1:3" ht="19.2">
      <c r="A56266" s="2"/>
      <c r="B56266" s="2"/>
      <c r="C56266" s="2"/>
    </row>
    <row r="56267" spans="1:3" ht="19.2">
      <c r="A56267" s="2"/>
      <c r="B56267" s="2"/>
      <c r="C56267" s="2"/>
    </row>
    <row r="56268" spans="1:3" ht="19.2">
      <c r="A56268" s="2"/>
      <c r="B56268" s="2"/>
      <c r="C56268" s="2"/>
    </row>
    <row r="56269" spans="1:3" ht="19.2">
      <c r="A56269" s="2"/>
      <c r="B56269" s="2"/>
      <c r="C56269" s="2"/>
    </row>
    <row r="56270" spans="1:3" ht="19.2">
      <c r="A56270" s="2"/>
      <c r="B56270" s="2"/>
      <c r="C56270" s="2"/>
    </row>
    <row r="56271" spans="1:3" ht="19.2">
      <c r="A56271" s="2"/>
      <c r="B56271" s="2"/>
      <c r="C56271" s="2"/>
    </row>
    <row r="56272" spans="1:3" ht="19.2">
      <c r="A56272" s="2"/>
      <c r="B56272" s="2"/>
      <c r="C56272" s="2"/>
    </row>
    <row r="56273" spans="1:3" ht="19.2">
      <c r="A56273" s="2"/>
      <c r="B56273" s="2"/>
      <c r="C56273" s="2"/>
    </row>
    <row r="56274" spans="1:3" ht="19.2">
      <c r="A56274" s="2"/>
      <c r="B56274" s="2"/>
      <c r="C56274" s="2"/>
    </row>
    <row r="56275" spans="1:3" ht="19.2">
      <c r="A56275" s="2"/>
      <c r="B56275" s="2"/>
      <c r="C56275" s="2"/>
    </row>
    <row r="56276" spans="1:3" ht="19.2">
      <c r="A56276" s="2"/>
      <c r="B56276" s="2"/>
      <c r="C56276" s="2"/>
    </row>
    <row r="56277" spans="1:3" ht="19.2">
      <c r="A56277" s="2"/>
      <c r="B56277" s="2"/>
      <c r="C56277" s="2"/>
    </row>
    <row r="56278" spans="1:3" ht="19.2">
      <c r="A56278" s="2"/>
      <c r="B56278" s="2"/>
      <c r="C56278" s="2"/>
    </row>
    <row r="56279" spans="1:3" ht="19.2">
      <c r="A56279" s="2"/>
      <c r="B56279" s="2"/>
      <c r="C56279" s="2"/>
    </row>
    <row r="56280" spans="1:3" ht="19.2">
      <c r="A56280" s="2"/>
      <c r="B56280" s="2"/>
      <c r="C56280" s="2"/>
    </row>
    <row r="56281" spans="1:3" ht="19.2">
      <c r="A56281" s="2"/>
      <c r="B56281" s="2"/>
      <c r="C56281" s="2"/>
    </row>
    <row r="56282" spans="1:3" ht="19.2">
      <c r="A56282" s="2"/>
      <c r="B56282" s="2"/>
      <c r="C56282" s="2"/>
    </row>
    <row r="56283" spans="1:3" ht="19.2">
      <c r="A56283" s="2"/>
      <c r="B56283" s="2"/>
      <c r="C56283" s="2"/>
    </row>
    <row r="56284" spans="1:3" ht="19.2">
      <c r="A56284" s="2"/>
      <c r="B56284" s="2"/>
      <c r="C56284" s="2"/>
    </row>
    <row r="56285" spans="1:3" ht="19.2">
      <c r="A56285" s="2"/>
      <c r="B56285" s="2"/>
      <c r="C56285" s="2"/>
    </row>
    <row r="56286" spans="1:3" ht="19.2">
      <c r="A56286" s="2"/>
      <c r="B56286" s="2"/>
      <c r="C56286" s="2"/>
    </row>
    <row r="56287" spans="1:3" ht="19.2">
      <c r="A56287" s="2"/>
      <c r="B56287" s="2"/>
      <c r="C56287" s="2"/>
    </row>
    <row r="56288" spans="1:3" ht="19.2">
      <c r="A56288" s="2"/>
      <c r="B56288" s="2"/>
      <c r="C56288" s="2"/>
    </row>
    <row r="56289" spans="1:3" ht="19.2">
      <c r="A56289" s="2"/>
      <c r="B56289" s="2"/>
      <c r="C56289" s="2"/>
    </row>
    <row r="56290" spans="1:3" ht="19.2">
      <c r="A56290" s="2"/>
      <c r="B56290" s="2"/>
      <c r="C56290" s="2"/>
    </row>
    <row r="56291" spans="1:3" ht="19.2">
      <c r="A56291" s="2"/>
      <c r="B56291" s="2"/>
      <c r="C56291" s="2"/>
    </row>
    <row r="56292" spans="1:3" ht="19.2">
      <c r="A56292" s="2"/>
      <c r="B56292" s="2"/>
      <c r="C56292" s="2"/>
    </row>
    <row r="56293" spans="1:3" ht="19.2">
      <c r="A56293" s="2"/>
      <c r="B56293" s="2"/>
      <c r="C56293" s="2"/>
    </row>
    <row r="56294" spans="1:3" ht="19.2">
      <c r="A56294" s="2"/>
      <c r="B56294" s="2"/>
      <c r="C56294" s="2"/>
    </row>
    <row r="56295" spans="1:3" ht="19.2">
      <c r="A56295" s="2"/>
      <c r="B56295" s="2"/>
      <c r="C56295" s="2"/>
    </row>
    <row r="56296" spans="1:3" ht="19.2">
      <c r="A56296" s="2"/>
      <c r="B56296" s="2"/>
      <c r="C56296" s="2"/>
    </row>
    <row r="56297" spans="1:3" ht="19.2">
      <c r="A56297" s="2"/>
      <c r="B56297" s="2"/>
      <c r="C56297" s="2"/>
    </row>
    <row r="56298" spans="1:3" ht="19.2">
      <c r="A56298" s="2"/>
      <c r="B56298" s="2"/>
      <c r="C56298" s="2"/>
    </row>
    <row r="56299" spans="1:3" ht="19.2">
      <c r="A56299" s="2"/>
      <c r="B56299" s="2"/>
      <c r="C56299" s="2"/>
    </row>
    <row r="56300" spans="1:3" ht="19.2">
      <c r="A56300" s="2"/>
      <c r="B56300" s="2"/>
      <c r="C56300" s="2"/>
    </row>
    <row r="56301" spans="1:3" ht="19.2">
      <c r="A56301" s="2"/>
      <c r="B56301" s="2"/>
      <c r="C56301" s="2"/>
    </row>
    <row r="56302" spans="1:3" ht="19.2">
      <c r="A56302" s="2"/>
      <c r="B56302" s="2"/>
      <c r="C56302" s="2"/>
    </row>
    <row r="56303" spans="1:3" ht="19.2">
      <c r="A56303" s="2"/>
      <c r="B56303" s="2"/>
      <c r="C56303" s="2"/>
    </row>
    <row r="56304" spans="1:3" ht="19.2">
      <c r="A56304" s="2"/>
      <c r="B56304" s="2"/>
      <c r="C56304" s="2"/>
    </row>
    <row r="56305" spans="1:3" ht="19.2">
      <c r="A56305" s="2"/>
      <c r="B56305" s="2"/>
      <c r="C56305" s="2"/>
    </row>
    <row r="56306" spans="1:3" ht="19.2">
      <c r="A56306" s="2"/>
      <c r="B56306" s="2"/>
      <c r="C56306" s="2"/>
    </row>
    <row r="56307" spans="1:3" ht="19.2">
      <c r="A56307" s="2"/>
      <c r="B56307" s="2"/>
      <c r="C56307" s="2"/>
    </row>
    <row r="56308" spans="1:3" ht="19.2">
      <c r="A56308" s="2"/>
      <c r="B56308" s="2"/>
      <c r="C56308" s="2"/>
    </row>
    <row r="56309" spans="1:3" ht="19.2">
      <c r="A56309" s="2"/>
      <c r="B56309" s="2"/>
      <c r="C56309" s="2"/>
    </row>
    <row r="56310" spans="1:3" ht="19.2">
      <c r="A56310" s="2"/>
      <c r="B56310" s="2"/>
      <c r="C56310" s="2"/>
    </row>
    <row r="56311" spans="1:3" ht="19.2">
      <c r="A56311" s="2"/>
      <c r="B56311" s="2"/>
      <c r="C56311" s="2"/>
    </row>
    <row r="56312" spans="1:3" ht="19.2">
      <c r="A56312" s="2"/>
      <c r="B56312" s="2"/>
      <c r="C56312" s="2"/>
    </row>
    <row r="56313" spans="1:3" ht="19.2">
      <c r="A56313" s="2"/>
      <c r="B56313" s="2"/>
      <c r="C56313" s="2"/>
    </row>
    <row r="56314" spans="1:3" ht="19.2">
      <c r="A56314" s="2"/>
      <c r="B56314" s="2"/>
      <c r="C56314" s="2"/>
    </row>
    <row r="56315" spans="1:3" ht="19.2">
      <c r="A56315" s="2"/>
      <c r="B56315" s="2"/>
      <c r="C56315" s="2"/>
    </row>
    <row r="56316" spans="1:3" ht="19.2">
      <c r="A56316" s="2"/>
      <c r="B56316" s="2"/>
      <c r="C56316" s="2"/>
    </row>
    <row r="56317" spans="1:3" ht="19.2">
      <c r="A56317" s="2"/>
      <c r="B56317" s="2"/>
      <c r="C56317" s="2"/>
    </row>
    <row r="56318" spans="1:3" ht="19.2">
      <c r="A56318" s="2"/>
      <c r="B56318" s="2"/>
      <c r="C56318" s="2"/>
    </row>
    <row r="56319" spans="1:3" ht="19.2">
      <c r="A56319" s="2"/>
      <c r="B56319" s="2"/>
      <c r="C56319" s="2"/>
    </row>
    <row r="56320" spans="1:3" ht="19.2">
      <c r="A56320" s="2"/>
      <c r="B56320" s="2"/>
      <c r="C56320" s="2"/>
    </row>
    <row r="56321" spans="1:3" ht="19.2">
      <c r="A56321" s="2"/>
      <c r="B56321" s="2"/>
      <c r="C56321" s="2"/>
    </row>
    <row r="56322" spans="1:3" ht="19.2">
      <c r="A56322" s="2"/>
      <c r="B56322" s="2"/>
      <c r="C56322" s="2"/>
    </row>
    <row r="56323" spans="1:3" ht="19.2">
      <c r="A56323" s="2"/>
      <c r="B56323" s="2"/>
      <c r="C56323" s="2"/>
    </row>
    <row r="56324" spans="1:3" ht="19.2">
      <c r="A56324" s="2"/>
      <c r="B56324" s="2"/>
      <c r="C56324" s="2"/>
    </row>
    <row r="56325" spans="1:3" ht="19.2">
      <c r="A56325" s="2"/>
      <c r="B56325" s="2"/>
      <c r="C56325" s="2"/>
    </row>
    <row r="56326" spans="1:3" ht="19.2">
      <c r="A56326" s="2"/>
      <c r="B56326" s="2"/>
      <c r="C56326" s="2"/>
    </row>
    <row r="56327" spans="1:3" ht="19.2">
      <c r="A56327" s="2"/>
      <c r="B56327" s="2"/>
      <c r="C56327" s="2"/>
    </row>
    <row r="56328" spans="1:3" ht="19.2">
      <c r="A56328" s="2"/>
      <c r="B56328" s="2"/>
      <c r="C56328" s="2"/>
    </row>
    <row r="56329" spans="1:3" ht="19.2">
      <c r="A56329" s="2"/>
      <c r="B56329" s="2"/>
      <c r="C56329" s="2"/>
    </row>
    <row r="56330" spans="1:3" ht="19.2">
      <c r="A56330" s="2"/>
      <c r="B56330" s="2"/>
      <c r="C56330" s="2"/>
    </row>
    <row r="56331" spans="1:3" ht="19.2">
      <c r="A56331" s="2"/>
      <c r="B56331" s="2"/>
      <c r="C56331" s="2"/>
    </row>
    <row r="56332" spans="1:3" ht="19.2">
      <c r="A56332" s="2"/>
      <c r="B56332" s="2"/>
      <c r="C56332" s="2"/>
    </row>
    <row r="56333" spans="1:3" ht="19.2">
      <c r="A56333" s="2"/>
      <c r="B56333" s="2"/>
      <c r="C56333" s="2"/>
    </row>
    <row r="56334" spans="1:3" ht="19.2">
      <c r="A56334" s="2"/>
      <c r="B56334" s="2"/>
      <c r="C56334" s="2"/>
    </row>
    <row r="56335" spans="1:3" ht="19.2">
      <c r="A56335" s="2"/>
      <c r="B56335" s="2"/>
      <c r="C56335" s="2"/>
    </row>
    <row r="56336" spans="1:3" ht="19.2">
      <c r="A56336" s="2"/>
      <c r="B56336" s="2"/>
      <c r="C56336" s="2"/>
    </row>
    <row r="56337" spans="1:3" ht="19.2">
      <c r="A56337" s="2"/>
      <c r="B56337" s="2"/>
      <c r="C56337" s="2"/>
    </row>
    <row r="56338" spans="1:3" ht="19.2">
      <c r="A56338" s="2"/>
      <c r="B56338" s="2"/>
      <c r="C56338" s="2"/>
    </row>
    <row r="56339" spans="1:3" ht="19.2">
      <c r="A56339" s="2"/>
      <c r="B56339" s="2"/>
      <c r="C56339" s="2"/>
    </row>
    <row r="56340" spans="1:3" ht="19.2">
      <c r="A56340" s="2"/>
      <c r="B56340" s="2"/>
      <c r="C56340" s="2"/>
    </row>
    <row r="56341" spans="1:3" ht="19.2">
      <c r="A56341" s="2"/>
      <c r="B56341" s="2"/>
      <c r="C56341" s="2"/>
    </row>
    <row r="56342" spans="1:3" ht="19.2">
      <c r="A56342" s="2"/>
      <c r="B56342" s="2"/>
      <c r="C56342" s="2"/>
    </row>
    <row r="56343" spans="1:3" ht="19.2">
      <c r="A56343" s="2"/>
      <c r="B56343" s="2"/>
      <c r="C56343" s="2"/>
    </row>
    <row r="56344" spans="1:3" ht="19.2">
      <c r="A56344" s="2"/>
      <c r="B56344" s="2"/>
      <c r="C56344" s="2"/>
    </row>
    <row r="56345" spans="1:3" ht="19.2">
      <c r="A56345" s="2"/>
      <c r="B56345" s="2"/>
      <c r="C56345" s="2"/>
    </row>
    <row r="56346" spans="1:3" ht="19.2">
      <c r="A56346" s="2"/>
      <c r="B56346" s="2"/>
      <c r="C56346" s="2"/>
    </row>
    <row r="56347" spans="1:3" ht="19.2">
      <c r="A56347" s="2"/>
      <c r="B56347" s="2"/>
      <c r="C56347" s="2"/>
    </row>
    <row r="56348" spans="1:3" ht="19.2">
      <c r="A56348" s="2"/>
      <c r="B56348" s="2"/>
      <c r="C56348" s="2"/>
    </row>
    <row r="56349" spans="1:3" ht="19.2">
      <c r="A56349" s="2"/>
      <c r="B56349" s="2"/>
      <c r="C56349" s="2"/>
    </row>
    <row r="56350" spans="1:3" ht="19.2">
      <c r="A56350" s="2"/>
      <c r="B56350" s="2"/>
      <c r="C56350" s="2"/>
    </row>
    <row r="56351" spans="1:3" ht="19.2">
      <c r="A56351" s="2"/>
      <c r="B56351" s="2"/>
      <c r="C56351" s="2"/>
    </row>
    <row r="56352" spans="1:3" ht="19.2">
      <c r="A56352" s="2"/>
      <c r="B56352" s="2"/>
      <c r="C56352" s="2"/>
    </row>
    <row r="56353" spans="1:3" ht="19.2">
      <c r="A56353" s="2"/>
      <c r="B56353" s="2"/>
      <c r="C56353" s="2"/>
    </row>
    <row r="56354" spans="1:3" ht="19.2">
      <c r="A56354" s="2"/>
      <c r="B56354" s="2"/>
      <c r="C56354" s="2"/>
    </row>
    <row r="56355" spans="1:3" ht="19.2">
      <c r="A56355" s="2"/>
      <c r="B56355" s="2"/>
      <c r="C56355" s="2"/>
    </row>
    <row r="56356" spans="1:3" ht="19.2">
      <c r="A56356" s="2"/>
      <c r="B56356" s="2"/>
      <c r="C56356" s="2"/>
    </row>
    <row r="56357" spans="1:3" ht="19.2">
      <c r="A56357" s="2"/>
      <c r="B56357" s="2"/>
      <c r="C56357" s="2"/>
    </row>
    <row r="56358" spans="1:3" ht="19.2">
      <c r="A56358" s="2"/>
      <c r="B56358" s="2"/>
      <c r="C56358" s="2"/>
    </row>
    <row r="56359" spans="1:3" ht="19.2">
      <c r="A56359" s="2"/>
      <c r="B56359" s="2"/>
      <c r="C56359" s="2"/>
    </row>
    <row r="56360" spans="1:3" ht="19.2">
      <c r="A56360" s="2"/>
      <c r="B56360" s="2"/>
      <c r="C56360" s="2"/>
    </row>
    <row r="56361" spans="1:3" ht="19.2">
      <c r="A56361" s="2"/>
      <c r="B56361" s="2"/>
      <c r="C56361" s="2"/>
    </row>
    <row r="56362" spans="1:3" ht="19.2">
      <c r="A56362" s="2"/>
      <c r="B56362" s="2"/>
      <c r="C56362" s="2"/>
    </row>
    <row r="56363" spans="1:3" ht="19.2">
      <c r="A56363" s="2"/>
      <c r="B56363" s="2"/>
      <c r="C56363" s="2"/>
    </row>
    <row r="56364" spans="1:3" ht="19.2">
      <c r="A56364" s="2"/>
      <c r="B56364" s="2"/>
      <c r="C56364" s="2"/>
    </row>
    <row r="56365" spans="1:3" ht="19.2">
      <c r="A56365" s="2"/>
      <c r="B56365" s="2"/>
      <c r="C56365" s="2"/>
    </row>
    <row r="56366" spans="1:3" ht="19.2">
      <c r="A56366" s="2"/>
      <c r="B56366" s="2"/>
      <c r="C56366" s="2"/>
    </row>
    <row r="56367" spans="1:3" ht="19.2">
      <c r="A56367" s="2"/>
      <c r="B56367" s="2"/>
      <c r="C56367" s="2"/>
    </row>
    <row r="56368" spans="1:3" ht="19.2">
      <c r="A56368" s="2"/>
      <c r="B56368" s="2"/>
      <c r="C56368" s="2"/>
    </row>
    <row r="56369" spans="1:3" ht="19.2">
      <c r="A56369" s="2"/>
      <c r="B56369" s="2"/>
      <c r="C56369" s="2"/>
    </row>
    <row r="56370" spans="1:3" ht="19.2">
      <c r="A56370" s="2"/>
      <c r="B56370" s="2"/>
      <c r="C56370" s="2"/>
    </row>
    <row r="56371" spans="1:3" ht="19.2">
      <c r="A56371" s="2"/>
      <c r="B56371" s="2"/>
      <c r="C56371" s="2"/>
    </row>
    <row r="56372" spans="1:3" ht="19.2">
      <c r="A56372" s="2"/>
      <c r="B56372" s="2"/>
      <c r="C56372" s="2"/>
    </row>
    <row r="56373" spans="1:3" ht="19.2">
      <c r="A56373" s="2"/>
      <c r="B56373" s="2"/>
      <c r="C56373" s="2"/>
    </row>
    <row r="56374" spans="1:3" ht="19.2">
      <c r="A56374" s="2"/>
      <c r="B56374" s="2"/>
      <c r="C56374" s="2"/>
    </row>
    <row r="56375" spans="1:3" ht="19.2">
      <c r="A56375" s="2"/>
      <c r="B56375" s="2"/>
      <c r="C56375" s="2"/>
    </row>
    <row r="56376" spans="1:3" ht="19.2">
      <c r="A56376" s="2"/>
      <c r="B56376" s="2"/>
      <c r="C56376" s="2"/>
    </row>
    <row r="56377" spans="1:3" ht="19.2">
      <c r="A56377" s="2"/>
      <c r="B56377" s="2"/>
      <c r="C56377" s="2"/>
    </row>
    <row r="56378" spans="1:3" ht="19.2">
      <c r="A56378" s="2"/>
      <c r="B56378" s="2"/>
      <c r="C56378" s="2"/>
    </row>
    <row r="56379" spans="1:3" ht="19.2">
      <c r="A56379" s="2"/>
      <c r="B56379" s="2"/>
      <c r="C56379" s="2"/>
    </row>
    <row r="56380" spans="1:3" ht="19.2">
      <c r="A56380" s="2"/>
      <c r="B56380" s="2"/>
      <c r="C56380" s="2"/>
    </row>
    <row r="56381" spans="1:3" ht="19.2">
      <c r="A56381" s="2"/>
      <c r="B56381" s="2"/>
      <c r="C56381" s="2"/>
    </row>
    <row r="56382" spans="1:3" ht="19.2">
      <c r="A56382" s="2"/>
      <c r="B56382" s="2"/>
      <c r="C56382" s="2"/>
    </row>
    <row r="56383" spans="1:3" ht="19.2">
      <c r="A56383" s="2"/>
      <c r="B56383" s="2"/>
      <c r="C56383" s="2"/>
    </row>
    <row r="56384" spans="1:3" ht="19.2">
      <c r="A56384" s="2"/>
      <c r="B56384" s="2"/>
      <c r="C56384" s="2"/>
    </row>
    <row r="56385" spans="1:3" ht="19.2">
      <c r="A56385" s="2"/>
      <c r="B56385" s="2"/>
      <c r="C56385" s="2"/>
    </row>
    <row r="56386" spans="1:3" ht="19.2">
      <c r="A56386" s="2"/>
      <c r="B56386" s="2"/>
      <c r="C56386" s="2"/>
    </row>
    <row r="56387" spans="1:3" ht="19.2">
      <c r="A56387" s="2"/>
      <c r="B56387" s="2"/>
      <c r="C56387" s="2"/>
    </row>
    <row r="56388" spans="1:3" ht="19.2">
      <c r="A56388" s="2"/>
      <c r="B56388" s="2"/>
      <c r="C56388" s="2"/>
    </row>
    <row r="56389" spans="1:3" ht="19.2">
      <c r="A56389" s="2"/>
      <c r="B56389" s="2"/>
      <c r="C56389" s="2"/>
    </row>
    <row r="56390" spans="1:3" ht="19.2">
      <c r="A56390" s="2"/>
      <c r="B56390" s="2"/>
      <c r="C56390" s="2"/>
    </row>
    <row r="56391" spans="1:3" ht="19.2">
      <c r="A56391" s="2"/>
      <c r="B56391" s="2"/>
      <c r="C56391" s="2"/>
    </row>
    <row r="56392" spans="1:3" ht="19.2">
      <c r="A56392" s="2"/>
      <c r="B56392" s="2"/>
      <c r="C56392" s="2"/>
    </row>
    <row r="56393" spans="1:3" ht="19.2">
      <c r="A56393" s="2"/>
      <c r="B56393" s="2"/>
      <c r="C56393" s="2"/>
    </row>
    <row r="56394" spans="1:3" ht="19.2">
      <c r="A56394" s="2"/>
      <c r="B56394" s="2"/>
      <c r="C56394" s="2"/>
    </row>
    <row r="56395" spans="1:3" ht="19.2">
      <c r="A56395" s="2"/>
      <c r="B56395" s="2"/>
      <c r="C56395" s="2"/>
    </row>
    <row r="56396" spans="1:3" ht="19.2">
      <c r="A56396" s="2"/>
      <c r="B56396" s="2"/>
      <c r="C56396" s="2"/>
    </row>
    <row r="56397" spans="1:3" ht="19.2">
      <c r="A56397" s="2"/>
      <c r="B56397" s="2"/>
      <c r="C56397" s="2"/>
    </row>
    <row r="56398" spans="1:3" ht="19.2">
      <c r="A56398" s="2"/>
      <c r="B56398" s="2"/>
      <c r="C56398" s="2"/>
    </row>
    <row r="56399" spans="1:3" ht="19.2">
      <c r="A56399" s="2"/>
      <c r="B56399" s="2"/>
      <c r="C56399" s="2"/>
    </row>
    <row r="56400" spans="1:3" ht="19.2">
      <c r="A56400" s="2"/>
      <c r="B56400" s="2"/>
      <c r="C56400" s="2"/>
    </row>
    <row r="56401" spans="1:3" ht="19.2">
      <c r="A56401" s="2"/>
      <c r="B56401" s="2"/>
      <c r="C56401" s="2"/>
    </row>
    <row r="56402" spans="1:3" ht="19.2">
      <c r="A56402" s="2"/>
      <c r="B56402" s="2"/>
      <c r="C56402" s="2"/>
    </row>
    <row r="56403" spans="1:3" ht="19.2">
      <c r="A56403" s="2"/>
      <c r="B56403" s="2"/>
      <c r="C56403" s="2"/>
    </row>
    <row r="56404" spans="1:3" ht="19.2">
      <c r="A56404" s="2"/>
      <c r="B56404" s="2"/>
      <c r="C56404" s="2"/>
    </row>
    <row r="56405" spans="1:3" ht="19.2">
      <c r="A56405" s="2"/>
      <c r="B56405" s="2"/>
      <c r="C56405" s="2"/>
    </row>
    <row r="56406" spans="1:3" ht="19.2">
      <c r="A56406" s="2"/>
      <c r="B56406" s="2"/>
      <c r="C56406" s="2"/>
    </row>
    <row r="56407" spans="1:3" ht="19.2">
      <c r="A56407" s="2"/>
      <c r="B56407" s="2"/>
      <c r="C56407" s="2"/>
    </row>
    <row r="56408" spans="1:3" ht="19.2">
      <c r="A56408" s="2"/>
      <c r="B56408" s="2"/>
      <c r="C56408" s="2"/>
    </row>
    <row r="56409" spans="1:3" ht="19.2">
      <c r="A56409" s="2"/>
      <c r="B56409" s="2"/>
      <c r="C56409" s="2"/>
    </row>
    <row r="56410" spans="1:3" ht="19.2">
      <c r="A56410" s="2"/>
      <c r="B56410" s="2"/>
      <c r="C56410" s="2"/>
    </row>
    <row r="56411" spans="1:3" ht="19.2">
      <c r="A56411" s="2"/>
      <c r="B56411" s="2"/>
      <c r="C56411" s="2"/>
    </row>
    <row r="56412" spans="1:3" ht="19.2">
      <c r="A56412" s="2"/>
      <c r="B56412" s="2"/>
      <c r="C56412" s="2"/>
    </row>
    <row r="56413" spans="1:3" ht="19.2">
      <c r="A56413" s="2"/>
      <c r="B56413" s="2"/>
      <c r="C56413" s="2"/>
    </row>
    <row r="56414" spans="1:3" ht="19.2">
      <c r="A56414" s="2"/>
      <c r="B56414" s="2"/>
      <c r="C56414" s="2"/>
    </row>
    <row r="56415" spans="1:3" ht="19.2">
      <c r="A56415" s="2"/>
      <c r="B56415" s="2"/>
      <c r="C56415" s="2"/>
    </row>
    <row r="56416" spans="1:3" ht="19.2">
      <c r="A56416" s="2"/>
      <c r="B56416" s="2"/>
      <c r="C56416" s="2"/>
    </row>
    <row r="56417" spans="1:3" ht="19.2">
      <c r="A56417" s="2"/>
      <c r="B56417" s="2"/>
      <c r="C56417" s="2"/>
    </row>
    <row r="56418" spans="1:3" ht="19.2">
      <c r="A56418" s="2"/>
      <c r="B56418" s="2"/>
      <c r="C56418" s="2"/>
    </row>
    <row r="56419" spans="1:3" ht="19.2">
      <c r="A56419" s="2"/>
      <c r="B56419" s="2"/>
      <c r="C56419" s="2"/>
    </row>
    <row r="56420" spans="1:3" ht="19.2">
      <c r="A56420" s="2"/>
      <c r="B56420" s="2"/>
      <c r="C56420" s="2"/>
    </row>
    <row r="56421" spans="1:3" ht="19.2">
      <c r="A56421" s="2"/>
      <c r="B56421" s="2"/>
      <c r="C56421" s="2"/>
    </row>
    <row r="56422" spans="1:3" ht="19.2">
      <c r="A56422" s="2"/>
      <c r="B56422" s="2"/>
      <c r="C56422" s="2"/>
    </row>
    <row r="56423" spans="1:3" ht="19.2">
      <c r="A56423" s="2"/>
      <c r="B56423" s="2"/>
      <c r="C56423" s="2"/>
    </row>
    <row r="56424" spans="1:3" ht="19.2">
      <c r="A56424" s="2"/>
      <c r="B56424" s="2"/>
      <c r="C56424" s="2"/>
    </row>
    <row r="56425" spans="1:3" ht="19.2">
      <c r="A56425" s="2"/>
      <c r="B56425" s="2"/>
      <c r="C56425" s="2"/>
    </row>
    <row r="56426" spans="1:3" ht="19.2">
      <c r="A56426" s="2"/>
      <c r="B56426" s="2"/>
      <c r="C56426" s="2"/>
    </row>
    <row r="56427" spans="1:3" ht="19.2">
      <c r="A56427" s="2"/>
      <c r="B56427" s="2"/>
      <c r="C56427" s="2"/>
    </row>
    <row r="56428" spans="1:3" ht="19.2">
      <c r="A56428" s="2"/>
      <c r="B56428" s="2"/>
      <c r="C56428" s="2"/>
    </row>
    <row r="56429" spans="1:3" ht="19.2">
      <c r="A56429" s="2"/>
      <c r="B56429" s="2"/>
      <c r="C56429" s="2"/>
    </row>
    <row r="56430" spans="1:3" ht="19.2">
      <c r="A56430" s="2"/>
      <c r="B56430" s="2"/>
      <c r="C56430" s="2"/>
    </row>
    <row r="56431" spans="1:3" ht="19.2">
      <c r="A56431" s="2"/>
      <c r="B56431" s="2"/>
      <c r="C56431" s="2"/>
    </row>
    <row r="56432" spans="1:3" ht="19.2">
      <c r="A56432" s="2"/>
      <c r="B56432" s="2"/>
      <c r="C56432" s="2"/>
    </row>
    <row r="56433" spans="1:3" ht="19.2">
      <c r="A56433" s="2"/>
      <c r="B56433" s="2"/>
      <c r="C56433" s="2"/>
    </row>
    <row r="56434" spans="1:3" ht="19.2">
      <c r="A56434" s="2"/>
      <c r="B56434" s="2"/>
      <c r="C56434" s="2"/>
    </row>
    <row r="56435" spans="1:3" ht="19.2">
      <c r="A56435" s="2"/>
      <c r="B56435" s="2"/>
      <c r="C56435" s="2"/>
    </row>
    <row r="56436" spans="1:3" ht="19.2">
      <c r="A56436" s="2"/>
      <c r="B56436" s="2"/>
      <c r="C56436" s="2"/>
    </row>
    <row r="56437" spans="1:3" ht="19.2">
      <c r="A56437" s="2"/>
      <c r="B56437" s="2"/>
      <c r="C56437" s="2"/>
    </row>
    <row r="56438" spans="1:3" ht="19.2">
      <c r="A56438" s="2"/>
      <c r="B56438" s="2"/>
      <c r="C56438" s="2"/>
    </row>
    <row r="56439" spans="1:3" ht="19.2">
      <c r="A56439" s="2"/>
      <c r="B56439" s="2"/>
      <c r="C56439" s="2"/>
    </row>
    <row r="56440" spans="1:3" ht="19.2">
      <c r="A56440" s="2"/>
      <c r="B56440" s="2"/>
      <c r="C56440" s="2"/>
    </row>
    <row r="56441" spans="1:3" ht="19.2">
      <c r="A56441" s="2"/>
      <c r="B56441" s="2"/>
      <c r="C56441" s="2"/>
    </row>
    <row r="56442" spans="1:3" ht="19.2">
      <c r="A56442" s="2"/>
      <c r="B56442" s="2"/>
      <c r="C56442" s="2"/>
    </row>
    <row r="56443" spans="1:3" ht="19.2">
      <c r="A56443" s="2"/>
      <c r="B56443" s="2"/>
      <c r="C56443" s="2"/>
    </row>
    <row r="56444" spans="1:3" ht="19.2">
      <c r="A56444" s="2"/>
      <c r="B56444" s="2"/>
      <c r="C56444" s="2"/>
    </row>
    <row r="56445" spans="1:3" ht="19.2">
      <c r="A56445" s="2"/>
      <c r="B56445" s="2"/>
      <c r="C56445" s="2"/>
    </row>
    <row r="56446" spans="1:3" ht="19.2">
      <c r="A56446" s="2"/>
      <c r="B56446" s="2"/>
      <c r="C56446" s="2"/>
    </row>
    <row r="56447" spans="1:3" ht="19.2">
      <c r="A56447" s="2"/>
      <c r="B56447" s="2"/>
      <c r="C56447" s="2"/>
    </row>
    <row r="56448" spans="1:3" ht="19.2">
      <c r="A56448" s="2"/>
      <c r="B56448" s="2"/>
      <c r="C56448" s="2"/>
    </row>
    <row r="56449" spans="1:3" ht="19.2">
      <c r="A56449" s="2"/>
      <c r="B56449" s="2"/>
      <c r="C56449" s="2"/>
    </row>
    <row r="56450" spans="1:3" ht="19.2">
      <c r="A56450" s="2"/>
      <c r="B56450" s="2"/>
      <c r="C56450" s="2"/>
    </row>
    <row r="56451" spans="1:3" ht="19.2">
      <c r="A56451" s="2"/>
      <c r="B56451" s="2"/>
      <c r="C56451" s="2"/>
    </row>
    <row r="56452" spans="1:3" ht="19.2">
      <c r="A56452" s="2"/>
      <c r="B56452" s="2"/>
      <c r="C56452" s="2"/>
    </row>
    <row r="56453" spans="1:3" ht="19.2">
      <c r="A56453" s="2"/>
      <c r="B56453" s="2"/>
      <c r="C56453" s="2"/>
    </row>
    <row r="56454" spans="1:3" ht="19.2">
      <c r="A56454" s="2"/>
      <c r="B56454" s="2"/>
      <c r="C56454" s="2"/>
    </row>
    <row r="56455" spans="1:3" ht="19.2">
      <c r="A56455" s="2"/>
      <c r="B56455" s="2"/>
      <c r="C56455" s="2"/>
    </row>
    <row r="56456" spans="1:3" ht="19.2">
      <c r="A56456" s="2"/>
      <c r="B56456" s="2"/>
      <c r="C56456" s="2"/>
    </row>
    <row r="56457" spans="1:3" ht="19.2">
      <c r="A56457" s="2"/>
      <c r="B56457" s="2"/>
      <c r="C56457" s="2"/>
    </row>
    <row r="56458" spans="1:3" ht="19.2">
      <c r="A56458" s="2"/>
      <c r="B56458" s="2"/>
      <c r="C56458" s="2"/>
    </row>
    <row r="56459" spans="1:3" ht="19.2">
      <c r="A56459" s="2"/>
      <c r="B56459" s="2"/>
      <c r="C56459" s="2"/>
    </row>
    <row r="56460" spans="1:3" ht="19.2">
      <c r="A56460" s="2"/>
      <c r="B56460" s="2"/>
      <c r="C56460" s="2"/>
    </row>
    <row r="56461" spans="1:3" ht="19.2">
      <c r="A56461" s="2"/>
      <c r="B56461" s="2"/>
      <c r="C56461" s="2"/>
    </row>
    <row r="56462" spans="1:3" ht="19.2">
      <c r="A56462" s="2"/>
      <c r="B56462" s="2"/>
      <c r="C56462" s="2"/>
    </row>
    <row r="56463" spans="1:3" ht="19.2">
      <c r="A56463" s="2"/>
      <c r="B56463" s="2"/>
      <c r="C56463" s="2"/>
    </row>
    <row r="56464" spans="1:3" ht="19.2">
      <c r="A56464" s="2"/>
      <c r="B56464" s="2"/>
      <c r="C56464" s="2"/>
    </row>
    <row r="56465" spans="1:3" ht="19.2">
      <c r="A56465" s="2"/>
      <c r="B56465" s="2"/>
      <c r="C56465" s="2"/>
    </row>
    <row r="56466" spans="1:3" ht="19.2">
      <c r="A56466" s="2"/>
      <c r="B56466" s="2"/>
      <c r="C56466" s="2"/>
    </row>
    <row r="56467" spans="1:3" ht="19.2">
      <c r="A56467" s="2"/>
      <c r="B56467" s="2"/>
      <c r="C56467" s="2"/>
    </row>
    <row r="56468" spans="1:3" ht="19.2">
      <c r="A56468" s="2"/>
      <c r="B56468" s="2"/>
      <c r="C56468" s="2"/>
    </row>
    <row r="56469" spans="1:3" ht="19.2">
      <c r="A56469" s="2"/>
      <c r="B56469" s="2"/>
      <c r="C56469" s="2"/>
    </row>
    <row r="56470" spans="1:3" ht="19.2">
      <c r="A56470" s="2"/>
      <c r="B56470" s="2"/>
      <c r="C56470" s="2"/>
    </row>
    <row r="56471" spans="1:3" ht="19.2">
      <c r="A56471" s="2"/>
      <c r="B56471" s="2"/>
      <c r="C56471" s="2"/>
    </row>
    <row r="56472" spans="1:3" ht="19.2">
      <c r="A56472" s="2"/>
      <c r="B56472" s="2"/>
      <c r="C56472" s="2"/>
    </row>
    <row r="56473" spans="1:3" ht="19.2">
      <c r="A56473" s="2"/>
      <c r="B56473" s="2"/>
      <c r="C56473" s="2"/>
    </row>
    <row r="56474" spans="1:3" ht="19.2">
      <c r="A56474" s="2"/>
      <c r="B56474" s="2"/>
      <c r="C56474" s="2"/>
    </row>
    <row r="56475" spans="1:3" ht="19.2">
      <c r="A56475" s="2"/>
      <c r="B56475" s="2"/>
      <c r="C56475" s="2"/>
    </row>
    <row r="56476" spans="1:3" ht="19.2">
      <c r="A56476" s="2"/>
      <c r="B56476" s="2"/>
      <c r="C56476" s="2"/>
    </row>
    <row r="56477" spans="1:3" ht="19.2">
      <c r="A56477" s="2"/>
      <c r="B56477" s="2"/>
      <c r="C56477" s="2"/>
    </row>
    <row r="56478" spans="1:3" ht="19.2">
      <c r="A56478" s="2"/>
      <c r="B56478" s="2"/>
      <c r="C56478" s="2"/>
    </row>
    <row r="56479" spans="1:3" ht="19.2">
      <c r="A56479" s="2"/>
      <c r="B56479" s="2"/>
      <c r="C56479" s="2"/>
    </row>
    <row r="56480" spans="1:3" ht="19.2">
      <c r="A56480" s="2"/>
      <c r="B56480" s="2"/>
      <c r="C56480" s="2"/>
    </row>
    <row r="56481" spans="1:3" ht="19.2">
      <c r="A56481" s="2"/>
      <c r="B56481" s="2"/>
      <c r="C56481" s="2"/>
    </row>
    <row r="56482" spans="1:3" ht="19.2">
      <c r="A56482" s="2"/>
      <c r="B56482" s="2"/>
      <c r="C56482" s="2"/>
    </row>
    <row r="56483" spans="1:3" ht="19.2">
      <c r="A56483" s="2"/>
      <c r="B56483" s="2"/>
      <c r="C56483" s="2"/>
    </row>
    <row r="56484" spans="1:3" ht="19.2">
      <c r="A56484" s="2"/>
      <c r="B56484" s="2"/>
      <c r="C56484" s="2"/>
    </row>
    <row r="56485" spans="1:3" ht="19.2">
      <c r="A56485" s="2"/>
      <c r="B56485" s="2"/>
      <c r="C56485" s="2"/>
    </row>
    <row r="56486" spans="1:3" ht="19.2">
      <c r="A56486" s="2"/>
      <c r="B56486" s="2"/>
      <c r="C56486" s="2"/>
    </row>
    <row r="56487" spans="1:3" ht="19.2">
      <c r="A56487" s="2"/>
      <c r="B56487" s="2"/>
      <c r="C56487" s="2"/>
    </row>
    <row r="56488" spans="1:3" ht="19.2">
      <c r="A56488" s="2"/>
      <c r="B56488" s="2"/>
      <c r="C56488" s="2"/>
    </row>
    <row r="56489" spans="1:3" ht="19.2">
      <c r="A56489" s="2"/>
      <c r="B56489" s="2"/>
      <c r="C56489" s="2"/>
    </row>
    <row r="56490" spans="1:3" ht="19.2">
      <c r="A56490" s="2"/>
      <c r="B56490" s="2"/>
      <c r="C56490" s="2"/>
    </row>
    <row r="56491" spans="1:3" ht="19.2">
      <c r="A56491" s="2"/>
      <c r="B56491" s="2"/>
      <c r="C56491" s="2"/>
    </row>
    <row r="56492" spans="1:3" ht="19.2">
      <c r="A56492" s="2"/>
      <c r="B56492" s="2"/>
      <c r="C56492" s="2"/>
    </row>
    <row r="56493" spans="1:3" ht="19.2">
      <c r="A56493" s="2"/>
      <c r="B56493" s="2"/>
      <c r="C56493" s="2"/>
    </row>
    <row r="56494" spans="1:3" ht="19.2">
      <c r="A56494" s="2"/>
      <c r="B56494" s="2"/>
      <c r="C56494" s="2"/>
    </row>
    <row r="56495" spans="1:3" ht="19.2">
      <c r="A56495" s="2"/>
      <c r="B56495" s="2"/>
      <c r="C56495" s="2"/>
    </row>
    <row r="56496" spans="1:3" ht="19.2">
      <c r="A56496" s="2"/>
      <c r="B56496" s="2"/>
      <c r="C56496" s="2"/>
    </row>
    <row r="56497" spans="1:3" ht="19.2">
      <c r="A56497" s="2"/>
      <c r="B56497" s="2"/>
      <c r="C56497" s="2"/>
    </row>
    <row r="56498" spans="1:3" ht="19.2">
      <c r="A56498" s="2"/>
      <c r="B56498" s="2"/>
      <c r="C56498" s="2"/>
    </row>
    <row r="56499" spans="1:3" ht="19.2">
      <c r="A56499" s="2"/>
      <c r="B56499" s="2"/>
      <c r="C56499" s="2"/>
    </row>
    <row r="56500" spans="1:3" ht="19.2">
      <c r="A56500" s="2"/>
      <c r="B56500" s="2"/>
      <c r="C56500" s="2"/>
    </row>
    <row r="56501" spans="1:3" ht="19.2">
      <c r="A56501" s="2"/>
      <c r="B56501" s="2"/>
      <c r="C56501" s="2"/>
    </row>
    <row r="56502" spans="1:3" ht="19.2">
      <c r="A56502" s="2"/>
      <c r="B56502" s="2"/>
      <c r="C56502" s="2"/>
    </row>
    <row r="56503" spans="1:3" ht="19.2">
      <c r="A56503" s="2"/>
      <c r="B56503" s="2"/>
      <c r="C56503" s="2"/>
    </row>
    <row r="56504" spans="1:3" ht="19.2">
      <c r="A56504" s="2"/>
      <c r="B56504" s="2"/>
      <c r="C56504" s="2"/>
    </row>
    <row r="56505" spans="1:3" ht="19.2">
      <c r="A56505" s="2"/>
      <c r="B56505" s="2"/>
      <c r="C56505" s="2"/>
    </row>
    <row r="56506" spans="1:3" ht="19.2">
      <c r="A56506" s="2"/>
      <c r="B56506" s="2"/>
      <c r="C56506" s="2"/>
    </row>
    <row r="56507" spans="1:3" ht="19.2">
      <c r="A56507" s="2"/>
      <c r="B56507" s="2"/>
      <c r="C56507" s="2"/>
    </row>
    <row r="56508" spans="1:3" ht="19.2">
      <c r="A56508" s="2"/>
      <c r="B56508" s="2"/>
      <c r="C56508" s="2"/>
    </row>
    <row r="56509" spans="1:3" ht="19.2">
      <c r="A56509" s="2"/>
      <c r="B56509" s="2"/>
      <c r="C56509" s="2"/>
    </row>
    <row r="56510" spans="1:3" ht="19.2">
      <c r="A56510" s="2"/>
      <c r="B56510" s="2"/>
      <c r="C56510" s="2"/>
    </row>
    <row r="56511" spans="1:3" ht="19.2">
      <c r="A56511" s="2"/>
      <c r="B56511" s="2"/>
      <c r="C56511" s="2"/>
    </row>
    <row r="56512" spans="1:3" ht="19.2">
      <c r="A56512" s="2"/>
      <c r="B56512" s="2"/>
      <c r="C56512" s="2"/>
    </row>
    <row r="56513" spans="1:3" ht="19.2">
      <c r="A56513" s="2"/>
      <c r="B56513" s="2"/>
      <c r="C56513" s="2"/>
    </row>
    <row r="56514" spans="1:3" ht="19.2">
      <c r="A56514" s="2"/>
      <c r="B56514" s="2"/>
      <c r="C56514" s="2"/>
    </row>
    <row r="56515" spans="1:3" ht="19.2">
      <c r="A56515" s="2"/>
      <c r="B56515" s="2"/>
      <c r="C56515" s="2"/>
    </row>
    <row r="56516" spans="1:3" ht="19.2">
      <c r="A56516" s="2"/>
      <c r="B56516" s="2"/>
      <c r="C56516" s="2"/>
    </row>
    <row r="56517" spans="1:3" ht="19.2">
      <c r="A56517" s="2"/>
      <c r="B56517" s="2"/>
      <c r="C56517" s="2"/>
    </row>
    <row r="56518" spans="1:3" ht="19.2">
      <c r="A56518" s="2"/>
      <c r="B56518" s="2"/>
      <c r="C56518" s="2"/>
    </row>
    <row r="56519" spans="1:3" ht="19.2">
      <c r="A56519" s="2"/>
      <c r="B56519" s="2"/>
      <c r="C56519" s="2"/>
    </row>
    <row r="56520" spans="1:3" ht="19.2">
      <c r="A56520" s="2"/>
      <c r="B56520" s="2"/>
      <c r="C56520" s="2"/>
    </row>
    <row r="56521" spans="1:3" ht="19.2">
      <c r="A56521" s="2"/>
      <c r="B56521" s="2"/>
      <c r="C56521" s="2"/>
    </row>
    <row r="56522" spans="1:3" ht="19.2">
      <c r="A56522" s="2"/>
      <c r="B56522" s="2"/>
      <c r="C56522" s="2"/>
    </row>
    <row r="56523" spans="1:3" ht="19.2">
      <c r="A56523" s="2"/>
      <c r="B56523" s="2"/>
      <c r="C56523" s="2"/>
    </row>
    <row r="56524" spans="1:3" ht="19.2">
      <c r="A56524" s="2"/>
      <c r="B56524" s="2"/>
      <c r="C56524" s="2"/>
    </row>
    <row r="56525" spans="1:3" ht="19.2">
      <c r="A56525" s="2"/>
      <c r="B56525" s="2"/>
      <c r="C56525" s="2"/>
    </row>
    <row r="56526" spans="1:3" ht="19.2">
      <c r="A56526" s="2"/>
      <c r="B56526" s="2"/>
      <c r="C56526" s="2"/>
    </row>
    <row r="56527" spans="1:3" ht="19.2">
      <c r="A56527" s="2"/>
      <c r="B56527" s="2"/>
      <c r="C56527" s="2"/>
    </row>
    <row r="56528" spans="1:3" ht="19.2">
      <c r="A56528" s="2"/>
      <c r="B56528" s="2"/>
      <c r="C56528" s="2"/>
    </row>
    <row r="56529" spans="1:3" ht="19.2">
      <c r="A56529" s="2"/>
      <c r="B56529" s="2"/>
      <c r="C56529" s="2"/>
    </row>
    <row r="56530" spans="1:3" ht="19.2">
      <c r="A56530" s="2"/>
      <c r="B56530" s="2"/>
      <c r="C56530" s="2"/>
    </row>
    <row r="56531" spans="1:3" ht="19.2">
      <c r="A56531" s="2"/>
      <c r="B56531" s="2"/>
      <c r="C56531" s="2"/>
    </row>
    <row r="56532" spans="1:3" ht="19.2">
      <c r="A56532" s="2"/>
      <c r="B56532" s="2"/>
      <c r="C56532" s="2"/>
    </row>
    <row r="56533" spans="1:3" ht="19.2">
      <c r="A56533" s="2"/>
      <c r="B56533" s="2"/>
      <c r="C56533" s="2"/>
    </row>
    <row r="56534" spans="1:3" ht="19.2">
      <c r="A56534" s="2"/>
      <c r="B56534" s="2"/>
      <c r="C56534" s="2"/>
    </row>
    <row r="56535" spans="1:3" ht="19.2">
      <c r="A56535" s="2"/>
      <c r="B56535" s="2"/>
      <c r="C56535" s="2"/>
    </row>
    <row r="56536" spans="1:3" ht="19.2">
      <c r="A56536" s="2"/>
      <c r="B56536" s="2"/>
      <c r="C56536" s="2"/>
    </row>
    <row r="56537" spans="1:3" ht="19.2">
      <c r="A56537" s="2"/>
      <c r="B56537" s="2"/>
      <c r="C56537" s="2"/>
    </row>
    <row r="56538" spans="1:3" ht="19.2">
      <c r="A56538" s="2"/>
      <c r="B56538" s="2"/>
      <c r="C56538" s="2"/>
    </row>
    <row r="56539" spans="1:3" ht="19.2">
      <c r="A56539" s="2"/>
      <c r="B56539" s="2"/>
      <c r="C56539" s="2"/>
    </row>
    <row r="56540" spans="1:3" ht="19.2">
      <c r="A56540" s="2"/>
      <c r="B56540" s="2"/>
      <c r="C56540" s="2"/>
    </row>
    <row r="56541" spans="1:3" ht="19.2">
      <c r="A56541" s="2"/>
      <c r="B56541" s="2"/>
      <c r="C56541" s="2"/>
    </row>
    <row r="56542" spans="1:3" ht="19.2">
      <c r="A56542" s="2"/>
      <c r="B56542" s="2"/>
      <c r="C56542" s="2"/>
    </row>
    <row r="56543" spans="1:3" ht="19.2">
      <c r="A56543" s="2"/>
      <c r="B56543" s="2"/>
      <c r="C56543" s="2"/>
    </row>
    <row r="56544" spans="1:3" ht="19.2">
      <c r="A56544" s="2"/>
      <c r="B56544" s="2"/>
      <c r="C56544" s="2"/>
    </row>
    <row r="56545" spans="1:3" ht="19.2">
      <c r="A56545" s="2"/>
      <c r="B56545" s="2"/>
      <c r="C56545" s="2"/>
    </row>
    <row r="56546" spans="1:3" ht="19.2">
      <c r="A56546" s="2"/>
      <c r="B56546" s="2"/>
      <c r="C56546" s="2"/>
    </row>
    <row r="56547" spans="1:3" ht="19.2">
      <c r="A56547" s="2"/>
      <c r="B56547" s="2"/>
      <c r="C56547" s="2"/>
    </row>
    <row r="56548" spans="1:3" ht="19.2">
      <c r="A56548" s="2"/>
      <c r="B56548" s="2"/>
      <c r="C56548" s="2"/>
    </row>
    <row r="56549" spans="1:3" ht="19.2">
      <c r="A56549" s="2"/>
      <c r="B56549" s="2"/>
      <c r="C56549" s="2"/>
    </row>
    <row r="56550" spans="1:3" ht="19.2">
      <c r="A56550" s="2"/>
      <c r="B56550" s="2"/>
      <c r="C56550" s="2"/>
    </row>
    <row r="56551" spans="1:3" ht="19.2">
      <c r="A56551" s="2"/>
      <c r="B56551" s="2"/>
      <c r="C56551" s="2"/>
    </row>
    <row r="56552" spans="1:3" ht="19.2">
      <c r="A56552" s="2"/>
      <c r="B56552" s="2"/>
      <c r="C56552" s="2"/>
    </row>
    <row r="56553" spans="1:3" ht="19.2">
      <c r="A56553" s="2"/>
      <c r="B56553" s="2"/>
      <c r="C56553" s="2"/>
    </row>
    <row r="56554" spans="1:3" ht="19.2">
      <c r="A56554" s="2"/>
      <c r="B56554" s="2"/>
      <c r="C56554" s="2"/>
    </row>
    <row r="56555" spans="1:3" ht="19.2">
      <c r="A56555" s="2"/>
      <c r="B56555" s="2"/>
      <c r="C56555" s="2"/>
    </row>
    <row r="56556" spans="1:3" ht="19.2">
      <c r="A56556" s="2"/>
      <c r="B56556" s="2"/>
      <c r="C56556" s="2"/>
    </row>
    <row r="56557" spans="1:3" ht="19.2">
      <c r="A56557" s="2"/>
      <c r="B56557" s="2"/>
      <c r="C56557" s="2"/>
    </row>
    <row r="56558" spans="1:3" ht="19.2">
      <c r="A56558" s="2"/>
      <c r="B56558" s="2"/>
      <c r="C56558" s="2"/>
    </row>
    <row r="56559" spans="1:3" ht="19.2">
      <c r="A56559" s="2"/>
      <c r="B56559" s="2"/>
      <c r="C56559" s="2"/>
    </row>
    <row r="56560" spans="1:3" ht="19.2">
      <c r="A56560" s="2"/>
      <c r="B56560" s="2"/>
      <c r="C56560" s="2"/>
    </row>
    <row r="56561" spans="1:3" ht="19.2">
      <c r="A56561" s="2"/>
      <c r="B56561" s="2"/>
      <c r="C56561" s="2"/>
    </row>
    <row r="56562" spans="1:3" ht="19.2">
      <c r="A56562" s="2"/>
      <c r="B56562" s="2"/>
      <c r="C56562" s="2"/>
    </row>
    <row r="56563" spans="1:3" ht="19.2">
      <c r="A56563" s="2"/>
      <c r="B56563" s="2"/>
      <c r="C56563" s="2"/>
    </row>
    <row r="56564" spans="1:3" ht="19.2">
      <c r="A56564" s="2"/>
      <c r="B56564" s="2"/>
      <c r="C56564" s="2"/>
    </row>
    <row r="56565" spans="1:3" ht="19.2">
      <c r="A56565" s="2"/>
      <c r="B56565" s="2"/>
      <c r="C56565" s="2"/>
    </row>
    <row r="56566" spans="1:3" ht="19.2">
      <c r="A56566" s="2"/>
      <c r="B56566" s="2"/>
      <c r="C56566" s="2"/>
    </row>
    <row r="56567" spans="1:3" ht="19.2">
      <c r="A56567" s="2"/>
      <c r="B56567" s="2"/>
      <c r="C56567" s="2"/>
    </row>
    <row r="56568" spans="1:3" ht="19.2">
      <c r="A56568" s="2"/>
      <c r="B56568" s="2"/>
      <c r="C56568" s="2"/>
    </row>
    <row r="56569" spans="1:3" ht="19.2">
      <c r="A56569" s="2"/>
      <c r="B56569" s="2"/>
      <c r="C56569" s="2"/>
    </row>
    <row r="56570" spans="1:3" ht="19.2">
      <c r="A56570" s="2"/>
      <c r="B56570" s="2"/>
      <c r="C56570" s="2"/>
    </row>
    <row r="56571" spans="1:3" ht="19.2">
      <c r="A56571" s="2"/>
      <c r="B56571" s="2"/>
      <c r="C56571" s="2"/>
    </row>
    <row r="56572" spans="1:3" ht="19.2">
      <c r="A56572" s="2"/>
      <c r="B56572" s="2"/>
      <c r="C56572" s="2"/>
    </row>
    <row r="56573" spans="1:3" ht="19.2">
      <c r="A56573" s="2"/>
      <c r="B56573" s="2"/>
      <c r="C56573" s="2"/>
    </row>
    <row r="56574" spans="1:3" ht="19.2">
      <c r="A56574" s="2"/>
      <c r="B56574" s="2"/>
      <c r="C56574" s="2"/>
    </row>
    <row r="56575" spans="1:3" ht="19.2">
      <c r="A56575" s="2"/>
      <c r="B56575" s="2"/>
      <c r="C56575" s="2"/>
    </row>
    <row r="56576" spans="1:3" ht="19.2">
      <c r="A56576" s="2"/>
      <c r="B56576" s="2"/>
      <c r="C56576" s="2"/>
    </row>
    <row r="56577" spans="1:3" ht="19.2">
      <c r="A56577" s="2"/>
      <c r="B56577" s="2"/>
      <c r="C56577" s="2"/>
    </row>
    <row r="56578" spans="1:3" ht="19.2">
      <c r="A56578" s="2"/>
      <c r="B56578" s="2"/>
      <c r="C56578" s="2"/>
    </row>
    <row r="56579" spans="1:3" ht="19.2">
      <c r="A56579" s="2"/>
      <c r="B56579" s="2"/>
      <c r="C56579" s="2"/>
    </row>
    <row r="56580" spans="1:3" ht="19.2">
      <c r="A56580" s="2"/>
      <c r="B56580" s="2"/>
      <c r="C56580" s="2"/>
    </row>
    <row r="56581" spans="1:3" ht="19.2">
      <c r="A56581" s="2"/>
      <c r="B56581" s="2"/>
      <c r="C56581" s="2"/>
    </row>
    <row r="56582" spans="1:3" ht="19.2">
      <c r="A56582" s="2"/>
      <c r="B56582" s="2"/>
      <c r="C56582" s="2"/>
    </row>
    <row r="56583" spans="1:3" ht="19.2">
      <c r="A56583" s="2"/>
      <c r="B56583" s="2"/>
      <c r="C56583" s="2"/>
    </row>
    <row r="56584" spans="1:3" ht="19.2">
      <c r="A56584" s="2"/>
      <c r="B56584" s="2"/>
      <c r="C56584" s="2"/>
    </row>
    <row r="56585" spans="1:3" ht="19.2">
      <c r="A56585" s="2"/>
      <c r="B56585" s="2"/>
      <c r="C56585" s="2"/>
    </row>
    <row r="56586" spans="1:3" ht="19.2">
      <c r="A56586" s="2"/>
      <c r="B56586" s="2"/>
      <c r="C56586" s="2"/>
    </row>
    <row r="56587" spans="1:3" ht="19.2">
      <c r="A56587" s="2"/>
      <c r="B56587" s="2"/>
      <c r="C56587" s="2"/>
    </row>
    <row r="56588" spans="1:3" ht="19.2">
      <c r="A56588" s="2"/>
      <c r="B56588" s="2"/>
      <c r="C56588" s="2"/>
    </row>
    <row r="56589" spans="1:3" ht="19.2">
      <c r="A56589" s="2"/>
      <c r="B56589" s="2"/>
      <c r="C56589" s="2"/>
    </row>
    <row r="56590" spans="1:3" ht="19.2">
      <c r="A56590" s="2"/>
      <c r="B56590" s="2"/>
      <c r="C56590" s="2"/>
    </row>
    <row r="56591" spans="1:3" ht="19.2">
      <c r="A56591" s="2"/>
      <c r="B56591" s="2"/>
      <c r="C56591" s="2"/>
    </row>
    <row r="56592" spans="1:3" ht="19.2">
      <c r="A56592" s="2"/>
      <c r="B56592" s="2"/>
      <c r="C56592" s="2"/>
    </row>
    <row r="56593" spans="1:3" ht="19.2">
      <c r="A56593" s="2"/>
      <c r="B56593" s="2"/>
      <c r="C56593" s="2"/>
    </row>
    <row r="56594" spans="1:3" ht="19.2">
      <c r="A56594" s="2"/>
      <c r="B56594" s="2"/>
      <c r="C56594" s="2"/>
    </row>
    <row r="56595" spans="1:3" ht="19.2">
      <c r="A56595" s="2"/>
      <c r="B56595" s="2"/>
      <c r="C56595" s="2"/>
    </row>
    <row r="56596" spans="1:3" ht="19.2">
      <c r="A56596" s="2"/>
      <c r="B56596" s="2"/>
      <c r="C56596" s="2"/>
    </row>
    <row r="56597" spans="1:3" ht="19.2">
      <c r="A56597" s="2"/>
      <c r="B56597" s="2"/>
      <c r="C56597" s="2"/>
    </row>
    <row r="56598" spans="1:3" ht="19.2">
      <c r="A56598" s="2"/>
      <c r="B56598" s="2"/>
      <c r="C56598" s="2"/>
    </row>
    <row r="56599" spans="1:3" ht="19.2">
      <c r="A56599" s="2"/>
      <c r="B56599" s="2"/>
      <c r="C56599" s="2"/>
    </row>
    <row r="56600" spans="1:3" ht="19.2">
      <c r="A56600" s="2"/>
      <c r="B56600" s="2"/>
      <c r="C56600" s="2"/>
    </row>
    <row r="56601" spans="1:3" ht="19.2">
      <c r="A56601" s="2"/>
      <c r="B56601" s="2"/>
      <c r="C56601" s="2"/>
    </row>
    <row r="56602" spans="1:3" ht="19.2">
      <c r="A56602" s="2"/>
      <c r="B56602" s="2"/>
      <c r="C56602" s="2"/>
    </row>
    <row r="56603" spans="1:3" ht="19.2">
      <c r="A56603" s="2"/>
      <c r="B56603" s="2"/>
      <c r="C56603" s="2"/>
    </row>
    <row r="56604" spans="1:3" ht="19.2">
      <c r="A56604" s="2"/>
      <c r="B56604" s="2"/>
      <c r="C56604" s="2"/>
    </row>
    <row r="56605" spans="1:3" ht="19.2">
      <c r="A56605" s="2"/>
      <c r="B56605" s="2"/>
      <c r="C56605" s="2"/>
    </row>
    <row r="56606" spans="1:3" ht="19.2">
      <c r="A56606" s="2"/>
      <c r="B56606" s="2"/>
      <c r="C56606" s="2"/>
    </row>
    <row r="56607" spans="1:3" ht="19.2">
      <c r="A56607" s="2"/>
      <c r="B56607" s="2"/>
      <c r="C56607" s="2"/>
    </row>
    <row r="56608" spans="1:3" ht="19.2">
      <c r="A56608" s="2"/>
      <c r="B56608" s="2"/>
      <c r="C56608" s="2"/>
    </row>
    <row r="56609" spans="1:3" ht="19.2">
      <c r="A56609" s="2"/>
      <c r="B56609" s="2"/>
      <c r="C56609" s="2"/>
    </row>
    <row r="56610" spans="1:3" ht="19.2">
      <c r="A56610" s="2"/>
      <c r="B56610" s="2"/>
      <c r="C56610" s="2"/>
    </row>
    <row r="56611" spans="1:3" ht="19.2">
      <c r="A56611" s="2"/>
      <c r="B56611" s="2"/>
      <c r="C56611" s="2"/>
    </row>
    <row r="56612" spans="1:3" ht="19.2">
      <c r="A56612" s="2"/>
      <c r="B56612" s="2"/>
      <c r="C56612" s="2"/>
    </row>
    <row r="56613" spans="1:3" ht="19.2">
      <c r="A56613" s="2"/>
      <c r="B56613" s="2"/>
      <c r="C56613" s="2"/>
    </row>
    <row r="56614" spans="1:3" ht="19.2">
      <c r="A56614" s="2"/>
      <c r="B56614" s="2"/>
      <c r="C56614" s="2"/>
    </row>
    <row r="56615" spans="1:3" ht="19.2">
      <c r="A56615" s="2"/>
      <c r="B56615" s="2"/>
      <c r="C56615" s="2"/>
    </row>
    <row r="56616" spans="1:3" ht="19.2">
      <c r="A56616" s="2"/>
      <c r="B56616" s="2"/>
      <c r="C56616" s="2"/>
    </row>
    <row r="56617" spans="1:3" ht="19.2">
      <c r="A56617" s="2"/>
      <c r="B56617" s="2"/>
      <c r="C56617" s="2"/>
    </row>
    <row r="56618" spans="1:3" ht="19.2">
      <c r="A56618" s="2"/>
      <c r="B56618" s="2"/>
      <c r="C56618" s="2"/>
    </row>
    <row r="56619" spans="1:3" ht="19.2">
      <c r="A56619" s="2"/>
      <c r="B56619" s="2"/>
      <c r="C56619" s="2"/>
    </row>
    <row r="56620" spans="1:3" ht="19.2">
      <c r="A56620" s="2"/>
      <c r="B56620" s="2"/>
      <c r="C56620" s="2"/>
    </row>
    <row r="56621" spans="1:3" ht="19.2">
      <c r="A56621" s="2"/>
      <c r="B56621" s="2"/>
      <c r="C56621" s="2"/>
    </row>
    <row r="56622" spans="1:3" ht="19.2">
      <c r="A56622" s="2"/>
      <c r="B56622" s="2"/>
      <c r="C56622" s="2"/>
    </row>
    <row r="56623" spans="1:3" ht="19.2">
      <c r="A56623" s="2"/>
      <c r="B56623" s="2"/>
      <c r="C56623" s="2"/>
    </row>
    <row r="56624" spans="1:3" ht="19.2">
      <c r="A56624" s="2"/>
      <c r="B56624" s="2"/>
      <c r="C56624" s="2"/>
    </row>
    <row r="56625" spans="1:3" ht="19.2">
      <c r="A56625" s="2"/>
      <c r="B56625" s="2"/>
      <c r="C56625" s="2"/>
    </row>
    <row r="56626" spans="1:3" ht="19.2">
      <c r="A56626" s="2"/>
      <c r="B56626" s="2"/>
      <c r="C56626" s="2"/>
    </row>
    <row r="56627" spans="1:3" ht="19.2">
      <c r="A56627" s="2"/>
      <c r="B56627" s="2"/>
      <c r="C56627" s="2"/>
    </row>
    <row r="56628" spans="1:3" ht="19.2">
      <c r="A56628" s="2"/>
      <c r="B56628" s="2"/>
      <c r="C56628" s="2"/>
    </row>
    <row r="56629" spans="1:3" ht="19.2">
      <c r="A56629" s="2"/>
      <c r="B56629" s="2"/>
      <c r="C56629" s="2"/>
    </row>
    <row r="56630" spans="1:3" ht="19.2">
      <c r="A56630" s="2"/>
      <c r="B56630" s="2"/>
      <c r="C56630" s="2"/>
    </row>
    <row r="56631" spans="1:3" ht="19.2">
      <c r="A56631" s="2"/>
      <c r="B56631" s="2"/>
      <c r="C56631" s="2"/>
    </row>
    <row r="56632" spans="1:3" ht="19.2">
      <c r="A56632" s="2"/>
      <c r="B56632" s="2"/>
      <c r="C56632" s="2"/>
    </row>
    <row r="56633" spans="1:3" ht="19.2">
      <c r="A56633" s="2"/>
      <c r="B56633" s="2"/>
      <c r="C56633" s="2"/>
    </row>
    <row r="56634" spans="1:3" ht="19.2">
      <c r="A56634" s="2"/>
      <c r="B56634" s="2"/>
      <c r="C56634" s="2"/>
    </row>
    <row r="56635" spans="1:3" ht="19.2">
      <c r="A56635" s="2"/>
      <c r="B56635" s="2"/>
      <c r="C56635" s="2"/>
    </row>
    <row r="56636" spans="1:3" ht="19.2">
      <c r="A56636" s="2"/>
      <c r="B56636" s="2"/>
      <c r="C56636" s="2"/>
    </row>
    <row r="56637" spans="1:3" ht="19.2">
      <c r="A56637" s="2"/>
      <c r="B56637" s="2"/>
      <c r="C56637" s="2"/>
    </row>
    <row r="56638" spans="1:3" ht="19.2">
      <c r="A56638" s="2"/>
      <c r="B56638" s="2"/>
      <c r="C56638" s="2"/>
    </row>
    <row r="56639" spans="1:3" ht="19.2">
      <c r="A56639" s="2"/>
      <c r="B56639" s="2"/>
      <c r="C56639" s="2"/>
    </row>
    <row r="56640" spans="1:3" ht="19.2">
      <c r="A56640" s="2"/>
      <c r="B56640" s="2"/>
      <c r="C56640" s="2"/>
    </row>
    <row r="56641" spans="1:3" ht="19.2">
      <c r="A56641" s="2"/>
      <c r="B56641" s="2"/>
      <c r="C56641" s="2"/>
    </row>
    <row r="56642" spans="1:3" ht="19.2">
      <c r="A56642" s="2"/>
      <c r="B56642" s="2"/>
      <c r="C56642" s="2"/>
    </row>
    <row r="56643" spans="1:3" ht="19.2">
      <c r="A56643" s="2"/>
      <c r="B56643" s="2"/>
      <c r="C56643" s="2"/>
    </row>
    <row r="56644" spans="1:3" ht="19.2">
      <c r="A56644" s="2"/>
      <c r="B56644" s="2"/>
      <c r="C56644" s="2"/>
    </row>
    <row r="56645" spans="1:3" ht="19.2">
      <c r="A56645" s="2"/>
      <c r="B56645" s="2"/>
      <c r="C56645" s="2"/>
    </row>
    <row r="56646" spans="1:3" ht="19.2">
      <c r="A56646" s="2"/>
      <c r="B56646" s="2"/>
      <c r="C56646" s="2"/>
    </row>
    <row r="56647" spans="1:3" ht="19.2">
      <c r="A56647" s="2"/>
      <c r="B56647" s="2"/>
      <c r="C56647" s="2"/>
    </row>
    <row r="56648" spans="1:3" ht="19.2">
      <c r="A56648" s="2"/>
      <c r="B56648" s="2"/>
      <c r="C56648" s="2"/>
    </row>
    <row r="56649" spans="1:3" ht="19.2">
      <c r="A56649" s="2"/>
      <c r="B56649" s="2"/>
      <c r="C56649" s="2"/>
    </row>
    <row r="56650" spans="1:3" ht="19.2">
      <c r="A56650" s="2"/>
      <c r="B56650" s="2"/>
      <c r="C56650" s="2"/>
    </row>
    <row r="56651" spans="1:3" ht="19.2">
      <c r="A56651" s="2"/>
      <c r="B56651" s="2"/>
      <c r="C56651" s="2"/>
    </row>
    <row r="56652" spans="1:3" ht="19.2">
      <c r="A56652" s="2"/>
      <c r="B56652" s="2"/>
      <c r="C56652" s="2"/>
    </row>
    <row r="56653" spans="1:3" ht="19.2">
      <c r="A56653" s="2"/>
      <c r="B56653" s="2"/>
      <c r="C56653" s="2"/>
    </row>
    <row r="56654" spans="1:3" ht="19.2">
      <c r="A56654" s="2"/>
      <c r="B56654" s="2"/>
      <c r="C56654" s="2"/>
    </row>
    <row r="56655" spans="1:3" ht="19.2">
      <c r="A56655" s="2"/>
      <c r="B56655" s="2"/>
      <c r="C56655" s="2"/>
    </row>
    <row r="56656" spans="1:3" ht="19.2">
      <c r="A56656" s="2"/>
      <c r="B56656" s="2"/>
      <c r="C56656" s="2"/>
    </row>
    <row r="56657" spans="1:3" ht="19.2">
      <c r="A56657" s="2"/>
      <c r="B56657" s="2"/>
      <c r="C56657" s="2"/>
    </row>
    <row r="56658" spans="1:3" ht="19.2">
      <c r="A56658" s="2"/>
      <c r="B56658" s="2"/>
      <c r="C56658" s="2"/>
    </row>
    <row r="56659" spans="1:3" ht="19.2">
      <c r="A56659" s="2"/>
      <c r="B56659" s="2"/>
      <c r="C56659" s="2"/>
    </row>
    <row r="56660" spans="1:3" ht="19.2">
      <c r="A56660" s="2"/>
      <c r="B56660" s="2"/>
      <c r="C56660" s="2"/>
    </row>
    <row r="56661" spans="1:3" ht="19.2">
      <c r="A56661" s="2"/>
      <c r="B56661" s="2"/>
      <c r="C56661" s="2"/>
    </row>
    <row r="56662" spans="1:3" ht="19.2">
      <c r="A56662" s="2"/>
      <c r="B56662" s="2"/>
      <c r="C56662" s="2"/>
    </row>
    <row r="56663" spans="1:3" ht="19.2">
      <c r="A56663" s="2"/>
      <c r="B56663" s="2"/>
      <c r="C56663" s="2"/>
    </row>
    <row r="56664" spans="1:3" ht="19.2">
      <c r="A56664" s="2"/>
      <c r="B56664" s="2"/>
      <c r="C56664" s="2"/>
    </row>
    <row r="56665" spans="1:3" ht="19.2">
      <c r="A56665" s="2"/>
      <c r="B56665" s="2"/>
      <c r="C56665" s="2"/>
    </row>
    <row r="56666" spans="1:3" ht="19.2">
      <c r="A56666" s="2"/>
      <c r="B56666" s="2"/>
      <c r="C56666" s="2"/>
    </row>
    <row r="56667" spans="1:3" ht="19.2">
      <c r="A56667" s="2"/>
      <c r="B56667" s="2"/>
      <c r="C56667" s="2"/>
    </row>
    <row r="56668" spans="1:3" ht="19.2">
      <c r="A56668" s="2"/>
      <c r="B56668" s="2"/>
      <c r="C56668" s="2"/>
    </row>
    <row r="56669" spans="1:3" ht="19.2">
      <c r="A56669" s="2"/>
      <c r="B56669" s="2"/>
      <c r="C56669" s="2"/>
    </row>
    <row r="56670" spans="1:3" ht="19.2">
      <c r="A56670" s="2"/>
      <c r="B56670" s="2"/>
      <c r="C56670" s="2"/>
    </row>
    <row r="56671" spans="1:3" ht="19.2">
      <c r="A56671" s="2"/>
      <c r="B56671" s="2"/>
      <c r="C56671" s="2"/>
    </row>
    <row r="56672" spans="1:3" ht="19.2">
      <c r="A56672" s="2"/>
      <c r="B56672" s="2"/>
      <c r="C56672" s="2"/>
    </row>
    <row r="56673" spans="1:3" ht="19.2">
      <c r="A56673" s="2"/>
      <c r="B56673" s="2"/>
      <c r="C56673" s="2"/>
    </row>
    <row r="56674" spans="1:3" ht="19.2">
      <c r="A56674" s="2"/>
      <c r="B56674" s="2"/>
      <c r="C56674" s="2"/>
    </row>
    <row r="56675" spans="1:3" ht="19.2">
      <c r="A56675" s="2"/>
      <c r="B56675" s="2"/>
      <c r="C56675" s="2"/>
    </row>
    <row r="56676" spans="1:3" ht="19.2">
      <c r="A56676" s="2"/>
      <c r="B56676" s="2"/>
      <c r="C56676" s="2"/>
    </row>
    <row r="56677" spans="1:3" ht="19.2">
      <c r="A56677" s="2"/>
      <c r="B56677" s="2"/>
      <c r="C56677" s="2"/>
    </row>
    <row r="56678" spans="1:3" ht="19.2">
      <c r="A56678" s="2"/>
      <c r="B56678" s="2"/>
      <c r="C56678" s="2"/>
    </row>
    <row r="56679" spans="1:3" ht="19.2">
      <c r="A56679" s="2"/>
      <c r="B56679" s="2"/>
      <c r="C56679" s="2"/>
    </row>
    <row r="56680" spans="1:3" ht="19.2">
      <c r="A56680" s="2"/>
      <c r="B56680" s="2"/>
      <c r="C56680" s="2"/>
    </row>
    <row r="56681" spans="1:3" ht="19.2">
      <c r="A56681" s="2"/>
      <c r="B56681" s="2"/>
      <c r="C56681" s="2"/>
    </row>
    <row r="56682" spans="1:3" ht="19.2">
      <c r="A56682" s="2"/>
      <c r="B56682" s="2"/>
      <c r="C56682" s="2"/>
    </row>
    <row r="56683" spans="1:3" ht="19.2">
      <c r="A56683" s="2"/>
      <c r="B56683" s="2"/>
      <c r="C56683" s="2"/>
    </row>
    <row r="56684" spans="1:3" ht="19.2">
      <c r="A56684" s="2"/>
      <c r="B56684" s="2"/>
      <c r="C56684" s="2"/>
    </row>
    <row r="56685" spans="1:3" ht="19.2">
      <c r="A56685" s="2"/>
      <c r="B56685" s="2"/>
      <c r="C56685" s="2"/>
    </row>
    <row r="56686" spans="1:3" ht="19.2">
      <c r="A56686" s="2"/>
      <c r="B56686" s="2"/>
      <c r="C56686" s="2"/>
    </row>
    <row r="56687" spans="1:3" ht="19.2">
      <c r="A56687" s="2"/>
      <c r="B56687" s="2"/>
      <c r="C56687" s="2"/>
    </row>
    <row r="56688" spans="1:3" ht="19.2">
      <c r="A56688" s="2"/>
      <c r="B56688" s="2"/>
      <c r="C56688" s="2"/>
    </row>
    <row r="56689" spans="1:3" ht="19.2">
      <c r="A56689" s="2"/>
      <c r="B56689" s="2"/>
      <c r="C56689" s="2"/>
    </row>
    <row r="56690" spans="1:3" ht="19.2">
      <c r="A56690" s="2"/>
      <c r="B56690" s="2"/>
      <c r="C56690" s="2"/>
    </row>
    <row r="56691" spans="1:3" ht="19.2">
      <c r="A56691" s="2"/>
      <c r="B56691" s="2"/>
      <c r="C56691" s="2"/>
    </row>
    <row r="56692" spans="1:3" ht="19.2">
      <c r="A56692" s="2"/>
      <c r="B56692" s="2"/>
      <c r="C56692" s="2"/>
    </row>
    <row r="56693" spans="1:3" ht="19.2">
      <c r="A56693" s="2"/>
      <c r="B56693" s="2"/>
      <c r="C56693" s="2"/>
    </row>
    <row r="56694" spans="1:3" ht="19.2">
      <c r="A56694" s="2"/>
      <c r="B56694" s="2"/>
      <c r="C56694" s="2"/>
    </row>
    <row r="56695" spans="1:3" ht="19.2">
      <c r="A56695" s="2"/>
      <c r="B56695" s="2"/>
      <c r="C56695" s="2"/>
    </row>
    <row r="56696" spans="1:3" ht="19.2">
      <c r="A56696" s="2"/>
      <c r="B56696" s="2"/>
      <c r="C56696" s="2"/>
    </row>
    <row r="56697" spans="1:3" ht="19.2">
      <c r="A56697" s="2"/>
      <c r="B56697" s="2"/>
      <c r="C56697" s="2"/>
    </row>
    <row r="56698" spans="1:3" ht="19.2">
      <c r="A56698" s="2"/>
      <c r="B56698" s="2"/>
      <c r="C56698" s="2"/>
    </row>
    <row r="56699" spans="1:3" ht="19.2">
      <c r="A56699" s="2"/>
      <c r="B56699" s="2"/>
      <c r="C56699" s="2"/>
    </row>
    <row r="56700" spans="1:3" ht="19.2">
      <c r="A56700" s="2"/>
      <c r="B56700" s="2"/>
      <c r="C56700" s="2"/>
    </row>
    <row r="56701" spans="1:3" ht="19.2">
      <c r="A56701" s="2"/>
      <c r="B56701" s="2"/>
      <c r="C56701" s="2"/>
    </row>
    <row r="56702" spans="1:3" ht="19.2">
      <c r="A56702" s="2"/>
      <c r="B56702" s="2"/>
      <c r="C56702" s="2"/>
    </row>
    <row r="56703" spans="1:3" ht="19.2">
      <c r="A56703" s="2"/>
      <c r="B56703" s="2"/>
      <c r="C56703" s="2"/>
    </row>
    <row r="56704" spans="1:3" ht="19.2">
      <c r="A56704" s="2"/>
      <c r="B56704" s="2"/>
      <c r="C56704" s="2"/>
    </row>
    <row r="56705" spans="1:3" ht="19.2">
      <c r="A56705" s="2"/>
      <c r="B56705" s="2"/>
      <c r="C56705" s="2"/>
    </row>
    <row r="56706" spans="1:3" ht="19.2">
      <c r="A56706" s="2"/>
      <c r="B56706" s="2"/>
      <c r="C56706" s="2"/>
    </row>
    <row r="56707" spans="1:3" ht="19.2">
      <c r="A56707" s="2"/>
      <c r="B56707" s="2"/>
      <c r="C56707" s="2"/>
    </row>
    <row r="56708" spans="1:3" ht="19.2">
      <c r="A56708" s="2"/>
      <c r="B56708" s="2"/>
      <c r="C56708" s="2"/>
    </row>
    <row r="56709" spans="1:3" ht="19.2">
      <c r="A56709" s="2"/>
      <c r="B56709" s="2"/>
      <c r="C56709" s="2"/>
    </row>
    <row r="56710" spans="1:3" ht="19.2">
      <c r="A56710" s="2"/>
      <c r="B56710" s="2"/>
      <c r="C56710" s="2"/>
    </row>
    <row r="56711" spans="1:3" ht="19.2">
      <c r="A56711" s="2"/>
      <c r="B56711" s="2"/>
      <c r="C56711" s="2"/>
    </row>
    <row r="56712" spans="1:3" ht="19.2">
      <c r="A56712" s="2"/>
      <c r="B56712" s="2"/>
      <c r="C56712" s="2"/>
    </row>
    <row r="56713" spans="1:3" ht="19.2">
      <c r="A56713" s="2"/>
      <c r="B56713" s="2"/>
      <c r="C56713" s="2"/>
    </row>
    <row r="56714" spans="1:3" ht="19.2">
      <c r="A56714" s="2"/>
      <c r="B56714" s="2"/>
      <c r="C56714" s="2"/>
    </row>
    <row r="56715" spans="1:3" ht="19.2">
      <c r="A56715" s="2"/>
      <c r="B56715" s="2"/>
      <c r="C56715" s="2"/>
    </row>
    <row r="56716" spans="1:3" ht="19.2">
      <c r="A56716" s="2"/>
      <c r="B56716" s="2"/>
      <c r="C56716" s="2"/>
    </row>
    <row r="56717" spans="1:3" ht="19.2">
      <c r="A56717" s="2"/>
      <c r="B56717" s="2"/>
      <c r="C56717" s="2"/>
    </row>
    <row r="56718" spans="1:3" ht="19.2">
      <c r="A56718" s="2"/>
      <c r="B56718" s="2"/>
      <c r="C56718" s="2"/>
    </row>
    <row r="56719" spans="1:3" ht="19.2">
      <c r="A56719" s="2"/>
      <c r="B56719" s="2"/>
      <c r="C56719" s="2"/>
    </row>
    <row r="56720" spans="1:3" ht="19.2">
      <c r="A56720" s="2"/>
      <c r="B56720" s="2"/>
      <c r="C56720" s="2"/>
    </row>
    <row r="56721" spans="1:3" ht="19.2">
      <c r="A56721" s="2"/>
      <c r="B56721" s="2"/>
      <c r="C56721" s="2"/>
    </row>
    <row r="56722" spans="1:3" ht="19.2">
      <c r="A56722" s="2"/>
      <c r="B56722" s="2"/>
      <c r="C56722" s="2"/>
    </row>
    <row r="56723" spans="1:3" ht="19.2">
      <c r="A56723" s="2"/>
      <c r="B56723" s="2"/>
      <c r="C56723" s="2"/>
    </row>
    <row r="56724" spans="1:3" ht="19.2">
      <c r="A56724" s="2"/>
      <c r="B56724" s="2"/>
      <c r="C56724" s="2"/>
    </row>
    <row r="56725" spans="1:3" ht="19.2">
      <c r="A56725" s="2"/>
      <c r="B56725" s="2"/>
      <c r="C56725" s="2"/>
    </row>
    <row r="56726" spans="1:3" ht="19.2">
      <c r="A56726" s="2"/>
      <c r="B56726" s="2"/>
      <c r="C56726" s="2"/>
    </row>
    <row r="56727" spans="1:3" ht="19.2">
      <c r="A56727" s="2"/>
      <c r="B56727" s="2"/>
      <c r="C56727" s="2"/>
    </row>
    <row r="56728" spans="1:3" ht="19.2">
      <c r="A56728" s="2"/>
      <c r="B56728" s="2"/>
      <c r="C56728" s="2"/>
    </row>
    <row r="56729" spans="1:3" ht="19.2">
      <c r="A56729" s="2"/>
      <c r="B56729" s="2"/>
      <c r="C56729" s="2"/>
    </row>
    <row r="56730" spans="1:3" ht="19.2">
      <c r="A56730" s="2"/>
      <c r="B56730" s="2"/>
      <c r="C56730" s="2"/>
    </row>
    <row r="56731" spans="1:3" ht="19.2">
      <c r="A56731" s="2"/>
      <c r="B56731" s="2"/>
      <c r="C56731" s="2"/>
    </row>
    <row r="56732" spans="1:3" ht="19.2">
      <c r="A56732" s="2"/>
      <c r="B56732" s="2"/>
      <c r="C56732" s="2"/>
    </row>
    <row r="56733" spans="1:3" ht="19.2">
      <c r="A56733" s="2"/>
      <c r="B56733" s="2"/>
      <c r="C56733" s="2"/>
    </row>
    <row r="56734" spans="1:3" ht="19.2">
      <c r="A56734" s="2"/>
      <c r="B56734" s="2"/>
      <c r="C56734" s="2"/>
    </row>
    <row r="56735" spans="1:3" ht="19.2">
      <c r="A56735" s="2"/>
      <c r="B56735" s="2"/>
      <c r="C56735" s="2"/>
    </row>
    <row r="56736" spans="1:3" ht="19.2">
      <c r="A56736" s="2"/>
      <c r="B56736" s="2"/>
      <c r="C56736" s="2"/>
    </row>
    <row r="56737" spans="1:3" ht="19.2">
      <c r="A56737" s="2"/>
      <c r="B56737" s="2"/>
      <c r="C56737" s="2"/>
    </row>
    <row r="56738" spans="1:3" ht="19.2">
      <c r="A56738" s="2"/>
      <c r="B56738" s="2"/>
      <c r="C56738" s="2"/>
    </row>
    <row r="56739" spans="1:3" ht="19.2">
      <c r="A56739" s="2"/>
      <c r="B56739" s="2"/>
      <c r="C56739" s="2"/>
    </row>
    <row r="56740" spans="1:3" ht="19.2">
      <c r="A56740" s="2"/>
      <c r="B56740" s="2"/>
      <c r="C56740" s="2"/>
    </row>
    <row r="56741" spans="1:3" ht="19.2">
      <c r="A56741" s="2"/>
      <c r="B56741" s="2"/>
      <c r="C56741" s="2"/>
    </row>
    <row r="56742" spans="1:3" ht="19.2">
      <c r="A56742" s="2"/>
      <c r="B56742" s="2"/>
      <c r="C56742" s="2"/>
    </row>
    <row r="56743" spans="1:3" ht="19.2">
      <c r="A56743" s="2"/>
      <c r="B56743" s="2"/>
      <c r="C56743" s="2"/>
    </row>
    <row r="56744" spans="1:3" ht="19.2">
      <c r="A56744" s="2"/>
      <c r="B56744" s="2"/>
      <c r="C56744" s="2"/>
    </row>
    <row r="56745" spans="1:3" ht="19.2">
      <c r="A56745" s="2"/>
      <c r="B56745" s="2"/>
      <c r="C56745" s="2"/>
    </row>
    <row r="56746" spans="1:3" ht="19.2">
      <c r="A56746" s="2"/>
      <c r="B56746" s="2"/>
      <c r="C56746" s="2"/>
    </row>
    <row r="56747" spans="1:3" ht="19.2">
      <c r="A56747" s="2"/>
      <c r="B56747" s="2"/>
      <c r="C56747" s="2"/>
    </row>
    <row r="56748" spans="1:3" ht="19.2">
      <c r="A56748" s="2"/>
      <c r="B56748" s="2"/>
      <c r="C56748" s="2"/>
    </row>
    <row r="56749" spans="1:3" ht="19.2">
      <c r="A56749" s="2"/>
      <c r="B56749" s="2"/>
      <c r="C56749" s="2"/>
    </row>
    <row r="56750" spans="1:3" ht="19.2">
      <c r="A56750" s="2"/>
      <c r="B56750" s="2"/>
      <c r="C56750" s="2"/>
    </row>
    <row r="56751" spans="1:3" ht="19.2">
      <c r="A56751" s="2"/>
      <c r="B56751" s="2"/>
      <c r="C56751" s="2"/>
    </row>
    <row r="56752" spans="1:3" ht="19.2">
      <c r="A56752" s="2"/>
      <c r="B56752" s="2"/>
      <c r="C56752" s="2"/>
    </row>
    <row r="56753" spans="1:3" ht="19.2">
      <c r="A56753" s="2"/>
      <c r="B56753" s="2"/>
      <c r="C56753" s="2"/>
    </row>
    <row r="56754" spans="1:3" ht="19.2">
      <c r="A56754" s="2"/>
      <c r="B56754" s="2"/>
      <c r="C56754" s="2"/>
    </row>
    <row r="56755" spans="1:3" ht="19.2">
      <c r="A56755" s="2"/>
      <c r="B56755" s="2"/>
      <c r="C56755" s="2"/>
    </row>
    <row r="56756" spans="1:3" ht="19.2">
      <c r="A56756" s="2"/>
      <c r="B56756" s="2"/>
      <c r="C56756" s="2"/>
    </row>
    <row r="56757" spans="1:3" ht="19.2">
      <c r="A56757" s="2"/>
      <c r="B56757" s="2"/>
      <c r="C56757" s="2"/>
    </row>
    <row r="56758" spans="1:3" ht="19.2">
      <c r="A56758" s="2"/>
      <c r="B56758" s="2"/>
      <c r="C56758" s="2"/>
    </row>
    <row r="56759" spans="1:3" ht="19.2">
      <c r="A56759" s="2"/>
      <c r="B56759" s="2"/>
      <c r="C56759" s="2"/>
    </row>
    <row r="56760" spans="1:3" ht="19.2">
      <c r="A56760" s="2"/>
      <c r="B56760" s="2"/>
      <c r="C56760" s="2"/>
    </row>
    <row r="56761" spans="1:3" ht="19.2">
      <c r="A56761" s="2"/>
      <c r="B56761" s="2"/>
      <c r="C56761" s="2"/>
    </row>
    <row r="56762" spans="1:3" ht="19.2">
      <c r="A56762" s="2"/>
      <c r="B56762" s="2"/>
      <c r="C56762" s="2"/>
    </row>
    <row r="56763" spans="1:3" ht="19.2">
      <c r="A56763" s="2"/>
      <c r="B56763" s="2"/>
      <c r="C56763" s="2"/>
    </row>
    <row r="56764" spans="1:3" ht="19.2">
      <c r="A56764" s="2"/>
      <c r="B56764" s="2"/>
      <c r="C56764" s="2"/>
    </row>
    <row r="56765" spans="1:3" ht="19.2">
      <c r="A56765" s="2"/>
      <c r="B56765" s="2"/>
      <c r="C56765" s="2"/>
    </row>
    <row r="56766" spans="1:3" ht="19.2">
      <c r="A56766" s="2"/>
      <c r="B56766" s="2"/>
      <c r="C56766" s="2"/>
    </row>
    <row r="56767" spans="1:3" ht="19.2">
      <c r="A56767" s="2"/>
      <c r="B56767" s="2"/>
      <c r="C56767" s="2"/>
    </row>
    <row r="56768" spans="1:3" ht="19.2">
      <c r="A56768" s="2"/>
      <c r="B56768" s="2"/>
      <c r="C56768" s="2"/>
    </row>
    <row r="56769" spans="1:3" ht="19.2">
      <c r="A56769" s="2"/>
      <c r="B56769" s="2"/>
      <c r="C56769" s="2"/>
    </row>
    <row r="56770" spans="1:3" ht="19.2">
      <c r="A56770" s="2"/>
      <c r="B56770" s="2"/>
      <c r="C56770" s="2"/>
    </row>
    <row r="56771" spans="1:3" ht="19.2">
      <c r="A56771" s="2"/>
      <c r="B56771" s="2"/>
      <c r="C56771" s="2"/>
    </row>
    <row r="56772" spans="1:3" ht="19.2">
      <c r="A56772" s="2"/>
      <c r="B56772" s="2"/>
      <c r="C56772" s="2"/>
    </row>
    <row r="56773" spans="1:3" ht="19.2">
      <c r="A56773" s="2"/>
      <c r="B56773" s="2"/>
      <c r="C56773" s="2"/>
    </row>
    <row r="56774" spans="1:3" ht="19.2">
      <c r="A56774" s="2"/>
      <c r="B56774" s="2"/>
      <c r="C56774" s="2"/>
    </row>
    <row r="56775" spans="1:3" ht="19.2">
      <c r="A56775" s="2"/>
      <c r="B56775" s="2"/>
      <c r="C56775" s="2"/>
    </row>
    <row r="56776" spans="1:3" ht="19.2">
      <c r="A56776" s="2"/>
      <c r="B56776" s="2"/>
      <c r="C56776" s="2"/>
    </row>
    <row r="56777" spans="1:3" ht="19.2">
      <c r="A56777" s="2"/>
      <c r="B56777" s="2"/>
      <c r="C56777" s="2"/>
    </row>
    <row r="56778" spans="1:3" ht="19.2">
      <c r="A56778" s="2"/>
      <c r="B56778" s="2"/>
      <c r="C56778" s="2"/>
    </row>
    <row r="56779" spans="1:3" ht="19.2">
      <c r="A56779" s="2"/>
      <c r="B56779" s="2"/>
      <c r="C56779" s="2"/>
    </row>
    <row r="56780" spans="1:3" ht="19.2">
      <c r="A56780" s="2"/>
      <c r="B56780" s="2"/>
      <c r="C56780" s="2"/>
    </row>
    <row r="56781" spans="1:3" ht="19.2">
      <c r="A56781" s="2"/>
      <c r="B56781" s="2"/>
      <c r="C56781" s="2"/>
    </row>
    <row r="56782" spans="1:3" ht="19.2">
      <c r="A56782" s="2"/>
      <c r="B56782" s="2"/>
      <c r="C56782" s="2"/>
    </row>
    <row r="56783" spans="1:3" ht="19.2">
      <c r="A56783" s="2"/>
      <c r="B56783" s="2"/>
      <c r="C56783" s="2"/>
    </row>
    <row r="56784" spans="1:3" ht="19.2">
      <c r="A56784" s="2"/>
      <c r="B56784" s="2"/>
      <c r="C56784" s="2"/>
    </row>
    <row r="56785" spans="1:3" ht="19.2">
      <c r="A56785" s="2"/>
      <c r="B56785" s="2"/>
      <c r="C56785" s="2"/>
    </row>
    <row r="56786" spans="1:3" ht="19.2">
      <c r="A56786" s="2"/>
      <c r="B56786" s="2"/>
      <c r="C56786" s="2"/>
    </row>
    <row r="56787" spans="1:3" ht="19.2">
      <c r="A56787" s="2"/>
      <c r="B56787" s="2"/>
      <c r="C56787" s="2"/>
    </row>
    <row r="56788" spans="1:3" ht="19.2">
      <c r="A56788" s="2"/>
      <c r="B56788" s="2"/>
      <c r="C56788" s="2"/>
    </row>
    <row r="56789" spans="1:3" ht="19.2">
      <c r="A56789" s="2"/>
      <c r="B56789" s="2"/>
      <c r="C56789" s="2"/>
    </row>
    <row r="56790" spans="1:3" ht="19.2">
      <c r="A56790" s="2"/>
      <c r="B56790" s="2"/>
      <c r="C56790" s="2"/>
    </row>
    <row r="56791" spans="1:3" ht="19.2">
      <c r="A56791" s="2"/>
      <c r="B56791" s="2"/>
      <c r="C56791" s="2"/>
    </row>
    <row r="56792" spans="1:3" ht="19.2">
      <c r="A56792" s="2"/>
      <c r="B56792" s="2"/>
      <c r="C56792" s="2"/>
    </row>
    <row r="56793" spans="1:3" ht="19.2">
      <c r="A56793" s="2"/>
      <c r="B56793" s="2"/>
      <c r="C56793" s="2"/>
    </row>
    <row r="56794" spans="1:3" ht="19.2">
      <c r="A56794" s="2"/>
      <c r="B56794" s="2"/>
      <c r="C56794" s="2"/>
    </row>
    <row r="56795" spans="1:3" ht="19.2">
      <c r="A56795" s="2"/>
      <c r="B56795" s="2"/>
      <c r="C56795" s="2"/>
    </row>
    <row r="56796" spans="1:3" ht="19.2">
      <c r="A56796" s="2"/>
      <c r="B56796" s="2"/>
      <c r="C56796" s="2"/>
    </row>
    <row r="56797" spans="1:3" ht="19.2">
      <c r="A56797" s="2"/>
      <c r="B56797" s="2"/>
      <c r="C56797" s="2"/>
    </row>
    <row r="56798" spans="1:3" ht="19.2">
      <c r="A56798" s="2"/>
      <c r="B56798" s="2"/>
      <c r="C56798" s="2"/>
    </row>
    <row r="56799" spans="1:3" ht="19.2">
      <c r="A56799" s="2"/>
      <c r="B56799" s="2"/>
      <c r="C56799" s="2"/>
    </row>
    <row r="56800" spans="1:3" ht="19.2">
      <c r="A56800" s="2"/>
      <c r="B56800" s="2"/>
      <c r="C56800" s="2"/>
    </row>
    <row r="56801" spans="1:3" ht="19.2">
      <c r="A56801" s="2"/>
      <c r="B56801" s="2"/>
      <c r="C56801" s="2"/>
    </row>
    <row r="56802" spans="1:3" ht="19.2">
      <c r="A56802" s="2"/>
      <c r="B56802" s="2"/>
      <c r="C56802" s="2"/>
    </row>
    <row r="56803" spans="1:3" ht="19.2">
      <c r="A56803" s="2"/>
      <c r="B56803" s="2"/>
      <c r="C56803" s="2"/>
    </row>
    <row r="56804" spans="1:3" ht="19.2">
      <c r="A56804" s="2"/>
      <c r="B56804" s="2"/>
      <c r="C56804" s="2"/>
    </row>
    <row r="56805" spans="1:3" ht="19.2">
      <c r="A56805" s="2"/>
      <c r="B56805" s="2"/>
      <c r="C56805" s="2"/>
    </row>
    <row r="56806" spans="1:3" ht="19.2">
      <c r="A56806" s="2"/>
      <c r="B56806" s="2"/>
      <c r="C56806" s="2"/>
    </row>
    <row r="56807" spans="1:3" ht="19.2">
      <c r="A56807" s="2"/>
      <c r="B56807" s="2"/>
      <c r="C56807" s="2"/>
    </row>
    <row r="56808" spans="1:3" ht="19.2">
      <c r="A56808" s="2"/>
      <c r="B56808" s="2"/>
      <c r="C56808" s="2"/>
    </row>
    <row r="56809" spans="1:3" ht="19.2">
      <c r="A56809" s="2"/>
      <c r="B56809" s="2"/>
      <c r="C56809" s="2"/>
    </row>
    <row r="56810" spans="1:3" ht="19.2">
      <c r="A56810" s="2"/>
      <c r="B56810" s="2"/>
      <c r="C56810" s="2"/>
    </row>
    <row r="56811" spans="1:3" ht="19.2">
      <c r="A56811" s="2"/>
      <c r="B56811" s="2"/>
      <c r="C56811" s="2"/>
    </row>
    <row r="56812" spans="1:3" ht="19.2">
      <c r="A56812" s="2"/>
      <c r="B56812" s="2"/>
      <c r="C56812" s="2"/>
    </row>
    <row r="56813" spans="1:3" ht="19.2">
      <c r="A56813" s="2"/>
      <c r="B56813" s="2"/>
      <c r="C56813" s="2"/>
    </row>
    <row r="56814" spans="1:3" ht="19.2">
      <c r="A56814" s="2"/>
      <c r="B56814" s="2"/>
      <c r="C56814" s="2"/>
    </row>
    <row r="56815" spans="1:3" ht="19.2">
      <c r="A56815" s="2"/>
      <c r="B56815" s="2"/>
      <c r="C56815" s="2"/>
    </row>
    <row r="56816" spans="1:3" ht="19.2">
      <c r="A56816" s="2"/>
      <c r="B56816" s="2"/>
      <c r="C56816" s="2"/>
    </row>
    <row r="56817" spans="1:3" ht="19.2">
      <c r="A56817" s="2"/>
      <c r="B56817" s="2"/>
      <c r="C56817" s="2"/>
    </row>
    <row r="56818" spans="1:3" ht="19.2">
      <c r="A56818" s="2"/>
      <c r="B56818" s="2"/>
      <c r="C56818" s="2"/>
    </row>
    <row r="56819" spans="1:3" ht="19.2">
      <c r="A56819" s="2"/>
      <c r="B56819" s="2"/>
      <c r="C56819" s="2"/>
    </row>
    <row r="56820" spans="1:3" ht="19.2">
      <c r="A56820" s="2"/>
      <c r="B56820" s="2"/>
      <c r="C56820" s="2"/>
    </row>
    <row r="56821" spans="1:3" ht="19.2">
      <c r="A56821" s="2"/>
      <c r="B56821" s="2"/>
      <c r="C56821" s="2"/>
    </row>
    <row r="56822" spans="1:3" ht="19.2">
      <c r="A56822" s="2"/>
      <c r="B56822" s="2"/>
      <c r="C56822" s="2"/>
    </row>
    <row r="56823" spans="1:3" ht="19.2">
      <c r="A56823" s="2"/>
      <c r="B56823" s="2"/>
      <c r="C56823" s="2"/>
    </row>
    <row r="56824" spans="1:3" ht="19.2">
      <c r="A56824" s="2"/>
      <c r="B56824" s="2"/>
      <c r="C56824" s="2"/>
    </row>
    <row r="56825" spans="1:3" ht="19.2">
      <c r="A56825" s="2"/>
      <c r="B56825" s="2"/>
      <c r="C56825" s="2"/>
    </row>
    <row r="56826" spans="1:3" ht="19.2">
      <c r="A56826" s="2"/>
      <c r="B56826" s="2"/>
      <c r="C56826" s="2"/>
    </row>
    <row r="56827" spans="1:3" ht="19.2">
      <c r="A56827" s="2"/>
      <c r="B56827" s="2"/>
      <c r="C56827" s="2"/>
    </row>
    <row r="56828" spans="1:3" ht="19.2">
      <c r="A56828" s="2"/>
      <c r="B56828" s="2"/>
      <c r="C56828" s="2"/>
    </row>
    <row r="56829" spans="1:3" ht="19.2">
      <c r="A56829" s="2"/>
      <c r="B56829" s="2"/>
      <c r="C56829" s="2"/>
    </row>
    <row r="56830" spans="1:3" ht="19.2">
      <c r="A56830" s="2"/>
      <c r="B56830" s="2"/>
      <c r="C56830" s="2"/>
    </row>
    <row r="56831" spans="1:3" ht="19.2">
      <c r="A56831" s="2"/>
      <c r="B56831" s="2"/>
      <c r="C56831" s="2"/>
    </row>
    <row r="56832" spans="1:3" ht="19.2">
      <c r="A56832" s="2"/>
      <c r="B56832" s="2"/>
      <c r="C56832" s="2"/>
    </row>
    <row r="56833" spans="1:3" ht="19.2">
      <c r="A56833" s="2"/>
      <c r="B56833" s="2"/>
      <c r="C56833" s="2"/>
    </row>
    <row r="56834" spans="1:3" ht="19.2">
      <c r="A56834" s="2"/>
      <c r="B56834" s="2"/>
      <c r="C56834" s="2"/>
    </row>
    <row r="56835" spans="1:3" ht="19.2">
      <c r="A56835" s="2"/>
      <c r="B56835" s="2"/>
      <c r="C56835" s="2"/>
    </row>
    <row r="56836" spans="1:3" ht="19.2">
      <c r="A56836" s="2"/>
      <c r="B56836" s="2"/>
      <c r="C56836" s="2"/>
    </row>
    <row r="56837" spans="1:3" ht="19.2">
      <c r="A56837" s="2"/>
      <c r="B56837" s="2"/>
      <c r="C56837" s="2"/>
    </row>
    <row r="56838" spans="1:3" ht="19.2">
      <c r="A56838" s="2"/>
      <c r="B56838" s="2"/>
      <c r="C56838" s="2"/>
    </row>
    <row r="56839" spans="1:3" ht="19.2">
      <c r="A56839" s="2"/>
      <c r="B56839" s="2"/>
      <c r="C56839" s="2"/>
    </row>
    <row r="56840" spans="1:3" ht="19.2">
      <c r="A56840" s="2"/>
      <c r="B56840" s="2"/>
      <c r="C56840" s="2"/>
    </row>
    <row r="56841" spans="1:3" ht="19.2">
      <c r="A56841" s="2"/>
      <c r="B56841" s="2"/>
      <c r="C56841" s="2"/>
    </row>
    <row r="56842" spans="1:3" ht="19.2">
      <c r="A56842" s="2"/>
      <c r="B56842" s="2"/>
      <c r="C56842" s="2"/>
    </row>
    <row r="56843" spans="1:3" ht="19.2">
      <c r="A56843" s="2"/>
      <c r="B56843" s="2"/>
      <c r="C56843" s="2"/>
    </row>
    <row r="56844" spans="1:3" ht="19.2">
      <c r="A56844" s="2"/>
      <c r="B56844" s="2"/>
      <c r="C56844" s="2"/>
    </row>
    <row r="56845" spans="1:3" ht="19.2">
      <c r="A56845" s="2"/>
      <c r="B56845" s="2"/>
      <c r="C56845" s="2"/>
    </row>
    <row r="56846" spans="1:3" ht="19.2">
      <c r="A56846" s="2"/>
      <c r="B56846" s="2"/>
      <c r="C56846" s="2"/>
    </row>
    <row r="56847" spans="1:3" ht="19.2">
      <c r="A56847" s="2"/>
      <c r="B56847" s="2"/>
      <c r="C56847" s="2"/>
    </row>
    <row r="56848" spans="1:3" ht="19.2">
      <c r="A56848" s="2"/>
      <c r="B56848" s="2"/>
      <c r="C56848" s="2"/>
    </row>
    <row r="56849" spans="1:3" ht="19.2">
      <c r="A56849" s="2"/>
      <c r="B56849" s="2"/>
      <c r="C56849" s="2"/>
    </row>
    <row r="56850" spans="1:3" ht="19.2">
      <c r="A56850" s="2"/>
      <c r="B56850" s="2"/>
      <c r="C56850" s="2"/>
    </row>
    <row r="56851" spans="1:3" ht="19.2">
      <c r="A56851" s="2"/>
      <c r="B56851" s="2"/>
      <c r="C56851" s="2"/>
    </row>
    <row r="56852" spans="1:3" ht="19.2">
      <c r="A56852" s="2"/>
      <c r="B56852" s="2"/>
      <c r="C56852" s="2"/>
    </row>
    <row r="56853" spans="1:3" ht="19.2">
      <c r="A56853" s="2"/>
      <c r="B56853" s="2"/>
      <c r="C56853" s="2"/>
    </row>
    <row r="56854" spans="1:3" ht="19.2">
      <c r="A56854" s="2"/>
      <c r="B56854" s="2"/>
      <c r="C56854" s="2"/>
    </row>
    <row r="56855" spans="1:3" ht="19.2">
      <c r="A56855" s="2"/>
      <c r="B56855" s="2"/>
      <c r="C56855" s="2"/>
    </row>
    <row r="56856" spans="1:3" ht="19.2">
      <c r="A56856" s="2"/>
      <c r="B56856" s="2"/>
      <c r="C56856" s="2"/>
    </row>
    <row r="56857" spans="1:3" ht="19.2">
      <c r="A56857" s="2"/>
      <c r="B56857" s="2"/>
      <c r="C56857" s="2"/>
    </row>
    <row r="56858" spans="1:3" ht="19.2">
      <c r="A56858" s="2"/>
      <c r="B56858" s="2"/>
      <c r="C56858" s="2"/>
    </row>
    <row r="56859" spans="1:3" ht="19.2">
      <c r="A56859" s="2"/>
      <c r="B56859" s="2"/>
      <c r="C56859" s="2"/>
    </row>
    <row r="56860" spans="1:3" ht="19.2">
      <c r="A56860" s="2"/>
      <c r="B56860" s="2"/>
      <c r="C56860" s="2"/>
    </row>
    <row r="56861" spans="1:3" ht="19.2">
      <c r="A56861" s="2"/>
      <c r="B56861" s="2"/>
      <c r="C56861" s="2"/>
    </row>
    <row r="56862" spans="1:3" ht="19.2">
      <c r="A56862" s="2"/>
      <c r="B56862" s="2"/>
      <c r="C56862" s="2"/>
    </row>
    <row r="56863" spans="1:3" ht="19.2">
      <c r="A56863" s="2"/>
      <c r="B56863" s="2"/>
      <c r="C56863" s="2"/>
    </row>
    <row r="56864" spans="1:3" ht="19.2">
      <c r="A56864" s="2"/>
      <c r="B56864" s="2"/>
      <c r="C56864" s="2"/>
    </row>
    <row r="56865" spans="1:3" ht="19.2">
      <c r="A56865" s="2"/>
      <c r="B56865" s="2"/>
      <c r="C56865" s="2"/>
    </row>
    <row r="56866" spans="1:3" ht="19.2">
      <c r="A56866" s="2"/>
      <c r="B56866" s="2"/>
      <c r="C56866" s="2"/>
    </row>
    <row r="56867" spans="1:3" ht="19.2">
      <c r="A56867" s="2"/>
      <c r="B56867" s="2"/>
      <c r="C56867" s="2"/>
    </row>
    <row r="56868" spans="1:3" ht="19.2">
      <c r="A56868" s="2"/>
      <c r="B56868" s="2"/>
      <c r="C56868" s="2"/>
    </row>
    <row r="56869" spans="1:3" ht="19.2">
      <c r="A56869" s="2"/>
      <c r="B56869" s="2"/>
      <c r="C56869" s="2"/>
    </row>
    <row r="56870" spans="1:3" ht="19.2">
      <c r="A56870" s="2"/>
      <c r="B56870" s="2"/>
      <c r="C56870" s="2"/>
    </row>
    <row r="56871" spans="1:3" ht="19.2">
      <c r="A56871" s="2"/>
      <c r="B56871" s="2"/>
      <c r="C56871" s="2"/>
    </row>
    <row r="56872" spans="1:3" ht="19.2">
      <c r="A56872" s="2"/>
      <c r="B56872" s="2"/>
      <c r="C56872" s="2"/>
    </row>
    <row r="56873" spans="1:3" ht="19.2">
      <c r="A56873" s="2"/>
      <c r="B56873" s="2"/>
      <c r="C56873" s="2"/>
    </row>
    <row r="56874" spans="1:3" ht="19.2">
      <c r="A56874" s="2"/>
      <c r="B56874" s="2"/>
      <c r="C56874" s="2"/>
    </row>
    <row r="56875" spans="1:3" ht="19.2">
      <c r="A56875" s="2"/>
      <c r="B56875" s="2"/>
      <c r="C56875" s="2"/>
    </row>
    <row r="56876" spans="1:3" ht="19.2">
      <c r="A56876" s="2"/>
      <c r="B56876" s="2"/>
      <c r="C56876" s="2"/>
    </row>
    <row r="56877" spans="1:3" ht="19.2">
      <c r="A56877" s="2"/>
      <c r="B56877" s="2"/>
      <c r="C56877" s="2"/>
    </row>
    <row r="56878" spans="1:3" ht="19.2">
      <c r="A56878" s="2"/>
      <c r="B56878" s="2"/>
      <c r="C56878" s="2"/>
    </row>
    <row r="56879" spans="1:3" ht="19.2">
      <c r="A56879" s="2"/>
      <c r="B56879" s="2"/>
      <c r="C56879" s="2"/>
    </row>
    <row r="56880" spans="1:3" ht="19.2">
      <c r="A56880" s="2"/>
      <c r="B56880" s="2"/>
      <c r="C56880" s="2"/>
    </row>
    <row r="56881" spans="1:3" ht="19.2">
      <c r="A56881" s="2"/>
      <c r="B56881" s="2"/>
      <c r="C56881" s="2"/>
    </row>
    <row r="56882" spans="1:3" ht="19.2">
      <c r="A56882" s="2"/>
      <c r="B56882" s="2"/>
      <c r="C56882" s="2"/>
    </row>
    <row r="56883" spans="1:3" ht="19.2">
      <c r="A56883" s="2"/>
      <c r="B56883" s="2"/>
      <c r="C56883" s="2"/>
    </row>
    <row r="56884" spans="1:3" ht="19.2">
      <c r="A56884" s="2"/>
      <c r="B56884" s="2"/>
      <c r="C56884" s="2"/>
    </row>
    <row r="56885" spans="1:3" ht="19.2">
      <c r="A56885" s="2"/>
      <c r="B56885" s="2"/>
      <c r="C56885" s="2"/>
    </row>
    <row r="56886" spans="1:3" ht="19.2">
      <c r="A56886" s="2"/>
      <c r="B56886" s="2"/>
      <c r="C56886" s="2"/>
    </row>
    <row r="56887" spans="1:3" ht="19.2">
      <c r="A56887" s="2"/>
      <c r="B56887" s="2"/>
      <c r="C56887" s="2"/>
    </row>
    <row r="56888" spans="1:3" ht="19.2">
      <c r="A56888" s="2"/>
      <c r="B56888" s="2"/>
      <c r="C56888" s="2"/>
    </row>
    <row r="56889" spans="1:3" ht="19.2">
      <c r="A56889" s="2"/>
      <c r="B56889" s="2"/>
      <c r="C56889" s="2"/>
    </row>
    <row r="56890" spans="1:3" ht="19.2">
      <c r="A56890" s="2"/>
      <c r="B56890" s="2"/>
      <c r="C56890" s="2"/>
    </row>
    <row r="56891" spans="1:3" ht="19.2">
      <c r="A56891" s="2"/>
      <c r="B56891" s="2"/>
      <c r="C56891" s="2"/>
    </row>
    <row r="56892" spans="1:3" ht="19.2">
      <c r="A56892" s="2"/>
      <c r="B56892" s="2"/>
      <c r="C56892" s="2"/>
    </row>
    <row r="56893" spans="1:3" ht="19.2">
      <c r="A56893" s="2"/>
      <c r="B56893" s="2"/>
      <c r="C56893" s="2"/>
    </row>
    <row r="56894" spans="1:3" ht="19.2">
      <c r="A56894" s="2"/>
      <c r="B56894" s="2"/>
      <c r="C56894" s="2"/>
    </row>
    <row r="56895" spans="1:3" ht="19.2">
      <c r="A56895" s="2"/>
      <c r="B56895" s="2"/>
      <c r="C56895" s="2"/>
    </row>
    <row r="56896" spans="1:3" ht="19.2">
      <c r="A56896" s="2"/>
      <c r="B56896" s="2"/>
      <c r="C56896" s="2"/>
    </row>
    <row r="56897" spans="1:3" ht="19.2">
      <c r="A56897" s="2"/>
      <c r="B56897" s="2"/>
      <c r="C56897" s="2"/>
    </row>
    <row r="56898" spans="1:3" ht="19.2">
      <c r="A56898" s="2"/>
      <c r="B56898" s="2"/>
      <c r="C56898" s="2"/>
    </row>
    <row r="56899" spans="1:3" ht="19.2">
      <c r="A56899" s="2"/>
      <c r="B56899" s="2"/>
      <c r="C56899" s="2"/>
    </row>
    <row r="56900" spans="1:3" ht="19.2">
      <c r="A56900" s="2"/>
      <c r="B56900" s="2"/>
      <c r="C56900" s="2"/>
    </row>
    <row r="56901" spans="1:3" ht="19.2">
      <c r="A56901" s="2"/>
      <c r="B56901" s="2"/>
      <c r="C56901" s="2"/>
    </row>
    <row r="56902" spans="1:3" ht="19.2">
      <c r="A56902" s="2"/>
      <c r="B56902" s="2"/>
      <c r="C56902" s="2"/>
    </row>
    <row r="56903" spans="1:3" ht="19.2">
      <c r="A56903" s="2"/>
      <c r="B56903" s="2"/>
      <c r="C56903" s="2"/>
    </row>
    <row r="56904" spans="1:3" ht="19.2">
      <c r="A56904" s="2"/>
      <c r="B56904" s="2"/>
      <c r="C56904" s="2"/>
    </row>
    <row r="56905" spans="1:3" ht="19.2">
      <c r="A56905" s="2"/>
      <c r="B56905" s="2"/>
      <c r="C56905" s="2"/>
    </row>
    <row r="56906" spans="1:3" ht="19.2">
      <c r="A56906" s="2"/>
      <c r="B56906" s="2"/>
      <c r="C56906" s="2"/>
    </row>
    <row r="56907" spans="1:3" ht="19.2">
      <c r="A56907" s="2"/>
      <c r="B56907" s="2"/>
      <c r="C56907" s="2"/>
    </row>
    <row r="56908" spans="1:3" ht="19.2">
      <c r="A56908" s="2"/>
      <c r="B56908" s="2"/>
      <c r="C56908" s="2"/>
    </row>
    <row r="56909" spans="1:3" ht="19.2">
      <c r="A56909" s="2"/>
      <c r="B56909" s="2"/>
      <c r="C56909" s="2"/>
    </row>
    <row r="56910" spans="1:3" ht="19.2">
      <c r="A56910" s="2"/>
      <c r="B56910" s="2"/>
      <c r="C56910" s="2"/>
    </row>
    <row r="56911" spans="1:3" ht="19.2">
      <c r="A56911" s="2"/>
      <c r="B56911" s="2"/>
      <c r="C56911" s="2"/>
    </row>
    <row r="56912" spans="1:3" ht="19.2">
      <c r="A56912" s="2"/>
      <c r="B56912" s="2"/>
      <c r="C56912" s="2"/>
    </row>
    <row r="56913" spans="1:3" ht="19.2">
      <c r="A56913" s="2"/>
      <c r="B56913" s="2"/>
      <c r="C56913" s="2"/>
    </row>
    <row r="56914" spans="1:3" ht="19.2">
      <c r="A56914" s="2"/>
      <c r="B56914" s="2"/>
      <c r="C56914" s="2"/>
    </row>
    <row r="56915" spans="1:3" ht="19.2">
      <c r="A56915" s="2"/>
      <c r="B56915" s="2"/>
      <c r="C56915" s="2"/>
    </row>
    <row r="56916" spans="1:3" ht="19.2">
      <c r="A56916" s="2"/>
      <c r="B56916" s="2"/>
      <c r="C56916" s="2"/>
    </row>
    <row r="56917" spans="1:3" ht="19.2">
      <c r="A56917" s="2"/>
      <c r="B56917" s="2"/>
      <c r="C56917" s="2"/>
    </row>
    <row r="56918" spans="1:3" ht="19.2">
      <c r="A56918" s="2"/>
      <c r="B56918" s="2"/>
      <c r="C56918" s="2"/>
    </row>
    <row r="56919" spans="1:3" ht="19.2">
      <c r="A56919" s="2"/>
      <c r="B56919" s="2"/>
      <c r="C56919" s="2"/>
    </row>
    <row r="56920" spans="1:3" ht="19.2">
      <c r="A56920" s="2"/>
      <c r="B56920" s="2"/>
      <c r="C56920" s="2"/>
    </row>
    <row r="56921" spans="1:3" ht="19.2">
      <c r="A56921" s="2"/>
      <c r="B56921" s="2"/>
      <c r="C56921" s="2"/>
    </row>
    <row r="56922" spans="1:3" ht="19.2">
      <c r="A56922" s="2"/>
      <c r="B56922" s="2"/>
      <c r="C56922" s="2"/>
    </row>
    <row r="56923" spans="1:3" ht="19.2">
      <c r="A56923" s="2"/>
      <c r="B56923" s="2"/>
      <c r="C56923" s="2"/>
    </row>
    <row r="56924" spans="1:3" ht="19.2">
      <c r="A56924" s="2"/>
      <c r="B56924" s="2"/>
      <c r="C56924" s="2"/>
    </row>
    <row r="56925" spans="1:3" ht="19.2">
      <c r="A56925" s="2"/>
      <c r="B56925" s="2"/>
      <c r="C56925" s="2"/>
    </row>
    <row r="56926" spans="1:3" ht="19.2">
      <c r="A56926" s="2"/>
      <c r="B56926" s="2"/>
      <c r="C56926" s="2"/>
    </row>
    <row r="56927" spans="1:3" ht="19.2">
      <c r="A56927" s="2"/>
      <c r="B56927" s="2"/>
      <c r="C56927" s="2"/>
    </row>
    <row r="56928" spans="1:3" ht="19.2">
      <c r="A56928" s="2"/>
      <c r="B56928" s="2"/>
      <c r="C56928" s="2"/>
    </row>
    <row r="56929" spans="1:3" ht="19.2">
      <c r="A56929" s="2"/>
      <c r="B56929" s="2"/>
      <c r="C56929" s="2"/>
    </row>
    <row r="56930" spans="1:3" ht="19.2">
      <c r="A56930" s="2"/>
      <c r="B56930" s="2"/>
      <c r="C56930" s="2"/>
    </row>
    <row r="56931" spans="1:3" ht="19.2">
      <c r="A56931" s="2"/>
      <c r="B56931" s="2"/>
      <c r="C56931" s="2"/>
    </row>
    <row r="56932" spans="1:3" ht="19.2">
      <c r="A56932" s="2"/>
      <c r="B56932" s="2"/>
      <c r="C56932" s="2"/>
    </row>
    <row r="56933" spans="1:3" ht="19.2">
      <c r="A56933" s="2"/>
      <c r="B56933" s="2"/>
      <c r="C56933" s="2"/>
    </row>
    <row r="56934" spans="1:3" ht="19.2">
      <c r="A56934" s="2"/>
      <c r="B56934" s="2"/>
      <c r="C56934" s="2"/>
    </row>
    <row r="56935" spans="1:3" ht="19.2">
      <c r="A56935" s="2"/>
      <c r="B56935" s="2"/>
      <c r="C56935" s="2"/>
    </row>
    <row r="56936" spans="1:3" ht="19.2">
      <c r="A56936" s="2"/>
      <c r="B56936" s="2"/>
      <c r="C56936" s="2"/>
    </row>
    <row r="56937" spans="1:3" ht="19.2">
      <c r="A56937" s="2"/>
      <c r="B56937" s="2"/>
      <c r="C56937" s="2"/>
    </row>
    <row r="56938" spans="1:3" ht="19.2">
      <c r="A56938" s="2"/>
      <c r="B56938" s="2"/>
      <c r="C56938" s="2"/>
    </row>
    <row r="56939" spans="1:3" ht="19.2">
      <c r="A56939" s="2"/>
      <c r="B56939" s="2"/>
      <c r="C56939" s="2"/>
    </row>
    <row r="56940" spans="1:3" ht="19.2">
      <c r="A56940" s="2"/>
      <c r="B56940" s="2"/>
      <c r="C56940" s="2"/>
    </row>
    <row r="56941" spans="1:3" ht="19.2">
      <c r="A56941" s="2"/>
      <c r="B56941" s="2"/>
      <c r="C56941" s="2"/>
    </row>
    <row r="56942" spans="1:3" ht="19.2">
      <c r="A56942" s="2"/>
      <c r="B56942" s="2"/>
      <c r="C56942" s="2"/>
    </row>
    <row r="56943" spans="1:3" ht="19.2">
      <c r="A56943" s="2"/>
      <c r="B56943" s="2"/>
      <c r="C56943" s="2"/>
    </row>
    <row r="56944" spans="1:3" ht="19.2">
      <c r="A56944" s="2"/>
      <c r="B56944" s="2"/>
      <c r="C56944" s="2"/>
    </row>
    <row r="56945" spans="1:3" ht="19.2">
      <c r="A56945" s="2"/>
      <c r="B56945" s="2"/>
      <c r="C56945" s="2"/>
    </row>
    <row r="56946" spans="1:3" ht="19.2">
      <c r="A56946" s="2"/>
      <c r="B56946" s="2"/>
      <c r="C56946" s="2"/>
    </row>
    <row r="56947" spans="1:3" ht="19.2">
      <c r="A56947" s="2"/>
      <c r="B56947" s="2"/>
      <c r="C56947" s="2"/>
    </row>
    <row r="56948" spans="1:3" ht="19.2">
      <c r="A56948" s="2"/>
      <c r="B56948" s="2"/>
      <c r="C56948" s="2"/>
    </row>
    <row r="56949" spans="1:3" ht="19.2">
      <c r="A56949" s="2"/>
      <c r="B56949" s="2"/>
      <c r="C56949" s="2"/>
    </row>
    <row r="56950" spans="1:3" ht="19.2">
      <c r="A56950" s="2"/>
      <c r="B56950" s="2"/>
      <c r="C56950" s="2"/>
    </row>
    <row r="56951" spans="1:3" ht="19.2">
      <c r="A56951" s="2"/>
      <c r="B56951" s="2"/>
      <c r="C56951" s="2"/>
    </row>
    <row r="56952" spans="1:3" ht="19.2">
      <c r="A56952" s="2"/>
      <c r="B56952" s="2"/>
      <c r="C56952" s="2"/>
    </row>
    <row r="56953" spans="1:3" ht="19.2">
      <c r="A56953" s="2"/>
      <c r="B56953" s="2"/>
      <c r="C56953" s="2"/>
    </row>
    <row r="56954" spans="1:3" ht="19.2">
      <c r="A56954" s="2"/>
      <c r="B56954" s="2"/>
      <c r="C56954" s="2"/>
    </row>
    <row r="56955" spans="1:3" ht="19.2">
      <c r="A56955" s="2"/>
      <c r="B56955" s="2"/>
      <c r="C56955" s="2"/>
    </row>
    <row r="56956" spans="1:3" ht="19.2">
      <c r="A56956" s="2"/>
      <c r="B56956" s="2"/>
      <c r="C56956" s="2"/>
    </row>
    <row r="56957" spans="1:3" ht="19.2">
      <c r="A56957" s="2"/>
      <c r="B56957" s="2"/>
      <c r="C56957" s="2"/>
    </row>
    <row r="56958" spans="1:3" ht="19.2">
      <c r="A56958" s="2"/>
      <c r="B56958" s="2"/>
      <c r="C56958" s="2"/>
    </row>
    <row r="56959" spans="1:3" ht="19.2">
      <c r="A56959" s="2"/>
      <c r="B56959" s="2"/>
      <c r="C56959" s="2"/>
    </row>
    <row r="56960" spans="1:3" ht="19.2">
      <c r="A56960" s="2"/>
      <c r="B56960" s="2"/>
      <c r="C56960" s="2"/>
    </row>
    <row r="56961" spans="1:3" ht="19.2">
      <c r="A56961" s="2"/>
      <c r="B56961" s="2"/>
      <c r="C56961" s="2"/>
    </row>
    <row r="56962" spans="1:3" ht="19.2">
      <c r="A56962" s="2"/>
      <c r="B56962" s="2"/>
      <c r="C56962" s="2"/>
    </row>
    <row r="56963" spans="1:3" ht="19.2">
      <c r="A56963" s="2"/>
      <c r="B56963" s="2"/>
      <c r="C56963" s="2"/>
    </row>
    <row r="56964" spans="1:3" ht="19.2">
      <c r="A56964" s="2"/>
      <c r="B56964" s="2"/>
      <c r="C56964" s="2"/>
    </row>
    <row r="56965" spans="1:3" ht="19.2">
      <c r="A56965" s="2"/>
      <c r="B56965" s="2"/>
      <c r="C56965" s="2"/>
    </row>
    <row r="56966" spans="1:3" ht="19.2">
      <c r="A56966" s="2"/>
      <c r="B56966" s="2"/>
      <c r="C56966" s="2"/>
    </row>
    <row r="56967" spans="1:3" ht="19.2">
      <c r="A56967" s="2"/>
      <c r="B56967" s="2"/>
      <c r="C56967" s="2"/>
    </row>
    <row r="56968" spans="1:3" ht="19.2">
      <c r="A56968" s="2"/>
      <c r="B56968" s="2"/>
      <c r="C56968" s="2"/>
    </row>
    <row r="56969" spans="1:3" ht="19.2">
      <c r="A56969" s="2"/>
      <c r="B56969" s="2"/>
      <c r="C56969" s="2"/>
    </row>
    <row r="56970" spans="1:3" ht="19.2">
      <c r="A56970" s="2"/>
      <c r="B56970" s="2"/>
      <c r="C56970" s="2"/>
    </row>
    <row r="56971" spans="1:3" ht="19.2">
      <c r="A56971" s="2"/>
      <c r="B56971" s="2"/>
      <c r="C56971" s="2"/>
    </row>
    <row r="56972" spans="1:3" ht="19.2">
      <c r="A56972" s="2"/>
      <c r="B56972" s="2"/>
      <c r="C56972" s="2"/>
    </row>
    <row r="56973" spans="1:3" ht="19.2">
      <c r="A56973" s="2"/>
      <c r="B56973" s="2"/>
      <c r="C56973" s="2"/>
    </row>
    <row r="56974" spans="1:3" ht="19.2">
      <c r="A56974" s="2"/>
      <c r="B56974" s="2"/>
      <c r="C56974" s="2"/>
    </row>
    <row r="56975" spans="1:3" ht="19.2">
      <c r="A56975" s="2"/>
      <c r="B56975" s="2"/>
      <c r="C56975" s="2"/>
    </row>
    <row r="56976" spans="1:3" ht="19.2">
      <c r="A56976" s="2"/>
      <c r="B56976" s="2"/>
      <c r="C56976" s="2"/>
    </row>
    <row r="56977" spans="1:3" ht="19.2">
      <c r="A56977" s="2"/>
      <c r="B56977" s="2"/>
      <c r="C56977" s="2"/>
    </row>
    <row r="56978" spans="1:3" ht="19.2">
      <c r="A56978" s="2"/>
      <c r="B56978" s="2"/>
      <c r="C56978" s="2"/>
    </row>
    <row r="56979" spans="1:3" ht="19.2">
      <c r="A56979" s="2"/>
      <c r="B56979" s="2"/>
      <c r="C56979" s="2"/>
    </row>
    <row r="56980" spans="1:3" ht="19.2">
      <c r="A56980" s="2"/>
      <c r="B56980" s="2"/>
      <c r="C56980" s="2"/>
    </row>
    <row r="56981" spans="1:3" ht="19.2">
      <c r="A56981" s="2"/>
      <c r="B56981" s="2"/>
      <c r="C56981" s="2"/>
    </row>
    <row r="56982" spans="1:3" ht="19.2">
      <c r="A56982" s="2"/>
      <c r="B56982" s="2"/>
      <c r="C56982" s="2"/>
    </row>
    <row r="56983" spans="1:3" ht="19.2">
      <c r="A56983" s="2"/>
      <c r="B56983" s="2"/>
      <c r="C56983" s="2"/>
    </row>
    <row r="56984" spans="1:3" ht="19.2">
      <c r="A56984" s="2"/>
      <c r="B56984" s="2"/>
      <c r="C56984" s="2"/>
    </row>
    <row r="56985" spans="1:3" ht="19.2">
      <c r="A56985" s="2"/>
      <c r="B56985" s="2"/>
      <c r="C56985" s="2"/>
    </row>
    <row r="56986" spans="1:3" ht="19.2">
      <c r="A56986" s="2"/>
      <c r="B56986" s="2"/>
      <c r="C56986" s="2"/>
    </row>
    <row r="56987" spans="1:3" ht="19.2">
      <c r="A56987" s="2"/>
      <c r="B56987" s="2"/>
      <c r="C56987" s="2"/>
    </row>
    <row r="56988" spans="1:3" ht="19.2">
      <c r="A56988" s="2"/>
      <c r="B56988" s="2"/>
      <c r="C56988" s="2"/>
    </row>
    <row r="56989" spans="1:3" ht="19.2">
      <c r="A56989" s="2"/>
      <c r="B56989" s="2"/>
      <c r="C56989" s="2"/>
    </row>
    <row r="56990" spans="1:3" ht="19.2">
      <c r="A56990" s="2"/>
      <c r="B56990" s="2"/>
      <c r="C56990" s="2"/>
    </row>
    <row r="56991" spans="1:3" ht="19.2">
      <c r="A56991" s="2"/>
      <c r="B56991" s="2"/>
      <c r="C56991" s="2"/>
    </row>
    <row r="56992" spans="1:3" ht="19.2">
      <c r="A56992" s="2"/>
      <c r="B56992" s="2"/>
      <c r="C56992" s="2"/>
    </row>
    <row r="56993" spans="1:3" ht="19.2">
      <c r="A56993" s="2"/>
      <c r="B56993" s="2"/>
      <c r="C56993" s="2"/>
    </row>
    <row r="56994" spans="1:3" ht="19.2">
      <c r="A56994" s="2"/>
      <c r="B56994" s="2"/>
      <c r="C56994" s="2"/>
    </row>
    <row r="56995" spans="1:3" ht="19.2">
      <c r="A56995" s="2"/>
      <c r="B56995" s="2"/>
      <c r="C56995" s="2"/>
    </row>
    <row r="56996" spans="1:3" ht="19.2">
      <c r="A56996" s="2"/>
      <c r="B56996" s="2"/>
      <c r="C56996" s="2"/>
    </row>
    <row r="56997" spans="1:3" ht="19.2">
      <c r="A56997" s="2"/>
      <c r="B56997" s="2"/>
      <c r="C56997" s="2"/>
    </row>
    <row r="56998" spans="1:3" ht="19.2">
      <c r="A56998" s="2"/>
      <c r="B56998" s="2"/>
      <c r="C56998" s="2"/>
    </row>
    <row r="56999" spans="1:3" ht="19.2">
      <c r="A56999" s="2"/>
      <c r="B56999" s="2"/>
      <c r="C56999" s="2"/>
    </row>
    <row r="57000" spans="1:3" ht="19.2">
      <c r="A57000" s="2"/>
      <c r="B57000" s="2"/>
      <c r="C57000" s="2"/>
    </row>
    <row r="57001" spans="1:3" ht="19.2">
      <c r="A57001" s="2"/>
      <c r="B57001" s="2"/>
      <c r="C57001" s="2"/>
    </row>
    <row r="57002" spans="1:3" ht="19.2">
      <c r="A57002" s="2"/>
      <c r="B57002" s="2"/>
      <c r="C57002" s="2"/>
    </row>
    <row r="57003" spans="1:3" ht="19.2">
      <c r="A57003" s="2"/>
      <c r="B57003" s="2"/>
      <c r="C57003" s="2"/>
    </row>
    <row r="57004" spans="1:3" ht="19.2">
      <c r="A57004" s="2"/>
      <c r="B57004" s="2"/>
      <c r="C57004" s="2"/>
    </row>
    <row r="57005" spans="1:3" ht="19.2">
      <c r="A57005" s="2"/>
      <c r="B57005" s="2"/>
      <c r="C57005" s="2"/>
    </row>
    <row r="57006" spans="1:3" ht="19.2">
      <c r="A57006" s="2"/>
      <c r="B57006" s="2"/>
      <c r="C57006" s="2"/>
    </row>
    <row r="57007" spans="1:3" ht="19.2">
      <c r="A57007" s="2"/>
      <c r="B57007" s="2"/>
      <c r="C57007" s="2"/>
    </row>
    <row r="57008" spans="1:3" ht="19.2">
      <c r="A57008" s="2"/>
      <c r="B57008" s="2"/>
      <c r="C57008" s="2"/>
    </row>
    <row r="57009" spans="1:3" ht="19.2">
      <c r="A57009" s="2"/>
      <c r="B57009" s="2"/>
      <c r="C57009" s="2"/>
    </row>
    <row r="57010" spans="1:3" ht="19.2">
      <c r="A57010" s="2"/>
      <c r="B57010" s="2"/>
      <c r="C57010" s="2"/>
    </row>
    <row r="57011" spans="1:3" ht="19.2">
      <c r="A57011" s="2"/>
      <c r="B57011" s="2"/>
      <c r="C57011" s="2"/>
    </row>
    <row r="57012" spans="1:3" ht="19.2">
      <c r="A57012" s="2"/>
      <c r="B57012" s="2"/>
      <c r="C57012" s="2"/>
    </row>
    <row r="57013" spans="1:3" ht="19.2">
      <c r="A57013" s="2"/>
      <c r="B57013" s="2"/>
      <c r="C57013" s="2"/>
    </row>
    <row r="57014" spans="1:3" ht="19.2">
      <c r="A57014" s="2"/>
      <c r="B57014" s="2"/>
      <c r="C57014" s="2"/>
    </row>
    <row r="57015" spans="1:3" ht="19.2">
      <c r="A57015" s="2"/>
      <c r="B57015" s="2"/>
      <c r="C57015" s="2"/>
    </row>
    <row r="57016" spans="1:3" ht="19.2">
      <c r="A57016" s="2"/>
      <c r="B57016" s="2"/>
      <c r="C57016" s="2"/>
    </row>
    <row r="57017" spans="1:3" ht="19.2">
      <c r="A57017" s="2"/>
      <c r="B57017" s="2"/>
      <c r="C57017" s="2"/>
    </row>
    <row r="57018" spans="1:3" ht="19.2">
      <c r="A57018" s="2"/>
      <c r="B57018" s="2"/>
      <c r="C57018" s="2"/>
    </row>
    <row r="57019" spans="1:3" ht="19.2">
      <c r="A57019" s="2"/>
      <c r="B57019" s="2"/>
      <c r="C57019" s="2"/>
    </row>
    <row r="57020" spans="1:3" ht="19.2">
      <c r="A57020" s="2"/>
      <c r="B57020" s="2"/>
      <c r="C57020" s="2"/>
    </row>
    <row r="57021" spans="1:3" ht="19.2">
      <c r="A57021" s="2"/>
      <c r="B57021" s="2"/>
      <c r="C57021" s="2"/>
    </row>
    <row r="57022" spans="1:3" ht="19.2">
      <c r="A57022" s="2"/>
      <c r="B57022" s="2"/>
      <c r="C57022" s="2"/>
    </row>
    <row r="57023" spans="1:3" ht="19.2">
      <c r="A57023" s="2"/>
      <c r="B57023" s="2"/>
      <c r="C57023" s="2"/>
    </row>
    <row r="57024" spans="1:3" ht="19.2">
      <c r="A57024" s="2"/>
      <c r="B57024" s="2"/>
      <c r="C57024" s="2"/>
    </row>
    <row r="57025" spans="1:3" ht="19.2">
      <c r="A57025" s="2"/>
      <c r="B57025" s="2"/>
      <c r="C57025" s="2"/>
    </row>
    <row r="57026" spans="1:3" ht="19.2">
      <c r="A57026" s="2"/>
      <c r="B57026" s="2"/>
      <c r="C57026" s="2"/>
    </row>
    <row r="57027" spans="1:3" ht="19.2">
      <c r="A57027" s="2"/>
      <c r="B57027" s="2"/>
      <c r="C57027" s="2"/>
    </row>
    <row r="57028" spans="1:3" ht="19.2">
      <c r="A57028" s="2"/>
      <c r="B57028" s="2"/>
      <c r="C57028" s="2"/>
    </row>
    <row r="57029" spans="1:3" ht="19.2">
      <c r="A57029" s="2"/>
      <c r="B57029" s="2"/>
      <c r="C57029" s="2"/>
    </row>
    <row r="57030" spans="1:3" ht="19.2">
      <c r="A57030" s="2"/>
      <c r="B57030" s="2"/>
      <c r="C57030" s="2"/>
    </row>
    <row r="57031" spans="1:3" ht="19.2">
      <c r="A57031" s="2"/>
      <c r="B57031" s="2"/>
      <c r="C57031" s="2"/>
    </row>
    <row r="57032" spans="1:3" ht="19.2">
      <c r="A57032" s="2"/>
      <c r="B57032" s="2"/>
      <c r="C57032" s="2"/>
    </row>
    <row r="57033" spans="1:3" ht="19.2">
      <c r="A57033" s="2"/>
      <c r="B57033" s="2"/>
      <c r="C57033" s="2"/>
    </row>
    <row r="57034" spans="1:3" ht="19.2">
      <c r="A57034" s="2"/>
      <c r="B57034" s="2"/>
      <c r="C57034" s="2"/>
    </row>
    <row r="57035" spans="1:3" ht="19.2">
      <c r="A57035" s="2"/>
      <c r="B57035" s="2"/>
      <c r="C57035" s="2"/>
    </row>
    <row r="57036" spans="1:3" ht="19.2">
      <c r="A57036" s="2"/>
      <c r="B57036" s="2"/>
      <c r="C57036" s="2"/>
    </row>
    <row r="57037" spans="1:3" ht="19.2">
      <c r="A57037" s="2"/>
      <c r="B57037" s="2"/>
      <c r="C57037" s="2"/>
    </row>
    <row r="57038" spans="1:3" ht="19.2">
      <c r="A57038" s="2"/>
      <c r="B57038" s="2"/>
      <c r="C57038" s="2"/>
    </row>
    <row r="57039" spans="1:3" ht="19.2">
      <c r="A57039" s="2"/>
      <c r="B57039" s="2"/>
      <c r="C57039" s="2"/>
    </row>
    <row r="57040" spans="1:3" ht="19.2">
      <c r="A57040" s="2"/>
      <c r="B57040" s="2"/>
      <c r="C57040" s="2"/>
    </row>
    <row r="57041" spans="1:3" ht="19.2">
      <c r="A57041" s="2"/>
      <c r="B57041" s="2"/>
      <c r="C57041" s="2"/>
    </row>
    <row r="57042" spans="1:3" ht="19.2">
      <c r="A57042" s="2"/>
      <c r="B57042" s="2"/>
      <c r="C57042" s="2"/>
    </row>
    <row r="57043" spans="1:3" ht="19.2">
      <c r="A57043" s="2"/>
      <c r="B57043" s="2"/>
      <c r="C57043" s="2"/>
    </row>
    <row r="57044" spans="1:3" ht="19.2">
      <c r="A57044" s="2"/>
      <c r="B57044" s="2"/>
      <c r="C57044" s="2"/>
    </row>
    <row r="57045" spans="1:3" ht="19.2">
      <c r="A57045" s="2"/>
      <c r="B57045" s="2"/>
      <c r="C57045" s="2"/>
    </row>
    <row r="57046" spans="1:3" ht="19.2">
      <c r="A57046" s="2"/>
      <c r="B57046" s="2"/>
      <c r="C57046" s="2"/>
    </row>
    <row r="57047" spans="1:3" ht="19.2">
      <c r="A57047" s="2"/>
      <c r="B57047" s="2"/>
      <c r="C57047" s="2"/>
    </row>
    <row r="57048" spans="1:3" ht="19.2">
      <c r="A57048" s="2"/>
      <c r="B57048" s="2"/>
      <c r="C57048" s="2"/>
    </row>
    <row r="57049" spans="1:3" ht="19.2">
      <c r="A57049" s="2"/>
      <c r="B57049" s="2"/>
      <c r="C57049" s="2"/>
    </row>
    <row r="57050" spans="1:3" ht="19.2">
      <c r="A57050" s="2"/>
      <c r="B57050" s="2"/>
      <c r="C57050" s="2"/>
    </row>
    <row r="57051" spans="1:3" ht="19.2">
      <c r="A57051" s="2"/>
      <c r="B57051" s="2"/>
      <c r="C57051" s="2"/>
    </row>
    <row r="57052" spans="1:3" ht="19.2">
      <c r="A57052" s="2"/>
      <c r="B57052" s="2"/>
      <c r="C57052" s="2"/>
    </row>
    <row r="57053" spans="1:3" ht="19.2">
      <c r="A57053" s="2"/>
      <c r="B57053" s="2"/>
      <c r="C57053" s="2"/>
    </row>
    <row r="57054" spans="1:3" ht="19.2">
      <c r="A57054" s="2"/>
      <c r="B57054" s="2"/>
      <c r="C57054" s="2"/>
    </row>
    <row r="57055" spans="1:3" ht="19.2">
      <c r="A57055" s="2"/>
      <c r="B57055" s="2"/>
      <c r="C57055" s="2"/>
    </row>
    <row r="57056" spans="1:3" ht="19.2">
      <c r="A57056" s="2"/>
      <c r="B57056" s="2"/>
      <c r="C57056" s="2"/>
    </row>
    <row r="57057" spans="1:3" ht="19.2">
      <c r="A57057" s="2"/>
      <c r="B57057" s="2"/>
      <c r="C57057" s="2"/>
    </row>
    <row r="57058" spans="1:3" ht="19.2">
      <c r="A57058" s="2"/>
      <c r="B57058" s="2"/>
      <c r="C57058" s="2"/>
    </row>
    <row r="57059" spans="1:3" ht="19.2">
      <c r="A57059" s="2"/>
      <c r="B57059" s="2"/>
      <c r="C57059" s="2"/>
    </row>
    <row r="57060" spans="1:3" ht="19.2">
      <c r="A57060" s="2"/>
      <c r="B57060" s="2"/>
      <c r="C57060" s="2"/>
    </row>
    <row r="57061" spans="1:3" ht="19.2">
      <c r="A57061" s="2"/>
      <c r="B57061" s="2"/>
      <c r="C57061" s="2"/>
    </row>
    <row r="57062" spans="1:3" ht="19.2">
      <c r="A57062" s="2"/>
      <c r="B57062" s="2"/>
      <c r="C57062" s="2"/>
    </row>
    <row r="57063" spans="1:3" ht="19.2">
      <c r="A57063" s="2"/>
      <c r="B57063" s="2"/>
      <c r="C57063" s="2"/>
    </row>
    <row r="57064" spans="1:3" ht="19.2">
      <c r="A57064" s="2"/>
      <c r="B57064" s="2"/>
      <c r="C57064" s="2"/>
    </row>
    <row r="57065" spans="1:3" ht="19.2">
      <c r="A57065" s="2"/>
      <c r="B57065" s="2"/>
      <c r="C57065" s="2"/>
    </row>
    <row r="57066" spans="1:3" ht="19.2">
      <c r="A57066" s="2"/>
      <c r="B57066" s="2"/>
      <c r="C57066" s="2"/>
    </row>
    <row r="57067" spans="1:3" ht="19.2">
      <c r="A57067" s="2"/>
      <c r="B57067" s="2"/>
      <c r="C57067" s="2"/>
    </row>
    <row r="57068" spans="1:3" ht="19.2">
      <c r="A57068" s="2"/>
      <c r="B57068" s="2"/>
      <c r="C57068" s="2"/>
    </row>
    <row r="57069" spans="1:3" ht="19.2">
      <c r="A57069" s="2"/>
      <c r="B57069" s="2"/>
      <c r="C57069" s="2"/>
    </row>
    <row r="57070" spans="1:3" ht="19.2">
      <c r="A57070" s="2"/>
      <c r="B57070" s="2"/>
      <c r="C57070" s="2"/>
    </row>
    <row r="57071" spans="1:3" ht="19.2">
      <c r="A57071" s="2"/>
      <c r="B57071" s="2"/>
      <c r="C57071" s="2"/>
    </row>
    <row r="57072" spans="1:3" ht="19.2">
      <c r="A57072" s="2"/>
      <c r="B57072" s="2"/>
      <c r="C57072" s="2"/>
    </row>
    <row r="57073" spans="1:3" ht="19.2">
      <c r="A57073" s="2"/>
      <c r="B57073" s="2"/>
      <c r="C57073" s="2"/>
    </row>
    <row r="57074" spans="1:3" ht="19.2">
      <c r="A57074" s="2"/>
      <c r="B57074" s="2"/>
      <c r="C57074" s="2"/>
    </row>
    <row r="57075" spans="1:3" ht="19.2">
      <c r="A57075" s="2"/>
      <c r="B57075" s="2"/>
      <c r="C57075" s="2"/>
    </row>
    <row r="57076" spans="1:3" ht="19.2">
      <c r="A57076" s="2"/>
      <c r="B57076" s="2"/>
      <c r="C57076" s="2"/>
    </row>
    <row r="57077" spans="1:3" ht="19.2">
      <c r="A57077" s="2"/>
      <c r="B57077" s="2"/>
      <c r="C57077" s="2"/>
    </row>
    <row r="57078" spans="1:3" ht="19.2">
      <c r="A57078" s="2"/>
      <c r="B57078" s="2"/>
      <c r="C57078" s="2"/>
    </row>
    <row r="57079" spans="1:3" ht="19.2">
      <c r="A57079" s="2"/>
      <c r="B57079" s="2"/>
      <c r="C57079" s="2"/>
    </row>
    <row r="57080" spans="1:3" ht="19.2">
      <c r="A57080" s="2"/>
      <c r="B57080" s="2"/>
      <c r="C57080" s="2"/>
    </row>
    <row r="57081" spans="1:3" ht="19.2">
      <c r="A57081" s="2"/>
      <c r="B57081" s="2"/>
      <c r="C57081" s="2"/>
    </row>
    <row r="57082" spans="1:3" ht="19.2">
      <c r="A57082" s="2"/>
      <c r="B57082" s="2"/>
      <c r="C57082" s="2"/>
    </row>
    <row r="57083" spans="1:3" ht="19.2">
      <c r="A57083" s="2"/>
      <c r="B57083" s="2"/>
      <c r="C57083" s="2"/>
    </row>
    <row r="57084" spans="1:3" ht="19.2">
      <c r="A57084" s="2"/>
      <c r="B57084" s="2"/>
      <c r="C57084" s="2"/>
    </row>
    <row r="57085" spans="1:3" ht="19.2">
      <c r="A57085" s="2"/>
      <c r="B57085" s="2"/>
      <c r="C57085" s="2"/>
    </row>
    <row r="57086" spans="1:3" ht="19.2">
      <c r="A57086" s="2"/>
      <c r="B57086" s="2"/>
      <c r="C57086" s="2"/>
    </row>
    <row r="57087" spans="1:3" ht="19.2">
      <c r="A57087" s="2"/>
      <c r="B57087" s="2"/>
      <c r="C57087" s="2"/>
    </row>
    <row r="57088" spans="1:3" ht="19.2">
      <c r="A57088" s="2"/>
      <c r="B57088" s="2"/>
      <c r="C57088" s="2"/>
    </row>
    <row r="57089" spans="1:3" ht="19.2">
      <c r="A57089" s="2"/>
      <c r="B57089" s="2"/>
      <c r="C57089" s="2"/>
    </row>
    <row r="57090" spans="1:3" ht="19.2">
      <c r="A57090" s="2"/>
      <c r="B57090" s="2"/>
      <c r="C57090" s="2"/>
    </row>
    <row r="57091" spans="1:3" ht="19.2">
      <c r="A57091" s="2"/>
      <c r="B57091" s="2"/>
      <c r="C57091" s="2"/>
    </row>
    <row r="57092" spans="1:3" ht="19.2">
      <c r="A57092" s="2"/>
      <c r="B57092" s="2"/>
      <c r="C57092" s="2"/>
    </row>
    <row r="57093" spans="1:3" ht="19.2">
      <c r="A57093" s="2"/>
      <c r="B57093" s="2"/>
      <c r="C57093" s="2"/>
    </row>
    <row r="57094" spans="1:3" ht="19.2">
      <c r="A57094" s="2"/>
      <c r="B57094" s="2"/>
      <c r="C57094" s="2"/>
    </row>
    <row r="57095" spans="1:3" ht="19.2">
      <c r="A57095" s="2"/>
      <c r="B57095" s="2"/>
      <c r="C57095" s="2"/>
    </row>
    <row r="57096" spans="1:3" ht="19.2">
      <c r="A57096" s="2"/>
      <c r="B57096" s="2"/>
      <c r="C57096" s="2"/>
    </row>
    <row r="57097" spans="1:3" ht="19.2">
      <c r="A57097" s="2"/>
      <c r="B57097" s="2"/>
      <c r="C57097" s="2"/>
    </row>
    <row r="57098" spans="1:3" ht="19.2">
      <c r="A57098" s="2"/>
      <c r="B57098" s="2"/>
      <c r="C57098" s="2"/>
    </row>
    <row r="57099" spans="1:3" ht="19.2">
      <c r="A57099" s="2"/>
      <c r="B57099" s="2"/>
      <c r="C57099" s="2"/>
    </row>
    <row r="57100" spans="1:3" ht="19.2">
      <c r="A57100" s="2"/>
      <c r="B57100" s="2"/>
      <c r="C57100" s="2"/>
    </row>
    <row r="57101" spans="1:3" ht="19.2">
      <c r="A57101" s="2"/>
      <c r="B57101" s="2"/>
      <c r="C57101" s="2"/>
    </row>
    <row r="57102" spans="1:3" ht="19.2">
      <c r="A57102" s="2"/>
      <c r="B57102" s="2"/>
      <c r="C57102" s="2"/>
    </row>
    <row r="57103" spans="1:3" ht="19.2">
      <c r="A57103" s="2"/>
      <c r="B57103" s="2"/>
      <c r="C57103" s="2"/>
    </row>
    <row r="57104" spans="1:3" ht="19.2">
      <c r="A57104" s="2"/>
      <c r="B57104" s="2"/>
      <c r="C57104" s="2"/>
    </row>
    <row r="57105" spans="1:3" ht="19.2">
      <c r="A57105" s="2"/>
      <c r="B57105" s="2"/>
      <c r="C57105" s="2"/>
    </row>
    <row r="57106" spans="1:3" ht="19.2">
      <c r="A57106" s="2"/>
      <c r="B57106" s="2"/>
      <c r="C57106" s="2"/>
    </row>
    <row r="57107" spans="1:3" ht="19.2">
      <c r="A57107" s="2"/>
      <c r="B57107" s="2"/>
      <c r="C57107" s="2"/>
    </row>
    <row r="57108" spans="1:3" ht="19.2">
      <c r="A57108" s="2"/>
      <c r="B57108" s="2"/>
      <c r="C57108" s="2"/>
    </row>
    <row r="57109" spans="1:3" ht="19.2">
      <c r="A57109" s="2"/>
      <c r="B57109" s="2"/>
      <c r="C57109" s="2"/>
    </row>
    <row r="57110" spans="1:3" ht="19.2">
      <c r="A57110" s="2"/>
      <c r="B57110" s="2"/>
      <c r="C57110" s="2"/>
    </row>
    <row r="57111" spans="1:3" ht="19.2">
      <c r="A57111" s="2"/>
      <c r="B57111" s="2"/>
      <c r="C57111" s="2"/>
    </row>
    <row r="57112" spans="1:3" ht="19.2">
      <c r="A57112" s="2"/>
      <c r="B57112" s="2"/>
      <c r="C57112" s="2"/>
    </row>
    <row r="57113" spans="1:3" ht="19.2">
      <c r="A57113" s="2"/>
      <c r="B57113" s="2"/>
      <c r="C57113" s="2"/>
    </row>
    <row r="57114" spans="1:3" ht="19.2">
      <c r="A57114" s="2"/>
      <c r="B57114" s="2"/>
      <c r="C57114" s="2"/>
    </row>
    <row r="57115" spans="1:3" ht="19.2">
      <c r="A57115" s="2"/>
      <c r="B57115" s="2"/>
      <c r="C57115" s="2"/>
    </row>
    <row r="57116" spans="1:3" ht="19.2">
      <c r="A57116" s="2"/>
      <c r="B57116" s="2"/>
      <c r="C57116" s="2"/>
    </row>
    <row r="57117" spans="1:3" ht="19.2">
      <c r="A57117" s="2"/>
      <c r="B57117" s="2"/>
      <c r="C57117" s="2"/>
    </row>
    <row r="57118" spans="1:3" ht="19.2">
      <c r="A57118" s="2"/>
      <c r="B57118" s="2"/>
      <c r="C57118" s="2"/>
    </row>
    <row r="57119" spans="1:3" ht="19.2">
      <c r="A57119" s="2"/>
      <c r="B57119" s="2"/>
      <c r="C57119" s="2"/>
    </row>
    <row r="57120" spans="1:3" ht="19.2">
      <c r="A57120" s="2"/>
      <c r="B57120" s="2"/>
      <c r="C57120" s="2"/>
    </row>
    <row r="57121" spans="1:3" ht="19.2">
      <c r="A57121" s="2"/>
      <c r="B57121" s="2"/>
      <c r="C57121" s="2"/>
    </row>
    <row r="57122" spans="1:3" ht="19.2">
      <c r="A57122" s="2"/>
      <c r="B57122" s="2"/>
      <c r="C57122" s="2"/>
    </row>
    <row r="57123" spans="1:3" ht="19.2">
      <c r="A57123" s="2"/>
      <c r="B57123" s="2"/>
      <c r="C57123" s="2"/>
    </row>
    <row r="57124" spans="1:3" ht="19.2">
      <c r="A57124" s="2"/>
      <c r="B57124" s="2"/>
      <c r="C57124" s="2"/>
    </row>
    <row r="57125" spans="1:3" ht="19.2">
      <c r="A57125" s="2"/>
      <c r="B57125" s="2"/>
      <c r="C57125" s="2"/>
    </row>
    <row r="57126" spans="1:3" ht="19.2">
      <c r="A57126" s="2"/>
      <c r="B57126" s="2"/>
      <c r="C57126" s="2"/>
    </row>
    <row r="57127" spans="1:3" ht="19.2">
      <c r="A57127" s="2"/>
      <c r="B57127" s="2"/>
      <c r="C57127" s="2"/>
    </row>
    <row r="57128" spans="1:3" ht="19.2">
      <c r="A57128" s="2"/>
      <c r="B57128" s="2"/>
      <c r="C57128" s="2"/>
    </row>
    <row r="57129" spans="1:3" ht="19.2">
      <c r="A57129" s="2"/>
      <c r="B57129" s="2"/>
      <c r="C57129" s="2"/>
    </row>
    <row r="57130" spans="1:3" ht="19.2">
      <c r="A57130" s="2"/>
      <c r="B57130" s="2"/>
      <c r="C57130" s="2"/>
    </row>
    <row r="57131" spans="1:3" ht="19.2">
      <c r="A57131" s="2"/>
      <c r="B57131" s="2"/>
      <c r="C57131" s="2"/>
    </row>
    <row r="57132" spans="1:3" ht="19.2">
      <c r="A57132" s="2"/>
      <c r="B57132" s="2"/>
      <c r="C57132" s="2"/>
    </row>
    <row r="57133" spans="1:3" ht="19.2">
      <c r="A57133" s="2"/>
      <c r="B57133" s="2"/>
      <c r="C57133" s="2"/>
    </row>
    <row r="57134" spans="1:3" ht="19.2">
      <c r="A57134" s="2"/>
      <c r="B57134" s="2"/>
      <c r="C57134" s="2"/>
    </row>
    <row r="57135" spans="1:3" ht="19.2">
      <c r="A57135" s="2"/>
      <c r="B57135" s="2"/>
      <c r="C57135" s="2"/>
    </row>
    <row r="57136" spans="1:3" ht="19.2">
      <c r="A57136" s="2"/>
      <c r="B57136" s="2"/>
      <c r="C57136" s="2"/>
    </row>
    <row r="57137" spans="1:3" ht="19.2">
      <c r="A57137" s="2"/>
      <c r="B57137" s="2"/>
      <c r="C57137" s="2"/>
    </row>
    <row r="57138" spans="1:3" ht="19.2">
      <c r="A57138" s="2"/>
      <c r="B57138" s="2"/>
      <c r="C57138" s="2"/>
    </row>
    <row r="57139" spans="1:3" ht="19.2">
      <c r="A57139" s="2"/>
      <c r="B57139" s="2"/>
      <c r="C57139" s="2"/>
    </row>
    <row r="57140" spans="1:3" ht="19.2">
      <c r="A57140" s="2"/>
      <c r="B57140" s="2"/>
      <c r="C57140" s="2"/>
    </row>
    <row r="57141" spans="1:3" ht="19.2">
      <c r="A57141" s="2"/>
      <c r="B57141" s="2"/>
      <c r="C57141" s="2"/>
    </row>
    <row r="57142" spans="1:3" ht="19.2">
      <c r="A57142" s="2"/>
      <c r="B57142" s="2"/>
      <c r="C57142" s="2"/>
    </row>
    <row r="57143" spans="1:3" ht="19.2">
      <c r="A57143" s="2"/>
      <c r="B57143" s="2"/>
      <c r="C57143" s="2"/>
    </row>
    <row r="57144" spans="1:3" ht="19.2">
      <c r="A57144" s="2"/>
      <c r="B57144" s="2"/>
      <c r="C57144" s="2"/>
    </row>
    <row r="57145" spans="1:3" ht="19.2">
      <c r="A57145" s="2"/>
      <c r="B57145" s="2"/>
      <c r="C57145" s="2"/>
    </row>
    <row r="57146" spans="1:3" ht="19.2">
      <c r="A57146" s="2"/>
      <c r="B57146" s="2"/>
      <c r="C57146" s="2"/>
    </row>
    <row r="57147" spans="1:3" ht="19.2">
      <c r="A57147" s="2"/>
      <c r="B57147" s="2"/>
      <c r="C57147" s="2"/>
    </row>
    <row r="57148" spans="1:3" ht="19.2">
      <c r="A57148" s="2"/>
      <c r="B57148" s="2"/>
      <c r="C57148" s="2"/>
    </row>
    <row r="57149" spans="1:3" ht="19.2">
      <c r="A57149" s="2"/>
      <c r="B57149" s="2"/>
      <c r="C57149" s="2"/>
    </row>
    <row r="57150" spans="1:3" ht="19.2">
      <c r="A57150" s="2"/>
      <c r="B57150" s="2"/>
      <c r="C57150" s="2"/>
    </row>
    <row r="57151" spans="1:3" ht="19.2">
      <c r="A57151" s="2"/>
      <c r="B57151" s="2"/>
      <c r="C57151" s="2"/>
    </row>
    <row r="57152" spans="1:3" ht="19.2">
      <c r="A57152" s="2"/>
      <c r="B57152" s="2"/>
      <c r="C57152" s="2"/>
    </row>
    <row r="57153" spans="1:3" ht="19.2">
      <c r="A57153" s="2"/>
      <c r="B57153" s="2"/>
      <c r="C57153" s="2"/>
    </row>
    <row r="57154" spans="1:3" ht="19.2">
      <c r="A57154" s="2"/>
      <c r="B57154" s="2"/>
      <c r="C57154" s="2"/>
    </row>
    <row r="57155" spans="1:3" ht="19.2">
      <c r="A57155" s="2"/>
      <c r="B57155" s="2"/>
      <c r="C57155" s="2"/>
    </row>
    <row r="57156" spans="1:3" ht="19.2">
      <c r="A57156" s="2"/>
      <c r="B57156" s="2"/>
      <c r="C57156" s="2"/>
    </row>
    <row r="57157" spans="1:3" ht="19.2">
      <c r="A57157" s="2"/>
      <c r="B57157" s="2"/>
      <c r="C57157" s="2"/>
    </row>
    <row r="57158" spans="1:3" ht="19.2">
      <c r="A57158" s="2"/>
      <c r="B57158" s="2"/>
      <c r="C57158" s="2"/>
    </row>
    <row r="57159" spans="1:3" ht="19.2">
      <c r="A57159" s="2"/>
      <c r="B57159" s="2"/>
      <c r="C57159" s="2"/>
    </row>
    <row r="57160" spans="1:3" ht="19.2">
      <c r="A57160" s="2"/>
      <c r="B57160" s="2"/>
      <c r="C57160" s="2"/>
    </row>
    <row r="57161" spans="1:3" ht="19.2">
      <c r="A57161" s="2"/>
      <c r="B57161" s="2"/>
      <c r="C57161" s="2"/>
    </row>
    <row r="57162" spans="1:3" ht="19.2">
      <c r="A57162" s="2"/>
      <c r="B57162" s="2"/>
      <c r="C57162" s="2"/>
    </row>
    <row r="57163" spans="1:3" ht="19.2">
      <c r="A57163" s="2"/>
      <c r="B57163" s="2"/>
      <c r="C57163" s="2"/>
    </row>
    <row r="57164" spans="1:3" ht="19.2">
      <c r="A57164" s="2"/>
      <c r="B57164" s="2"/>
      <c r="C57164" s="2"/>
    </row>
    <row r="57165" spans="1:3" ht="19.2">
      <c r="A57165" s="2"/>
      <c r="B57165" s="2"/>
      <c r="C57165" s="2"/>
    </row>
    <row r="57166" spans="1:3" ht="19.2">
      <c r="A57166" s="2"/>
      <c r="B57166" s="2"/>
      <c r="C57166" s="2"/>
    </row>
    <row r="57167" spans="1:3" ht="19.2">
      <c r="A57167" s="2"/>
      <c r="B57167" s="2"/>
      <c r="C57167" s="2"/>
    </row>
    <row r="57168" spans="1:3" ht="19.2">
      <c r="A57168" s="2"/>
      <c r="B57168" s="2"/>
      <c r="C57168" s="2"/>
    </row>
    <row r="57169" spans="1:3" ht="19.2">
      <c r="A57169" s="2"/>
      <c r="B57169" s="2"/>
      <c r="C57169" s="2"/>
    </row>
    <row r="57170" spans="1:3" ht="19.2">
      <c r="A57170" s="2"/>
      <c r="B57170" s="2"/>
      <c r="C57170" s="2"/>
    </row>
    <row r="57171" spans="1:3" ht="19.2">
      <c r="A57171" s="2"/>
      <c r="B57171" s="2"/>
      <c r="C57171" s="2"/>
    </row>
    <row r="57172" spans="1:3" ht="19.2">
      <c r="A57172" s="2"/>
      <c r="B57172" s="2"/>
      <c r="C57172" s="2"/>
    </row>
    <row r="57173" spans="1:3" ht="19.2">
      <c r="A57173" s="2"/>
      <c r="B57173" s="2"/>
      <c r="C57173" s="2"/>
    </row>
    <row r="57174" spans="1:3" ht="19.2">
      <c r="A57174" s="2"/>
      <c r="B57174" s="2"/>
      <c r="C57174" s="2"/>
    </row>
    <row r="57175" spans="1:3" ht="19.2">
      <c r="A57175" s="2"/>
      <c r="B57175" s="2"/>
      <c r="C57175" s="2"/>
    </row>
    <row r="57176" spans="1:3" ht="19.2">
      <c r="A57176" s="2"/>
      <c r="B57176" s="2"/>
      <c r="C57176" s="2"/>
    </row>
    <row r="57177" spans="1:3" ht="19.2">
      <c r="A57177" s="2"/>
      <c r="B57177" s="2"/>
      <c r="C57177" s="2"/>
    </row>
    <row r="57178" spans="1:3" ht="19.2">
      <c r="A57178" s="2"/>
      <c r="B57178" s="2"/>
      <c r="C57178" s="2"/>
    </row>
    <row r="57179" spans="1:3" ht="19.2">
      <c r="A57179" s="2"/>
      <c r="B57179" s="2"/>
      <c r="C57179" s="2"/>
    </row>
    <row r="57180" spans="1:3" ht="19.2">
      <c r="A57180" s="2"/>
      <c r="B57180" s="2"/>
      <c r="C57180" s="2"/>
    </row>
    <row r="57181" spans="1:3" ht="19.2">
      <c r="A57181" s="2"/>
      <c r="B57181" s="2"/>
      <c r="C57181" s="2"/>
    </row>
    <row r="57182" spans="1:3" ht="19.2">
      <c r="A57182" s="2"/>
      <c r="B57182" s="2"/>
      <c r="C57182" s="2"/>
    </row>
    <row r="57183" spans="1:3" ht="19.2">
      <c r="A57183" s="2"/>
      <c r="B57183" s="2"/>
      <c r="C57183" s="2"/>
    </row>
    <row r="57184" spans="1:3" ht="19.2">
      <c r="A57184" s="2"/>
      <c r="B57184" s="2"/>
      <c r="C57184" s="2"/>
    </row>
    <row r="57185" spans="1:3" ht="19.2">
      <c r="A57185" s="2"/>
      <c r="B57185" s="2"/>
      <c r="C57185" s="2"/>
    </row>
    <row r="57186" spans="1:3" ht="19.2">
      <c r="A57186" s="2"/>
      <c r="B57186" s="2"/>
      <c r="C57186" s="2"/>
    </row>
    <row r="57187" spans="1:3" ht="19.2">
      <c r="A57187" s="2"/>
      <c r="B57187" s="2"/>
      <c r="C57187" s="2"/>
    </row>
    <row r="57188" spans="1:3" ht="19.2">
      <c r="A57188" s="2"/>
      <c r="B57188" s="2"/>
      <c r="C57188" s="2"/>
    </row>
    <row r="57189" spans="1:3" ht="19.2">
      <c r="A57189" s="2"/>
      <c r="B57189" s="2"/>
      <c r="C57189" s="2"/>
    </row>
    <row r="57190" spans="1:3" ht="19.2">
      <c r="A57190" s="2"/>
      <c r="B57190" s="2"/>
      <c r="C57190" s="2"/>
    </row>
    <row r="57191" spans="1:3" ht="19.2">
      <c r="A57191" s="2"/>
      <c r="B57191" s="2"/>
      <c r="C57191" s="2"/>
    </row>
    <row r="57192" spans="1:3" ht="19.2">
      <c r="A57192" s="2"/>
      <c r="B57192" s="2"/>
      <c r="C57192" s="2"/>
    </row>
    <row r="57193" spans="1:3" ht="19.2">
      <c r="A57193" s="2"/>
      <c r="B57193" s="2"/>
      <c r="C57193" s="2"/>
    </row>
    <row r="57194" spans="1:3" ht="19.2">
      <c r="A57194" s="2"/>
      <c r="B57194" s="2"/>
      <c r="C57194" s="2"/>
    </row>
    <row r="57195" spans="1:3" ht="19.2">
      <c r="A57195" s="2"/>
      <c r="B57195" s="2"/>
      <c r="C57195" s="2"/>
    </row>
    <row r="57196" spans="1:3" ht="19.2">
      <c r="A57196" s="2"/>
      <c r="B57196" s="2"/>
      <c r="C57196" s="2"/>
    </row>
    <row r="57197" spans="1:3" ht="19.2">
      <c r="A57197" s="2"/>
      <c r="B57197" s="2"/>
      <c r="C57197" s="2"/>
    </row>
    <row r="57198" spans="1:3" ht="19.2">
      <c r="A57198" s="2"/>
      <c r="B57198" s="2"/>
      <c r="C57198" s="2"/>
    </row>
    <row r="57199" spans="1:3" ht="19.2">
      <c r="A57199" s="2"/>
      <c r="B57199" s="2"/>
      <c r="C57199" s="2"/>
    </row>
    <row r="57200" spans="1:3" ht="19.2">
      <c r="A57200" s="2"/>
      <c r="B57200" s="2"/>
      <c r="C57200" s="2"/>
    </row>
    <row r="57201" spans="1:3" ht="19.2">
      <c r="A57201" s="2"/>
      <c r="B57201" s="2"/>
      <c r="C57201" s="2"/>
    </row>
    <row r="57202" spans="1:3" ht="19.2">
      <c r="A57202" s="2"/>
      <c r="B57202" s="2"/>
      <c r="C57202" s="2"/>
    </row>
    <row r="57203" spans="1:3" ht="19.2">
      <c r="A57203" s="2"/>
      <c r="B57203" s="2"/>
      <c r="C57203" s="2"/>
    </row>
    <row r="57204" spans="1:3" ht="19.2">
      <c r="A57204" s="2"/>
      <c r="B57204" s="2"/>
      <c r="C57204" s="2"/>
    </row>
    <row r="57205" spans="1:3" ht="19.2">
      <c r="A57205" s="2"/>
      <c r="B57205" s="2"/>
      <c r="C57205" s="2"/>
    </row>
    <row r="57206" spans="1:3" ht="19.2">
      <c r="A57206" s="2"/>
      <c r="B57206" s="2"/>
      <c r="C57206" s="2"/>
    </row>
    <row r="57207" spans="1:3" ht="19.2">
      <c r="A57207" s="2"/>
      <c r="B57207" s="2"/>
      <c r="C57207" s="2"/>
    </row>
    <row r="57208" spans="1:3" ht="19.2">
      <c r="A57208" s="2"/>
      <c r="B57208" s="2"/>
      <c r="C57208" s="2"/>
    </row>
    <row r="57209" spans="1:3" ht="19.2">
      <c r="A57209" s="2"/>
      <c r="B57209" s="2"/>
      <c r="C57209" s="2"/>
    </row>
    <row r="57210" spans="1:3" ht="19.2">
      <c r="A57210" s="2"/>
      <c r="B57210" s="2"/>
      <c r="C57210" s="2"/>
    </row>
    <row r="57211" spans="1:3" ht="19.2">
      <c r="A57211" s="2"/>
      <c r="B57211" s="2"/>
      <c r="C57211" s="2"/>
    </row>
    <row r="57212" spans="1:3" ht="19.2">
      <c r="A57212" s="2"/>
      <c r="B57212" s="2"/>
      <c r="C57212" s="2"/>
    </row>
    <row r="57213" spans="1:3" ht="19.2">
      <c r="A57213" s="2"/>
      <c r="B57213" s="2"/>
      <c r="C57213" s="2"/>
    </row>
    <row r="57214" spans="1:3" ht="19.2">
      <c r="A57214" s="2"/>
      <c r="B57214" s="2"/>
      <c r="C57214" s="2"/>
    </row>
    <row r="57215" spans="1:3" ht="19.2">
      <c r="A57215" s="2"/>
      <c r="B57215" s="2"/>
      <c r="C57215" s="2"/>
    </row>
    <row r="57216" spans="1:3" ht="19.2">
      <c r="A57216" s="2"/>
      <c r="B57216" s="2"/>
      <c r="C57216" s="2"/>
    </row>
    <row r="57217" spans="1:3" ht="19.2">
      <c r="A57217" s="2"/>
      <c r="B57217" s="2"/>
      <c r="C57217" s="2"/>
    </row>
    <row r="57218" spans="1:3" ht="19.2">
      <c r="A57218" s="2"/>
      <c r="B57218" s="2"/>
      <c r="C57218" s="2"/>
    </row>
    <row r="57219" spans="1:3" ht="19.2">
      <c r="A57219" s="2"/>
      <c r="B57219" s="2"/>
      <c r="C57219" s="2"/>
    </row>
    <row r="57220" spans="1:3" ht="19.2">
      <c r="A57220" s="2"/>
      <c r="B57220" s="2"/>
      <c r="C57220" s="2"/>
    </row>
    <row r="57221" spans="1:3" ht="19.2">
      <c r="A57221" s="2"/>
      <c r="B57221" s="2"/>
      <c r="C57221" s="2"/>
    </row>
    <row r="57222" spans="1:3" ht="19.2">
      <c r="A57222" s="2"/>
      <c r="B57222" s="2"/>
      <c r="C57222" s="2"/>
    </row>
    <row r="57223" spans="1:3" ht="19.2">
      <c r="A57223" s="2"/>
      <c r="B57223" s="2"/>
      <c r="C57223" s="2"/>
    </row>
    <row r="57224" spans="1:3" ht="19.2">
      <c r="A57224" s="2"/>
      <c r="B57224" s="2"/>
      <c r="C57224" s="2"/>
    </row>
    <row r="57225" spans="1:3" ht="19.2">
      <c r="A57225" s="2"/>
      <c r="B57225" s="2"/>
      <c r="C57225" s="2"/>
    </row>
    <row r="57226" spans="1:3" ht="19.2">
      <c r="A57226" s="2"/>
      <c r="B57226" s="2"/>
      <c r="C57226" s="2"/>
    </row>
    <row r="57227" spans="1:3" ht="19.2">
      <c r="A57227" s="2"/>
      <c r="B57227" s="2"/>
      <c r="C57227" s="2"/>
    </row>
    <row r="57228" spans="1:3" ht="19.2">
      <c r="A57228" s="2"/>
      <c r="B57228" s="2"/>
      <c r="C57228" s="2"/>
    </row>
    <row r="57229" spans="1:3" ht="19.2">
      <c r="A57229" s="2"/>
      <c r="B57229" s="2"/>
      <c r="C57229" s="2"/>
    </row>
    <row r="57230" spans="1:3" ht="19.2">
      <c r="A57230" s="2"/>
      <c r="B57230" s="2"/>
      <c r="C57230" s="2"/>
    </row>
    <row r="57231" spans="1:3" ht="19.2">
      <c r="A57231" s="2"/>
      <c r="B57231" s="2"/>
      <c r="C57231" s="2"/>
    </row>
    <row r="57232" spans="1:3" ht="19.2">
      <c r="A57232" s="2"/>
      <c r="B57232" s="2"/>
      <c r="C57232" s="2"/>
    </row>
    <row r="57233" spans="1:3" ht="19.2">
      <c r="A57233" s="2"/>
      <c r="B57233" s="2"/>
      <c r="C57233" s="2"/>
    </row>
    <row r="57234" spans="1:3" ht="19.2">
      <c r="A57234" s="2"/>
      <c r="B57234" s="2"/>
      <c r="C57234" s="2"/>
    </row>
    <row r="57235" spans="1:3" ht="19.2">
      <c r="A57235" s="2"/>
      <c r="B57235" s="2"/>
      <c r="C57235" s="2"/>
    </row>
    <row r="57236" spans="1:3" ht="19.2">
      <c r="A57236" s="2"/>
      <c r="B57236" s="2"/>
      <c r="C57236" s="2"/>
    </row>
    <row r="57237" spans="1:3" ht="19.2">
      <c r="A57237" s="2"/>
      <c r="B57237" s="2"/>
      <c r="C57237" s="2"/>
    </row>
    <row r="57238" spans="1:3" ht="19.2">
      <c r="A57238" s="2"/>
      <c r="B57238" s="2"/>
      <c r="C57238" s="2"/>
    </row>
    <row r="57239" spans="1:3" ht="19.2">
      <c r="A57239" s="2"/>
      <c r="B57239" s="2"/>
      <c r="C57239" s="2"/>
    </row>
    <row r="57240" spans="1:3" ht="19.2">
      <c r="A57240" s="2"/>
      <c r="B57240" s="2"/>
      <c r="C57240" s="2"/>
    </row>
    <row r="57241" spans="1:3" ht="19.2">
      <c r="A57241" s="2"/>
      <c r="B57241" s="2"/>
      <c r="C57241" s="2"/>
    </row>
    <row r="57242" spans="1:3" ht="19.2">
      <c r="A57242" s="2"/>
      <c r="B57242" s="2"/>
      <c r="C57242" s="2"/>
    </row>
    <row r="57243" spans="1:3" ht="19.2">
      <c r="A57243" s="2"/>
      <c r="B57243" s="2"/>
      <c r="C57243" s="2"/>
    </row>
    <row r="57244" spans="1:3" ht="19.2">
      <c r="A57244" s="2"/>
      <c r="B57244" s="2"/>
      <c r="C57244" s="2"/>
    </row>
    <row r="57245" spans="1:3" ht="19.2">
      <c r="A57245" s="2"/>
      <c r="B57245" s="2"/>
      <c r="C57245" s="2"/>
    </row>
    <row r="57246" spans="1:3" ht="19.2">
      <c r="A57246" s="2"/>
      <c r="B57246" s="2"/>
      <c r="C57246" s="2"/>
    </row>
    <row r="57247" spans="1:3" ht="19.2">
      <c r="A57247" s="2"/>
      <c r="B57247" s="2"/>
      <c r="C57247" s="2"/>
    </row>
    <row r="57248" spans="1:3" ht="19.2">
      <c r="A57248" s="2"/>
      <c r="B57248" s="2"/>
      <c r="C57248" s="2"/>
    </row>
    <row r="57249" spans="1:3" ht="19.2">
      <c r="A57249" s="2"/>
      <c r="B57249" s="2"/>
      <c r="C57249" s="2"/>
    </row>
    <row r="57250" spans="1:3" ht="19.2">
      <c r="A57250" s="2"/>
      <c r="B57250" s="2"/>
      <c r="C57250" s="2"/>
    </row>
    <row r="57251" spans="1:3" ht="19.2">
      <c r="A57251" s="2"/>
      <c r="B57251" s="2"/>
      <c r="C57251" s="2"/>
    </row>
    <row r="57252" spans="1:3" ht="19.2">
      <c r="A57252" s="2"/>
      <c r="B57252" s="2"/>
      <c r="C57252" s="2"/>
    </row>
    <row r="57253" spans="1:3" ht="19.2">
      <c r="A57253" s="2"/>
      <c r="B57253" s="2"/>
      <c r="C57253" s="2"/>
    </row>
    <row r="57254" spans="1:3" ht="19.2">
      <c r="A57254" s="2"/>
      <c r="B57254" s="2"/>
      <c r="C57254" s="2"/>
    </row>
    <row r="57255" spans="1:3" ht="19.2">
      <c r="A57255" s="2"/>
      <c r="B57255" s="2"/>
      <c r="C57255" s="2"/>
    </row>
    <row r="57256" spans="1:3" ht="19.2">
      <c r="A57256" s="2"/>
      <c r="B57256" s="2"/>
      <c r="C57256" s="2"/>
    </row>
    <row r="57257" spans="1:3" ht="19.2">
      <c r="A57257" s="2"/>
      <c r="B57257" s="2"/>
      <c r="C57257" s="2"/>
    </row>
    <row r="57258" spans="1:3" ht="19.2">
      <c r="A57258" s="2"/>
      <c r="B57258" s="2"/>
      <c r="C57258" s="2"/>
    </row>
    <row r="57259" spans="1:3" ht="19.2">
      <c r="A57259" s="2"/>
      <c r="B57259" s="2"/>
      <c r="C57259" s="2"/>
    </row>
    <row r="57260" spans="1:3" ht="19.2">
      <c r="A57260" s="2"/>
      <c r="B57260" s="2"/>
      <c r="C57260" s="2"/>
    </row>
    <row r="57261" spans="1:3" ht="19.2">
      <c r="A57261" s="2"/>
      <c r="B57261" s="2"/>
      <c r="C57261" s="2"/>
    </row>
    <row r="57262" spans="1:3" ht="19.2">
      <c r="A57262" s="2"/>
      <c r="B57262" s="2"/>
      <c r="C57262" s="2"/>
    </row>
    <row r="57263" spans="1:3" ht="19.2">
      <c r="A57263" s="2"/>
      <c r="B57263" s="2"/>
      <c r="C57263" s="2"/>
    </row>
    <row r="57264" spans="1:3" ht="19.2">
      <c r="A57264" s="2"/>
      <c r="B57264" s="2"/>
      <c r="C57264" s="2"/>
    </row>
    <row r="57265" spans="1:3" ht="19.2">
      <c r="A57265" s="2"/>
      <c r="B57265" s="2"/>
      <c r="C57265" s="2"/>
    </row>
    <row r="57266" spans="1:3" ht="19.2">
      <c r="A57266" s="2"/>
      <c r="B57266" s="2"/>
      <c r="C57266" s="2"/>
    </row>
    <row r="57267" spans="1:3" ht="19.2">
      <c r="A57267" s="2"/>
      <c r="B57267" s="2"/>
      <c r="C57267" s="2"/>
    </row>
    <row r="57268" spans="1:3" ht="19.2">
      <c r="A57268" s="2"/>
      <c r="B57268" s="2"/>
      <c r="C57268" s="2"/>
    </row>
    <row r="57269" spans="1:3" ht="19.2">
      <c r="A57269" s="2"/>
      <c r="B57269" s="2"/>
      <c r="C57269" s="2"/>
    </row>
    <row r="57270" spans="1:3" ht="19.2">
      <c r="A57270" s="2"/>
      <c r="B57270" s="2"/>
      <c r="C57270" s="2"/>
    </row>
    <row r="57271" spans="1:3" ht="19.2">
      <c r="A57271" s="2"/>
      <c r="B57271" s="2"/>
      <c r="C57271" s="2"/>
    </row>
    <row r="57272" spans="1:3" ht="19.2">
      <c r="A57272" s="2"/>
      <c r="B57272" s="2"/>
      <c r="C57272" s="2"/>
    </row>
    <row r="57273" spans="1:3" ht="19.2">
      <c r="A57273" s="2"/>
      <c r="B57273" s="2"/>
      <c r="C57273" s="2"/>
    </row>
    <row r="57274" spans="1:3" ht="19.2">
      <c r="A57274" s="2"/>
      <c r="B57274" s="2"/>
      <c r="C57274" s="2"/>
    </row>
    <row r="57275" spans="1:3" ht="19.2">
      <c r="A57275" s="2"/>
      <c r="B57275" s="2"/>
      <c r="C57275" s="2"/>
    </row>
    <row r="57276" spans="1:3" ht="19.2">
      <c r="A57276" s="2"/>
      <c r="B57276" s="2"/>
      <c r="C57276" s="2"/>
    </row>
    <row r="57277" spans="1:3" ht="19.2">
      <c r="A57277" s="2"/>
      <c r="B57277" s="2"/>
      <c r="C57277" s="2"/>
    </row>
    <row r="57278" spans="1:3" ht="19.2">
      <c r="A57278" s="2"/>
      <c r="B57278" s="2"/>
      <c r="C57278" s="2"/>
    </row>
    <row r="57279" spans="1:3" ht="19.2">
      <c r="A57279" s="2"/>
      <c r="B57279" s="2"/>
      <c r="C57279" s="2"/>
    </row>
    <row r="57280" spans="1:3" ht="19.2">
      <c r="A57280" s="2"/>
      <c r="B57280" s="2"/>
      <c r="C57280" s="2"/>
    </row>
    <row r="57281" spans="1:3" ht="19.2">
      <c r="A57281" s="2"/>
      <c r="B57281" s="2"/>
      <c r="C57281" s="2"/>
    </row>
    <row r="57282" spans="1:3" ht="19.2">
      <c r="A57282" s="2"/>
      <c r="B57282" s="2"/>
      <c r="C57282" s="2"/>
    </row>
    <row r="57283" spans="1:3" ht="19.2">
      <c r="A57283" s="2"/>
      <c r="B57283" s="2"/>
      <c r="C57283" s="2"/>
    </row>
    <row r="57284" spans="1:3" ht="19.2">
      <c r="A57284" s="2"/>
      <c r="B57284" s="2"/>
      <c r="C57284" s="2"/>
    </row>
    <row r="57285" spans="1:3" ht="19.2">
      <c r="A57285" s="2"/>
      <c r="B57285" s="2"/>
      <c r="C57285" s="2"/>
    </row>
    <row r="57286" spans="1:3" ht="19.2">
      <c r="A57286" s="2"/>
      <c r="B57286" s="2"/>
      <c r="C57286" s="2"/>
    </row>
    <row r="57287" spans="1:3" ht="19.2">
      <c r="A57287" s="2"/>
      <c r="B57287" s="2"/>
      <c r="C57287" s="2"/>
    </row>
    <row r="57288" spans="1:3" ht="19.2">
      <c r="A57288" s="2"/>
      <c r="B57288" s="2"/>
      <c r="C57288" s="2"/>
    </row>
    <row r="57289" spans="1:3" ht="19.2">
      <c r="A57289" s="2"/>
      <c r="B57289" s="2"/>
      <c r="C57289" s="2"/>
    </row>
    <row r="57290" spans="1:3" ht="19.2">
      <c r="A57290" s="2"/>
      <c r="B57290" s="2"/>
      <c r="C57290" s="2"/>
    </row>
    <row r="57291" spans="1:3" ht="19.2">
      <c r="A57291" s="2"/>
      <c r="B57291" s="2"/>
      <c r="C57291" s="2"/>
    </row>
    <row r="57292" spans="1:3" ht="19.2">
      <c r="A57292" s="2"/>
      <c r="B57292" s="2"/>
      <c r="C57292" s="2"/>
    </row>
    <row r="57293" spans="1:3" ht="19.2">
      <c r="A57293" s="2"/>
      <c r="B57293" s="2"/>
      <c r="C57293" s="2"/>
    </row>
    <row r="57294" spans="1:3" ht="19.2">
      <c r="A57294" s="2"/>
      <c r="B57294" s="2"/>
      <c r="C57294" s="2"/>
    </row>
    <row r="57295" spans="1:3" ht="19.2">
      <c r="A57295" s="2"/>
      <c r="B57295" s="2"/>
      <c r="C57295" s="2"/>
    </row>
    <row r="57296" spans="1:3" ht="19.2">
      <c r="A57296" s="2"/>
      <c r="B57296" s="2"/>
      <c r="C57296" s="2"/>
    </row>
    <row r="57297" spans="1:3" ht="19.2">
      <c r="A57297" s="2"/>
      <c r="B57297" s="2"/>
      <c r="C57297" s="2"/>
    </row>
    <row r="57298" spans="1:3" ht="19.2">
      <c r="A57298" s="2"/>
      <c r="B57298" s="2"/>
      <c r="C57298" s="2"/>
    </row>
    <row r="57299" spans="1:3" ht="19.2">
      <c r="A57299" s="2"/>
      <c r="B57299" s="2"/>
      <c r="C57299" s="2"/>
    </row>
    <row r="57300" spans="1:3" ht="19.2">
      <c r="A57300" s="2"/>
      <c r="B57300" s="2"/>
      <c r="C57300" s="2"/>
    </row>
    <row r="57301" spans="1:3" ht="19.2">
      <c r="A57301" s="2"/>
      <c r="B57301" s="2"/>
      <c r="C57301" s="2"/>
    </row>
    <row r="57302" spans="1:3" ht="19.2">
      <c r="A57302" s="2"/>
      <c r="B57302" s="2"/>
      <c r="C57302" s="2"/>
    </row>
    <row r="57303" spans="1:3" ht="19.2">
      <c r="A57303" s="2"/>
      <c r="B57303" s="2"/>
      <c r="C57303" s="2"/>
    </row>
    <row r="57304" spans="1:3" ht="19.2">
      <c r="A57304" s="2"/>
      <c r="B57304" s="2"/>
      <c r="C57304" s="2"/>
    </row>
    <row r="57305" spans="1:3" ht="19.2">
      <c r="A57305" s="2"/>
      <c r="B57305" s="2"/>
      <c r="C57305" s="2"/>
    </row>
    <row r="57306" spans="1:3" ht="19.2">
      <c r="A57306" s="2"/>
      <c r="B57306" s="2"/>
      <c r="C57306" s="2"/>
    </row>
    <row r="57307" spans="1:3" ht="19.2">
      <c r="A57307" s="2"/>
      <c r="B57307" s="2"/>
      <c r="C57307" s="2"/>
    </row>
    <row r="57308" spans="1:3" ht="19.2">
      <c r="A57308" s="2"/>
      <c r="B57308" s="2"/>
      <c r="C57308" s="2"/>
    </row>
    <row r="57309" spans="1:3" ht="19.2">
      <c r="A57309" s="2"/>
      <c r="B57309" s="2"/>
      <c r="C57309" s="2"/>
    </row>
    <row r="57310" spans="1:3" ht="19.2">
      <c r="A57310" s="2"/>
      <c r="B57310" s="2"/>
      <c r="C57310" s="2"/>
    </row>
    <row r="57311" spans="1:3" ht="19.2">
      <c r="A57311" s="2"/>
      <c r="B57311" s="2"/>
      <c r="C57311" s="2"/>
    </row>
    <row r="57312" spans="1:3" ht="19.2">
      <c r="A57312" s="2"/>
      <c r="B57312" s="2"/>
      <c r="C57312" s="2"/>
    </row>
    <row r="57313" spans="1:3" ht="19.2">
      <c r="A57313" s="2"/>
      <c r="B57313" s="2"/>
      <c r="C57313" s="2"/>
    </row>
    <row r="57314" spans="1:3" ht="19.2">
      <c r="A57314" s="2"/>
      <c r="B57314" s="2"/>
      <c r="C57314" s="2"/>
    </row>
    <row r="57315" spans="1:3" ht="19.2">
      <c r="A57315" s="2"/>
      <c r="B57315" s="2"/>
      <c r="C57315" s="2"/>
    </row>
    <row r="57316" spans="1:3" ht="19.2">
      <c r="A57316" s="2"/>
      <c r="B57316" s="2"/>
      <c r="C57316" s="2"/>
    </row>
    <row r="57317" spans="1:3" ht="19.2">
      <c r="A57317" s="2"/>
      <c r="B57317" s="2"/>
      <c r="C57317" s="2"/>
    </row>
    <row r="57318" spans="1:3" ht="19.2">
      <c r="A57318" s="2"/>
      <c r="B57318" s="2"/>
      <c r="C57318" s="2"/>
    </row>
    <row r="57319" spans="1:3" ht="19.2">
      <c r="A57319" s="2"/>
      <c r="B57319" s="2"/>
      <c r="C57319" s="2"/>
    </row>
    <row r="57320" spans="1:3" ht="19.2">
      <c r="A57320" s="2"/>
      <c r="B57320" s="2"/>
      <c r="C57320" s="2"/>
    </row>
    <row r="57321" spans="1:3" ht="19.2">
      <c r="A57321" s="2"/>
      <c r="B57321" s="2"/>
      <c r="C57321" s="2"/>
    </row>
    <row r="57322" spans="1:3" ht="19.2">
      <c r="A57322" s="2"/>
      <c r="B57322" s="2"/>
      <c r="C57322" s="2"/>
    </row>
    <row r="57323" spans="1:3" ht="19.2">
      <c r="A57323" s="2"/>
      <c r="B57323" s="2"/>
      <c r="C57323" s="2"/>
    </row>
    <row r="57324" spans="1:3" ht="19.2">
      <c r="A57324" s="2"/>
      <c r="B57324" s="2"/>
      <c r="C57324" s="2"/>
    </row>
    <row r="57325" spans="1:3" ht="19.2">
      <c r="A57325" s="2"/>
      <c r="B57325" s="2"/>
      <c r="C57325" s="2"/>
    </row>
    <row r="57326" spans="1:3" ht="19.2">
      <c r="A57326" s="2"/>
      <c r="B57326" s="2"/>
      <c r="C57326" s="2"/>
    </row>
    <row r="57327" spans="1:3" ht="19.2">
      <c r="A57327" s="2"/>
      <c r="B57327" s="2"/>
      <c r="C57327" s="2"/>
    </row>
    <row r="57328" spans="1:3" ht="19.2">
      <c r="A57328" s="2"/>
      <c r="B57328" s="2"/>
      <c r="C57328" s="2"/>
    </row>
    <row r="57329" spans="1:3" ht="19.2">
      <c r="A57329" s="2"/>
      <c r="B57329" s="2"/>
      <c r="C57329" s="2"/>
    </row>
    <row r="57330" spans="1:3" ht="19.2">
      <c r="A57330" s="2"/>
      <c r="B57330" s="2"/>
      <c r="C57330" s="2"/>
    </row>
    <row r="57331" spans="1:3" ht="19.2">
      <c r="A57331" s="2"/>
      <c r="B57331" s="2"/>
      <c r="C57331" s="2"/>
    </row>
    <row r="57332" spans="1:3" ht="19.2">
      <c r="A57332" s="2"/>
      <c r="B57332" s="2"/>
      <c r="C57332" s="2"/>
    </row>
    <row r="57333" spans="1:3" ht="19.2">
      <c r="A57333" s="2"/>
      <c r="B57333" s="2"/>
      <c r="C57333" s="2"/>
    </row>
    <row r="57334" spans="1:3" ht="19.2">
      <c r="A57334" s="2"/>
      <c r="B57334" s="2"/>
      <c r="C57334" s="2"/>
    </row>
    <row r="57335" spans="1:3" ht="19.2">
      <c r="A57335" s="2"/>
      <c r="B57335" s="2"/>
      <c r="C57335" s="2"/>
    </row>
    <row r="57336" spans="1:3" ht="19.2">
      <c r="A57336" s="2"/>
      <c r="B57336" s="2"/>
      <c r="C57336" s="2"/>
    </row>
    <row r="57337" spans="1:3" ht="19.2">
      <c r="A57337" s="2"/>
      <c r="B57337" s="2"/>
      <c r="C57337" s="2"/>
    </row>
    <row r="57338" spans="1:3" ht="19.2">
      <c r="A57338" s="2"/>
      <c r="B57338" s="2"/>
      <c r="C57338" s="2"/>
    </row>
    <row r="57339" spans="1:3" ht="19.2">
      <c r="A57339" s="2"/>
      <c r="B57339" s="2"/>
      <c r="C57339" s="2"/>
    </row>
    <row r="57340" spans="1:3" ht="19.2">
      <c r="A57340" s="2"/>
      <c r="B57340" s="2"/>
      <c r="C57340" s="2"/>
    </row>
    <row r="57341" spans="1:3" ht="19.2">
      <c r="A57341" s="2"/>
      <c r="B57341" s="2"/>
      <c r="C57341" s="2"/>
    </row>
    <row r="57342" spans="1:3" ht="19.2">
      <c r="A57342" s="2"/>
      <c r="B57342" s="2"/>
      <c r="C57342" s="2"/>
    </row>
    <row r="57343" spans="1:3" ht="19.2">
      <c r="A57343" s="2"/>
      <c r="B57343" s="2"/>
      <c r="C57343" s="2"/>
    </row>
    <row r="57344" spans="1:3" ht="19.2">
      <c r="A57344" s="2"/>
      <c r="B57344" s="2"/>
      <c r="C57344" s="2"/>
    </row>
    <row r="57345" spans="1:3" ht="19.2">
      <c r="A57345" s="2"/>
      <c r="B57345" s="2"/>
      <c r="C57345" s="2"/>
    </row>
    <row r="57346" spans="1:3" ht="19.2">
      <c r="A57346" s="2"/>
      <c r="B57346" s="2"/>
      <c r="C57346" s="2"/>
    </row>
    <row r="57347" spans="1:3" ht="19.2">
      <c r="A57347" s="2"/>
      <c r="B57347" s="2"/>
      <c r="C57347" s="2"/>
    </row>
    <row r="57348" spans="1:3" ht="19.2">
      <c r="A57348" s="2"/>
      <c r="B57348" s="2"/>
      <c r="C57348" s="2"/>
    </row>
    <row r="57349" spans="1:3" ht="19.2">
      <c r="A57349" s="2"/>
      <c r="B57349" s="2"/>
      <c r="C57349" s="2"/>
    </row>
    <row r="57350" spans="1:3" ht="19.2">
      <c r="A57350" s="2"/>
      <c r="B57350" s="2"/>
      <c r="C57350" s="2"/>
    </row>
    <row r="57351" spans="1:3" ht="19.2">
      <c r="A57351" s="2"/>
      <c r="B57351" s="2"/>
      <c r="C57351" s="2"/>
    </row>
    <row r="57352" spans="1:3" ht="19.2">
      <c r="A57352" s="2"/>
      <c r="B57352" s="2"/>
      <c r="C57352" s="2"/>
    </row>
    <row r="57353" spans="1:3" ht="19.2">
      <c r="A57353" s="2"/>
      <c r="B57353" s="2"/>
      <c r="C57353" s="2"/>
    </row>
    <row r="57354" spans="1:3" ht="19.2">
      <c r="A57354" s="2"/>
      <c r="B57354" s="2"/>
      <c r="C57354" s="2"/>
    </row>
    <row r="57355" spans="1:3" ht="19.2">
      <c r="A57355" s="2"/>
      <c r="B57355" s="2"/>
      <c r="C57355" s="2"/>
    </row>
    <row r="57356" spans="1:3" ht="19.2">
      <c r="A57356" s="2"/>
      <c r="B57356" s="2"/>
      <c r="C57356" s="2"/>
    </row>
    <row r="57357" spans="1:3" ht="19.2">
      <c r="A57357" s="2"/>
      <c r="B57357" s="2"/>
      <c r="C57357" s="2"/>
    </row>
    <row r="57358" spans="1:3" ht="19.2">
      <c r="A57358" s="2"/>
      <c r="B57358" s="2"/>
      <c r="C57358" s="2"/>
    </row>
    <row r="57359" spans="1:3" ht="19.2">
      <c r="A57359" s="2"/>
      <c r="B57359" s="2"/>
      <c r="C57359" s="2"/>
    </row>
    <row r="57360" spans="1:3" ht="19.2">
      <c r="A57360" s="2"/>
      <c r="B57360" s="2"/>
      <c r="C57360" s="2"/>
    </row>
    <row r="57361" spans="1:3" ht="19.2">
      <c r="A57361" s="2"/>
      <c r="B57361" s="2"/>
      <c r="C57361" s="2"/>
    </row>
    <row r="57362" spans="1:3" ht="19.2">
      <c r="A57362" s="2"/>
      <c r="B57362" s="2"/>
      <c r="C57362" s="2"/>
    </row>
    <row r="57363" spans="1:3" ht="19.2">
      <c r="A57363" s="2"/>
      <c r="B57363" s="2"/>
      <c r="C57363" s="2"/>
    </row>
    <row r="57364" spans="1:3" ht="19.2">
      <c r="A57364" s="2"/>
      <c r="B57364" s="2"/>
      <c r="C57364" s="2"/>
    </row>
    <row r="57365" spans="1:3" ht="19.2">
      <c r="A57365" s="2"/>
      <c r="B57365" s="2"/>
      <c r="C57365" s="2"/>
    </row>
    <row r="57366" spans="1:3" ht="19.2">
      <c r="A57366" s="2"/>
      <c r="B57366" s="2"/>
      <c r="C57366" s="2"/>
    </row>
    <row r="57367" spans="1:3" ht="19.2">
      <c r="A57367" s="2"/>
      <c r="B57367" s="2"/>
      <c r="C57367" s="2"/>
    </row>
    <row r="57368" spans="1:3" ht="19.2">
      <c r="A57368" s="2"/>
      <c r="B57368" s="2"/>
      <c r="C57368" s="2"/>
    </row>
    <row r="57369" spans="1:3" ht="19.2">
      <c r="A57369" s="2"/>
      <c r="B57369" s="2"/>
      <c r="C57369" s="2"/>
    </row>
    <row r="57370" spans="1:3" ht="19.2">
      <c r="A57370" s="2"/>
      <c r="B57370" s="2"/>
      <c r="C57370" s="2"/>
    </row>
    <row r="57371" spans="1:3" ht="19.2">
      <c r="A57371" s="2"/>
      <c r="B57371" s="2"/>
      <c r="C57371" s="2"/>
    </row>
    <row r="57372" spans="1:3" ht="19.2">
      <c r="A57372" s="2"/>
      <c r="B57372" s="2"/>
      <c r="C57372" s="2"/>
    </row>
    <row r="57373" spans="1:3" ht="19.2">
      <c r="A57373" s="2"/>
      <c r="B57373" s="2"/>
      <c r="C57373" s="2"/>
    </row>
    <row r="57374" spans="1:3" ht="19.2">
      <c r="A57374" s="2"/>
      <c r="B57374" s="2"/>
      <c r="C57374" s="2"/>
    </row>
    <row r="57375" spans="1:3" ht="19.2">
      <c r="A57375" s="2"/>
      <c r="B57375" s="2"/>
      <c r="C57375" s="2"/>
    </row>
    <row r="57376" spans="1:3" ht="19.2">
      <c r="A57376" s="2"/>
      <c r="B57376" s="2"/>
      <c r="C57376" s="2"/>
    </row>
    <row r="57377" spans="1:3" ht="19.2">
      <c r="A57377" s="2"/>
      <c r="B57377" s="2"/>
      <c r="C57377" s="2"/>
    </row>
    <row r="57378" spans="1:3" ht="19.2">
      <c r="A57378" s="2"/>
      <c r="B57378" s="2"/>
      <c r="C57378" s="2"/>
    </row>
    <row r="57379" spans="1:3" ht="19.2">
      <c r="A57379" s="2"/>
      <c r="B57379" s="2"/>
      <c r="C57379" s="2"/>
    </row>
    <row r="57380" spans="1:3" ht="19.2">
      <c r="A57380" s="2"/>
      <c r="B57380" s="2"/>
      <c r="C57380" s="2"/>
    </row>
    <row r="57381" spans="1:3" ht="19.2">
      <c r="A57381" s="2"/>
      <c r="B57381" s="2"/>
      <c r="C57381" s="2"/>
    </row>
    <row r="57382" spans="1:3" ht="19.2">
      <c r="A57382" s="2"/>
      <c r="B57382" s="2"/>
      <c r="C57382" s="2"/>
    </row>
    <row r="57383" spans="1:3" ht="19.2">
      <c r="A57383" s="2"/>
      <c r="B57383" s="2"/>
      <c r="C57383" s="2"/>
    </row>
    <row r="57384" spans="1:3" ht="19.2">
      <c r="A57384" s="2"/>
      <c r="B57384" s="2"/>
      <c r="C57384" s="2"/>
    </row>
    <row r="57385" spans="1:3" ht="19.2">
      <c r="A57385" s="2"/>
      <c r="B57385" s="2"/>
      <c r="C57385" s="2"/>
    </row>
    <row r="57386" spans="1:3" ht="19.2">
      <c r="A57386" s="2"/>
      <c r="B57386" s="2"/>
      <c r="C57386" s="2"/>
    </row>
    <row r="57387" spans="1:3" ht="19.2">
      <c r="A57387" s="2"/>
      <c r="B57387" s="2"/>
      <c r="C57387" s="2"/>
    </row>
    <row r="57388" spans="1:3" ht="19.2">
      <c r="A57388" s="2"/>
      <c r="B57388" s="2"/>
      <c r="C57388" s="2"/>
    </row>
    <row r="57389" spans="1:3" ht="19.2">
      <c r="A57389" s="2"/>
      <c r="B57389" s="2"/>
      <c r="C57389" s="2"/>
    </row>
    <row r="57390" spans="1:3" ht="19.2">
      <c r="A57390" s="2"/>
      <c r="B57390" s="2"/>
      <c r="C57390" s="2"/>
    </row>
    <row r="57391" spans="1:3" ht="19.2">
      <c r="A57391" s="2"/>
      <c r="B57391" s="2"/>
      <c r="C57391" s="2"/>
    </row>
    <row r="57392" spans="1:3" ht="19.2">
      <c r="A57392" s="2"/>
      <c r="B57392" s="2"/>
      <c r="C57392" s="2"/>
    </row>
    <row r="57393" spans="1:3" ht="19.2">
      <c r="A57393" s="2"/>
      <c r="B57393" s="2"/>
      <c r="C57393" s="2"/>
    </row>
    <row r="57394" spans="1:3" ht="19.2">
      <c r="A57394" s="2"/>
      <c r="B57394" s="2"/>
      <c r="C57394" s="2"/>
    </row>
    <row r="57395" spans="1:3" ht="19.2">
      <c r="A57395" s="2"/>
      <c r="B57395" s="2"/>
      <c r="C57395" s="2"/>
    </row>
    <row r="57396" spans="1:3" ht="19.2">
      <c r="A57396" s="2"/>
      <c r="B57396" s="2"/>
      <c r="C57396" s="2"/>
    </row>
    <row r="57397" spans="1:3" ht="19.2">
      <c r="A57397" s="2"/>
      <c r="B57397" s="2"/>
      <c r="C57397" s="2"/>
    </row>
    <row r="57398" spans="1:3" ht="19.2">
      <c r="A57398" s="2"/>
      <c r="B57398" s="2"/>
      <c r="C57398" s="2"/>
    </row>
    <row r="57399" spans="1:3" ht="19.2">
      <c r="A57399" s="2"/>
      <c r="B57399" s="2"/>
      <c r="C57399" s="2"/>
    </row>
    <row r="57400" spans="1:3" ht="19.2">
      <c r="A57400" s="2"/>
      <c r="B57400" s="2"/>
      <c r="C57400" s="2"/>
    </row>
    <row r="57401" spans="1:3" ht="19.2">
      <c r="A57401" s="2"/>
      <c r="B57401" s="2"/>
      <c r="C57401" s="2"/>
    </row>
    <row r="57402" spans="1:3" ht="19.2">
      <c r="A57402" s="2"/>
      <c r="B57402" s="2"/>
      <c r="C57402" s="2"/>
    </row>
    <row r="57403" spans="1:3" ht="19.2">
      <c r="A57403" s="2"/>
      <c r="B57403" s="2"/>
      <c r="C57403" s="2"/>
    </row>
    <row r="57404" spans="1:3" ht="19.2">
      <c r="A57404" s="2"/>
      <c r="B57404" s="2"/>
      <c r="C57404" s="2"/>
    </row>
    <row r="57405" spans="1:3" ht="19.2">
      <c r="A57405" s="2"/>
      <c r="B57405" s="2"/>
      <c r="C57405" s="2"/>
    </row>
    <row r="57406" spans="1:3" ht="19.2">
      <c r="A57406" s="2"/>
      <c r="B57406" s="2"/>
      <c r="C57406" s="2"/>
    </row>
    <row r="57407" spans="1:3" ht="19.2">
      <c r="A57407" s="2"/>
      <c r="B57407" s="2"/>
      <c r="C57407" s="2"/>
    </row>
    <row r="57408" spans="1:3" ht="19.2">
      <c r="A57408" s="2"/>
      <c r="B57408" s="2"/>
      <c r="C57408" s="2"/>
    </row>
    <row r="57409" spans="1:3" ht="19.2">
      <c r="A57409" s="2"/>
      <c r="B57409" s="2"/>
      <c r="C57409" s="2"/>
    </row>
    <row r="57410" spans="1:3" ht="19.2">
      <c r="A57410" s="2"/>
      <c r="B57410" s="2"/>
      <c r="C57410" s="2"/>
    </row>
    <row r="57411" spans="1:3" ht="19.2">
      <c r="A57411" s="2"/>
      <c r="B57411" s="2"/>
      <c r="C57411" s="2"/>
    </row>
    <row r="57412" spans="1:3" ht="19.2">
      <c r="A57412" s="2"/>
      <c r="B57412" s="2"/>
      <c r="C57412" s="2"/>
    </row>
    <row r="57413" spans="1:3" ht="19.2">
      <c r="A57413" s="2"/>
      <c r="B57413" s="2"/>
      <c r="C57413" s="2"/>
    </row>
    <row r="57414" spans="1:3" ht="19.2">
      <c r="A57414" s="2"/>
      <c r="B57414" s="2"/>
      <c r="C57414" s="2"/>
    </row>
    <row r="57415" spans="1:3" ht="19.2">
      <c r="A57415" s="2"/>
      <c r="B57415" s="2"/>
      <c r="C57415" s="2"/>
    </row>
    <row r="57416" spans="1:3" ht="19.2">
      <c r="A57416" s="2"/>
      <c r="B57416" s="2"/>
      <c r="C57416" s="2"/>
    </row>
    <row r="57417" spans="1:3" ht="19.2">
      <c r="A57417" s="2"/>
      <c r="B57417" s="2"/>
      <c r="C57417" s="2"/>
    </row>
    <row r="57418" spans="1:3" ht="19.2">
      <c r="A57418" s="2"/>
      <c r="B57418" s="2"/>
      <c r="C57418" s="2"/>
    </row>
    <row r="57419" spans="1:3" ht="19.2">
      <c r="A57419" s="2"/>
      <c r="B57419" s="2"/>
      <c r="C57419" s="2"/>
    </row>
    <row r="57420" spans="1:3" ht="19.2">
      <c r="A57420" s="2"/>
      <c r="B57420" s="2"/>
      <c r="C57420" s="2"/>
    </row>
    <row r="57421" spans="1:3" ht="19.2">
      <c r="A57421" s="2"/>
      <c r="B57421" s="2"/>
      <c r="C57421" s="2"/>
    </row>
    <row r="57422" spans="1:3" ht="19.2">
      <c r="A57422" s="2"/>
      <c r="B57422" s="2"/>
      <c r="C57422" s="2"/>
    </row>
    <row r="57423" spans="1:3" ht="19.2">
      <c r="A57423" s="2"/>
      <c r="B57423" s="2"/>
      <c r="C57423" s="2"/>
    </row>
    <row r="57424" spans="1:3" ht="19.2">
      <c r="A57424" s="2"/>
      <c r="B57424" s="2"/>
      <c r="C57424" s="2"/>
    </row>
    <row r="57425" spans="1:3" ht="19.2">
      <c r="A57425" s="2"/>
      <c r="B57425" s="2"/>
      <c r="C57425" s="2"/>
    </row>
    <row r="57426" spans="1:3" ht="19.2">
      <c r="A57426" s="2"/>
      <c r="B57426" s="2"/>
      <c r="C57426" s="2"/>
    </row>
    <row r="57427" spans="1:3" ht="19.2">
      <c r="A57427" s="2"/>
      <c r="B57427" s="2"/>
      <c r="C57427" s="2"/>
    </row>
    <row r="57428" spans="1:3" ht="19.2">
      <c r="A57428" s="2"/>
      <c r="B57428" s="2"/>
      <c r="C57428" s="2"/>
    </row>
    <row r="57429" spans="1:3" ht="19.2">
      <c r="A57429" s="2"/>
      <c r="B57429" s="2"/>
      <c r="C57429" s="2"/>
    </row>
    <row r="57430" spans="1:3" ht="19.2">
      <c r="A57430" s="2"/>
      <c r="B57430" s="2"/>
      <c r="C57430" s="2"/>
    </row>
    <row r="57431" spans="1:3" ht="19.2">
      <c r="A57431" s="2"/>
      <c r="B57431" s="2"/>
      <c r="C57431" s="2"/>
    </row>
    <row r="57432" spans="1:3" ht="19.2">
      <c r="A57432" s="2"/>
      <c r="B57432" s="2"/>
      <c r="C57432" s="2"/>
    </row>
    <row r="57433" spans="1:3" ht="19.2">
      <c r="A57433" s="2"/>
      <c r="B57433" s="2"/>
      <c r="C57433" s="2"/>
    </row>
    <row r="57434" spans="1:3" ht="19.2">
      <c r="A57434" s="2"/>
      <c r="B57434" s="2"/>
      <c r="C57434" s="2"/>
    </row>
    <row r="57435" spans="1:3" ht="19.2">
      <c r="A57435" s="2"/>
      <c r="B57435" s="2"/>
      <c r="C57435" s="2"/>
    </row>
    <row r="57436" spans="1:3" ht="19.2">
      <c r="A57436" s="2"/>
      <c r="B57436" s="2"/>
      <c r="C57436" s="2"/>
    </row>
    <row r="57437" spans="1:3" ht="19.2">
      <c r="A57437" s="2"/>
      <c r="B57437" s="2"/>
      <c r="C57437" s="2"/>
    </row>
    <row r="57438" spans="1:3" ht="19.2">
      <c r="A57438" s="2"/>
      <c r="B57438" s="2"/>
      <c r="C57438" s="2"/>
    </row>
    <row r="57439" spans="1:3" ht="19.2">
      <c r="A57439" s="2"/>
      <c r="B57439" s="2"/>
      <c r="C57439" s="2"/>
    </row>
    <row r="57440" spans="1:3" ht="19.2">
      <c r="A57440" s="2"/>
      <c r="B57440" s="2"/>
      <c r="C57440" s="2"/>
    </row>
    <row r="57441" spans="1:3" ht="19.2">
      <c r="A57441" s="2"/>
      <c r="B57441" s="2"/>
      <c r="C57441" s="2"/>
    </row>
    <row r="57442" spans="1:3" ht="19.2">
      <c r="A57442" s="2"/>
      <c r="B57442" s="2"/>
      <c r="C57442" s="2"/>
    </row>
    <row r="57443" spans="1:3" ht="19.2">
      <c r="A57443" s="2"/>
      <c r="B57443" s="2"/>
      <c r="C57443" s="2"/>
    </row>
    <row r="57444" spans="1:3" ht="19.2">
      <c r="A57444" s="2"/>
      <c r="B57444" s="2"/>
      <c r="C57444" s="2"/>
    </row>
    <row r="57445" spans="1:3" ht="19.2">
      <c r="A57445" s="2"/>
      <c r="B57445" s="2"/>
      <c r="C57445" s="2"/>
    </row>
    <row r="57446" spans="1:3" ht="19.2">
      <c r="A57446" s="2"/>
      <c r="B57446" s="2"/>
      <c r="C57446" s="2"/>
    </row>
    <row r="57447" spans="1:3" ht="19.2">
      <c r="A57447" s="2"/>
      <c r="B57447" s="2"/>
      <c r="C57447" s="2"/>
    </row>
    <row r="57448" spans="1:3" ht="19.2">
      <c r="A57448" s="2"/>
      <c r="B57448" s="2"/>
      <c r="C57448" s="2"/>
    </row>
    <row r="57449" spans="1:3" ht="19.2">
      <c r="A57449" s="2"/>
      <c r="B57449" s="2"/>
      <c r="C57449" s="2"/>
    </row>
    <row r="57450" spans="1:3" ht="19.2">
      <c r="A57450" s="2"/>
      <c r="B57450" s="2"/>
      <c r="C57450" s="2"/>
    </row>
    <row r="57451" spans="1:3" ht="19.2">
      <c r="A57451" s="2"/>
      <c r="B57451" s="2"/>
      <c r="C57451" s="2"/>
    </row>
    <row r="57452" spans="1:3" ht="19.2">
      <c r="A57452" s="2"/>
      <c r="B57452" s="2"/>
      <c r="C57452" s="2"/>
    </row>
    <row r="57453" spans="1:3" ht="19.2">
      <c r="A57453" s="2"/>
      <c r="B57453" s="2"/>
      <c r="C57453" s="2"/>
    </row>
    <row r="57454" spans="1:3" ht="19.2">
      <c r="A57454" s="2"/>
      <c r="B57454" s="2"/>
      <c r="C57454" s="2"/>
    </row>
    <row r="57455" spans="1:3" ht="19.2">
      <c r="A57455" s="2"/>
      <c r="B57455" s="2"/>
      <c r="C57455" s="2"/>
    </row>
    <row r="57456" spans="1:3" ht="19.2">
      <c r="A57456" s="2"/>
      <c r="B57456" s="2"/>
      <c r="C57456" s="2"/>
    </row>
    <row r="57457" spans="1:3" ht="19.2">
      <c r="A57457" s="2"/>
      <c r="B57457" s="2"/>
      <c r="C57457" s="2"/>
    </row>
    <row r="57458" spans="1:3" ht="19.2">
      <c r="A57458" s="2"/>
      <c r="B57458" s="2"/>
      <c r="C57458" s="2"/>
    </row>
    <row r="57459" spans="1:3" ht="19.2">
      <c r="A57459" s="2"/>
      <c r="B57459" s="2"/>
      <c r="C57459" s="2"/>
    </row>
    <row r="57460" spans="1:3" ht="19.2">
      <c r="A57460" s="2"/>
      <c r="B57460" s="2"/>
      <c r="C57460" s="2"/>
    </row>
    <row r="57461" spans="1:3" ht="19.2">
      <c r="A57461" s="2"/>
      <c r="B57461" s="2"/>
      <c r="C57461" s="2"/>
    </row>
    <row r="57462" spans="1:3" ht="19.2">
      <c r="A57462" s="2"/>
      <c r="B57462" s="2"/>
      <c r="C57462" s="2"/>
    </row>
    <row r="57463" spans="1:3" ht="19.2">
      <c r="A57463" s="2"/>
      <c r="B57463" s="2"/>
      <c r="C57463" s="2"/>
    </row>
    <row r="57464" spans="1:3" ht="19.2">
      <c r="A57464" s="2"/>
      <c r="B57464" s="2"/>
      <c r="C57464" s="2"/>
    </row>
    <row r="57465" spans="1:3" ht="19.2">
      <c r="A57465" s="2"/>
      <c r="B57465" s="2"/>
      <c r="C57465" s="2"/>
    </row>
    <row r="57466" spans="1:3" ht="19.2">
      <c r="A57466" s="2"/>
      <c r="B57466" s="2"/>
      <c r="C57466" s="2"/>
    </row>
    <row r="57467" spans="1:3" ht="19.2">
      <c r="A57467" s="2"/>
      <c r="B57467" s="2"/>
      <c r="C57467" s="2"/>
    </row>
    <row r="57468" spans="1:3" ht="19.2">
      <c r="A57468" s="2"/>
      <c r="B57468" s="2"/>
      <c r="C57468" s="2"/>
    </row>
    <row r="57469" spans="1:3" ht="19.2">
      <c r="A57469" s="2"/>
      <c r="B57469" s="2"/>
      <c r="C57469" s="2"/>
    </row>
    <row r="57470" spans="1:3" ht="19.2">
      <c r="A57470" s="2"/>
      <c r="B57470" s="2"/>
      <c r="C57470" s="2"/>
    </row>
    <row r="57471" spans="1:3" ht="19.2">
      <c r="A57471" s="2"/>
      <c r="B57471" s="2"/>
      <c r="C57471" s="2"/>
    </row>
    <row r="57472" spans="1:3" ht="19.2">
      <c r="A57472" s="2"/>
      <c r="B57472" s="2"/>
      <c r="C57472" s="2"/>
    </row>
    <row r="57473" spans="1:3" ht="19.2">
      <c r="A57473" s="2"/>
      <c r="B57473" s="2"/>
      <c r="C57473" s="2"/>
    </row>
    <row r="57474" spans="1:3" ht="19.2">
      <c r="A57474" s="2"/>
      <c r="B57474" s="2"/>
      <c r="C57474" s="2"/>
    </row>
    <row r="57475" spans="1:3" ht="19.2">
      <c r="A57475" s="2"/>
      <c r="B57475" s="2"/>
      <c r="C57475" s="2"/>
    </row>
    <row r="57476" spans="1:3" ht="19.2">
      <c r="A57476" s="2"/>
      <c r="B57476" s="2"/>
      <c r="C57476" s="2"/>
    </row>
    <row r="57477" spans="1:3" ht="19.2">
      <c r="A57477" s="2"/>
      <c r="B57477" s="2"/>
      <c r="C57477" s="2"/>
    </row>
    <row r="57478" spans="1:3" ht="19.2">
      <c r="A57478" s="2"/>
      <c r="B57478" s="2"/>
      <c r="C57478" s="2"/>
    </row>
    <row r="57479" spans="1:3" ht="19.2">
      <c r="A57479" s="2"/>
      <c r="B57479" s="2"/>
      <c r="C57479" s="2"/>
    </row>
    <row r="57480" spans="1:3" ht="19.2">
      <c r="A57480" s="2"/>
      <c r="B57480" s="2"/>
      <c r="C57480" s="2"/>
    </row>
    <row r="57481" spans="1:3" ht="19.2">
      <c r="A57481" s="2"/>
      <c r="B57481" s="2"/>
      <c r="C57481" s="2"/>
    </row>
    <row r="57482" spans="1:3" ht="19.2">
      <c r="A57482" s="2"/>
      <c r="B57482" s="2"/>
      <c r="C57482" s="2"/>
    </row>
    <row r="57483" spans="1:3" ht="19.2">
      <c r="A57483" s="2"/>
      <c r="B57483" s="2"/>
      <c r="C57483" s="2"/>
    </row>
    <row r="57484" spans="1:3" ht="19.2">
      <c r="A57484" s="2"/>
      <c r="B57484" s="2"/>
      <c r="C57484" s="2"/>
    </row>
    <row r="57485" spans="1:3" ht="19.2">
      <c r="A57485" s="2"/>
      <c r="B57485" s="2"/>
      <c r="C57485" s="2"/>
    </row>
    <row r="57486" spans="1:3" ht="19.2">
      <c r="A57486" s="2"/>
      <c r="B57486" s="2"/>
      <c r="C57486" s="2"/>
    </row>
    <row r="57487" spans="1:3" ht="19.2">
      <c r="A57487" s="2"/>
      <c r="B57487" s="2"/>
      <c r="C57487" s="2"/>
    </row>
    <row r="57488" spans="1:3" ht="19.2">
      <c r="A57488" s="2"/>
      <c r="B57488" s="2"/>
      <c r="C57488" s="2"/>
    </row>
    <row r="57489" spans="1:3" ht="19.2">
      <c r="A57489" s="2"/>
      <c r="B57489" s="2"/>
      <c r="C57489" s="2"/>
    </row>
    <row r="57490" spans="1:3" ht="19.2">
      <c r="A57490" s="2"/>
      <c r="B57490" s="2"/>
      <c r="C57490" s="2"/>
    </row>
    <row r="57491" spans="1:3" ht="19.2">
      <c r="A57491" s="2"/>
      <c r="B57491" s="2"/>
      <c r="C57491" s="2"/>
    </row>
    <row r="57492" spans="1:3" ht="19.2">
      <c r="A57492" s="2"/>
      <c r="B57492" s="2"/>
      <c r="C57492" s="2"/>
    </row>
    <row r="57493" spans="1:3" ht="19.2">
      <c r="A57493" s="2"/>
      <c r="B57493" s="2"/>
      <c r="C57493" s="2"/>
    </row>
    <row r="57494" spans="1:3" ht="19.2">
      <c r="A57494" s="2"/>
      <c r="B57494" s="2"/>
      <c r="C57494" s="2"/>
    </row>
    <row r="57495" spans="1:3" ht="19.2">
      <c r="A57495" s="2"/>
      <c r="B57495" s="2"/>
      <c r="C57495" s="2"/>
    </row>
    <row r="57496" spans="1:3" ht="19.2">
      <c r="A57496" s="2"/>
      <c r="B57496" s="2"/>
      <c r="C57496" s="2"/>
    </row>
    <row r="57497" spans="1:3" ht="19.2">
      <c r="A57497" s="2"/>
      <c r="B57497" s="2"/>
      <c r="C57497" s="2"/>
    </row>
    <row r="57498" spans="1:3" ht="19.2">
      <c r="A57498" s="2"/>
      <c r="B57498" s="2"/>
      <c r="C57498" s="2"/>
    </row>
    <row r="57499" spans="1:3" ht="19.2">
      <c r="A57499" s="2"/>
      <c r="B57499" s="2"/>
      <c r="C57499" s="2"/>
    </row>
    <row r="57500" spans="1:3" ht="19.2">
      <c r="A57500" s="2"/>
      <c r="B57500" s="2"/>
      <c r="C57500" s="2"/>
    </row>
    <row r="57501" spans="1:3" ht="19.2">
      <c r="A57501" s="2"/>
      <c r="B57501" s="2"/>
      <c r="C57501" s="2"/>
    </row>
    <row r="57502" spans="1:3" ht="19.2">
      <c r="A57502" s="2"/>
      <c r="B57502" s="2"/>
      <c r="C57502" s="2"/>
    </row>
    <row r="57503" spans="1:3" ht="19.2">
      <c r="A57503" s="2"/>
      <c r="B57503" s="2"/>
      <c r="C57503" s="2"/>
    </row>
    <row r="57504" spans="1:3" ht="19.2">
      <c r="A57504" s="2"/>
      <c r="B57504" s="2"/>
      <c r="C57504" s="2"/>
    </row>
    <row r="57505" spans="1:3" ht="19.2">
      <c r="A57505" s="2"/>
      <c r="B57505" s="2"/>
      <c r="C57505" s="2"/>
    </row>
    <row r="57506" spans="1:3" ht="19.2">
      <c r="A57506" s="2"/>
      <c r="B57506" s="2"/>
      <c r="C57506" s="2"/>
    </row>
    <row r="57507" spans="1:3" ht="19.2">
      <c r="A57507" s="2"/>
      <c r="B57507" s="2"/>
      <c r="C57507" s="2"/>
    </row>
    <row r="57508" spans="1:3" ht="19.2">
      <c r="A57508" s="2"/>
      <c r="B57508" s="2"/>
      <c r="C57508" s="2"/>
    </row>
    <row r="57509" spans="1:3" ht="19.2">
      <c r="A57509" s="2"/>
      <c r="B57509" s="2"/>
      <c r="C57509" s="2"/>
    </row>
    <row r="57510" spans="1:3" ht="19.2">
      <c r="A57510" s="2"/>
      <c r="B57510" s="2"/>
      <c r="C57510" s="2"/>
    </row>
    <row r="57511" spans="1:3" ht="19.2">
      <c r="A57511" s="2"/>
      <c r="B57511" s="2"/>
      <c r="C57511" s="2"/>
    </row>
    <row r="57512" spans="1:3" ht="19.2">
      <c r="A57512" s="2"/>
      <c r="B57512" s="2"/>
      <c r="C57512" s="2"/>
    </row>
    <row r="57513" spans="1:3" ht="19.2">
      <c r="A57513" s="2"/>
      <c r="B57513" s="2"/>
      <c r="C57513" s="2"/>
    </row>
    <row r="57514" spans="1:3" ht="19.2">
      <c r="A57514" s="2"/>
      <c r="B57514" s="2"/>
      <c r="C57514" s="2"/>
    </row>
    <row r="57515" spans="1:3" ht="19.2">
      <c r="A57515" s="2"/>
      <c r="B57515" s="2"/>
      <c r="C57515" s="2"/>
    </row>
    <row r="57516" spans="1:3" ht="19.2">
      <c r="A57516" s="2"/>
      <c r="B57516" s="2"/>
      <c r="C57516" s="2"/>
    </row>
    <row r="57517" spans="1:3" ht="19.2">
      <c r="A57517" s="2"/>
      <c r="B57517" s="2"/>
      <c r="C57517" s="2"/>
    </row>
    <row r="57518" spans="1:3" ht="19.2">
      <c r="A57518" s="2"/>
      <c r="B57518" s="2"/>
      <c r="C57518" s="2"/>
    </row>
    <row r="57519" spans="1:3" ht="19.2">
      <c r="A57519" s="2"/>
      <c r="B57519" s="2"/>
      <c r="C57519" s="2"/>
    </row>
    <row r="57520" spans="1:3" ht="19.2">
      <c r="A57520" s="2"/>
      <c r="B57520" s="2"/>
      <c r="C57520" s="2"/>
    </row>
    <row r="57521" spans="1:3" ht="19.2">
      <c r="A57521" s="2"/>
      <c r="B57521" s="2"/>
      <c r="C57521" s="2"/>
    </row>
    <row r="57522" spans="1:3" ht="19.2">
      <c r="A57522" s="2"/>
      <c r="B57522" s="2"/>
      <c r="C57522" s="2"/>
    </row>
    <row r="57523" spans="1:3" ht="19.2">
      <c r="A57523" s="2"/>
      <c r="B57523" s="2"/>
      <c r="C57523" s="2"/>
    </row>
    <row r="57524" spans="1:3" ht="19.2">
      <c r="A57524" s="2"/>
      <c r="B57524" s="2"/>
      <c r="C57524" s="2"/>
    </row>
    <row r="57525" spans="1:3" ht="19.2">
      <c r="A57525" s="2"/>
      <c r="B57525" s="2"/>
      <c r="C57525" s="2"/>
    </row>
    <row r="57526" spans="1:3" ht="19.2">
      <c r="A57526" s="2"/>
      <c r="B57526" s="2"/>
      <c r="C57526" s="2"/>
    </row>
    <row r="57527" spans="1:3" ht="19.2">
      <c r="A57527" s="2"/>
      <c r="B57527" s="2"/>
      <c r="C57527" s="2"/>
    </row>
    <row r="57528" spans="1:3" ht="19.2">
      <c r="A57528" s="2"/>
      <c r="B57528" s="2"/>
      <c r="C57528" s="2"/>
    </row>
    <row r="57529" spans="1:3" ht="19.2">
      <c r="A57529" s="2"/>
      <c r="B57529" s="2"/>
      <c r="C57529" s="2"/>
    </row>
    <row r="57530" spans="1:3" ht="19.2">
      <c r="A57530" s="2"/>
      <c r="B57530" s="2"/>
      <c r="C57530" s="2"/>
    </row>
    <row r="57531" spans="1:3" ht="19.2">
      <c r="A57531" s="2"/>
      <c r="B57531" s="2"/>
      <c r="C57531" s="2"/>
    </row>
    <row r="57532" spans="1:3" ht="19.2">
      <c r="A57532" s="2"/>
      <c r="B57532" s="2"/>
      <c r="C57532" s="2"/>
    </row>
    <row r="57533" spans="1:3" ht="19.2">
      <c r="A57533" s="2"/>
      <c r="B57533" s="2"/>
      <c r="C57533" s="2"/>
    </row>
    <row r="57534" spans="1:3" ht="19.2">
      <c r="A57534" s="2"/>
      <c r="B57534" s="2"/>
      <c r="C57534" s="2"/>
    </row>
    <row r="57535" spans="1:3" ht="19.2">
      <c r="A57535" s="2"/>
      <c r="B57535" s="2"/>
      <c r="C57535" s="2"/>
    </row>
    <row r="57536" spans="1:3" ht="19.2">
      <c r="A57536" s="2"/>
      <c r="B57536" s="2"/>
      <c r="C57536" s="2"/>
    </row>
    <row r="57537" spans="1:3" ht="19.2">
      <c r="A57537" s="2"/>
      <c r="B57537" s="2"/>
      <c r="C57537" s="2"/>
    </row>
    <row r="57538" spans="1:3" ht="19.2">
      <c r="A57538" s="2"/>
      <c r="B57538" s="2"/>
      <c r="C57538" s="2"/>
    </row>
    <row r="57539" spans="1:3" ht="19.2">
      <c r="A57539" s="2"/>
      <c r="B57539" s="2"/>
      <c r="C57539" s="2"/>
    </row>
    <row r="57540" spans="1:3" ht="19.2">
      <c r="A57540" s="2"/>
      <c r="B57540" s="2"/>
      <c r="C57540" s="2"/>
    </row>
    <row r="57541" spans="1:3" ht="19.2">
      <c r="A57541" s="2"/>
      <c r="B57541" s="2"/>
      <c r="C57541" s="2"/>
    </row>
    <row r="57542" spans="1:3" ht="19.2">
      <c r="A57542" s="2"/>
      <c r="B57542" s="2"/>
      <c r="C57542" s="2"/>
    </row>
    <row r="57543" spans="1:3" ht="19.2">
      <c r="A57543" s="2"/>
      <c r="B57543" s="2"/>
      <c r="C57543" s="2"/>
    </row>
    <row r="57544" spans="1:3" ht="19.2">
      <c r="A57544" s="2"/>
      <c r="B57544" s="2"/>
      <c r="C57544" s="2"/>
    </row>
    <row r="57545" spans="1:3" ht="19.2">
      <c r="A57545" s="2"/>
      <c r="B57545" s="2"/>
      <c r="C57545" s="2"/>
    </row>
    <row r="57546" spans="1:3" ht="19.2">
      <c r="A57546" s="2"/>
      <c r="B57546" s="2"/>
      <c r="C57546" s="2"/>
    </row>
    <row r="57547" spans="1:3" ht="19.2">
      <c r="A57547" s="2"/>
      <c r="B57547" s="2"/>
      <c r="C57547" s="2"/>
    </row>
    <row r="57548" spans="1:3" ht="19.2">
      <c r="A57548" s="2"/>
      <c r="B57548" s="2"/>
      <c r="C57548" s="2"/>
    </row>
    <row r="57549" spans="1:3" ht="19.2">
      <c r="A57549" s="2"/>
      <c r="B57549" s="2"/>
      <c r="C57549" s="2"/>
    </row>
    <row r="57550" spans="1:3" ht="19.2">
      <c r="A57550" s="2"/>
      <c r="B57550" s="2"/>
      <c r="C57550" s="2"/>
    </row>
    <row r="57551" spans="1:3" ht="19.2">
      <c r="A57551" s="2"/>
      <c r="B57551" s="2"/>
      <c r="C57551" s="2"/>
    </row>
    <row r="57552" spans="1:3" ht="19.2">
      <c r="A57552" s="2"/>
      <c r="B57552" s="2"/>
      <c r="C57552" s="2"/>
    </row>
    <row r="57553" spans="1:3" ht="19.2">
      <c r="A57553" s="2"/>
      <c r="B57553" s="2"/>
      <c r="C57553" s="2"/>
    </row>
    <row r="57554" spans="1:3" ht="19.2">
      <c r="A57554" s="2"/>
      <c r="B57554" s="2"/>
      <c r="C57554" s="2"/>
    </row>
    <row r="57555" spans="1:3" ht="19.2">
      <c r="A57555" s="2"/>
      <c r="B57555" s="2"/>
      <c r="C57555" s="2"/>
    </row>
    <row r="57556" spans="1:3" ht="19.2">
      <c r="A57556" s="2"/>
      <c r="B57556" s="2"/>
      <c r="C57556" s="2"/>
    </row>
    <row r="57557" spans="1:3" ht="19.2">
      <c r="A57557" s="2"/>
      <c r="B57557" s="2"/>
      <c r="C57557" s="2"/>
    </row>
    <row r="57558" spans="1:3" ht="19.2">
      <c r="A57558" s="2"/>
      <c r="B57558" s="2"/>
      <c r="C57558" s="2"/>
    </row>
    <row r="57559" spans="1:3" ht="19.2">
      <c r="A57559" s="2"/>
      <c r="B57559" s="2"/>
      <c r="C57559" s="2"/>
    </row>
    <row r="57560" spans="1:3" ht="19.2">
      <c r="A57560" s="2"/>
      <c r="B57560" s="2"/>
      <c r="C57560" s="2"/>
    </row>
    <row r="57561" spans="1:3" ht="19.2">
      <c r="A57561" s="2"/>
      <c r="B57561" s="2"/>
      <c r="C57561" s="2"/>
    </row>
    <row r="57562" spans="1:3" ht="19.2">
      <c r="A57562" s="2"/>
      <c r="B57562" s="2"/>
      <c r="C57562" s="2"/>
    </row>
    <row r="57563" spans="1:3" ht="19.2">
      <c r="A57563" s="2"/>
      <c r="B57563" s="2"/>
      <c r="C57563" s="2"/>
    </row>
    <row r="57564" spans="1:3" ht="19.2">
      <c r="A57564" s="2"/>
      <c r="B57564" s="2"/>
      <c r="C57564" s="2"/>
    </row>
    <row r="57565" spans="1:3" ht="19.2">
      <c r="A57565" s="2"/>
      <c r="B57565" s="2"/>
      <c r="C57565" s="2"/>
    </row>
    <row r="57566" spans="1:3" ht="19.2">
      <c r="A57566" s="2"/>
      <c r="B57566" s="2"/>
      <c r="C57566" s="2"/>
    </row>
    <row r="57567" spans="1:3" ht="19.2">
      <c r="A57567" s="2"/>
      <c r="B57567" s="2"/>
      <c r="C57567" s="2"/>
    </row>
    <row r="57568" spans="1:3" ht="19.2">
      <c r="A57568" s="2"/>
      <c r="B57568" s="2"/>
      <c r="C57568" s="2"/>
    </row>
    <row r="57569" spans="1:3" ht="19.2">
      <c r="A57569" s="2"/>
      <c r="B57569" s="2"/>
      <c r="C57569" s="2"/>
    </row>
    <row r="57570" spans="1:3" ht="19.2">
      <c r="A57570" s="2"/>
      <c r="B57570" s="2"/>
      <c r="C57570" s="2"/>
    </row>
    <row r="57571" spans="1:3" ht="19.2">
      <c r="A57571" s="2"/>
      <c r="B57571" s="2"/>
      <c r="C57571" s="2"/>
    </row>
    <row r="57572" spans="1:3" ht="19.2">
      <c r="A57572" s="2"/>
      <c r="B57572" s="2"/>
      <c r="C57572" s="2"/>
    </row>
    <row r="57573" spans="1:3" ht="19.2">
      <c r="A57573" s="2"/>
      <c r="B57573" s="2"/>
      <c r="C57573" s="2"/>
    </row>
    <row r="57574" spans="1:3" ht="19.2">
      <c r="A57574" s="2"/>
      <c r="B57574" s="2"/>
      <c r="C57574" s="2"/>
    </row>
    <row r="57575" spans="1:3" ht="19.2">
      <c r="A57575" s="2"/>
      <c r="B57575" s="2"/>
      <c r="C57575" s="2"/>
    </row>
    <row r="57576" spans="1:3" ht="19.2">
      <c r="A57576" s="2"/>
      <c r="B57576" s="2"/>
      <c r="C57576" s="2"/>
    </row>
    <row r="57577" spans="1:3" ht="19.2">
      <c r="A57577" s="2"/>
      <c r="B57577" s="2"/>
      <c r="C57577" s="2"/>
    </row>
    <row r="57578" spans="1:3" ht="19.2">
      <c r="A57578" s="2"/>
      <c r="B57578" s="2"/>
      <c r="C57578" s="2"/>
    </row>
    <row r="57579" spans="1:3" ht="19.2">
      <c r="A57579" s="2"/>
      <c r="B57579" s="2"/>
      <c r="C57579" s="2"/>
    </row>
    <row r="57580" spans="1:3" ht="19.2">
      <c r="A57580" s="2"/>
      <c r="B57580" s="2"/>
      <c r="C57580" s="2"/>
    </row>
    <row r="57581" spans="1:3" ht="19.2">
      <c r="A57581" s="2"/>
      <c r="B57581" s="2"/>
      <c r="C57581" s="2"/>
    </row>
    <row r="57582" spans="1:3" ht="19.2">
      <c r="A57582" s="2"/>
      <c r="B57582" s="2"/>
      <c r="C57582" s="2"/>
    </row>
    <row r="57583" spans="1:3" ht="19.2">
      <c r="A57583" s="2"/>
      <c r="B57583" s="2"/>
      <c r="C57583" s="2"/>
    </row>
    <row r="57584" spans="1:3" ht="19.2">
      <c r="A57584" s="2"/>
      <c r="B57584" s="2"/>
      <c r="C57584" s="2"/>
    </row>
    <row r="57585" spans="1:3" ht="19.2">
      <c r="A57585" s="2"/>
      <c r="B57585" s="2"/>
      <c r="C57585" s="2"/>
    </row>
    <row r="57586" spans="1:3" ht="19.2">
      <c r="A57586" s="2"/>
      <c r="B57586" s="2"/>
      <c r="C57586" s="2"/>
    </row>
    <row r="57587" spans="1:3" ht="19.2">
      <c r="A57587" s="2"/>
      <c r="B57587" s="2"/>
      <c r="C57587" s="2"/>
    </row>
    <row r="57588" spans="1:3" ht="19.2">
      <c r="A57588" s="2"/>
      <c r="B57588" s="2"/>
      <c r="C57588" s="2"/>
    </row>
    <row r="57589" spans="1:3" ht="19.2">
      <c r="A57589" s="2"/>
      <c r="B57589" s="2"/>
      <c r="C57589" s="2"/>
    </row>
    <row r="57590" spans="1:3" ht="19.2">
      <c r="A57590" s="2"/>
      <c r="B57590" s="2"/>
      <c r="C57590" s="2"/>
    </row>
    <row r="57591" spans="1:3" ht="19.2">
      <c r="A57591" s="2"/>
      <c r="B57591" s="2"/>
      <c r="C57591" s="2"/>
    </row>
    <row r="57592" spans="1:3" ht="19.2">
      <c r="A57592" s="2"/>
      <c r="B57592" s="2"/>
      <c r="C57592" s="2"/>
    </row>
    <row r="57593" spans="1:3" ht="19.2">
      <c r="A57593" s="2"/>
      <c r="B57593" s="2"/>
      <c r="C57593" s="2"/>
    </row>
    <row r="57594" spans="1:3" ht="19.2">
      <c r="A57594" s="2"/>
      <c r="B57594" s="2"/>
      <c r="C57594" s="2"/>
    </row>
    <row r="57595" spans="1:3" ht="19.2">
      <c r="A57595" s="2"/>
      <c r="B57595" s="2"/>
      <c r="C57595" s="2"/>
    </row>
    <row r="57596" spans="1:3" ht="19.2">
      <c r="A57596" s="2"/>
      <c r="B57596" s="2"/>
      <c r="C57596" s="2"/>
    </row>
    <row r="57597" spans="1:3" ht="19.2">
      <c r="A57597" s="2"/>
      <c r="B57597" s="2"/>
      <c r="C57597" s="2"/>
    </row>
    <row r="57598" spans="1:3" ht="19.2">
      <c r="A57598" s="2"/>
      <c r="B57598" s="2"/>
      <c r="C57598" s="2"/>
    </row>
    <row r="57599" spans="1:3" ht="19.2">
      <c r="A57599" s="2"/>
      <c r="B57599" s="2"/>
      <c r="C57599" s="2"/>
    </row>
    <row r="57600" spans="1:3" ht="19.2">
      <c r="A57600" s="2"/>
      <c r="B57600" s="2"/>
      <c r="C57600" s="2"/>
    </row>
    <row r="57601" spans="1:3" ht="19.2">
      <c r="A57601" s="2"/>
      <c r="B57601" s="2"/>
      <c r="C57601" s="2"/>
    </row>
    <row r="57602" spans="1:3" ht="19.2">
      <c r="A57602" s="2"/>
      <c r="B57602" s="2"/>
      <c r="C57602" s="2"/>
    </row>
    <row r="57603" spans="1:3" ht="19.2">
      <c r="A57603" s="2"/>
      <c r="B57603" s="2"/>
      <c r="C57603" s="2"/>
    </row>
    <row r="57604" spans="1:3" ht="19.2">
      <c r="A57604" s="2"/>
      <c r="B57604" s="2"/>
      <c r="C57604" s="2"/>
    </row>
    <row r="57605" spans="1:3" ht="19.2">
      <c r="A57605" s="2"/>
      <c r="B57605" s="2"/>
      <c r="C57605" s="2"/>
    </row>
    <row r="57606" spans="1:3" ht="19.2">
      <c r="A57606" s="2"/>
      <c r="B57606" s="2"/>
      <c r="C57606" s="2"/>
    </row>
    <row r="57607" spans="1:3" ht="19.2">
      <c r="A57607" s="2"/>
      <c r="B57607" s="2"/>
      <c r="C57607" s="2"/>
    </row>
    <row r="57608" spans="1:3" ht="19.2">
      <c r="A57608" s="2"/>
      <c r="B57608" s="2"/>
      <c r="C57608" s="2"/>
    </row>
    <row r="57609" spans="1:3" ht="19.2">
      <c r="A57609" s="2"/>
      <c r="B57609" s="2"/>
      <c r="C57609" s="2"/>
    </row>
    <row r="57610" spans="1:3" ht="19.2">
      <c r="A57610" s="2"/>
      <c r="B57610" s="2"/>
      <c r="C57610" s="2"/>
    </row>
    <row r="57611" spans="1:3" ht="19.2">
      <c r="A57611" s="2"/>
      <c r="B57611" s="2"/>
      <c r="C57611" s="2"/>
    </row>
    <row r="57612" spans="1:3" ht="19.2">
      <c r="A57612" s="2"/>
      <c r="B57612" s="2"/>
      <c r="C57612" s="2"/>
    </row>
    <row r="57613" spans="1:3" ht="19.2">
      <c r="A57613" s="2"/>
      <c r="B57613" s="2"/>
      <c r="C57613" s="2"/>
    </row>
    <row r="57614" spans="1:3" ht="19.2">
      <c r="A57614" s="2"/>
      <c r="B57614" s="2"/>
      <c r="C57614" s="2"/>
    </row>
    <row r="57615" spans="1:3" ht="19.2">
      <c r="A57615" s="2"/>
      <c r="B57615" s="2"/>
      <c r="C57615" s="2"/>
    </row>
    <row r="57616" spans="1:3" ht="19.2">
      <c r="A57616" s="2"/>
      <c r="B57616" s="2"/>
      <c r="C57616" s="2"/>
    </row>
    <row r="57617" spans="1:3" ht="19.2">
      <c r="A57617" s="2"/>
      <c r="B57617" s="2"/>
      <c r="C57617" s="2"/>
    </row>
    <row r="57618" spans="1:3" ht="19.2">
      <c r="A57618" s="2"/>
      <c r="B57618" s="2"/>
      <c r="C57618" s="2"/>
    </row>
    <row r="57619" spans="1:3" ht="19.2">
      <c r="A57619" s="2"/>
      <c r="B57619" s="2"/>
      <c r="C57619" s="2"/>
    </row>
    <row r="57620" spans="1:3" ht="19.2">
      <c r="A57620" s="2"/>
      <c r="B57620" s="2"/>
      <c r="C57620" s="2"/>
    </row>
    <row r="57621" spans="1:3" ht="19.2">
      <c r="A57621" s="2"/>
      <c r="B57621" s="2"/>
      <c r="C57621" s="2"/>
    </row>
    <row r="57622" spans="1:3" ht="19.2">
      <c r="A57622" s="2"/>
      <c r="B57622" s="2"/>
      <c r="C57622" s="2"/>
    </row>
    <row r="57623" spans="1:3" ht="19.2">
      <c r="A57623" s="2"/>
      <c r="B57623" s="2"/>
      <c r="C57623" s="2"/>
    </row>
    <row r="57624" spans="1:3" ht="19.2">
      <c r="A57624" s="2"/>
      <c r="B57624" s="2"/>
      <c r="C57624" s="2"/>
    </row>
    <row r="57625" spans="1:3" ht="19.2">
      <c r="A57625" s="2"/>
      <c r="B57625" s="2"/>
      <c r="C57625" s="2"/>
    </row>
    <row r="57626" spans="1:3" ht="19.2">
      <c r="A57626" s="2"/>
      <c r="B57626" s="2"/>
      <c r="C57626" s="2"/>
    </row>
    <row r="57627" spans="1:3" ht="19.2">
      <c r="A57627" s="2"/>
      <c r="B57627" s="2"/>
      <c r="C57627" s="2"/>
    </row>
    <row r="57628" spans="1:3" ht="19.2">
      <c r="A57628" s="2"/>
      <c r="B57628" s="2"/>
      <c r="C57628" s="2"/>
    </row>
    <row r="57629" spans="1:3" ht="19.2">
      <c r="A57629" s="2"/>
      <c r="B57629" s="2"/>
      <c r="C57629" s="2"/>
    </row>
    <row r="57630" spans="1:3" ht="19.2">
      <c r="A57630" s="2"/>
      <c r="B57630" s="2"/>
      <c r="C57630" s="2"/>
    </row>
    <row r="57631" spans="1:3" ht="19.2">
      <c r="A57631" s="2"/>
      <c r="B57631" s="2"/>
      <c r="C57631" s="2"/>
    </row>
    <row r="57632" spans="1:3" ht="19.2">
      <c r="A57632" s="2"/>
      <c r="B57632" s="2"/>
      <c r="C57632" s="2"/>
    </row>
    <row r="57633" spans="1:3" ht="19.2">
      <c r="A57633" s="2"/>
      <c r="B57633" s="2"/>
      <c r="C57633" s="2"/>
    </row>
    <row r="57634" spans="1:3" ht="19.2">
      <c r="A57634" s="2"/>
      <c r="B57634" s="2"/>
      <c r="C57634" s="2"/>
    </row>
    <row r="57635" spans="1:3" ht="19.2">
      <c r="A57635" s="2"/>
      <c r="B57635" s="2"/>
      <c r="C57635" s="2"/>
    </row>
    <row r="57636" spans="1:3" ht="19.2">
      <c r="A57636" s="2"/>
      <c r="B57636" s="2"/>
      <c r="C57636" s="2"/>
    </row>
    <row r="57637" spans="1:3" ht="19.2">
      <c r="A57637" s="2"/>
      <c r="B57637" s="2"/>
      <c r="C57637" s="2"/>
    </row>
    <row r="57638" spans="1:3" ht="19.2">
      <c r="A57638" s="2"/>
      <c r="B57638" s="2"/>
      <c r="C57638" s="2"/>
    </row>
    <row r="57639" spans="1:3" ht="19.2">
      <c r="A57639" s="2"/>
      <c r="B57639" s="2"/>
      <c r="C57639" s="2"/>
    </row>
    <row r="57640" spans="1:3" ht="19.2">
      <c r="A57640" s="2"/>
      <c r="B57640" s="2"/>
      <c r="C57640" s="2"/>
    </row>
    <row r="57641" spans="1:3" ht="19.2">
      <c r="A57641" s="2"/>
      <c r="B57641" s="2"/>
      <c r="C57641" s="2"/>
    </row>
    <row r="57642" spans="1:3" ht="19.2">
      <c r="A57642" s="2"/>
      <c r="B57642" s="2"/>
      <c r="C57642" s="2"/>
    </row>
    <row r="57643" spans="1:3" ht="19.2">
      <c r="A57643" s="2"/>
      <c r="B57643" s="2"/>
      <c r="C57643" s="2"/>
    </row>
    <row r="57644" spans="1:3" ht="19.2">
      <c r="A57644" s="2"/>
      <c r="B57644" s="2"/>
      <c r="C57644" s="2"/>
    </row>
    <row r="57645" spans="1:3" ht="19.2">
      <c r="A57645" s="2"/>
      <c r="B57645" s="2"/>
      <c r="C57645" s="2"/>
    </row>
    <row r="57646" spans="1:3" ht="19.2">
      <c r="A57646" s="2"/>
      <c r="B57646" s="2"/>
      <c r="C57646" s="2"/>
    </row>
    <row r="57647" spans="1:3" ht="19.2">
      <c r="A57647" s="2"/>
      <c r="B57647" s="2"/>
      <c r="C57647" s="2"/>
    </row>
    <row r="57648" spans="1:3" ht="19.2">
      <c r="A57648" s="2"/>
      <c r="B57648" s="2"/>
      <c r="C57648" s="2"/>
    </row>
    <row r="57649" spans="1:3" ht="19.2">
      <c r="A57649" s="2"/>
      <c r="B57649" s="2"/>
      <c r="C57649" s="2"/>
    </row>
    <row r="57650" spans="1:3" ht="19.2">
      <c r="A57650" s="2"/>
      <c r="B57650" s="2"/>
      <c r="C57650" s="2"/>
    </row>
    <row r="57651" spans="1:3" ht="19.2">
      <c r="A57651" s="2"/>
      <c r="B57651" s="2"/>
      <c r="C57651" s="2"/>
    </row>
    <row r="57652" spans="1:3" ht="19.2">
      <c r="A57652" s="2"/>
      <c r="B57652" s="2"/>
      <c r="C57652" s="2"/>
    </row>
    <row r="57653" spans="1:3" ht="19.2">
      <c r="A57653" s="2"/>
      <c r="B57653" s="2"/>
      <c r="C57653" s="2"/>
    </row>
    <row r="57654" spans="1:3" ht="19.2">
      <c r="A57654" s="2"/>
      <c r="B57654" s="2"/>
      <c r="C57654" s="2"/>
    </row>
    <row r="57655" spans="1:3" ht="19.2">
      <c r="A57655" s="2"/>
      <c r="B57655" s="2"/>
      <c r="C57655" s="2"/>
    </row>
    <row r="57656" spans="1:3" ht="19.2">
      <c r="A57656" s="2"/>
      <c r="B57656" s="2"/>
      <c r="C57656" s="2"/>
    </row>
    <row r="57657" spans="1:3" ht="19.2">
      <c r="A57657" s="2"/>
      <c r="B57657" s="2"/>
      <c r="C57657" s="2"/>
    </row>
    <row r="57658" spans="1:3" ht="19.2">
      <c r="A57658" s="2"/>
      <c r="B57658" s="2"/>
      <c r="C57658" s="2"/>
    </row>
    <row r="57659" spans="1:3" ht="19.2">
      <c r="A57659" s="2"/>
      <c r="B57659" s="2"/>
      <c r="C57659" s="2"/>
    </row>
    <row r="57660" spans="1:3" ht="19.2">
      <c r="A57660" s="2"/>
      <c r="B57660" s="2"/>
      <c r="C57660" s="2"/>
    </row>
    <row r="57661" spans="1:3" ht="19.2">
      <c r="A57661" s="2"/>
      <c r="B57661" s="2"/>
      <c r="C57661" s="2"/>
    </row>
    <row r="57662" spans="1:3" ht="19.2">
      <c r="A57662" s="2"/>
      <c r="B57662" s="2"/>
      <c r="C57662" s="2"/>
    </row>
    <row r="57663" spans="1:3" ht="19.2">
      <c r="A57663" s="2"/>
      <c r="B57663" s="2"/>
      <c r="C57663" s="2"/>
    </row>
    <row r="57664" spans="1:3" ht="19.2">
      <c r="A57664" s="2"/>
      <c r="B57664" s="2"/>
      <c r="C57664" s="2"/>
    </row>
    <row r="57665" spans="1:3" ht="19.2">
      <c r="A57665" s="2"/>
      <c r="B57665" s="2"/>
      <c r="C57665" s="2"/>
    </row>
    <row r="57666" spans="1:3" ht="19.2">
      <c r="A57666" s="2"/>
      <c r="B57666" s="2"/>
      <c r="C57666" s="2"/>
    </row>
    <row r="57667" spans="1:3" ht="19.2">
      <c r="A57667" s="2"/>
      <c r="B57667" s="2"/>
      <c r="C57667" s="2"/>
    </row>
    <row r="57668" spans="1:3" ht="19.2">
      <c r="A57668" s="2"/>
      <c r="B57668" s="2"/>
      <c r="C57668" s="2"/>
    </row>
    <row r="57669" spans="1:3" ht="19.2">
      <c r="A57669" s="2"/>
      <c r="B57669" s="2"/>
      <c r="C57669" s="2"/>
    </row>
    <row r="57670" spans="1:3" ht="19.2">
      <c r="A57670" s="2"/>
      <c r="B57670" s="2"/>
      <c r="C57670" s="2"/>
    </row>
    <row r="57671" spans="1:3" ht="19.2">
      <c r="A57671" s="2"/>
      <c r="B57671" s="2"/>
      <c r="C57671" s="2"/>
    </row>
    <row r="57672" spans="1:3" ht="19.2">
      <c r="A57672" s="2"/>
      <c r="B57672" s="2"/>
      <c r="C57672" s="2"/>
    </row>
    <row r="57673" spans="1:3" ht="19.2">
      <c r="A57673" s="2"/>
      <c r="B57673" s="2"/>
      <c r="C57673" s="2"/>
    </row>
    <row r="57674" spans="1:3" ht="19.2">
      <c r="A57674" s="2"/>
      <c r="B57674" s="2"/>
      <c r="C57674" s="2"/>
    </row>
    <row r="57675" spans="1:3" ht="19.2">
      <c r="A57675" s="2"/>
      <c r="B57675" s="2"/>
      <c r="C57675" s="2"/>
    </row>
    <row r="57676" spans="1:3" ht="19.2">
      <c r="A57676" s="2"/>
      <c r="B57676" s="2"/>
      <c r="C57676" s="2"/>
    </row>
    <row r="57677" spans="1:3" ht="19.2">
      <c r="A57677" s="2"/>
      <c r="B57677" s="2"/>
      <c r="C57677" s="2"/>
    </row>
    <row r="57678" spans="1:3" ht="19.2">
      <c r="A57678" s="2"/>
      <c r="B57678" s="2"/>
      <c r="C57678" s="2"/>
    </row>
    <row r="57679" spans="1:3" ht="19.2">
      <c r="A57679" s="2"/>
      <c r="B57679" s="2"/>
      <c r="C57679" s="2"/>
    </row>
    <row r="57680" spans="1:3" ht="19.2">
      <c r="A57680" s="2"/>
      <c r="B57680" s="2"/>
      <c r="C57680" s="2"/>
    </row>
    <row r="57681" spans="1:3" ht="19.2">
      <c r="A57681" s="2"/>
      <c r="B57681" s="2"/>
      <c r="C57681" s="2"/>
    </row>
    <row r="57682" spans="1:3" ht="19.2">
      <c r="A57682" s="2"/>
      <c r="B57682" s="2"/>
      <c r="C57682" s="2"/>
    </row>
    <row r="57683" spans="1:3" ht="19.2">
      <c r="A57683" s="2"/>
      <c r="B57683" s="2"/>
      <c r="C57683" s="2"/>
    </row>
    <row r="57684" spans="1:3" ht="19.2">
      <c r="A57684" s="2"/>
      <c r="B57684" s="2"/>
      <c r="C57684" s="2"/>
    </row>
    <row r="57685" spans="1:3" ht="19.2">
      <c r="A57685" s="2"/>
      <c r="B57685" s="2"/>
      <c r="C57685" s="2"/>
    </row>
    <row r="57686" spans="1:3" ht="19.2">
      <c r="A57686" s="2"/>
      <c r="B57686" s="2"/>
      <c r="C57686" s="2"/>
    </row>
    <row r="57687" spans="1:3" ht="19.2">
      <c r="A57687" s="2"/>
      <c r="B57687" s="2"/>
      <c r="C57687" s="2"/>
    </row>
    <row r="57688" spans="1:3" ht="19.2">
      <c r="A57688" s="2"/>
      <c r="B57688" s="2"/>
      <c r="C57688" s="2"/>
    </row>
    <row r="57689" spans="1:3" ht="19.2">
      <c r="A57689" s="2"/>
      <c r="B57689" s="2"/>
      <c r="C57689" s="2"/>
    </row>
    <row r="57690" spans="1:3" ht="19.2">
      <c r="A57690" s="2"/>
      <c r="B57690" s="2"/>
      <c r="C57690" s="2"/>
    </row>
    <row r="57691" spans="1:3" ht="19.2">
      <c r="A57691" s="2"/>
      <c r="B57691" s="2"/>
      <c r="C57691" s="2"/>
    </row>
    <row r="57692" spans="1:3" ht="19.2">
      <c r="A57692" s="2"/>
      <c r="B57692" s="2"/>
      <c r="C57692" s="2"/>
    </row>
    <row r="57693" spans="1:3" ht="19.2">
      <c r="A57693" s="2"/>
      <c r="B57693" s="2"/>
      <c r="C57693" s="2"/>
    </row>
    <row r="57694" spans="1:3" ht="19.2">
      <c r="A57694" s="2"/>
      <c r="B57694" s="2"/>
      <c r="C57694" s="2"/>
    </row>
    <row r="57695" spans="1:3" ht="19.2">
      <c r="A57695" s="2"/>
      <c r="B57695" s="2"/>
      <c r="C57695" s="2"/>
    </row>
    <row r="57696" spans="1:3" ht="19.2">
      <c r="A57696" s="2"/>
      <c r="B57696" s="2"/>
      <c r="C57696" s="2"/>
    </row>
    <row r="57697" spans="1:3" ht="19.2">
      <c r="A57697" s="2"/>
      <c r="B57697" s="2"/>
      <c r="C57697" s="2"/>
    </row>
    <row r="57698" spans="1:3" ht="19.2">
      <c r="A57698" s="2"/>
      <c r="B57698" s="2"/>
      <c r="C57698" s="2"/>
    </row>
    <row r="57699" spans="1:3" ht="19.2">
      <c r="A57699" s="2"/>
      <c r="B57699" s="2"/>
      <c r="C57699" s="2"/>
    </row>
    <row r="57700" spans="1:3" ht="19.2">
      <c r="A57700" s="2"/>
      <c r="B57700" s="2"/>
      <c r="C57700" s="2"/>
    </row>
    <row r="57701" spans="1:3" ht="19.2">
      <c r="A57701" s="2"/>
      <c r="B57701" s="2"/>
      <c r="C57701" s="2"/>
    </row>
    <row r="57702" spans="1:3" ht="19.2">
      <c r="A57702" s="2"/>
      <c r="B57702" s="2"/>
      <c r="C57702" s="2"/>
    </row>
    <row r="57703" spans="1:3" ht="19.2">
      <c r="A57703" s="2"/>
      <c r="B57703" s="2"/>
      <c r="C57703" s="2"/>
    </row>
    <row r="57704" spans="1:3" ht="19.2">
      <c r="A57704" s="2"/>
      <c r="B57704" s="2"/>
      <c r="C57704" s="2"/>
    </row>
    <row r="57705" spans="1:3" ht="19.2">
      <c r="A57705" s="2"/>
      <c r="B57705" s="2"/>
      <c r="C57705" s="2"/>
    </row>
    <row r="57706" spans="1:3" ht="19.2">
      <c r="A57706" s="2"/>
      <c r="B57706" s="2"/>
      <c r="C57706" s="2"/>
    </row>
    <row r="57707" spans="1:3" ht="19.2">
      <c r="A57707" s="2"/>
      <c r="B57707" s="2"/>
      <c r="C57707" s="2"/>
    </row>
    <row r="57708" spans="1:3" ht="19.2">
      <c r="A57708" s="2"/>
      <c r="B57708" s="2"/>
      <c r="C57708" s="2"/>
    </row>
    <row r="57709" spans="1:3" ht="19.2">
      <c r="A57709" s="2"/>
      <c r="B57709" s="2"/>
      <c r="C57709" s="2"/>
    </row>
    <row r="57710" spans="1:3" ht="19.2">
      <c r="A57710" s="2"/>
      <c r="B57710" s="2"/>
      <c r="C57710" s="2"/>
    </row>
    <row r="57711" spans="1:3" ht="19.2">
      <c r="A57711" s="2"/>
      <c r="B57711" s="2"/>
      <c r="C57711" s="2"/>
    </row>
    <row r="57712" spans="1:3" ht="19.2">
      <c r="A57712" s="2"/>
      <c r="B57712" s="2"/>
      <c r="C57712" s="2"/>
    </row>
    <row r="57713" spans="1:3" ht="19.2">
      <c r="A57713" s="2"/>
      <c r="B57713" s="2"/>
      <c r="C57713" s="2"/>
    </row>
    <row r="57714" spans="1:3" ht="19.2">
      <c r="A57714" s="2"/>
      <c r="B57714" s="2"/>
      <c r="C57714" s="2"/>
    </row>
    <row r="57715" spans="1:3" ht="19.2">
      <c r="A57715" s="2"/>
      <c r="B57715" s="2"/>
      <c r="C57715" s="2"/>
    </row>
    <row r="57716" spans="1:3" ht="19.2">
      <c r="A57716" s="2"/>
      <c r="B57716" s="2"/>
      <c r="C57716" s="2"/>
    </row>
    <row r="57717" spans="1:3" ht="19.2">
      <c r="A57717" s="2"/>
      <c r="B57717" s="2"/>
      <c r="C57717" s="2"/>
    </row>
    <row r="57718" spans="1:3" ht="19.2">
      <c r="A57718" s="2"/>
      <c r="B57718" s="2"/>
      <c r="C57718" s="2"/>
    </row>
    <row r="57719" spans="1:3" ht="19.2">
      <c r="A57719" s="2"/>
      <c r="B57719" s="2"/>
      <c r="C57719" s="2"/>
    </row>
    <row r="57720" spans="1:3" ht="19.2">
      <c r="A57720" s="2"/>
      <c r="B57720" s="2"/>
      <c r="C57720" s="2"/>
    </row>
    <row r="57721" spans="1:3" ht="19.2">
      <c r="A57721" s="2"/>
      <c r="B57721" s="2"/>
      <c r="C57721" s="2"/>
    </row>
    <row r="57722" spans="1:3" ht="19.2">
      <c r="A57722" s="2"/>
      <c r="B57722" s="2"/>
      <c r="C57722" s="2"/>
    </row>
    <row r="57723" spans="1:3" ht="19.2">
      <c r="A57723" s="2"/>
      <c r="B57723" s="2"/>
      <c r="C57723" s="2"/>
    </row>
    <row r="57724" spans="1:3" ht="19.2">
      <c r="A57724" s="2"/>
      <c r="B57724" s="2"/>
      <c r="C57724" s="2"/>
    </row>
    <row r="57725" spans="1:3" ht="19.2">
      <c r="A57725" s="2"/>
      <c r="B57725" s="2"/>
      <c r="C57725" s="2"/>
    </row>
    <row r="57726" spans="1:3" ht="19.2">
      <c r="A57726" s="2"/>
      <c r="B57726" s="2"/>
      <c r="C57726" s="2"/>
    </row>
    <row r="57727" spans="1:3" ht="19.2">
      <c r="A57727" s="2"/>
      <c r="B57727" s="2"/>
      <c r="C57727" s="2"/>
    </row>
    <row r="57728" spans="1:3" ht="19.2">
      <c r="A57728" s="2"/>
      <c r="B57728" s="2"/>
      <c r="C57728" s="2"/>
    </row>
    <row r="57729" spans="1:3" ht="19.2">
      <c r="A57729" s="2"/>
      <c r="B57729" s="2"/>
      <c r="C57729" s="2"/>
    </row>
    <row r="57730" spans="1:3" ht="19.2">
      <c r="A57730" s="2"/>
      <c r="B57730" s="2"/>
      <c r="C57730" s="2"/>
    </row>
    <row r="57731" spans="1:3" ht="19.2">
      <c r="A57731" s="2"/>
      <c r="B57731" s="2"/>
      <c r="C57731" s="2"/>
    </row>
    <row r="57732" spans="1:3" ht="19.2">
      <c r="A57732" s="2"/>
      <c r="B57732" s="2"/>
      <c r="C57732" s="2"/>
    </row>
    <row r="57733" spans="1:3" ht="19.2">
      <c r="A57733" s="2"/>
      <c r="B57733" s="2"/>
      <c r="C57733" s="2"/>
    </row>
    <row r="57734" spans="1:3" ht="19.2">
      <c r="A57734" s="2"/>
      <c r="B57734" s="2"/>
      <c r="C57734" s="2"/>
    </row>
    <row r="57735" spans="1:3" ht="19.2">
      <c r="A57735" s="2"/>
      <c r="B57735" s="2"/>
      <c r="C57735" s="2"/>
    </row>
    <row r="57736" spans="1:3" ht="19.2">
      <c r="A57736" s="2"/>
      <c r="B57736" s="2"/>
      <c r="C57736" s="2"/>
    </row>
    <row r="57737" spans="1:3" ht="19.2">
      <c r="A57737" s="2"/>
      <c r="B57737" s="2"/>
      <c r="C57737" s="2"/>
    </row>
    <row r="57738" spans="1:3" ht="19.2">
      <c r="A57738" s="2"/>
      <c r="B57738" s="2"/>
      <c r="C57738" s="2"/>
    </row>
    <row r="57739" spans="1:3" ht="19.2">
      <c r="A57739" s="2"/>
      <c r="B57739" s="2"/>
      <c r="C57739" s="2"/>
    </row>
    <row r="57740" spans="1:3" ht="19.2">
      <c r="A57740" s="2"/>
      <c r="B57740" s="2"/>
      <c r="C57740" s="2"/>
    </row>
    <row r="57741" spans="1:3" ht="19.2">
      <c r="A57741" s="2"/>
      <c r="B57741" s="2"/>
      <c r="C57741" s="2"/>
    </row>
    <row r="57742" spans="1:3" ht="19.2">
      <c r="A57742" s="2"/>
      <c r="B57742" s="2"/>
      <c r="C57742" s="2"/>
    </row>
    <row r="57743" spans="1:3" ht="19.2">
      <c r="A57743" s="2"/>
      <c r="B57743" s="2"/>
      <c r="C57743" s="2"/>
    </row>
    <row r="57744" spans="1:3" ht="19.2">
      <c r="A57744" s="2"/>
      <c r="B57744" s="2"/>
      <c r="C57744" s="2"/>
    </row>
    <row r="57745" spans="1:3" ht="19.2">
      <c r="A57745" s="2"/>
      <c r="B57745" s="2"/>
      <c r="C57745" s="2"/>
    </row>
    <row r="57746" spans="1:3" ht="19.2">
      <c r="A57746" s="2"/>
      <c r="B57746" s="2"/>
      <c r="C57746" s="2"/>
    </row>
    <row r="57747" spans="1:3" ht="19.2">
      <c r="A57747" s="2"/>
      <c r="B57747" s="2"/>
      <c r="C57747" s="2"/>
    </row>
    <row r="57748" spans="1:3" ht="19.2">
      <c r="A57748" s="2"/>
      <c r="B57748" s="2"/>
      <c r="C57748" s="2"/>
    </row>
    <row r="57749" spans="1:3" ht="19.2">
      <c r="A57749" s="2"/>
      <c r="B57749" s="2"/>
      <c r="C57749" s="2"/>
    </row>
    <row r="57750" spans="1:3" ht="19.2">
      <c r="A57750" s="2"/>
      <c r="B57750" s="2"/>
      <c r="C57750" s="2"/>
    </row>
    <row r="57751" spans="1:3" ht="19.2">
      <c r="A57751" s="2"/>
      <c r="B57751" s="2"/>
      <c r="C57751" s="2"/>
    </row>
    <row r="57752" spans="1:3" ht="19.2">
      <c r="A57752" s="2"/>
      <c r="B57752" s="2"/>
      <c r="C57752" s="2"/>
    </row>
    <row r="57753" spans="1:3" ht="19.2">
      <c r="A57753" s="2"/>
      <c r="B57753" s="2"/>
      <c r="C57753" s="2"/>
    </row>
    <row r="57754" spans="1:3" ht="19.2">
      <c r="A57754" s="2"/>
      <c r="B57754" s="2"/>
      <c r="C57754" s="2"/>
    </row>
    <row r="57755" spans="1:3" ht="19.2">
      <c r="A57755" s="2"/>
      <c r="B57755" s="2"/>
      <c r="C57755" s="2"/>
    </row>
    <row r="57756" spans="1:3" ht="19.2">
      <c r="A57756" s="2"/>
      <c r="B57756" s="2"/>
      <c r="C57756" s="2"/>
    </row>
    <row r="57757" spans="1:3" ht="19.2">
      <c r="A57757" s="2"/>
      <c r="B57757" s="2"/>
      <c r="C57757" s="2"/>
    </row>
    <row r="57758" spans="1:3" ht="19.2">
      <c r="A57758" s="2"/>
      <c r="B57758" s="2"/>
      <c r="C57758" s="2"/>
    </row>
    <row r="57759" spans="1:3" ht="19.2">
      <c r="A57759" s="2"/>
      <c r="B57759" s="2"/>
      <c r="C57759" s="2"/>
    </row>
    <row r="57760" spans="1:3" ht="19.2">
      <c r="A57760" s="2"/>
      <c r="B57760" s="2"/>
      <c r="C57760" s="2"/>
    </row>
    <row r="57761" spans="1:3" ht="19.2">
      <c r="A57761" s="2"/>
      <c r="B57761" s="2"/>
      <c r="C57761" s="2"/>
    </row>
    <row r="57762" spans="1:3" ht="19.2">
      <c r="A57762" s="2"/>
      <c r="B57762" s="2"/>
      <c r="C57762" s="2"/>
    </row>
    <row r="57763" spans="1:3" ht="19.2">
      <c r="A57763" s="2"/>
      <c r="B57763" s="2"/>
      <c r="C57763" s="2"/>
    </row>
    <row r="57764" spans="1:3" ht="19.2">
      <c r="A57764" s="2"/>
      <c r="B57764" s="2"/>
      <c r="C57764" s="2"/>
    </row>
    <row r="57765" spans="1:3" ht="19.2">
      <c r="A57765" s="2"/>
      <c r="B57765" s="2"/>
      <c r="C57765" s="2"/>
    </row>
    <row r="57766" spans="1:3" ht="19.2">
      <c r="A57766" s="2"/>
      <c r="B57766" s="2"/>
      <c r="C57766" s="2"/>
    </row>
    <row r="57767" spans="1:3" ht="19.2">
      <c r="A57767" s="2"/>
      <c r="B57767" s="2"/>
      <c r="C57767" s="2"/>
    </row>
    <row r="57768" spans="1:3" ht="19.2">
      <c r="A57768" s="2"/>
      <c r="B57768" s="2"/>
      <c r="C57768" s="2"/>
    </row>
    <row r="57769" spans="1:3" ht="19.2">
      <c r="A57769" s="2"/>
      <c r="B57769" s="2"/>
      <c r="C57769" s="2"/>
    </row>
    <row r="57770" spans="1:3" ht="19.2">
      <c r="A57770" s="2"/>
      <c r="B57770" s="2"/>
      <c r="C57770" s="2"/>
    </row>
    <row r="57771" spans="1:3" ht="19.2">
      <c r="A57771" s="2"/>
      <c r="B57771" s="2"/>
      <c r="C57771" s="2"/>
    </row>
    <row r="57772" spans="1:3" ht="19.2">
      <c r="A57772" s="2"/>
      <c r="B57772" s="2"/>
      <c r="C57772" s="2"/>
    </row>
    <row r="57773" spans="1:3" ht="19.2">
      <c r="A57773" s="2"/>
      <c r="B57773" s="2"/>
      <c r="C57773" s="2"/>
    </row>
    <row r="57774" spans="1:3" ht="19.2">
      <c r="A57774" s="2"/>
      <c r="B57774" s="2"/>
      <c r="C57774" s="2"/>
    </row>
    <row r="57775" spans="1:3" ht="19.2">
      <c r="A57775" s="2"/>
      <c r="B57775" s="2"/>
      <c r="C57775" s="2"/>
    </row>
    <row r="57776" spans="1:3" ht="19.2">
      <c r="A57776" s="2"/>
      <c r="B57776" s="2"/>
      <c r="C57776" s="2"/>
    </row>
    <row r="57777" spans="1:3" ht="19.2">
      <c r="A57777" s="2"/>
      <c r="B57777" s="2"/>
      <c r="C57777" s="2"/>
    </row>
    <row r="57778" spans="1:3" ht="19.2">
      <c r="A57778" s="2"/>
      <c r="B57778" s="2"/>
      <c r="C57778" s="2"/>
    </row>
    <row r="57779" spans="1:3" ht="19.2">
      <c r="A57779" s="2"/>
      <c r="B57779" s="2"/>
      <c r="C57779" s="2"/>
    </row>
    <row r="57780" spans="1:3" ht="19.2">
      <c r="A57780" s="2"/>
      <c r="B57780" s="2"/>
      <c r="C57780" s="2"/>
    </row>
    <row r="57781" spans="1:3" ht="19.2">
      <c r="A57781" s="2"/>
      <c r="B57781" s="2"/>
      <c r="C57781" s="2"/>
    </row>
    <row r="57782" spans="1:3" ht="19.2">
      <c r="A57782" s="2"/>
      <c r="B57782" s="2"/>
      <c r="C57782" s="2"/>
    </row>
    <row r="57783" spans="1:3" ht="19.2">
      <c r="A57783" s="2"/>
      <c r="B57783" s="2"/>
      <c r="C57783" s="2"/>
    </row>
    <row r="57784" spans="1:3" ht="19.2">
      <c r="A57784" s="2"/>
      <c r="B57784" s="2"/>
      <c r="C57784" s="2"/>
    </row>
    <row r="57785" spans="1:3" ht="19.2">
      <c r="A57785" s="2"/>
      <c r="B57785" s="2"/>
      <c r="C57785" s="2"/>
    </row>
    <row r="57786" spans="1:3" ht="19.2">
      <c r="A57786" s="2"/>
      <c r="B57786" s="2"/>
      <c r="C57786" s="2"/>
    </row>
    <row r="57787" spans="1:3" ht="19.2">
      <c r="A57787" s="2"/>
      <c r="B57787" s="2"/>
      <c r="C57787" s="2"/>
    </row>
    <row r="57788" spans="1:3" ht="19.2">
      <c r="A57788" s="2"/>
      <c r="B57788" s="2"/>
      <c r="C57788" s="2"/>
    </row>
    <row r="57789" spans="1:3" ht="19.2">
      <c r="A57789" s="2"/>
      <c r="B57789" s="2"/>
      <c r="C57789" s="2"/>
    </row>
    <row r="57790" spans="1:3" ht="19.2">
      <c r="A57790" s="2"/>
      <c r="B57790" s="2"/>
      <c r="C57790" s="2"/>
    </row>
    <row r="57791" spans="1:3" ht="19.2">
      <c r="A57791" s="2"/>
      <c r="B57791" s="2"/>
      <c r="C57791" s="2"/>
    </row>
    <row r="57792" spans="1:3" ht="19.2">
      <c r="A57792" s="2"/>
      <c r="B57792" s="2"/>
      <c r="C57792" s="2"/>
    </row>
    <row r="57793" spans="1:3" ht="19.2">
      <c r="A57793" s="2"/>
      <c r="B57793" s="2"/>
      <c r="C57793" s="2"/>
    </row>
    <row r="57794" spans="1:3" ht="19.2">
      <c r="A57794" s="2"/>
      <c r="B57794" s="2"/>
      <c r="C57794" s="2"/>
    </row>
    <row r="57795" spans="1:3" ht="19.2">
      <c r="A57795" s="2"/>
      <c r="B57795" s="2"/>
      <c r="C57795" s="2"/>
    </row>
    <row r="57796" spans="1:3" ht="19.2">
      <c r="A57796" s="2"/>
      <c r="B57796" s="2"/>
      <c r="C57796" s="2"/>
    </row>
    <row r="57797" spans="1:3" ht="19.2">
      <c r="A57797" s="2"/>
      <c r="B57797" s="2"/>
      <c r="C57797" s="2"/>
    </row>
    <row r="57798" spans="1:3" ht="19.2">
      <c r="A57798" s="2"/>
      <c r="B57798" s="2"/>
      <c r="C57798" s="2"/>
    </row>
    <row r="57799" spans="1:3" ht="19.2">
      <c r="A57799" s="2"/>
      <c r="B57799" s="2"/>
      <c r="C57799" s="2"/>
    </row>
    <row r="57800" spans="1:3" ht="19.2">
      <c r="A57800" s="2"/>
      <c r="B57800" s="2"/>
      <c r="C57800" s="2"/>
    </row>
    <row r="57801" spans="1:3" ht="19.2">
      <c r="A57801" s="2"/>
      <c r="B57801" s="2"/>
      <c r="C57801" s="2"/>
    </row>
    <row r="57802" spans="1:3" ht="19.2">
      <c r="A57802" s="2"/>
      <c r="B57802" s="2"/>
      <c r="C57802" s="2"/>
    </row>
    <row r="57803" spans="1:3" ht="19.2">
      <c r="A57803" s="2"/>
      <c r="B57803" s="2"/>
      <c r="C57803" s="2"/>
    </row>
    <row r="57804" spans="1:3" ht="19.2">
      <c r="A57804" s="2"/>
      <c r="B57804" s="2"/>
      <c r="C57804" s="2"/>
    </row>
    <row r="57805" spans="1:3" ht="19.2">
      <c r="A57805" s="2"/>
      <c r="B57805" s="2"/>
      <c r="C57805" s="2"/>
    </row>
    <row r="57806" spans="1:3" ht="19.2">
      <c r="A57806" s="2"/>
      <c r="B57806" s="2"/>
      <c r="C57806" s="2"/>
    </row>
    <row r="57807" spans="1:3" ht="19.2">
      <c r="A57807" s="2"/>
      <c r="B57807" s="2"/>
      <c r="C57807" s="2"/>
    </row>
    <row r="57808" spans="1:3" ht="19.2">
      <c r="A57808" s="2"/>
      <c r="B57808" s="2"/>
      <c r="C57808" s="2"/>
    </row>
    <row r="57809" spans="1:3" ht="19.2">
      <c r="A57809" s="2"/>
      <c r="B57809" s="2"/>
      <c r="C57809" s="2"/>
    </row>
    <row r="57810" spans="1:3" ht="19.2">
      <c r="A57810" s="2"/>
      <c r="B57810" s="2"/>
      <c r="C57810" s="2"/>
    </row>
    <row r="57811" spans="1:3" ht="19.2">
      <c r="A57811" s="2"/>
      <c r="B57811" s="2"/>
      <c r="C57811" s="2"/>
    </row>
    <row r="57812" spans="1:3" ht="19.2">
      <c r="A57812" s="2"/>
      <c r="B57812" s="2"/>
      <c r="C57812" s="2"/>
    </row>
    <row r="57813" spans="1:3" ht="19.2">
      <c r="A57813" s="2"/>
      <c r="B57813" s="2"/>
      <c r="C57813" s="2"/>
    </row>
    <row r="57814" spans="1:3" ht="19.2">
      <c r="A57814" s="2"/>
      <c r="B57814" s="2"/>
      <c r="C57814" s="2"/>
    </row>
    <row r="57815" spans="1:3" ht="19.2">
      <c r="A57815" s="2"/>
      <c r="B57815" s="2"/>
      <c r="C57815" s="2"/>
    </row>
    <row r="57816" spans="1:3" ht="19.2">
      <c r="A57816" s="2"/>
      <c r="B57816" s="2"/>
      <c r="C57816" s="2"/>
    </row>
    <row r="57817" spans="1:3" ht="19.2">
      <c r="A57817" s="2"/>
      <c r="B57817" s="2"/>
      <c r="C57817" s="2"/>
    </row>
    <row r="57818" spans="1:3" ht="19.2">
      <c r="A57818" s="2"/>
      <c r="B57818" s="2"/>
      <c r="C57818" s="2"/>
    </row>
    <row r="57819" spans="1:3" ht="19.2">
      <c r="A57819" s="2"/>
      <c r="B57819" s="2"/>
      <c r="C57819" s="2"/>
    </row>
    <row r="57820" spans="1:3" ht="19.2">
      <c r="A57820" s="2"/>
      <c r="B57820" s="2"/>
      <c r="C57820" s="2"/>
    </row>
    <row r="57821" spans="1:3" ht="19.2">
      <c r="A57821" s="2"/>
      <c r="B57821" s="2"/>
      <c r="C57821" s="2"/>
    </row>
    <row r="57822" spans="1:3" ht="19.2">
      <c r="A57822" s="2"/>
      <c r="B57822" s="2"/>
      <c r="C57822" s="2"/>
    </row>
    <row r="57823" spans="1:3" ht="19.2">
      <c r="A57823" s="2"/>
      <c r="B57823" s="2"/>
      <c r="C57823" s="2"/>
    </row>
    <row r="57824" spans="1:3" ht="19.2">
      <c r="A57824" s="2"/>
      <c r="B57824" s="2"/>
      <c r="C57824" s="2"/>
    </row>
    <row r="57825" spans="1:3" ht="19.2">
      <c r="A57825" s="2"/>
      <c r="B57825" s="2"/>
      <c r="C57825" s="2"/>
    </row>
    <row r="57826" spans="1:3" ht="19.2">
      <c r="A57826" s="2"/>
      <c r="B57826" s="2"/>
      <c r="C57826" s="2"/>
    </row>
    <row r="57827" spans="1:3" ht="19.2">
      <c r="A57827" s="2"/>
      <c r="B57827" s="2"/>
      <c r="C57827" s="2"/>
    </row>
    <row r="57828" spans="1:3" ht="19.2">
      <c r="A57828" s="2"/>
      <c r="B57828" s="2"/>
      <c r="C57828" s="2"/>
    </row>
    <row r="57829" spans="1:3" ht="19.2">
      <c r="A57829" s="2"/>
      <c r="B57829" s="2"/>
      <c r="C57829" s="2"/>
    </row>
    <row r="57830" spans="1:3" ht="19.2">
      <c r="A57830" s="2"/>
      <c r="B57830" s="2"/>
      <c r="C57830" s="2"/>
    </row>
    <row r="57831" spans="1:3" ht="19.2">
      <c r="A57831" s="2"/>
      <c r="B57831" s="2"/>
      <c r="C57831" s="2"/>
    </row>
    <row r="57832" spans="1:3" ht="19.2">
      <c r="A57832" s="2"/>
      <c r="B57832" s="2"/>
      <c r="C57832" s="2"/>
    </row>
    <row r="57833" spans="1:3" ht="19.2">
      <c r="A57833" s="2"/>
      <c r="B57833" s="2"/>
      <c r="C57833" s="2"/>
    </row>
    <row r="57834" spans="1:3" ht="19.2">
      <c r="A57834" s="2"/>
      <c r="B57834" s="2"/>
      <c r="C57834" s="2"/>
    </row>
    <row r="57835" spans="1:3" ht="19.2">
      <c r="A57835" s="2"/>
      <c r="B57835" s="2"/>
      <c r="C57835" s="2"/>
    </row>
    <row r="57836" spans="1:3" ht="19.2">
      <c r="A57836" s="2"/>
      <c r="B57836" s="2"/>
      <c r="C57836" s="2"/>
    </row>
    <row r="57837" spans="1:3" ht="19.2">
      <c r="A57837" s="2"/>
      <c r="B57837" s="2"/>
      <c r="C57837" s="2"/>
    </row>
    <row r="57838" spans="1:3" ht="19.2">
      <c r="A57838" s="2"/>
      <c r="B57838" s="2"/>
      <c r="C57838" s="2"/>
    </row>
    <row r="57839" spans="1:3" ht="19.2">
      <c r="A57839" s="2"/>
      <c r="B57839" s="2"/>
      <c r="C57839" s="2"/>
    </row>
    <row r="57840" spans="1:3" ht="19.2">
      <c r="A57840" s="2"/>
      <c r="B57840" s="2"/>
      <c r="C57840" s="2"/>
    </row>
    <row r="57841" spans="1:3" ht="19.2">
      <c r="A57841" s="2"/>
      <c r="B57841" s="2"/>
      <c r="C57841" s="2"/>
    </row>
    <row r="57842" spans="1:3" ht="19.2">
      <c r="A57842" s="2"/>
      <c r="B57842" s="2"/>
      <c r="C57842" s="2"/>
    </row>
    <row r="57843" spans="1:3" ht="19.2">
      <c r="A57843" s="2"/>
      <c r="B57843" s="2"/>
      <c r="C57843" s="2"/>
    </row>
    <row r="57844" spans="1:3" ht="19.2">
      <c r="A57844" s="2"/>
      <c r="B57844" s="2"/>
      <c r="C57844" s="2"/>
    </row>
    <row r="57845" spans="1:3" ht="19.2">
      <c r="A57845" s="2"/>
      <c r="B57845" s="2"/>
      <c r="C57845" s="2"/>
    </row>
    <row r="57846" spans="1:3" ht="19.2">
      <c r="A57846" s="2"/>
      <c r="B57846" s="2"/>
      <c r="C57846" s="2"/>
    </row>
    <row r="57847" spans="1:3" ht="19.2">
      <c r="A57847" s="2"/>
      <c r="B57847" s="2"/>
      <c r="C57847" s="2"/>
    </row>
    <row r="57848" spans="1:3" ht="19.2">
      <c r="A57848" s="2"/>
      <c r="B57848" s="2"/>
      <c r="C57848" s="2"/>
    </row>
    <row r="57849" spans="1:3" ht="19.2">
      <c r="A57849" s="2"/>
      <c r="B57849" s="2"/>
      <c r="C57849" s="2"/>
    </row>
    <row r="57850" spans="1:3" ht="19.2">
      <c r="A57850" s="2"/>
      <c r="B57850" s="2"/>
      <c r="C57850" s="2"/>
    </row>
    <row r="57851" spans="1:3" ht="19.2">
      <c r="A57851" s="2"/>
      <c r="B57851" s="2"/>
      <c r="C57851" s="2"/>
    </row>
    <row r="57852" spans="1:3" ht="19.2">
      <c r="A57852" s="2"/>
      <c r="B57852" s="2"/>
      <c r="C57852" s="2"/>
    </row>
    <row r="57853" spans="1:3" ht="19.2">
      <c r="A57853" s="2"/>
      <c r="B57853" s="2"/>
      <c r="C57853" s="2"/>
    </row>
    <row r="57854" spans="1:3" ht="19.2">
      <c r="A57854" s="2"/>
      <c r="B57854" s="2"/>
      <c r="C57854" s="2"/>
    </row>
    <row r="57855" spans="1:3" ht="19.2">
      <c r="A57855" s="2"/>
      <c r="B57855" s="2"/>
      <c r="C57855" s="2"/>
    </row>
    <row r="57856" spans="1:3" ht="19.2">
      <c r="A57856" s="2"/>
      <c r="B57856" s="2"/>
      <c r="C57856" s="2"/>
    </row>
    <row r="57857" spans="1:3" ht="19.2">
      <c r="A57857" s="2"/>
      <c r="B57857" s="2"/>
      <c r="C57857" s="2"/>
    </row>
    <row r="57858" spans="1:3" ht="19.2">
      <c r="A57858" s="2"/>
      <c r="B57858" s="2"/>
      <c r="C57858" s="2"/>
    </row>
    <row r="57859" spans="1:3" ht="19.2">
      <c r="A57859" s="2"/>
      <c r="B57859" s="2"/>
      <c r="C57859" s="2"/>
    </row>
    <row r="57860" spans="1:3" ht="19.2">
      <c r="A57860" s="2"/>
      <c r="B57860" s="2"/>
      <c r="C57860" s="2"/>
    </row>
    <row r="57861" spans="1:3" ht="19.2">
      <c r="A57861" s="2"/>
      <c r="B57861" s="2"/>
      <c r="C57861" s="2"/>
    </row>
    <row r="57862" spans="1:3" ht="19.2">
      <c r="A57862" s="2"/>
      <c r="B57862" s="2"/>
      <c r="C57862" s="2"/>
    </row>
    <row r="57863" spans="1:3" ht="19.2">
      <c r="A57863" s="2"/>
      <c r="B57863" s="2"/>
      <c r="C57863" s="2"/>
    </row>
    <row r="57864" spans="1:3" ht="19.2">
      <c r="A57864" s="2"/>
      <c r="B57864" s="2"/>
      <c r="C57864" s="2"/>
    </row>
    <row r="57865" spans="1:3" ht="19.2">
      <c r="A57865" s="2"/>
      <c r="B57865" s="2"/>
      <c r="C57865" s="2"/>
    </row>
    <row r="57866" spans="1:3" ht="19.2">
      <c r="A57866" s="2"/>
      <c r="B57866" s="2"/>
      <c r="C57866" s="2"/>
    </row>
    <row r="57867" spans="1:3" ht="19.2">
      <c r="A57867" s="2"/>
      <c r="B57867" s="2"/>
      <c r="C57867" s="2"/>
    </row>
    <row r="57868" spans="1:3" ht="19.2">
      <c r="A57868" s="2"/>
      <c r="B57868" s="2"/>
      <c r="C57868" s="2"/>
    </row>
    <row r="57869" spans="1:3" ht="19.2">
      <c r="A57869" s="2"/>
      <c r="B57869" s="2"/>
      <c r="C57869" s="2"/>
    </row>
    <row r="57870" spans="1:3" ht="19.2">
      <c r="A57870" s="2"/>
      <c r="B57870" s="2"/>
      <c r="C57870" s="2"/>
    </row>
    <row r="57871" spans="1:3" ht="19.2">
      <c r="A57871" s="2"/>
      <c r="B57871" s="2"/>
      <c r="C57871" s="2"/>
    </row>
    <row r="57872" spans="1:3" ht="19.2">
      <c r="A57872" s="2"/>
      <c r="B57872" s="2"/>
      <c r="C57872" s="2"/>
    </row>
    <row r="57873" spans="1:3" ht="19.2">
      <c r="A57873" s="2"/>
      <c r="B57873" s="2"/>
      <c r="C57873" s="2"/>
    </row>
    <row r="57874" spans="1:3" ht="19.2">
      <c r="A57874" s="2"/>
      <c r="B57874" s="2"/>
      <c r="C57874" s="2"/>
    </row>
    <row r="57875" spans="1:3" ht="19.2">
      <c r="A57875" s="2"/>
      <c r="B57875" s="2"/>
      <c r="C57875" s="2"/>
    </row>
    <row r="57876" spans="1:3" ht="19.2">
      <c r="A57876" s="2"/>
      <c r="B57876" s="2"/>
      <c r="C57876" s="2"/>
    </row>
    <row r="57877" spans="1:3" ht="19.2">
      <c r="A57877" s="2"/>
      <c r="B57877" s="2"/>
      <c r="C57877" s="2"/>
    </row>
    <row r="57878" spans="1:3" ht="19.2">
      <c r="A57878" s="2"/>
      <c r="B57878" s="2"/>
      <c r="C57878" s="2"/>
    </row>
    <row r="57879" spans="1:3" ht="19.2">
      <c r="A57879" s="2"/>
      <c r="B57879" s="2"/>
      <c r="C57879" s="2"/>
    </row>
    <row r="57880" spans="1:3" ht="19.2">
      <c r="A57880" s="2"/>
      <c r="B57880" s="2"/>
      <c r="C57880" s="2"/>
    </row>
    <row r="57881" spans="1:3" ht="19.2">
      <c r="A57881" s="2"/>
      <c r="B57881" s="2"/>
      <c r="C57881" s="2"/>
    </row>
    <row r="57882" spans="1:3" ht="19.2">
      <c r="A57882" s="2"/>
      <c r="B57882" s="2"/>
      <c r="C57882" s="2"/>
    </row>
    <row r="57883" spans="1:3" ht="19.2">
      <c r="A57883" s="2"/>
      <c r="B57883" s="2"/>
      <c r="C57883" s="2"/>
    </row>
    <row r="57884" spans="1:3" ht="19.2">
      <c r="A57884" s="2"/>
      <c r="B57884" s="2"/>
      <c r="C57884" s="2"/>
    </row>
    <row r="57885" spans="1:3" ht="19.2">
      <c r="A57885" s="2"/>
      <c r="B57885" s="2"/>
      <c r="C57885" s="2"/>
    </row>
    <row r="57886" spans="1:3" ht="19.2">
      <c r="A57886" s="2"/>
      <c r="B57886" s="2"/>
      <c r="C57886" s="2"/>
    </row>
    <row r="57887" spans="1:3" ht="19.2">
      <c r="A57887" s="2"/>
      <c r="B57887" s="2"/>
      <c r="C57887" s="2"/>
    </row>
    <row r="57888" spans="1:3" ht="19.2">
      <c r="A57888" s="2"/>
      <c r="B57888" s="2"/>
      <c r="C57888" s="2"/>
    </row>
    <row r="57889" spans="1:3" ht="19.2">
      <c r="A57889" s="2"/>
      <c r="B57889" s="2"/>
      <c r="C57889" s="2"/>
    </row>
    <row r="57890" spans="1:3" ht="19.2">
      <c r="A57890" s="2"/>
      <c r="B57890" s="2"/>
      <c r="C57890" s="2"/>
    </row>
    <row r="57891" spans="1:3" ht="19.2">
      <c r="A57891" s="2"/>
      <c r="B57891" s="2"/>
      <c r="C57891" s="2"/>
    </row>
    <row r="57892" spans="1:3" ht="19.2">
      <c r="A57892" s="2"/>
      <c r="B57892" s="2"/>
      <c r="C57892" s="2"/>
    </row>
    <row r="57893" spans="1:3" ht="19.2">
      <c r="A57893" s="2"/>
      <c r="B57893" s="2"/>
      <c r="C57893" s="2"/>
    </row>
    <row r="57894" spans="1:3" ht="19.2">
      <c r="A57894" s="2"/>
      <c r="B57894" s="2"/>
      <c r="C57894" s="2"/>
    </row>
    <row r="57895" spans="1:3" ht="19.2">
      <c r="A57895" s="2"/>
      <c r="B57895" s="2"/>
      <c r="C57895" s="2"/>
    </row>
    <row r="57896" spans="1:3" ht="19.2">
      <c r="A57896" s="2"/>
      <c r="B57896" s="2"/>
      <c r="C57896" s="2"/>
    </row>
    <row r="57897" spans="1:3" ht="19.2">
      <c r="A57897" s="2"/>
      <c r="B57897" s="2"/>
      <c r="C57897" s="2"/>
    </row>
    <row r="57898" spans="1:3" ht="19.2">
      <c r="A57898" s="2"/>
      <c r="B57898" s="2"/>
      <c r="C57898" s="2"/>
    </row>
    <row r="57899" spans="1:3" ht="19.2">
      <c r="A57899" s="2"/>
      <c r="B57899" s="2"/>
      <c r="C57899" s="2"/>
    </row>
    <row r="57900" spans="1:3" ht="19.2">
      <c r="A57900" s="2"/>
      <c r="B57900" s="2"/>
      <c r="C57900" s="2"/>
    </row>
    <row r="57901" spans="1:3" ht="19.2">
      <c r="A57901" s="2"/>
      <c r="B57901" s="2"/>
      <c r="C57901" s="2"/>
    </row>
    <row r="57902" spans="1:3" ht="19.2">
      <c r="A57902" s="2"/>
      <c r="B57902" s="2"/>
      <c r="C57902" s="2"/>
    </row>
    <row r="57903" spans="1:3" ht="19.2">
      <c r="A57903" s="2"/>
      <c r="B57903" s="2"/>
      <c r="C57903" s="2"/>
    </row>
    <row r="57904" spans="1:3" ht="19.2">
      <c r="A57904" s="2"/>
      <c r="B57904" s="2"/>
      <c r="C57904" s="2"/>
    </row>
    <row r="57905" spans="1:3" ht="19.2">
      <c r="A57905" s="2"/>
      <c r="B57905" s="2"/>
      <c r="C57905" s="2"/>
    </row>
    <row r="57906" spans="1:3" ht="19.2">
      <c r="A57906" s="2"/>
      <c r="B57906" s="2"/>
      <c r="C57906" s="2"/>
    </row>
    <row r="57907" spans="1:3" ht="19.2">
      <c r="A57907" s="2"/>
      <c r="B57907" s="2"/>
      <c r="C57907" s="2"/>
    </row>
    <row r="57908" spans="1:3" ht="19.2">
      <c r="A57908" s="2"/>
      <c r="B57908" s="2"/>
      <c r="C57908" s="2"/>
    </row>
    <row r="57909" spans="1:3" ht="19.2">
      <c r="A57909" s="2"/>
      <c r="B57909" s="2"/>
      <c r="C57909" s="2"/>
    </row>
    <row r="57910" spans="1:3" ht="19.2">
      <c r="A57910" s="2"/>
      <c r="B57910" s="2"/>
      <c r="C57910" s="2"/>
    </row>
    <row r="57911" spans="1:3" ht="19.2">
      <c r="A57911" s="2"/>
      <c r="B57911" s="2"/>
      <c r="C57911" s="2"/>
    </row>
    <row r="57912" spans="1:3" ht="19.2">
      <c r="A57912" s="2"/>
      <c r="B57912" s="2"/>
      <c r="C57912" s="2"/>
    </row>
    <row r="57913" spans="1:3" ht="19.2">
      <c r="A57913" s="2"/>
      <c r="B57913" s="2"/>
      <c r="C57913" s="2"/>
    </row>
    <row r="57914" spans="1:3" ht="19.2">
      <c r="A57914" s="2"/>
      <c r="B57914" s="2"/>
      <c r="C57914" s="2"/>
    </row>
    <row r="57915" spans="1:3" ht="19.2">
      <c r="A57915" s="2"/>
      <c r="B57915" s="2"/>
      <c r="C57915" s="2"/>
    </row>
    <row r="57916" spans="1:3" ht="19.2">
      <c r="A57916" s="2"/>
      <c r="B57916" s="2"/>
      <c r="C57916" s="2"/>
    </row>
    <row r="57917" spans="1:3" ht="19.2">
      <c r="A57917" s="2"/>
      <c r="B57917" s="2"/>
      <c r="C57917" s="2"/>
    </row>
    <row r="57918" spans="1:3" ht="19.2">
      <c r="A57918" s="2"/>
      <c r="B57918" s="2"/>
      <c r="C57918" s="2"/>
    </row>
    <row r="57919" spans="1:3" ht="19.2">
      <c r="A57919" s="2"/>
      <c r="B57919" s="2"/>
      <c r="C57919" s="2"/>
    </row>
    <row r="57920" spans="1:3" ht="19.2">
      <c r="A57920" s="2"/>
      <c r="B57920" s="2"/>
      <c r="C57920" s="2"/>
    </row>
    <row r="57921" spans="1:3" ht="19.2">
      <c r="A57921" s="2"/>
      <c r="B57921" s="2"/>
      <c r="C57921" s="2"/>
    </row>
    <row r="57922" spans="1:3" ht="19.2">
      <c r="A57922" s="2"/>
      <c r="B57922" s="2"/>
      <c r="C57922" s="2"/>
    </row>
    <row r="57923" spans="1:3" ht="19.2">
      <c r="A57923" s="2"/>
      <c r="B57923" s="2"/>
      <c r="C57923" s="2"/>
    </row>
    <row r="57924" spans="1:3" ht="19.2">
      <c r="A57924" s="2"/>
      <c r="B57924" s="2"/>
      <c r="C57924" s="2"/>
    </row>
    <row r="57925" spans="1:3" ht="19.2">
      <c r="A57925" s="2"/>
      <c r="B57925" s="2"/>
      <c r="C57925" s="2"/>
    </row>
    <row r="57926" spans="1:3" ht="19.2">
      <c r="A57926" s="2"/>
      <c r="B57926" s="2"/>
      <c r="C57926" s="2"/>
    </row>
    <row r="57927" spans="1:3" ht="19.2">
      <c r="A57927" s="2"/>
      <c r="B57927" s="2"/>
      <c r="C57927" s="2"/>
    </row>
    <row r="57928" spans="1:3" ht="19.2">
      <c r="A57928" s="2"/>
      <c r="B57928" s="2"/>
      <c r="C57928" s="2"/>
    </row>
    <row r="57929" spans="1:3" ht="19.2">
      <c r="A57929" s="2"/>
      <c r="B57929" s="2"/>
      <c r="C57929" s="2"/>
    </row>
    <row r="57930" spans="1:3" ht="19.2">
      <c r="A57930" s="2"/>
      <c r="B57930" s="2"/>
      <c r="C57930" s="2"/>
    </row>
    <row r="57931" spans="1:3" ht="19.2">
      <c r="A57931" s="2"/>
      <c r="B57931" s="2"/>
      <c r="C57931" s="2"/>
    </row>
    <row r="57932" spans="1:3" ht="19.2">
      <c r="A57932" s="2"/>
      <c r="B57932" s="2"/>
      <c r="C57932" s="2"/>
    </row>
    <row r="57933" spans="1:3" ht="19.2">
      <c r="A57933" s="2"/>
      <c r="B57933" s="2"/>
      <c r="C57933" s="2"/>
    </row>
    <row r="57934" spans="1:3" ht="19.2">
      <c r="A57934" s="2"/>
      <c r="B57934" s="2"/>
      <c r="C57934" s="2"/>
    </row>
    <row r="57935" spans="1:3" ht="19.2">
      <c r="A57935" s="2"/>
      <c r="B57935" s="2"/>
      <c r="C57935" s="2"/>
    </row>
    <row r="57936" spans="1:3" ht="19.2">
      <c r="A57936" s="2"/>
      <c r="B57936" s="2"/>
      <c r="C57936" s="2"/>
    </row>
    <row r="57937" spans="1:3" ht="19.2">
      <c r="A57937" s="2"/>
      <c r="B57937" s="2"/>
      <c r="C57937" s="2"/>
    </row>
    <row r="57938" spans="1:3" ht="19.2">
      <c r="A57938" s="2"/>
      <c r="B57938" s="2"/>
      <c r="C57938" s="2"/>
    </row>
    <row r="57939" spans="1:3" ht="19.2">
      <c r="A57939" s="2"/>
      <c r="B57939" s="2"/>
      <c r="C57939" s="2"/>
    </row>
    <row r="57940" spans="1:3" ht="19.2">
      <c r="A57940" s="2"/>
      <c r="B57940" s="2"/>
      <c r="C57940" s="2"/>
    </row>
    <row r="57941" spans="1:3" ht="19.2">
      <c r="A57941" s="2"/>
      <c r="B57941" s="2"/>
      <c r="C57941" s="2"/>
    </row>
    <row r="57942" spans="1:3" ht="19.2">
      <c r="A57942" s="2"/>
      <c r="B57942" s="2"/>
      <c r="C57942" s="2"/>
    </row>
    <row r="57943" spans="1:3" ht="19.2">
      <c r="A57943" s="2"/>
      <c r="B57943" s="2"/>
      <c r="C57943" s="2"/>
    </row>
    <row r="57944" spans="1:3" ht="19.2">
      <c r="A57944" s="2"/>
      <c r="B57944" s="2"/>
      <c r="C57944" s="2"/>
    </row>
    <row r="57945" spans="1:3" ht="19.2">
      <c r="A57945" s="2"/>
      <c r="B57945" s="2"/>
      <c r="C57945" s="2"/>
    </row>
    <row r="57946" spans="1:3" ht="19.2">
      <c r="A57946" s="2"/>
      <c r="B57946" s="2"/>
      <c r="C57946" s="2"/>
    </row>
    <row r="57947" spans="1:3" ht="19.2">
      <c r="A57947" s="2"/>
      <c r="B57947" s="2"/>
      <c r="C57947" s="2"/>
    </row>
    <row r="57948" spans="1:3" ht="19.2">
      <c r="A57948" s="2"/>
      <c r="B57948" s="2"/>
      <c r="C57948" s="2"/>
    </row>
    <row r="57949" spans="1:3" ht="19.2">
      <c r="A57949" s="2"/>
      <c r="B57949" s="2"/>
      <c r="C57949" s="2"/>
    </row>
    <row r="57950" spans="1:3" ht="19.2">
      <c r="A57950" s="2"/>
      <c r="B57950" s="2"/>
      <c r="C57950" s="2"/>
    </row>
    <row r="57951" spans="1:3" ht="19.2">
      <c r="A57951" s="2"/>
      <c r="B57951" s="2"/>
      <c r="C57951" s="2"/>
    </row>
    <row r="57952" spans="1:3" ht="19.2">
      <c r="A57952" s="2"/>
      <c r="B57952" s="2"/>
      <c r="C57952" s="2"/>
    </row>
    <row r="57953" spans="1:3" ht="19.2">
      <c r="A57953" s="2"/>
      <c r="B57953" s="2"/>
      <c r="C57953" s="2"/>
    </row>
    <row r="57954" spans="1:3" ht="19.2">
      <c r="A57954" s="2"/>
      <c r="B57954" s="2"/>
      <c r="C57954" s="2"/>
    </row>
    <row r="57955" spans="1:3" ht="19.2">
      <c r="A57955" s="2"/>
      <c r="B57955" s="2"/>
      <c r="C57955" s="2"/>
    </row>
    <row r="57956" spans="1:3" ht="19.2">
      <c r="A57956" s="2"/>
      <c r="B57956" s="2"/>
      <c r="C57956" s="2"/>
    </row>
    <row r="57957" spans="1:3" ht="19.2">
      <c r="A57957" s="2"/>
      <c r="B57957" s="2"/>
      <c r="C57957" s="2"/>
    </row>
    <row r="57958" spans="1:3" ht="19.2">
      <c r="A57958" s="2"/>
      <c r="B57958" s="2"/>
      <c r="C57958" s="2"/>
    </row>
    <row r="57959" spans="1:3" ht="19.2">
      <c r="A57959" s="2"/>
      <c r="B57959" s="2"/>
      <c r="C57959" s="2"/>
    </row>
    <row r="57960" spans="1:3" ht="19.2">
      <c r="A57960" s="2"/>
      <c r="B57960" s="2"/>
      <c r="C57960" s="2"/>
    </row>
    <row r="57961" spans="1:3" ht="19.2">
      <c r="A57961" s="2"/>
      <c r="B57961" s="2"/>
      <c r="C57961" s="2"/>
    </row>
    <row r="57962" spans="1:3" ht="19.2">
      <c r="A57962" s="2"/>
      <c r="B57962" s="2"/>
      <c r="C57962" s="2"/>
    </row>
    <row r="57963" spans="1:3" ht="19.2">
      <c r="A57963" s="2"/>
      <c r="B57963" s="2"/>
      <c r="C57963" s="2"/>
    </row>
    <row r="57964" spans="1:3" ht="19.2">
      <c r="A57964" s="2"/>
      <c r="B57964" s="2"/>
      <c r="C57964" s="2"/>
    </row>
    <row r="57965" spans="1:3" ht="19.2">
      <c r="A57965" s="2"/>
      <c r="B57965" s="2"/>
      <c r="C57965" s="2"/>
    </row>
    <row r="57966" spans="1:3" ht="19.2">
      <c r="A57966" s="2"/>
      <c r="B57966" s="2"/>
      <c r="C57966" s="2"/>
    </row>
    <row r="57967" spans="1:3" ht="19.2">
      <c r="A57967" s="2"/>
      <c r="B57967" s="2"/>
      <c r="C57967" s="2"/>
    </row>
    <row r="57968" spans="1:3" ht="19.2">
      <c r="A57968" s="2"/>
      <c r="B57968" s="2"/>
      <c r="C57968" s="2"/>
    </row>
    <row r="57969" spans="1:3" ht="19.2">
      <c r="A57969" s="2"/>
      <c r="B57969" s="2"/>
      <c r="C57969" s="2"/>
    </row>
    <row r="57970" spans="1:3" ht="19.2">
      <c r="A57970" s="2"/>
      <c r="B57970" s="2"/>
      <c r="C57970" s="2"/>
    </row>
    <row r="57971" spans="1:3" ht="19.2">
      <c r="A57971" s="2"/>
      <c r="B57971" s="2"/>
      <c r="C57971" s="2"/>
    </row>
    <row r="57972" spans="1:3" ht="19.2">
      <c r="A57972" s="2"/>
      <c r="B57972" s="2"/>
      <c r="C57972" s="2"/>
    </row>
    <row r="57973" spans="1:3" ht="19.2">
      <c r="A57973" s="2"/>
      <c r="B57973" s="2"/>
      <c r="C57973" s="2"/>
    </row>
    <row r="57974" spans="1:3" ht="19.2">
      <c r="A57974" s="2"/>
      <c r="B57974" s="2"/>
      <c r="C57974" s="2"/>
    </row>
    <row r="57975" spans="1:3" ht="19.2">
      <c r="A57975" s="2"/>
      <c r="B57975" s="2"/>
      <c r="C57975" s="2"/>
    </row>
    <row r="57976" spans="1:3" ht="19.2">
      <c r="A57976" s="2"/>
      <c r="B57976" s="2"/>
      <c r="C57976" s="2"/>
    </row>
    <row r="57977" spans="1:3" ht="19.2">
      <c r="A57977" s="2"/>
      <c r="B57977" s="2"/>
      <c r="C57977" s="2"/>
    </row>
    <row r="57978" spans="1:3" ht="19.2">
      <c r="A57978" s="2"/>
      <c r="B57978" s="2"/>
      <c r="C57978" s="2"/>
    </row>
    <row r="57979" spans="1:3" ht="19.2">
      <c r="A57979" s="2"/>
      <c r="B57979" s="2"/>
      <c r="C57979" s="2"/>
    </row>
    <row r="57980" spans="1:3" ht="19.2">
      <c r="A57980" s="2"/>
      <c r="B57980" s="2"/>
      <c r="C57980" s="2"/>
    </row>
    <row r="57981" spans="1:3" ht="19.2">
      <c r="A57981" s="2"/>
      <c r="B57981" s="2"/>
      <c r="C57981" s="2"/>
    </row>
    <row r="57982" spans="1:3" ht="19.2">
      <c r="A57982" s="2"/>
      <c r="B57982" s="2"/>
      <c r="C57982" s="2"/>
    </row>
    <row r="57983" spans="1:3" ht="19.2">
      <c r="A57983" s="2"/>
      <c r="B57983" s="2"/>
      <c r="C57983" s="2"/>
    </row>
    <row r="57984" spans="1:3" ht="19.2">
      <c r="A57984" s="2"/>
      <c r="B57984" s="2"/>
      <c r="C57984" s="2"/>
    </row>
    <row r="57985" spans="1:3" ht="19.2">
      <c r="A57985" s="2"/>
      <c r="B57985" s="2"/>
      <c r="C57985" s="2"/>
    </row>
    <row r="57986" spans="1:3" ht="19.2">
      <c r="A57986" s="2"/>
      <c r="B57986" s="2"/>
      <c r="C57986" s="2"/>
    </row>
    <row r="57987" spans="1:3" ht="19.2">
      <c r="A57987" s="2"/>
      <c r="B57987" s="2"/>
      <c r="C57987" s="2"/>
    </row>
    <row r="57988" spans="1:3" ht="19.2">
      <c r="A57988" s="2"/>
      <c r="B57988" s="2"/>
      <c r="C57988" s="2"/>
    </row>
    <row r="57989" spans="1:3" ht="19.2">
      <c r="A57989" s="2"/>
      <c r="B57989" s="2"/>
      <c r="C57989" s="2"/>
    </row>
    <row r="57990" spans="1:3" ht="19.2">
      <c r="A57990" s="2"/>
      <c r="B57990" s="2"/>
      <c r="C57990" s="2"/>
    </row>
    <row r="57991" spans="1:3" ht="19.2">
      <c r="A57991" s="2"/>
      <c r="B57991" s="2"/>
      <c r="C57991" s="2"/>
    </row>
    <row r="57992" spans="1:3" ht="19.2">
      <c r="A57992" s="2"/>
      <c r="B57992" s="2"/>
      <c r="C57992" s="2"/>
    </row>
    <row r="57993" spans="1:3" ht="19.2">
      <c r="A57993" s="2"/>
      <c r="B57993" s="2"/>
      <c r="C57993" s="2"/>
    </row>
    <row r="57994" spans="1:3" ht="19.2">
      <c r="A57994" s="2"/>
      <c r="B57994" s="2"/>
      <c r="C57994" s="2"/>
    </row>
    <row r="57995" spans="1:3" ht="19.2">
      <c r="A57995" s="2"/>
      <c r="B57995" s="2"/>
      <c r="C57995" s="2"/>
    </row>
    <row r="57996" spans="1:3" ht="19.2">
      <c r="A57996" s="2"/>
      <c r="B57996" s="2"/>
      <c r="C57996" s="2"/>
    </row>
    <row r="57997" spans="1:3" ht="19.2">
      <c r="A57997" s="2"/>
      <c r="B57997" s="2"/>
      <c r="C57997" s="2"/>
    </row>
    <row r="57998" spans="1:3" ht="19.2">
      <c r="A57998" s="2"/>
      <c r="B57998" s="2"/>
      <c r="C57998" s="2"/>
    </row>
    <row r="57999" spans="1:3" ht="19.2">
      <c r="A57999" s="2"/>
      <c r="B57999" s="2"/>
      <c r="C57999" s="2"/>
    </row>
    <row r="58000" spans="1:3" ht="19.2">
      <c r="A58000" s="2"/>
      <c r="B58000" s="2"/>
      <c r="C58000" s="2"/>
    </row>
    <row r="58001" spans="1:3" ht="19.2">
      <c r="A58001" s="2"/>
      <c r="B58001" s="2"/>
      <c r="C58001" s="2"/>
    </row>
    <row r="58002" spans="1:3" ht="19.2">
      <c r="A58002" s="2"/>
      <c r="B58002" s="2"/>
      <c r="C58002" s="2"/>
    </row>
    <row r="58003" spans="1:3" ht="19.2">
      <c r="A58003" s="2"/>
      <c r="B58003" s="2"/>
      <c r="C58003" s="2"/>
    </row>
    <row r="58004" spans="1:3" ht="19.2">
      <c r="A58004" s="2"/>
      <c r="B58004" s="2"/>
      <c r="C58004" s="2"/>
    </row>
    <row r="58005" spans="1:3" ht="19.2">
      <c r="A58005" s="2"/>
      <c r="B58005" s="2"/>
      <c r="C58005" s="2"/>
    </row>
    <row r="58006" spans="1:3" ht="19.2">
      <c r="A58006" s="2"/>
      <c r="B58006" s="2"/>
      <c r="C58006" s="2"/>
    </row>
    <row r="58007" spans="1:3" ht="19.2">
      <c r="A58007" s="2"/>
      <c r="B58007" s="2"/>
      <c r="C58007" s="2"/>
    </row>
    <row r="58008" spans="1:3" ht="19.2">
      <c r="A58008" s="2"/>
      <c r="B58008" s="2"/>
      <c r="C58008" s="2"/>
    </row>
    <row r="58009" spans="1:3" ht="19.2">
      <c r="A58009" s="2"/>
      <c r="B58009" s="2"/>
      <c r="C58009" s="2"/>
    </row>
    <row r="58010" spans="1:3" ht="19.2">
      <c r="A58010" s="2"/>
      <c r="B58010" s="2"/>
      <c r="C58010" s="2"/>
    </row>
    <row r="58011" spans="1:3" ht="19.2">
      <c r="A58011" s="2"/>
      <c r="B58011" s="2"/>
      <c r="C58011" s="2"/>
    </row>
    <row r="58012" spans="1:3" ht="19.2">
      <c r="A58012" s="2"/>
      <c r="B58012" s="2"/>
      <c r="C58012" s="2"/>
    </row>
    <row r="58013" spans="1:3" ht="19.2">
      <c r="A58013" s="2"/>
      <c r="B58013" s="2"/>
      <c r="C58013" s="2"/>
    </row>
    <row r="58014" spans="1:3" ht="19.2">
      <c r="A58014" s="2"/>
      <c r="B58014" s="2"/>
      <c r="C58014" s="2"/>
    </row>
    <row r="58015" spans="1:3" ht="19.2">
      <c r="A58015" s="2"/>
      <c r="B58015" s="2"/>
      <c r="C58015" s="2"/>
    </row>
    <row r="58016" spans="1:3" ht="19.2">
      <c r="A58016" s="2"/>
      <c r="B58016" s="2"/>
      <c r="C58016" s="2"/>
    </row>
    <row r="58017" spans="1:3" ht="19.2">
      <c r="A58017" s="2"/>
      <c r="B58017" s="2"/>
      <c r="C58017" s="2"/>
    </row>
    <row r="58018" spans="1:3" ht="19.2">
      <c r="A58018" s="2"/>
      <c r="B58018" s="2"/>
      <c r="C58018" s="2"/>
    </row>
    <row r="58019" spans="1:3" ht="19.2">
      <c r="A58019" s="2"/>
      <c r="B58019" s="2"/>
      <c r="C58019" s="2"/>
    </row>
    <row r="58020" spans="1:3" ht="19.2">
      <c r="A58020" s="2"/>
      <c r="B58020" s="2"/>
      <c r="C58020" s="2"/>
    </row>
    <row r="58021" spans="1:3" ht="19.2">
      <c r="A58021" s="2"/>
      <c r="B58021" s="2"/>
      <c r="C58021" s="2"/>
    </row>
    <row r="58022" spans="1:3" ht="19.2">
      <c r="A58022" s="2"/>
      <c r="B58022" s="2"/>
      <c r="C58022" s="2"/>
    </row>
    <row r="58023" spans="1:3" ht="19.2">
      <c r="A58023" s="2"/>
      <c r="B58023" s="2"/>
      <c r="C58023" s="2"/>
    </row>
    <row r="58024" spans="1:3" ht="19.2">
      <c r="A58024" s="2"/>
      <c r="B58024" s="2"/>
      <c r="C58024" s="2"/>
    </row>
    <row r="58025" spans="1:3" ht="19.2">
      <c r="A58025" s="2"/>
      <c r="B58025" s="2"/>
      <c r="C58025" s="2"/>
    </row>
    <row r="58026" spans="1:3" ht="19.2">
      <c r="A58026" s="2"/>
      <c r="B58026" s="2"/>
      <c r="C58026" s="2"/>
    </row>
    <row r="58027" spans="1:3" ht="19.2">
      <c r="A58027" s="2"/>
      <c r="B58027" s="2"/>
      <c r="C58027" s="2"/>
    </row>
    <row r="58028" spans="1:3" ht="19.2">
      <c r="A58028" s="2"/>
      <c r="B58028" s="2"/>
      <c r="C58028" s="2"/>
    </row>
    <row r="58029" spans="1:3" ht="19.2">
      <c r="A58029" s="2"/>
      <c r="B58029" s="2"/>
      <c r="C58029" s="2"/>
    </row>
    <row r="58030" spans="1:3" ht="19.2">
      <c r="A58030" s="2"/>
      <c r="B58030" s="2"/>
      <c r="C58030" s="2"/>
    </row>
    <row r="58031" spans="1:3" ht="19.2">
      <c r="A58031" s="2"/>
      <c r="B58031" s="2"/>
      <c r="C58031" s="2"/>
    </row>
    <row r="58032" spans="1:3" ht="19.2">
      <c r="A58032" s="2"/>
      <c r="B58032" s="2"/>
      <c r="C58032" s="2"/>
    </row>
    <row r="58033" spans="1:3" ht="19.2">
      <c r="A58033" s="2"/>
      <c r="B58033" s="2"/>
      <c r="C58033" s="2"/>
    </row>
    <row r="58034" spans="1:3" ht="19.2">
      <c r="A58034" s="2"/>
      <c r="B58034" s="2"/>
      <c r="C58034" s="2"/>
    </row>
    <row r="58035" spans="1:3" ht="19.2">
      <c r="A58035" s="2"/>
      <c r="B58035" s="2"/>
      <c r="C58035" s="2"/>
    </row>
    <row r="58036" spans="1:3" ht="19.2">
      <c r="A58036" s="2"/>
      <c r="B58036" s="2"/>
      <c r="C58036" s="2"/>
    </row>
    <row r="58037" spans="1:3" ht="19.2">
      <c r="A58037" s="2"/>
      <c r="B58037" s="2"/>
      <c r="C58037" s="2"/>
    </row>
    <row r="58038" spans="1:3" ht="19.2">
      <c r="A58038" s="2"/>
      <c r="B58038" s="2"/>
      <c r="C58038" s="2"/>
    </row>
    <row r="58039" spans="1:3" ht="19.2">
      <c r="A58039" s="2"/>
      <c r="B58039" s="2"/>
      <c r="C58039" s="2"/>
    </row>
    <row r="58040" spans="1:3" ht="19.2">
      <c r="A58040" s="2"/>
      <c r="B58040" s="2"/>
      <c r="C58040" s="2"/>
    </row>
    <row r="58041" spans="1:3" ht="19.2">
      <c r="A58041" s="2"/>
      <c r="B58041" s="2"/>
      <c r="C58041" s="2"/>
    </row>
    <row r="58042" spans="1:3" ht="19.2">
      <c r="A58042" s="2"/>
      <c r="B58042" s="2"/>
      <c r="C58042" s="2"/>
    </row>
    <row r="58043" spans="1:3" ht="19.2">
      <c r="A58043" s="2"/>
      <c r="B58043" s="2"/>
      <c r="C58043" s="2"/>
    </row>
    <row r="58044" spans="1:3" ht="19.2">
      <c r="A58044" s="2"/>
      <c r="B58044" s="2"/>
      <c r="C58044" s="2"/>
    </row>
    <row r="58045" spans="1:3" ht="19.2">
      <c r="A58045" s="2"/>
      <c r="B58045" s="2"/>
      <c r="C58045" s="2"/>
    </row>
    <row r="58046" spans="1:3" ht="19.2">
      <c r="A58046" s="2"/>
      <c r="B58046" s="2"/>
      <c r="C58046" s="2"/>
    </row>
    <row r="58047" spans="1:3" ht="19.2">
      <c r="A58047" s="2"/>
      <c r="B58047" s="2"/>
      <c r="C58047" s="2"/>
    </row>
    <row r="58048" spans="1:3" ht="19.2">
      <c r="A58048" s="2"/>
      <c r="B58048" s="2"/>
      <c r="C58048" s="2"/>
    </row>
    <row r="58049" spans="1:3" ht="19.2">
      <c r="A58049" s="2"/>
      <c r="B58049" s="2"/>
      <c r="C58049" s="2"/>
    </row>
    <row r="58050" spans="1:3" ht="19.2">
      <c r="A58050" s="2"/>
      <c r="B58050" s="2"/>
      <c r="C58050" s="2"/>
    </row>
    <row r="58051" spans="1:3" ht="19.2">
      <c r="A58051" s="2"/>
      <c r="B58051" s="2"/>
      <c r="C58051" s="2"/>
    </row>
    <row r="58052" spans="1:3" ht="19.2">
      <c r="A58052" s="2"/>
      <c r="B58052" s="2"/>
      <c r="C58052" s="2"/>
    </row>
    <row r="58053" spans="1:3" ht="19.2">
      <c r="A58053" s="2"/>
      <c r="B58053" s="2"/>
      <c r="C58053" s="2"/>
    </row>
    <row r="58054" spans="1:3" ht="19.2">
      <c r="A58054" s="2"/>
      <c r="B58054" s="2"/>
      <c r="C58054" s="2"/>
    </row>
    <row r="58055" spans="1:3" ht="19.2">
      <c r="A58055" s="2"/>
      <c r="B58055" s="2"/>
      <c r="C58055" s="2"/>
    </row>
    <row r="58056" spans="1:3" ht="19.2">
      <c r="A58056" s="2"/>
      <c r="B58056" s="2"/>
      <c r="C58056" s="2"/>
    </row>
    <row r="58057" spans="1:3" ht="19.2">
      <c r="A58057" s="2"/>
      <c r="B58057" s="2"/>
      <c r="C58057" s="2"/>
    </row>
    <row r="58058" spans="1:3" ht="19.2">
      <c r="A58058" s="2"/>
      <c r="B58058" s="2"/>
      <c r="C58058" s="2"/>
    </row>
    <row r="58059" spans="1:3" ht="19.2">
      <c r="A58059" s="2"/>
      <c r="B58059" s="2"/>
      <c r="C58059" s="2"/>
    </row>
    <row r="58060" spans="1:3" ht="19.2">
      <c r="A58060" s="2"/>
      <c r="B58060" s="2"/>
      <c r="C58060" s="2"/>
    </row>
    <row r="58061" spans="1:3" ht="19.2">
      <c r="A58061" s="2"/>
      <c r="B58061" s="2"/>
      <c r="C58061" s="2"/>
    </row>
    <row r="58062" spans="1:3" ht="19.2">
      <c r="A58062" s="2"/>
      <c r="B58062" s="2"/>
      <c r="C58062" s="2"/>
    </row>
    <row r="58063" spans="1:3" ht="19.2">
      <c r="A58063" s="2"/>
      <c r="B58063" s="2"/>
      <c r="C58063" s="2"/>
    </row>
    <row r="58064" spans="1:3" ht="19.2">
      <c r="A58064" s="2"/>
      <c r="B58064" s="2"/>
      <c r="C58064" s="2"/>
    </row>
    <row r="58065" spans="1:3" ht="19.2">
      <c r="A58065" s="2"/>
      <c r="B58065" s="2"/>
      <c r="C58065" s="2"/>
    </row>
    <row r="58066" spans="1:3" ht="19.2">
      <c r="A58066" s="2"/>
      <c r="B58066" s="2"/>
      <c r="C58066" s="2"/>
    </row>
    <row r="58067" spans="1:3" ht="19.2">
      <c r="A58067" s="2"/>
      <c r="B58067" s="2"/>
      <c r="C58067" s="2"/>
    </row>
    <row r="58068" spans="1:3" ht="19.2">
      <c r="A58068" s="2"/>
      <c r="B58068" s="2"/>
      <c r="C58068" s="2"/>
    </row>
    <row r="58069" spans="1:3" ht="19.2">
      <c r="A58069" s="2"/>
      <c r="B58069" s="2"/>
      <c r="C58069" s="2"/>
    </row>
    <row r="58070" spans="1:3" ht="19.2">
      <c r="A58070" s="2"/>
      <c r="B58070" s="2"/>
      <c r="C58070" s="2"/>
    </row>
    <row r="58071" spans="1:3" ht="19.2">
      <c r="A58071" s="2"/>
      <c r="B58071" s="2"/>
      <c r="C58071" s="2"/>
    </row>
    <row r="58072" spans="1:3" ht="19.2">
      <c r="A58072" s="2"/>
      <c r="B58072" s="2"/>
      <c r="C58072" s="2"/>
    </row>
    <row r="58073" spans="1:3" ht="19.2">
      <c r="A58073" s="2"/>
      <c r="B58073" s="2"/>
      <c r="C58073" s="2"/>
    </row>
    <row r="58074" spans="1:3" ht="19.2">
      <c r="A58074" s="2"/>
      <c r="B58074" s="2"/>
      <c r="C58074" s="2"/>
    </row>
    <row r="58075" spans="1:3" ht="19.2">
      <c r="A58075" s="2"/>
      <c r="B58075" s="2"/>
      <c r="C58075" s="2"/>
    </row>
    <row r="58076" spans="1:3" ht="19.2">
      <c r="A58076" s="2"/>
      <c r="B58076" s="2"/>
      <c r="C58076" s="2"/>
    </row>
    <row r="58077" spans="1:3" ht="19.2">
      <c r="A58077" s="2"/>
      <c r="B58077" s="2"/>
      <c r="C58077" s="2"/>
    </row>
    <row r="58078" spans="1:3" ht="19.2">
      <c r="A58078" s="2"/>
      <c r="B58078" s="2"/>
      <c r="C58078" s="2"/>
    </row>
    <row r="58079" spans="1:3" ht="19.2">
      <c r="A58079" s="2"/>
      <c r="B58079" s="2"/>
      <c r="C58079" s="2"/>
    </row>
    <row r="58080" spans="1:3" ht="19.2">
      <c r="A58080" s="2"/>
      <c r="B58080" s="2"/>
      <c r="C58080" s="2"/>
    </row>
    <row r="58081" spans="1:3" ht="19.2">
      <c r="A58081" s="2"/>
      <c r="B58081" s="2"/>
      <c r="C58081" s="2"/>
    </row>
    <row r="58082" spans="1:3" ht="19.2">
      <c r="A58082" s="2"/>
      <c r="B58082" s="2"/>
      <c r="C58082" s="2"/>
    </row>
    <row r="58083" spans="1:3" ht="19.2">
      <c r="A58083" s="2"/>
      <c r="B58083" s="2"/>
      <c r="C58083" s="2"/>
    </row>
    <row r="58084" spans="1:3" ht="19.2">
      <c r="A58084" s="2"/>
      <c r="B58084" s="2"/>
      <c r="C58084" s="2"/>
    </row>
    <row r="58085" spans="1:3" ht="19.2">
      <c r="A58085" s="2"/>
      <c r="B58085" s="2"/>
      <c r="C58085" s="2"/>
    </row>
    <row r="58086" spans="1:3" ht="19.2">
      <c r="A58086" s="2"/>
      <c r="B58086" s="2"/>
      <c r="C58086" s="2"/>
    </row>
    <row r="58087" spans="1:3" ht="19.2">
      <c r="A58087" s="2"/>
      <c r="B58087" s="2"/>
      <c r="C58087" s="2"/>
    </row>
    <row r="58088" spans="1:3" ht="19.2">
      <c r="A58088" s="2"/>
      <c r="B58088" s="2"/>
      <c r="C58088" s="2"/>
    </row>
    <row r="58089" spans="1:3" ht="19.2">
      <c r="A58089" s="2"/>
      <c r="B58089" s="2"/>
      <c r="C58089" s="2"/>
    </row>
    <row r="58090" spans="1:3" ht="19.2">
      <c r="A58090" s="2"/>
      <c r="B58090" s="2"/>
      <c r="C58090" s="2"/>
    </row>
    <row r="58091" spans="1:3" ht="19.2">
      <c r="A58091" s="2"/>
      <c r="B58091" s="2"/>
      <c r="C58091" s="2"/>
    </row>
    <row r="58092" spans="1:3" ht="19.2">
      <c r="A58092" s="2"/>
      <c r="B58092" s="2"/>
      <c r="C58092" s="2"/>
    </row>
    <row r="58093" spans="1:3" ht="19.2">
      <c r="A58093" s="2"/>
      <c r="B58093" s="2"/>
      <c r="C58093" s="2"/>
    </row>
    <row r="58094" spans="1:3" ht="19.2">
      <c r="A58094" s="2"/>
      <c r="B58094" s="2"/>
      <c r="C58094" s="2"/>
    </row>
    <row r="58095" spans="1:3" ht="19.2">
      <c r="A58095" s="2"/>
      <c r="B58095" s="2"/>
      <c r="C58095" s="2"/>
    </row>
    <row r="58096" spans="1:3" ht="19.2">
      <c r="A58096" s="2"/>
      <c r="B58096" s="2"/>
      <c r="C58096" s="2"/>
    </row>
    <row r="58097" spans="1:3" ht="19.2">
      <c r="A58097" s="2"/>
      <c r="B58097" s="2"/>
      <c r="C58097" s="2"/>
    </row>
    <row r="58098" spans="1:3" ht="19.2">
      <c r="A58098" s="2"/>
      <c r="B58098" s="2"/>
      <c r="C58098" s="2"/>
    </row>
    <row r="58099" spans="1:3" ht="19.2">
      <c r="A58099" s="2"/>
      <c r="B58099" s="2"/>
      <c r="C58099" s="2"/>
    </row>
    <row r="58100" spans="1:3" ht="19.2">
      <c r="A58100" s="2"/>
      <c r="B58100" s="2"/>
      <c r="C58100" s="2"/>
    </row>
    <row r="58101" spans="1:3" ht="19.2">
      <c r="A58101" s="2"/>
      <c r="B58101" s="2"/>
      <c r="C58101" s="2"/>
    </row>
    <row r="58102" spans="1:3" ht="19.2">
      <c r="A58102" s="2"/>
      <c r="B58102" s="2"/>
      <c r="C58102" s="2"/>
    </row>
    <row r="58103" spans="1:3" ht="19.2">
      <c r="A58103" s="2"/>
      <c r="B58103" s="2"/>
      <c r="C58103" s="2"/>
    </row>
    <row r="58104" spans="1:3" ht="19.2">
      <c r="A58104" s="2"/>
      <c r="B58104" s="2"/>
      <c r="C58104" s="2"/>
    </row>
    <row r="58105" spans="1:3" ht="19.2">
      <c r="A58105" s="2"/>
      <c r="B58105" s="2"/>
      <c r="C58105" s="2"/>
    </row>
    <row r="58106" spans="1:3" ht="19.2">
      <c r="A58106" s="2"/>
      <c r="B58106" s="2"/>
      <c r="C58106" s="2"/>
    </row>
    <row r="58107" spans="1:3" ht="19.2">
      <c r="A58107" s="2"/>
      <c r="B58107" s="2"/>
      <c r="C58107" s="2"/>
    </row>
    <row r="58108" spans="1:3" ht="19.2">
      <c r="A58108" s="2"/>
      <c r="B58108" s="2"/>
      <c r="C58108" s="2"/>
    </row>
    <row r="58109" spans="1:3" ht="19.2">
      <c r="A58109" s="2"/>
      <c r="B58109" s="2"/>
      <c r="C58109" s="2"/>
    </row>
    <row r="58110" spans="1:3" ht="19.2">
      <c r="A58110" s="2"/>
      <c r="B58110" s="2"/>
      <c r="C58110" s="2"/>
    </row>
    <row r="58111" spans="1:3" ht="19.2">
      <c r="A58111" s="2"/>
      <c r="B58111" s="2"/>
      <c r="C58111" s="2"/>
    </row>
    <row r="58112" spans="1:3" ht="19.2">
      <c r="A58112" s="2"/>
      <c r="B58112" s="2"/>
      <c r="C58112" s="2"/>
    </row>
    <row r="58113" spans="1:3" ht="19.2">
      <c r="A58113" s="2"/>
      <c r="B58113" s="2"/>
      <c r="C58113" s="2"/>
    </row>
    <row r="58114" spans="1:3" ht="19.2">
      <c r="A58114" s="2"/>
      <c r="B58114" s="2"/>
      <c r="C58114" s="2"/>
    </row>
    <row r="58115" spans="1:3" ht="19.2">
      <c r="A58115" s="2"/>
      <c r="B58115" s="2"/>
      <c r="C58115" s="2"/>
    </row>
    <row r="58116" spans="1:3" ht="19.2">
      <c r="A58116" s="2"/>
      <c r="B58116" s="2"/>
      <c r="C58116" s="2"/>
    </row>
    <row r="58117" spans="1:3" ht="19.2">
      <c r="A58117" s="2"/>
      <c r="B58117" s="2"/>
      <c r="C58117" s="2"/>
    </row>
    <row r="58118" spans="1:3" ht="19.2">
      <c r="A58118" s="2"/>
      <c r="B58118" s="2"/>
      <c r="C58118" s="2"/>
    </row>
    <row r="58119" spans="1:3" ht="19.2">
      <c r="A58119" s="2"/>
      <c r="B58119" s="2"/>
      <c r="C58119" s="2"/>
    </row>
    <row r="58120" spans="1:3" ht="19.2">
      <c r="A58120" s="2"/>
      <c r="B58120" s="2"/>
      <c r="C58120" s="2"/>
    </row>
    <row r="58121" spans="1:3" ht="19.2">
      <c r="A58121" s="2"/>
      <c r="B58121" s="2"/>
      <c r="C58121" s="2"/>
    </row>
    <row r="58122" spans="1:3" ht="19.2">
      <c r="A58122" s="2"/>
      <c r="B58122" s="2"/>
      <c r="C58122" s="2"/>
    </row>
    <row r="58123" spans="1:3" ht="19.2">
      <c r="A58123" s="2"/>
      <c r="B58123" s="2"/>
      <c r="C58123" s="2"/>
    </row>
    <row r="58124" spans="1:3" ht="19.2">
      <c r="A58124" s="2"/>
      <c r="B58124" s="2"/>
      <c r="C58124" s="2"/>
    </row>
    <row r="58125" spans="1:3" ht="19.2">
      <c r="A58125" s="2"/>
      <c r="B58125" s="2"/>
      <c r="C58125" s="2"/>
    </row>
    <row r="58126" spans="1:3" ht="19.2">
      <c r="A58126" s="2"/>
      <c r="B58126" s="2"/>
      <c r="C58126" s="2"/>
    </row>
    <row r="58127" spans="1:3" ht="19.2">
      <c r="A58127" s="2"/>
      <c r="B58127" s="2"/>
      <c r="C58127" s="2"/>
    </row>
    <row r="58128" spans="1:3" ht="19.2">
      <c r="A58128" s="2"/>
      <c r="B58128" s="2"/>
      <c r="C58128" s="2"/>
    </row>
    <row r="58129" spans="1:3" ht="19.2">
      <c r="A58129" s="2"/>
      <c r="B58129" s="2"/>
      <c r="C58129" s="2"/>
    </row>
    <row r="58130" spans="1:3" ht="19.2">
      <c r="A58130" s="2"/>
      <c r="B58130" s="2"/>
      <c r="C58130" s="2"/>
    </row>
    <row r="58131" spans="1:3" ht="19.2">
      <c r="A58131" s="2"/>
      <c r="B58131" s="2"/>
      <c r="C58131" s="2"/>
    </row>
    <row r="58132" spans="1:3" ht="19.2">
      <c r="A58132" s="2"/>
      <c r="B58132" s="2"/>
      <c r="C58132" s="2"/>
    </row>
    <row r="58133" spans="1:3" ht="19.2">
      <c r="A58133" s="2"/>
      <c r="B58133" s="2"/>
      <c r="C58133" s="2"/>
    </row>
    <row r="58134" spans="1:3" ht="19.2">
      <c r="A58134" s="2"/>
      <c r="B58134" s="2"/>
      <c r="C58134" s="2"/>
    </row>
    <row r="58135" spans="1:3" ht="19.2">
      <c r="A58135" s="2"/>
      <c r="B58135" s="2"/>
      <c r="C58135" s="2"/>
    </row>
    <row r="58136" spans="1:3" ht="19.2">
      <c r="A58136" s="2"/>
      <c r="B58136" s="2"/>
      <c r="C58136" s="2"/>
    </row>
    <row r="58137" spans="1:3" ht="19.2">
      <c r="A58137" s="2"/>
      <c r="B58137" s="2"/>
      <c r="C58137" s="2"/>
    </row>
    <row r="58138" spans="1:3" ht="19.2">
      <c r="A58138" s="2"/>
      <c r="B58138" s="2"/>
      <c r="C58138" s="2"/>
    </row>
    <row r="58139" spans="1:3" ht="19.2">
      <c r="A58139" s="2"/>
      <c r="B58139" s="2"/>
      <c r="C58139" s="2"/>
    </row>
    <row r="58140" spans="1:3" ht="19.2">
      <c r="A58140" s="2"/>
      <c r="B58140" s="2"/>
      <c r="C58140" s="2"/>
    </row>
    <row r="58141" spans="1:3" ht="19.2">
      <c r="A58141" s="2"/>
      <c r="B58141" s="2"/>
      <c r="C58141" s="2"/>
    </row>
    <row r="58142" spans="1:3" ht="19.2">
      <c r="A58142" s="2"/>
      <c r="B58142" s="2"/>
      <c r="C58142" s="2"/>
    </row>
    <row r="58143" spans="1:3" ht="19.2">
      <c r="A58143" s="2"/>
      <c r="B58143" s="2"/>
      <c r="C58143" s="2"/>
    </row>
    <row r="58144" spans="1:3" ht="19.2">
      <c r="A58144" s="2"/>
      <c r="B58144" s="2"/>
      <c r="C58144" s="2"/>
    </row>
    <row r="58145" spans="1:3" ht="19.2">
      <c r="A58145" s="2"/>
      <c r="B58145" s="2"/>
      <c r="C58145" s="2"/>
    </row>
    <row r="58146" spans="1:3" ht="19.2">
      <c r="A58146" s="2"/>
      <c r="B58146" s="2"/>
      <c r="C58146" s="2"/>
    </row>
    <row r="58147" spans="1:3" ht="19.2">
      <c r="A58147" s="2"/>
      <c r="B58147" s="2"/>
      <c r="C58147" s="2"/>
    </row>
    <row r="58148" spans="1:3" ht="19.2">
      <c r="A58148" s="2"/>
      <c r="B58148" s="2"/>
      <c r="C58148" s="2"/>
    </row>
    <row r="58149" spans="1:3" ht="19.2">
      <c r="A58149" s="2"/>
      <c r="B58149" s="2"/>
      <c r="C58149" s="2"/>
    </row>
    <row r="58150" spans="1:3" ht="19.2">
      <c r="A58150" s="2"/>
      <c r="B58150" s="2"/>
      <c r="C58150" s="2"/>
    </row>
    <row r="58151" spans="1:3" ht="19.2">
      <c r="A58151" s="2"/>
      <c r="B58151" s="2"/>
      <c r="C58151" s="2"/>
    </row>
    <row r="58152" spans="1:3" ht="19.2">
      <c r="A58152" s="2"/>
      <c r="B58152" s="2"/>
      <c r="C58152" s="2"/>
    </row>
    <row r="58153" spans="1:3" ht="19.2">
      <c r="A58153" s="2"/>
      <c r="B58153" s="2"/>
      <c r="C58153" s="2"/>
    </row>
    <row r="58154" spans="1:3" ht="19.2">
      <c r="A58154" s="2"/>
      <c r="B58154" s="2"/>
      <c r="C58154" s="2"/>
    </row>
    <row r="58155" spans="1:3" ht="19.2">
      <c r="A58155" s="2"/>
      <c r="B58155" s="2"/>
      <c r="C58155" s="2"/>
    </row>
    <row r="58156" spans="1:3" ht="19.2">
      <c r="A58156" s="2"/>
      <c r="B58156" s="2"/>
      <c r="C58156" s="2"/>
    </row>
    <row r="58157" spans="1:3" ht="19.2">
      <c r="A58157" s="2"/>
      <c r="B58157" s="2"/>
      <c r="C58157" s="2"/>
    </row>
    <row r="58158" spans="1:3" ht="19.2">
      <c r="A58158" s="2"/>
      <c r="B58158" s="2"/>
      <c r="C58158" s="2"/>
    </row>
    <row r="58159" spans="1:3" ht="19.2">
      <c r="A58159" s="2"/>
      <c r="B58159" s="2"/>
      <c r="C58159" s="2"/>
    </row>
    <row r="58160" spans="1:3" ht="19.2">
      <c r="A58160" s="2"/>
      <c r="B58160" s="2"/>
      <c r="C58160" s="2"/>
    </row>
    <row r="58161" spans="1:3" ht="19.2">
      <c r="A58161" s="2"/>
      <c r="B58161" s="2"/>
      <c r="C58161" s="2"/>
    </row>
    <row r="58162" spans="1:3" ht="19.2">
      <c r="A58162" s="2"/>
      <c r="B58162" s="2"/>
      <c r="C58162" s="2"/>
    </row>
    <row r="58163" spans="1:3" ht="19.2">
      <c r="A58163" s="2"/>
      <c r="B58163" s="2"/>
      <c r="C58163" s="2"/>
    </row>
    <row r="58164" spans="1:3" ht="19.2">
      <c r="A58164" s="2"/>
      <c r="B58164" s="2"/>
      <c r="C58164" s="2"/>
    </row>
    <row r="58165" spans="1:3" ht="19.2">
      <c r="A58165" s="2"/>
      <c r="B58165" s="2"/>
      <c r="C58165" s="2"/>
    </row>
    <row r="58166" spans="1:3" ht="19.2">
      <c r="A58166" s="2"/>
      <c r="B58166" s="2"/>
      <c r="C58166" s="2"/>
    </row>
    <row r="58167" spans="1:3" ht="19.2">
      <c r="A58167" s="2"/>
      <c r="B58167" s="2"/>
      <c r="C58167" s="2"/>
    </row>
    <row r="58168" spans="1:3" ht="19.2">
      <c r="A58168" s="2"/>
      <c r="B58168" s="2"/>
      <c r="C58168" s="2"/>
    </row>
    <row r="58169" spans="1:3" ht="19.2">
      <c r="A58169" s="2"/>
      <c r="B58169" s="2"/>
      <c r="C58169" s="2"/>
    </row>
    <row r="58170" spans="1:3" ht="19.2">
      <c r="A58170" s="2"/>
      <c r="B58170" s="2"/>
      <c r="C58170" s="2"/>
    </row>
    <row r="58171" spans="1:3" ht="19.2">
      <c r="A58171" s="2"/>
      <c r="B58171" s="2"/>
      <c r="C58171" s="2"/>
    </row>
    <row r="58172" spans="1:3" ht="19.2">
      <c r="A58172" s="2"/>
      <c r="B58172" s="2"/>
      <c r="C58172" s="2"/>
    </row>
    <row r="58173" spans="1:3" ht="19.2">
      <c r="A58173" s="2"/>
      <c r="B58173" s="2"/>
      <c r="C58173" s="2"/>
    </row>
    <row r="58174" spans="1:3" ht="19.2">
      <c r="A58174" s="2"/>
      <c r="B58174" s="2"/>
      <c r="C58174" s="2"/>
    </row>
    <row r="58175" spans="1:3" ht="19.2">
      <c r="A58175" s="2"/>
      <c r="B58175" s="2"/>
      <c r="C58175" s="2"/>
    </row>
    <row r="58176" spans="1:3" ht="19.2">
      <c r="A58176" s="2"/>
      <c r="B58176" s="2"/>
      <c r="C58176" s="2"/>
    </row>
    <row r="58177" spans="1:3" ht="19.2">
      <c r="A58177" s="2"/>
      <c r="B58177" s="2"/>
      <c r="C58177" s="2"/>
    </row>
    <row r="58178" spans="1:3" ht="19.2">
      <c r="A58178" s="2"/>
      <c r="B58178" s="2"/>
      <c r="C58178" s="2"/>
    </row>
    <row r="58179" spans="1:3" ht="19.2">
      <c r="A58179" s="2"/>
      <c r="B58179" s="2"/>
      <c r="C58179" s="2"/>
    </row>
    <row r="58180" spans="1:3" ht="19.2">
      <c r="A58180" s="2"/>
      <c r="B58180" s="2"/>
      <c r="C58180" s="2"/>
    </row>
    <row r="58181" spans="1:3" ht="19.2">
      <c r="A58181" s="2"/>
      <c r="B58181" s="2"/>
      <c r="C58181" s="2"/>
    </row>
    <row r="58182" spans="1:3" ht="19.2">
      <c r="A58182" s="2"/>
      <c r="B58182" s="2"/>
      <c r="C58182" s="2"/>
    </row>
    <row r="58183" spans="1:3" ht="19.2">
      <c r="A58183" s="2"/>
      <c r="B58183" s="2"/>
      <c r="C58183" s="2"/>
    </row>
    <row r="58184" spans="1:3" ht="19.2">
      <c r="A58184" s="2"/>
      <c r="B58184" s="2"/>
      <c r="C58184" s="2"/>
    </row>
    <row r="58185" spans="1:3" ht="19.2">
      <c r="A58185" s="2"/>
      <c r="B58185" s="2"/>
      <c r="C58185" s="2"/>
    </row>
    <row r="58186" spans="1:3" ht="19.2">
      <c r="A58186" s="2"/>
      <c r="B58186" s="2"/>
      <c r="C58186" s="2"/>
    </row>
    <row r="58187" spans="1:3" ht="19.2">
      <c r="A58187" s="2"/>
      <c r="B58187" s="2"/>
      <c r="C58187" s="2"/>
    </row>
    <row r="58188" spans="1:3" ht="19.2">
      <c r="A58188" s="2"/>
      <c r="B58188" s="2"/>
      <c r="C58188" s="2"/>
    </row>
    <row r="58189" spans="1:3" ht="19.2">
      <c r="A58189" s="2"/>
      <c r="B58189" s="2"/>
      <c r="C58189" s="2"/>
    </row>
    <row r="58190" spans="1:3" ht="19.2">
      <c r="A58190" s="2"/>
      <c r="B58190" s="2"/>
      <c r="C58190" s="2"/>
    </row>
    <row r="58191" spans="1:3" ht="19.2">
      <c r="A58191" s="2"/>
      <c r="B58191" s="2"/>
      <c r="C58191" s="2"/>
    </row>
    <row r="58192" spans="1:3" ht="19.2">
      <c r="A58192" s="2"/>
      <c r="B58192" s="2"/>
      <c r="C58192" s="2"/>
    </row>
    <row r="58193" spans="1:3" ht="19.2">
      <c r="A58193" s="2"/>
      <c r="B58193" s="2"/>
      <c r="C58193" s="2"/>
    </row>
    <row r="58194" spans="1:3" ht="19.2">
      <c r="A58194" s="2"/>
      <c r="B58194" s="2"/>
      <c r="C58194" s="2"/>
    </row>
    <row r="58195" spans="1:3" ht="19.2">
      <c r="A58195" s="2"/>
      <c r="B58195" s="2"/>
      <c r="C58195" s="2"/>
    </row>
    <row r="58196" spans="1:3" ht="19.2">
      <c r="A58196" s="2"/>
      <c r="B58196" s="2"/>
      <c r="C58196" s="2"/>
    </row>
    <row r="58197" spans="1:3" ht="19.2">
      <c r="A58197" s="2"/>
      <c r="B58197" s="2"/>
      <c r="C58197" s="2"/>
    </row>
    <row r="58198" spans="1:3" ht="19.2">
      <c r="A58198" s="2"/>
      <c r="B58198" s="2"/>
      <c r="C58198" s="2"/>
    </row>
    <row r="58199" spans="1:3" ht="19.2">
      <c r="A58199" s="2"/>
      <c r="B58199" s="2"/>
      <c r="C58199" s="2"/>
    </row>
    <row r="58200" spans="1:3" ht="19.2">
      <c r="A58200" s="2"/>
      <c r="B58200" s="2"/>
      <c r="C58200" s="2"/>
    </row>
    <row r="58201" spans="1:3" ht="19.2">
      <c r="A58201" s="2"/>
      <c r="B58201" s="2"/>
      <c r="C58201" s="2"/>
    </row>
    <row r="58202" spans="1:3" ht="19.2">
      <c r="A58202" s="2"/>
      <c r="B58202" s="2"/>
      <c r="C58202" s="2"/>
    </row>
    <row r="58203" spans="1:3" ht="19.2">
      <c r="A58203" s="2"/>
      <c r="B58203" s="2"/>
      <c r="C58203" s="2"/>
    </row>
    <row r="58204" spans="1:3" ht="19.2">
      <c r="A58204" s="2"/>
      <c r="B58204" s="2"/>
      <c r="C58204" s="2"/>
    </row>
    <row r="58205" spans="1:3" ht="19.2">
      <c r="A58205" s="2"/>
      <c r="B58205" s="2"/>
      <c r="C58205" s="2"/>
    </row>
    <row r="58206" spans="1:3" ht="19.2">
      <c r="A58206" s="2"/>
      <c r="B58206" s="2"/>
      <c r="C58206" s="2"/>
    </row>
    <row r="58207" spans="1:3" ht="19.2">
      <c r="A58207" s="2"/>
      <c r="B58207" s="2"/>
      <c r="C58207" s="2"/>
    </row>
    <row r="58208" spans="1:3" ht="19.2">
      <c r="A58208" s="2"/>
      <c r="B58208" s="2"/>
      <c r="C58208" s="2"/>
    </row>
    <row r="58209" spans="1:3" ht="19.2">
      <c r="A58209" s="2"/>
      <c r="B58209" s="2"/>
      <c r="C58209" s="2"/>
    </row>
    <row r="58210" spans="1:3" ht="19.2">
      <c r="A58210" s="2"/>
      <c r="B58210" s="2"/>
      <c r="C58210" s="2"/>
    </row>
    <row r="58211" spans="1:3" ht="19.2">
      <c r="A58211" s="2"/>
      <c r="B58211" s="2"/>
      <c r="C58211" s="2"/>
    </row>
    <row r="58212" spans="1:3" ht="19.2">
      <c r="A58212" s="2"/>
      <c r="B58212" s="2"/>
      <c r="C58212" s="2"/>
    </row>
    <row r="58213" spans="1:3" ht="19.2">
      <c r="A58213" s="2"/>
      <c r="B58213" s="2"/>
      <c r="C58213" s="2"/>
    </row>
    <row r="58214" spans="1:3" ht="19.2">
      <c r="A58214" s="2"/>
      <c r="B58214" s="2"/>
      <c r="C58214" s="2"/>
    </row>
    <row r="58215" spans="1:3" ht="19.2">
      <c r="A58215" s="2"/>
      <c r="B58215" s="2"/>
      <c r="C58215" s="2"/>
    </row>
    <row r="58216" spans="1:3" ht="19.2">
      <c r="A58216" s="2"/>
      <c r="B58216" s="2"/>
      <c r="C58216" s="2"/>
    </row>
    <row r="58217" spans="1:3" ht="19.2">
      <c r="A58217" s="2"/>
      <c r="B58217" s="2"/>
      <c r="C58217" s="2"/>
    </row>
    <row r="58218" spans="1:3" ht="19.2">
      <c r="A58218" s="2"/>
      <c r="B58218" s="2"/>
      <c r="C58218" s="2"/>
    </row>
    <row r="58219" spans="1:3" ht="19.2">
      <c r="A58219" s="2"/>
      <c r="B58219" s="2"/>
      <c r="C58219" s="2"/>
    </row>
    <row r="58220" spans="1:3" ht="19.2">
      <c r="A58220" s="2"/>
      <c r="B58220" s="2"/>
      <c r="C58220" s="2"/>
    </row>
    <row r="58221" spans="1:3" ht="19.2">
      <c r="A58221" s="2"/>
      <c r="B58221" s="2"/>
      <c r="C58221" s="2"/>
    </row>
    <row r="58222" spans="1:3" ht="19.2">
      <c r="A58222" s="2"/>
      <c r="B58222" s="2"/>
      <c r="C58222" s="2"/>
    </row>
    <row r="58223" spans="1:3" ht="19.2">
      <c r="A58223" s="2"/>
      <c r="B58223" s="2"/>
      <c r="C58223" s="2"/>
    </row>
    <row r="58224" spans="1:3" ht="19.2">
      <c r="A58224" s="2"/>
      <c r="B58224" s="2"/>
      <c r="C58224" s="2"/>
    </row>
    <row r="58225" spans="1:3" ht="19.2">
      <c r="A58225" s="2"/>
      <c r="B58225" s="2"/>
      <c r="C58225" s="2"/>
    </row>
    <row r="58226" spans="1:3" ht="19.2">
      <c r="A58226" s="2"/>
      <c r="B58226" s="2"/>
      <c r="C58226" s="2"/>
    </row>
    <row r="58227" spans="1:3" ht="19.2">
      <c r="A58227" s="2"/>
      <c r="B58227" s="2"/>
      <c r="C58227" s="2"/>
    </row>
    <row r="58228" spans="1:3" ht="19.2">
      <c r="A58228" s="2"/>
      <c r="B58228" s="2"/>
      <c r="C58228" s="2"/>
    </row>
    <row r="58229" spans="1:3" ht="19.2">
      <c r="A58229" s="2"/>
      <c r="B58229" s="2"/>
      <c r="C58229" s="2"/>
    </row>
    <row r="58230" spans="1:3" ht="19.2">
      <c r="A58230" s="2"/>
      <c r="B58230" s="2"/>
      <c r="C58230" s="2"/>
    </row>
    <row r="58231" spans="1:3" ht="19.2">
      <c r="A58231" s="2"/>
      <c r="B58231" s="2"/>
      <c r="C58231" s="2"/>
    </row>
    <row r="58232" spans="1:3" ht="19.2">
      <c r="A58232" s="2"/>
      <c r="B58232" s="2"/>
      <c r="C58232" s="2"/>
    </row>
    <row r="58233" spans="1:3" ht="19.2">
      <c r="A58233" s="2"/>
      <c r="B58233" s="2"/>
      <c r="C58233" s="2"/>
    </row>
    <row r="58234" spans="1:3" ht="19.2">
      <c r="A58234" s="2"/>
      <c r="B58234" s="2"/>
      <c r="C58234" s="2"/>
    </row>
    <row r="58235" spans="1:3" ht="19.2">
      <c r="A58235" s="2"/>
      <c r="B58235" s="2"/>
      <c r="C58235" s="2"/>
    </row>
    <row r="58236" spans="1:3" ht="19.2">
      <c r="A58236" s="2"/>
      <c r="B58236" s="2"/>
      <c r="C58236" s="2"/>
    </row>
    <row r="58237" spans="1:3" ht="19.2">
      <c r="A58237" s="2"/>
      <c r="B58237" s="2"/>
      <c r="C58237" s="2"/>
    </row>
    <row r="58238" spans="1:3" ht="19.2">
      <c r="A58238" s="2"/>
      <c r="B58238" s="2"/>
      <c r="C58238" s="2"/>
    </row>
    <row r="58239" spans="1:3" ht="19.2">
      <c r="A58239" s="2"/>
      <c r="B58239" s="2"/>
      <c r="C58239" s="2"/>
    </row>
    <row r="58240" spans="1:3" ht="19.2">
      <c r="A58240" s="2"/>
      <c r="B58240" s="2"/>
      <c r="C58240" s="2"/>
    </row>
    <row r="58241" spans="1:3" ht="19.2">
      <c r="A58241" s="2"/>
      <c r="B58241" s="2"/>
      <c r="C58241" s="2"/>
    </row>
    <row r="58242" spans="1:3" ht="19.2">
      <c r="A58242" s="2"/>
      <c r="B58242" s="2"/>
      <c r="C58242" s="2"/>
    </row>
    <row r="58243" spans="1:3" ht="19.2">
      <c r="A58243" s="2"/>
      <c r="B58243" s="2"/>
      <c r="C58243" s="2"/>
    </row>
    <row r="58244" spans="1:3" ht="19.2">
      <c r="A58244" s="2"/>
      <c r="B58244" s="2"/>
      <c r="C58244" s="2"/>
    </row>
    <row r="58245" spans="1:3" ht="19.2">
      <c r="A58245" s="2"/>
      <c r="B58245" s="2"/>
      <c r="C58245" s="2"/>
    </row>
    <row r="58246" spans="1:3" ht="19.2">
      <c r="A58246" s="2"/>
      <c r="B58246" s="2"/>
      <c r="C58246" s="2"/>
    </row>
    <row r="58247" spans="1:3" ht="19.2">
      <c r="A58247" s="2"/>
      <c r="B58247" s="2"/>
      <c r="C58247" s="2"/>
    </row>
    <row r="58248" spans="1:3" ht="19.2">
      <c r="A58248" s="2"/>
      <c r="B58248" s="2"/>
      <c r="C58248" s="2"/>
    </row>
    <row r="58249" spans="1:3" ht="19.2">
      <c r="A58249" s="2"/>
      <c r="B58249" s="2"/>
      <c r="C58249" s="2"/>
    </row>
    <row r="58250" spans="1:3" ht="19.2">
      <c r="A58250" s="2"/>
      <c r="B58250" s="2"/>
      <c r="C58250" s="2"/>
    </row>
    <row r="58251" spans="1:3" ht="19.2">
      <c r="A58251" s="2"/>
      <c r="B58251" s="2"/>
      <c r="C58251" s="2"/>
    </row>
    <row r="58252" spans="1:3" ht="19.2">
      <c r="A58252" s="2"/>
      <c r="B58252" s="2"/>
      <c r="C58252" s="2"/>
    </row>
    <row r="58253" spans="1:3" ht="19.2">
      <c r="A58253" s="2"/>
      <c r="B58253" s="2"/>
      <c r="C58253" s="2"/>
    </row>
    <row r="58254" spans="1:3" ht="19.2">
      <c r="A58254" s="2"/>
      <c r="B58254" s="2"/>
      <c r="C58254" s="2"/>
    </row>
    <row r="58255" spans="1:3" ht="19.2">
      <c r="A58255" s="2"/>
      <c r="B58255" s="2"/>
      <c r="C58255" s="2"/>
    </row>
    <row r="58256" spans="1:3" ht="19.2">
      <c r="A58256" s="2"/>
      <c r="B58256" s="2"/>
      <c r="C58256" s="2"/>
    </row>
    <row r="58257" spans="1:3" ht="19.2">
      <c r="A58257" s="2"/>
      <c r="B58257" s="2"/>
      <c r="C58257" s="2"/>
    </row>
    <row r="58258" spans="1:3" ht="19.2">
      <c r="A58258" s="2"/>
      <c r="B58258" s="2"/>
      <c r="C58258" s="2"/>
    </row>
    <row r="58259" spans="1:3" ht="19.2">
      <c r="A58259" s="2"/>
      <c r="B58259" s="2"/>
      <c r="C58259" s="2"/>
    </row>
    <row r="58260" spans="1:3" ht="19.2">
      <c r="A58260" s="2"/>
      <c r="B58260" s="2"/>
      <c r="C58260" s="2"/>
    </row>
    <row r="58261" spans="1:3" ht="19.2">
      <c r="A58261" s="2"/>
      <c r="B58261" s="2"/>
      <c r="C58261" s="2"/>
    </row>
    <row r="58262" spans="1:3" ht="19.2">
      <c r="A58262" s="2"/>
      <c r="B58262" s="2"/>
      <c r="C58262" s="2"/>
    </row>
    <row r="58263" spans="1:3" ht="19.2">
      <c r="A58263" s="2"/>
      <c r="B58263" s="2"/>
      <c r="C58263" s="2"/>
    </row>
    <row r="58264" spans="1:3" ht="19.2">
      <c r="A58264" s="2"/>
      <c r="B58264" s="2"/>
      <c r="C58264" s="2"/>
    </row>
    <row r="58265" spans="1:3" ht="19.2">
      <c r="A58265" s="2"/>
      <c r="B58265" s="2"/>
      <c r="C58265" s="2"/>
    </row>
    <row r="58266" spans="1:3" ht="19.2">
      <c r="A58266" s="2"/>
      <c r="B58266" s="2"/>
      <c r="C58266" s="2"/>
    </row>
    <row r="58267" spans="1:3" ht="19.2">
      <c r="A58267" s="2"/>
      <c r="B58267" s="2"/>
      <c r="C58267" s="2"/>
    </row>
    <row r="58268" spans="1:3" ht="19.2">
      <c r="A58268" s="2"/>
      <c r="B58268" s="2"/>
      <c r="C58268" s="2"/>
    </row>
    <row r="58269" spans="1:3" ht="19.2">
      <c r="A58269" s="2"/>
      <c r="B58269" s="2"/>
      <c r="C58269" s="2"/>
    </row>
    <row r="58270" spans="1:3" ht="19.2">
      <c r="A58270" s="2"/>
      <c r="B58270" s="2"/>
      <c r="C58270" s="2"/>
    </row>
    <row r="58271" spans="1:3" ht="19.2">
      <c r="A58271" s="2"/>
      <c r="B58271" s="2"/>
      <c r="C58271" s="2"/>
    </row>
    <row r="58272" spans="1:3" ht="19.2">
      <c r="A58272" s="2"/>
      <c r="B58272" s="2"/>
      <c r="C58272" s="2"/>
    </row>
    <row r="58273" spans="1:3" ht="19.2">
      <c r="A58273" s="2"/>
      <c r="B58273" s="2"/>
      <c r="C58273" s="2"/>
    </row>
    <row r="58274" spans="1:3" ht="19.2">
      <c r="A58274" s="2"/>
      <c r="B58274" s="2"/>
      <c r="C58274" s="2"/>
    </row>
    <row r="58275" spans="1:3" ht="19.2">
      <c r="A58275" s="2"/>
      <c r="B58275" s="2"/>
      <c r="C58275" s="2"/>
    </row>
    <row r="58276" spans="1:3" ht="19.2">
      <c r="A58276" s="2"/>
      <c r="B58276" s="2"/>
      <c r="C58276" s="2"/>
    </row>
    <row r="58277" spans="1:3" ht="19.2">
      <c r="A58277" s="2"/>
      <c r="B58277" s="2"/>
      <c r="C58277" s="2"/>
    </row>
    <row r="58278" spans="1:3" ht="19.2">
      <c r="A58278" s="2"/>
      <c r="B58278" s="2"/>
      <c r="C58278" s="2"/>
    </row>
    <row r="58279" spans="1:3" ht="19.2">
      <c r="A58279" s="2"/>
      <c r="B58279" s="2"/>
      <c r="C58279" s="2"/>
    </row>
    <row r="58280" spans="1:3" ht="19.2">
      <c r="A58280" s="2"/>
      <c r="B58280" s="2"/>
      <c r="C58280" s="2"/>
    </row>
    <row r="58281" spans="1:3" ht="19.2">
      <c r="A58281" s="2"/>
      <c r="B58281" s="2"/>
      <c r="C58281" s="2"/>
    </row>
    <row r="58282" spans="1:3" ht="19.2">
      <c r="A58282" s="2"/>
      <c r="B58282" s="2"/>
      <c r="C58282" s="2"/>
    </row>
    <row r="58283" spans="1:3" ht="19.2">
      <c r="A58283" s="2"/>
      <c r="B58283" s="2"/>
      <c r="C58283" s="2"/>
    </row>
    <row r="58284" spans="1:3" ht="19.2">
      <c r="A58284" s="2"/>
      <c r="B58284" s="2"/>
      <c r="C58284" s="2"/>
    </row>
    <row r="58285" spans="1:3" ht="19.2">
      <c r="A58285" s="2"/>
      <c r="B58285" s="2"/>
      <c r="C58285" s="2"/>
    </row>
    <row r="58286" spans="1:3" ht="19.2">
      <c r="A58286" s="2"/>
      <c r="B58286" s="2"/>
      <c r="C58286" s="2"/>
    </row>
    <row r="58287" spans="1:3" ht="19.2">
      <c r="A58287" s="2"/>
      <c r="B58287" s="2"/>
      <c r="C58287" s="2"/>
    </row>
    <row r="58288" spans="1:3" ht="19.2">
      <c r="A58288" s="2"/>
      <c r="B58288" s="2"/>
      <c r="C58288" s="2"/>
    </row>
    <row r="58289" spans="1:3" ht="19.2">
      <c r="A58289" s="2"/>
      <c r="B58289" s="2"/>
      <c r="C58289" s="2"/>
    </row>
    <row r="58290" spans="1:3" ht="19.2">
      <c r="A58290" s="2"/>
      <c r="B58290" s="2"/>
      <c r="C58290" s="2"/>
    </row>
    <row r="58291" spans="1:3" ht="19.2">
      <c r="A58291" s="2"/>
      <c r="B58291" s="2"/>
      <c r="C58291" s="2"/>
    </row>
    <row r="58292" spans="1:3" ht="19.2">
      <c r="A58292" s="2"/>
      <c r="B58292" s="2"/>
      <c r="C58292" s="2"/>
    </row>
    <row r="58293" spans="1:3" ht="19.2">
      <c r="A58293" s="2"/>
      <c r="B58293" s="2"/>
      <c r="C58293" s="2"/>
    </row>
    <row r="58294" spans="1:3" ht="19.2">
      <c r="A58294" s="2"/>
      <c r="B58294" s="2"/>
      <c r="C58294" s="2"/>
    </row>
    <row r="58295" spans="1:3" ht="19.2">
      <c r="A58295" s="2"/>
      <c r="B58295" s="2"/>
      <c r="C58295" s="2"/>
    </row>
    <row r="58296" spans="1:3" ht="19.2">
      <c r="A58296" s="2"/>
      <c r="B58296" s="2"/>
      <c r="C58296" s="2"/>
    </row>
    <row r="58297" spans="1:3" ht="19.2">
      <c r="A58297" s="2"/>
      <c r="B58297" s="2"/>
      <c r="C58297" s="2"/>
    </row>
    <row r="58298" spans="1:3" ht="19.2">
      <c r="A58298" s="2"/>
      <c r="B58298" s="2"/>
      <c r="C58298" s="2"/>
    </row>
    <row r="58299" spans="1:3" ht="19.2">
      <c r="A58299" s="2"/>
      <c r="B58299" s="2"/>
      <c r="C58299" s="2"/>
    </row>
    <row r="58300" spans="1:3" ht="19.2">
      <c r="A58300" s="2"/>
      <c r="B58300" s="2"/>
      <c r="C58300" s="2"/>
    </row>
    <row r="58301" spans="1:3" ht="19.2">
      <c r="A58301" s="2"/>
      <c r="B58301" s="2"/>
      <c r="C58301" s="2"/>
    </row>
    <row r="58302" spans="1:3" ht="19.2">
      <c r="A58302" s="2"/>
      <c r="B58302" s="2"/>
      <c r="C58302" s="2"/>
    </row>
    <row r="58303" spans="1:3" ht="19.2">
      <c r="A58303" s="2"/>
      <c r="B58303" s="2"/>
      <c r="C58303" s="2"/>
    </row>
    <row r="58304" spans="1:3" ht="19.2">
      <c r="A58304" s="2"/>
      <c r="B58304" s="2"/>
      <c r="C58304" s="2"/>
    </row>
    <row r="58305" spans="1:3" ht="19.2">
      <c r="A58305" s="2"/>
      <c r="B58305" s="2"/>
      <c r="C58305" s="2"/>
    </row>
    <row r="58306" spans="1:3" ht="19.2">
      <c r="A58306" s="2"/>
      <c r="B58306" s="2"/>
      <c r="C58306" s="2"/>
    </row>
    <row r="58307" spans="1:3" ht="19.2">
      <c r="A58307" s="2"/>
      <c r="B58307" s="2"/>
      <c r="C58307" s="2"/>
    </row>
    <row r="58308" spans="1:3" ht="19.2">
      <c r="A58308" s="2"/>
      <c r="B58308" s="2"/>
      <c r="C58308" s="2"/>
    </row>
    <row r="58309" spans="1:3" ht="19.2">
      <c r="A58309" s="2"/>
      <c r="B58309" s="2"/>
      <c r="C58309" s="2"/>
    </row>
    <row r="58310" spans="1:3" ht="19.2">
      <c r="A58310" s="2"/>
      <c r="B58310" s="2"/>
      <c r="C58310" s="2"/>
    </row>
    <row r="58311" spans="1:3" ht="19.2">
      <c r="A58311" s="2"/>
      <c r="B58311" s="2"/>
      <c r="C58311" s="2"/>
    </row>
    <row r="58312" spans="1:3" ht="19.2">
      <c r="A58312" s="2"/>
      <c r="B58312" s="2"/>
      <c r="C58312" s="2"/>
    </row>
    <row r="58313" spans="1:3" ht="19.2">
      <c r="A58313" s="2"/>
      <c r="B58313" s="2"/>
      <c r="C58313" s="2"/>
    </row>
    <row r="58314" spans="1:3" ht="19.2">
      <c r="A58314" s="2"/>
      <c r="B58314" s="2"/>
      <c r="C58314" s="2"/>
    </row>
    <row r="58315" spans="1:3" ht="19.2">
      <c r="A58315" s="2"/>
      <c r="B58315" s="2"/>
      <c r="C58315" s="2"/>
    </row>
    <row r="58316" spans="1:3" ht="19.2">
      <c r="A58316" s="2"/>
      <c r="B58316" s="2"/>
      <c r="C58316" s="2"/>
    </row>
    <row r="58317" spans="1:3" ht="19.2">
      <c r="A58317" s="2"/>
      <c r="B58317" s="2"/>
      <c r="C58317" s="2"/>
    </row>
    <row r="58318" spans="1:3" ht="19.2">
      <c r="A58318" s="2"/>
      <c r="B58318" s="2"/>
      <c r="C58318" s="2"/>
    </row>
    <row r="58319" spans="1:3" ht="19.2">
      <c r="A58319" s="2"/>
      <c r="B58319" s="2"/>
      <c r="C58319" s="2"/>
    </row>
    <row r="58320" spans="1:3" ht="19.2">
      <c r="A58320" s="2"/>
      <c r="B58320" s="2"/>
      <c r="C58320" s="2"/>
    </row>
    <row r="58321" spans="1:3" ht="19.2">
      <c r="A58321" s="2"/>
      <c r="B58321" s="2"/>
      <c r="C58321" s="2"/>
    </row>
    <row r="58322" spans="1:3" ht="19.2">
      <c r="A58322" s="2"/>
      <c r="B58322" s="2"/>
      <c r="C58322" s="2"/>
    </row>
    <row r="58323" spans="1:3" ht="19.2">
      <c r="A58323" s="2"/>
      <c r="B58323" s="2"/>
      <c r="C58323" s="2"/>
    </row>
    <row r="58324" spans="1:3" ht="19.2">
      <c r="A58324" s="2"/>
      <c r="B58324" s="2"/>
      <c r="C58324" s="2"/>
    </row>
    <row r="58325" spans="1:3" ht="19.2">
      <c r="A58325" s="2"/>
      <c r="B58325" s="2"/>
      <c r="C58325" s="2"/>
    </row>
    <row r="58326" spans="1:3" ht="19.2">
      <c r="A58326" s="2"/>
      <c r="B58326" s="2"/>
      <c r="C58326" s="2"/>
    </row>
    <row r="58327" spans="1:3" ht="19.2">
      <c r="A58327" s="2"/>
      <c r="B58327" s="2"/>
      <c r="C58327" s="2"/>
    </row>
    <row r="58328" spans="1:3" ht="19.2">
      <c r="A58328" s="2"/>
      <c r="B58328" s="2"/>
      <c r="C58328" s="2"/>
    </row>
    <row r="58329" spans="1:3" ht="19.2">
      <c r="A58329" s="2"/>
      <c r="B58329" s="2"/>
      <c r="C58329" s="2"/>
    </row>
    <row r="58330" spans="1:3" ht="19.2">
      <c r="A58330" s="2"/>
      <c r="B58330" s="2"/>
      <c r="C58330" s="2"/>
    </row>
    <row r="58331" spans="1:3" ht="19.2">
      <c r="A58331" s="2"/>
      <c r="B58331" s="2"/>
      <c r="C58331" s="2"/>
    </row>
    <row r="58332" spans="1:3" ht="19.2">
      <c r="A58332" s="2"/>
      <c r="B58332" s="2"/>
      <c r="C58332" s="2"/>
    </row>
    <row r="58333" spans="1:3" ht="19.2">
      <c r="A58333" s="2"/>
      <c r="B58333" s="2"/>
      <c r="C58333" s="2"/>
    </row>
    <row r="58334" spans="1:3" ht="19.2">
      <c r="A58334" s="2"/>
      <c r="B58334" s="2"/>
      <c r="C58334" s="2"/>
    </row>
    <row r="58335" spans="1:3" ht="19.2">
      <c r="A58335" s="2"/>
      <c r="B58335" s="2"/>
      <c r="C58335" s="2"/>
    </row>
    <row r="58336" spans="1:3" ht="19.2">
      <c r="A58336" s="2"/>
      <c r="B58336" s="2"/>
      <c r="C58336" s="2"/>
    </row>
    <row r="58337" spans="1:3" ht="19.2">
      <c r="A58337" s="2"/>
      <c r="B58337" s="2"/>
      <c r="C58337" s="2"/>
    </row>
    <row r="58338" spans="1:3" ht="19.2">
      <c r="A58338" s="2"/>
      <c r="B58338" s="2"/>
      <c r="C58338" s="2"/>
    </row>
    <row r="58339" spans="1:3" ht="19.2">
      <c r="A58339" s="2"/>
      <c r="B58339" s="2"/>
      <c r="C58339" s="2"/>
    </row>
    <row r="58340" spans="1:3" ht="19.2">
      <c r="A58340" s="2"/>
      <c r="B58340" s="2"/>
      <c r="C58340" s="2"/>
    </row>
    <row r="58341" spans="1:3" ht="19.2">
      <c r="A58341" s="2"/>
      <c r="B58341" s="2"/>
      <c r="C58341" s="2"/>
    </row>
    <row r="58342" spans="1:3" ht="19.2">
      <c r="A58342" s="2"/>
      <c r="B58342" s="2"/>
      <c r="C58342" s="2"/>
    </row>
    <row r="58343" spans="1:3" ht="19.2">
      <c r="A58343" s="2"/>
      <c r="B58343" s="2"/>
      <c r="C58343" s="2"/>
    </row>
    <row r="58344" spans="1:3" ht="19.2">
      <c r="A58344" s="2"/>
      <c r="B58344" s="2"/>
      <c r="C58344" s="2"/>
    </row>
    <row r="58345" spans="1:3" ht="19.2">
      <c r="A58345" s="2"/>
      <c r="B58345" s="2"/>
      <c r="C58345" s="2"/>
    </row>
    <row r="58346" spans="1:3" ht="19.2">
      <c r="A58346" s="2"/>
      <c r="B58346" s="2"/>
      <c r="C58346" s="2"/>
    </row>
    <row r="58347" spans="1:3" ht="19.2">
      <c r="A58347" s="2"/>
      <c r="B58347" s="2"/>
      <c r="C58347" s="2"/>
    </row>
    <row r="58348" spans="1:3" ht="19.2">
      <c r="A58348" s="2"/>
      <c r="B58348" s="2"/>
      <c r="C58348" s="2"/>
    </row>
    <row r="58349" spans="1:3" ht="19.2">
      <c r="A58349" s="2"/>
      <c r="B58349" s="2"/>
      <c r="C58349" s="2"/>
    </row>
    <row r="58350" spans="1:3" ht="19.2">
      <c r="A58350" s="2"/>
      <c r="B58350" s="2"/>
      <c r="C58350" s="2"/>
    </row>
    <row r="58351" spans="1:3" ht="19.2">
      <c r="A58351" s="2"/>
      <c r="B58351" s="2"/>
      <c r="C58351" s="2"/>
    </row>
    <row r="58352" spans="1:3" ht="19.2">
      <c r="A58352" s="2"/>
      <c r="B58352" s="2"/>
      <c r="C58352" s="2"/>
    </row>
    <row r="58353" spans="1:3" ht="19.2">
      <c r="A58353" s="2"/>
      <c r="B58353" s="2"/>
      <c r="C58353" s="2"/>
    </row>
    <row r="58354" spans="1:3" ht="19.2">
      <c r="A58354" s="2"/>
      <c r="B58354" s="2"/>
      <c r="C58354" s="2"/>
    </row>
    <row r="58355" spans="1:3" ht="19.2">
      <c r="A58355" s="2"/>
      <c r="B58355" s="2"/>
      <c r="C58355" s="2"/>
    </row>
    <row r="58356" spans="1:3" ht="19.2">
      <c r="A58356" s="2"/>
      <c r="B58356" s="2"/>
      <c r="C58356" s="2"/>
    </row>
    <row r="58357" spans="1:3" ht="19.2">
      <c r="A58357" s="2"/>
      <c r="B58357" s="2"/>
      <c r="C58357" s="2"/>
    </row>
    <row r="58358" spans="1:3" ht="19.2">
      <c r="A58358" s="2"/>
      <c r="B58358" s="2"/>
      <c r="C58358" s="2"/>
    </row>
    <row r="58359" spans="1:3" ht="19.2">
      <c r="A58359" s="2"/>
      <c r="B58359" s="2"/>
      <c r="C58359" s="2"/>
    </row>
    <row r="58360" spans="1:3" ht="19.2">
      <c r="A58360" s="2"/>
      <c r="B58360" s="2"/>
      <c r="C58360" s="2"/>
    </row>
    <row r="58361" spans="1:3" ht="19.2">
      <c r="A58361" s="2"/>
      <c r="B58361" s="2"/>
      <c r="C58361" s="2"/>
    </row>
    <row r="58362" spans="1:3" ht="19.2">
      <c r="A58362" s="2"/>
      <c r="B58362" s="2"/>
      <c r="C58362" s="2"/>
    </row>
    <row r="58363" spans="1:3" ht="19.2">
      <c r="A58363" s="2"/>
      <c r="B58363" s="2"/>
      <c r="C58363" s="2"/>
    </row>
    <row r="58364" spans="1:3" ht="19.2">
      <c r="A58364" s="2"/>
      <c r="B58364" s="2"/>
      <c r="C58364" s="2"/>
    </row>
    <row r="58365" spans="1:3" ht="19.2">
      <c r="A58365" s="2"/>
      <c r="B58365" s="2"/>
      <c r="C58365" s="2"/>
    </row>
    <row r="58366" spans="1:3" ht="19.2">
      <c r="A58366" s="2"/>
      <c r="B58366" s="2"/>
      <c r="C58366" s="2"/>
    </row>
    <row r="58367" spans="1:3" ht="19.2">
      <c r="A58367" s="2"/>
      <c r="B58367" s="2"/>
      <c r="C58367" s="2"/>
    </row>
    <row r="58368" spans="1:3" ht="19.2">
      <c r="A58368" s="2"/>
      <c r="B58368" s="2"/>
      <c r="C58368" s="2"/>
    </row>
    <row r="58369" spans="1:3" ht="19.2">
      <c r="A58369" s="2"/>
      <c r="B58369" s="2"/>
      <c r="C58369" s="2"/>
    </row>
    <row r="58370" spans="1:3" ht="19.2">
      <c r="A58370" s="2"/>
      <c r="B58370" s="2"/>
      <c r="C58370" s="2"/>
    </row>
    <row r="58371" spans="1:3" ht="19.2">
      <c r="A58371" s="2"/>
      <c r="B58371" s="2"/>
      <c r="C58371" s="2"/>
    </row>
    <row r="58372" spans="1:3" ht="19.2">
      <c r="A58372" s="2"/>
      <c r="B58372" s="2"/>
      <c r="C58372" s="2"/>
    </row>
    <row r="58373" spans="1:3" ht="19.2">
      <c r="A58373" s="2"/>
      <c r="B58373" s="2"/>
      <c r="C58373" s="2"/>
    </row>
    <row r="58374" spans="1:3" ht="19.2">
      <c r="A58374" s="2"/>
      <c r="B58374" s="2"/>
      <c r="C58374" s="2"/>
    </row>
    <row r="58375" spans="1:3" ht="19.2">
      <c r="A58375" s="2"/>
      <c r="B58375" s="2"/>
      <c r="C58375" s="2"/>
    </row>
    <row r="58376" spans="1:3" ht="19.2">
      <c r="A58376" s="2"/>
      <c r="B58376" s="2"/>
      <c r="C58376" s="2"/>
    </row>
    <row r="58377" spans="1:3" ht="19.2">
      <c r="A58377" s="2"/>
      <c r="B58377" s="2"/>
      <c r="C58377" s="2"/>
    </row>
    <row r="58378" spans="1:3" ht="19.2">
      <c r="A58378" s="2"/>
      <c r="B58378" s="2"/>
      <c r="C58378" s="2"/>
    </row>
    <row r="58379" spans="1:3" ht="19.2">
      <c r="A58379" s="2"/>
      <c r="B58379" s="2"/>
      <c r="C58379" s="2"/>
    </row>
    <row r="58380" spans="1:3" ht="19.2">
      <c r="A58380" s="2"/>
      <c r="B58380" s="2"/>
      <c r="C58380" s="2"/>
    </row>
    <row r="58381" spans="1:3" ht="19.2">
      <c r="A58381" s="2"/>
      <c r="B58381" s="2"/>
      <c r="C58381" s="2"/>
    </row>
    <row r="58382" spans="1:3" ht="19.2">
      <c r="A58382" s="2"/>
      <c r="B58382" s="2"/>
      <c r="C58382" s="2"/>
    </row>
    <row r="58383" spans="1:3" ht="19.2">
      <c r="A58383" s="2"/>
      <c r="B58383" s="2"/>
      <c r="C58383" s="2"/>
    </row>
    <row r="58384" spans="1:3" ht="19.2">
      <c r="A58384" s="2"/>
      <c r="B58384" s="2"/>
      <c r="C58384" s="2"/>
    </row>
    <row r="58385" spans="1:3" ht="19.2">
      <c r="A58385" s="2"/>
      <c r="B58385" s="2"/>
      <c r="C58385" s="2"/>
    </row>
    <row r="58386" spans="1:3" ht="19.2">
      <c r="A58386" s="2"/>
      <c r="B58386" s="2"/>
      <c r="C58386" s="2"/>
    </row>
    <row r="58387" spans="1:3" ht="19.2">
      <c r="A58387" s="2"/>
      <c r="B58387" s="2"/>
      <c r="C58387" s="2"/>
    </row>
    <row r="58388" spans="1:3" ht="19.2">
      <c r="A58388" s="2"/>
      <c r="B58388" s="2"/>
      <c r="C58388" s="2"/>
    </row>
    <row r="58389" spans="1:3" ht="19.2">
      <c r="A58389" s="2"/>
      <c r="B58389" s="2"/>
      <c r="C58389" s="2"/>
    </row>
    <row r="58390" spans="1:3" ht="19.2">
      <c r="A58390" s="2"/>
      <c r="B58390" s="2"/>
      <c r="C58390" s="2"/>
    </row>
    <row r="58391" spans="1:3" ht="19.2">
      <c r="A58391" s="2"/>
      <c r="B58391" s="2"/>
      <c r="C58391" s="2"/>
    </row>
    <row r="58392" spans="1:3" ht="19.2">
      <c r="A58392" s="2"/>
      <c r="B58392" s="2"/>
      <c r="C58392" s="2"/>
    </row>
    <row r="58393" spans="1:3" ht="19.2">
      <c r="A58393" s="2"/>
      <c r="B58393" s="2"/>
      <c r="C58393" s="2"/>
    </row>
    <row r="58394" spans="1:3" ht="19.2">
      <c r="A58394" s="2"/>
      <c r="B58394" s="2"/>
      <c r="C58394" s="2"/>
    </row>
    <row r="58395" spans="1:3" ht="19.2">
      <c r="A58395" s="2"/>
      <c r="B58395" s="2"/>
      <c r="C58395" s="2"/>
    </row>
    <row r="58396" spans="1:3" ht="19.2">
      <c r="A58396" s="2"/>
      <c r="B58396" s="2"/>
      <c r="C58396" s="2"/>
    </row>
    <row r="58397" spans="1:3" ht="19.2">
      <c r="A58397" s="2"/>
      <c r="B58397" s="2"/>
      <c r="C58397" s="2"/>
    </row>
    <row r="58398" spans="1:3" ht="19.2">
      <c r="A58398" s="2"/>
      <c r="B58398" s="2"/>
      <c r="C58398" s="2"/>
    </row>
    <row r="58399" spans="1:3" ht="19.2">
      <c r="A58399" s="2"/>
      <c r="B58399" s="2"/>
      <c r="C58399" s="2"/>
    </row>
    <row r="58400" spans="1:3" ht="19.2">
      <c r="A58400" s="2"/>
      <c r="B58400" s="2"/>
      <c r="C58400" s="2"/>
    </row>
    <row r="58401" spans="1:3" ht="19.2">
      <c r="A58401" s="2"/>
      <c r="B58401" s="2"/>
      <c r="C58401" s="2"/>
    </row>
    <row r="58402" spans="1:3" ht="19.2">
      <c r="A58402" s="2"/>
      <c r="B58402" s="2"/>
      <c r="C58402" s="2"/>
    </row>
    <row r="58403" spans="1:3" ht="19.2">
      <c r="A58403" s="2"/>
      <c r="B58403" s="2"/>
      <c r="C58403" s="2"/>
    </row>
    <row r="58404" spans="1:3" ht="19.2">
      <c r="A58404" s="2"/>
      <c r="B58404" s="2"/>
      <c r="C58404" s="2"/>
    </row>
    <row r="58405" spans="1:3" ht="19.2">
      <c r="A58405" s="2"/>
      <c r="B58405" s="2"/>
      <c r="C58405" s="2"/>
    </row>
    <row r="58406" spans="1:3" ht="19.2">
      <c r="A58406" s="2"/>
      <c r="B58406" s="2"/>
      <c r="C58406" s="2"/>
    </row>
    <row r="58407" spans="1:3" ht="19.2">
      <c r="A58407" s="2"/>
      <c r="B58407" s="2"/>
      <c r="C58407" s="2"/>
    </row>
    <row r="58408" spans="1:3" ht="19.2">
      <c r="A58408" s="2"/>
      <c r="B58408" s="2"/>
      <c r="C58408" s="2"/>
    </row>
    <row r="58409" spans="1:3" ht="19.2">
      <c r="A58409" s="2"/>
      <c r="B58409" s="2"/>
      <c r="C58409" s="2"/>
    </row>
    <row r="58410" spans="1:3" ht="19.2">
      <c r="A58410" s="2"/>
      <c r="B58410" s="2"/>
      <c r="C58410" s="2"/>
    </row>
    <row r="58411" spans="1:3" ht="19.2">
      <c r="A58411" s="2"/>
      <c r="B58411" s="2"/>
      <c r="C58411" s="2"/>
    </row>
    <row r="58412" spans="1:3" ht="19.2">
      <c r="A58412" s="2"/>
      <c r="B58412" s="2"/>
      <c r="C58412" s="2"/>
    </row>
    <row r="58413" spans="1:3" ht="19.2">
      <c r="A58413" s="2"/>
      <c r="B58413" s="2"/>
      <c r="C58413" s="2"/>
    </row>
    <row r="58414" spans="1:3" ht="19.2">
      <c r="A58414" s="2"/>
      <c r="B58414" s="2"/>
      <c r="C58414" s="2"/>
    </row>
    <row r="58415" spans="1:3" ht="19.2">
      <c r="A58415" s="2"/>
      <c r="B58415" s="2"/>
      <c r="C58415" s="2"/>
    </row>
    <row r="58416" spans="1:3" ht="19.2">
      <c r="A58416" s="2"/>
      <c r="B58416" s="2"/>
      <c r="C58416" s="2"/>
    </row>
    <row r="58417" spans="1:3" ht="19.2">
      <c r="A58417" s="2"/>
      <c r="B58417" s="2"/>
      <c r="C58417" s="2"/>
    </row>
    <row r="58418" spans="1:3" ht="19.2">
      <c r="A58418" s="2"/>
      <c r="B58418" s="2"/>
      <c r="C58418" s="2"/>
    </row>
    <row r="58419" spans="1:3" ht="19.2">
      <c r="A58419" s="2"/>
      <c r="B58419" s="2"/>
      <c r="C58419" s="2"/>
    </row>
    <row r="58420" spans="1:3" ht="19.2">
      <c r="A58420" s="2"/>
      <c r="B58420" s="2"/>
      <c r="C58420" s="2"/>
    </row>
    <row r="58421" spans="1:3" ht="19.2">
      <c r="A58421" s="2"/>
      <c r="B58421" s="2"/>
      <c r="C58421" s="2"/>
    </row>
    <row r="58422" spans="1:3" ht="19.2">
      <c r="A58422" s="2"/>
      <c r="B58422" s="2"/>
      <c r="C58422" s="2"/>
    </row>
    <row r="58423" spans="1:3" ht="19.2">
      <c r="A58423" s="2"/>
      <c r="B58423" s="2"/>
      <c r="C58423" s="2"/>
    </row>
    <row r="58424" spans="1:3" ht="19.2">
      <c r="A58424" s="2"/>
      <c r="B58424" s="2"/>
      <c r="C58424" s="2"/>
    </row>
    <row r="58425" spans="1:3" ht="19.2">
      <c r="A58425" s="2"/>
      <c r="B58425" s="2"/>
      <c r="C58425" s="2"/>
    </row>
    <row r="58426" spans="1:3" ht="19.2">
      <c r="A58426" s="2"/>
      <c r="B58426" s="2"/>
      <c r="C58426" s="2"/>
    </row>
    <row r="58427" spans="1:3" ht="19.2">
      <c r="A58427" s="2"/>
      <c r="B58427" s="2"/>
      <c r="C58427" s="2"/>
    </row>
    <row r="58428" spans="1:3" ht="19.2">
      <c r="A58428" s="2"/>
      <c r="B58428" s="2"/>
      <c r="C58428" s="2"/>
    </row>
    <row r="58429" spans="1:3" ht="19.2">
      <c r="A58429" s="2"/>
      <c r="B58429" s="2"/>
      <c r="C58429" s="2"/>
    </row>
    <row r="58430" spans="1:3" ht="19.2">
      <c r="A58430" s="2"/>
      <c r="B58430" s="2"/>
      <c r="C58430" s="2"/>
    </row>
    <row r="58431" spans="1:3" ht="19.2">
      <c r="A58431" s="2"/>
      <c r="B58431" s="2"/>
      <c r="C58431" s="2"/>
    </row>
    <row r="58432" spans="1:3" ht="19.2">
      <c r="A58432" s="2"/>
      <c r="B58432" s="2"/>
      <c r="C58432" s="2"/>
    </row>
    <row r="58433" spans="1:3" ht="19.2">
      <c r="A58433" s="2"/>
      <c r="B58433" s="2"/>
      <c r="C58433" s="2"/>
    </row>
    <row r="58434" spans="1:3" ht="19.2">
      <c r="A58434" s="2"/>
      <c r="B58434" s="2"/>
      <c r="C58434" s="2"/>
    </row>
    <row r="58435" spans="1:3" ht="19.2">
      <c r="A58435" s="2"/>
      <c r="B58435" s="2"/>
      <c r="C58435" s="2"/>
    </row>
    <row r="58436" spans="1:3" ht="19.2">
      <c r="A58436" s="2"/>
      <c r="B58436" s="2"/>
      <c r="C58436" s="2"/>
    </row>
    <row r="58437" spans="1:3" ht="19.2">
      <c r="A58437" s="2"/>
      <c r="B58437" s="2"/>
      <c r="C58437" s="2"/>
    </row>
    <row r="58438" spans="1:3" ht="19.2">
      <c r="A58438" s="2"/>
      <c r="B58438" s="2"/>
      <c r="C58438" s="2"/>
    </row>
    <row r="58439" spans="1:3" ht="19.2">
      <c r="A58439" s="2"/>
      <c r="B58439" s="2"/>
      <c r="C58439" s="2"/>
    </row>
    <row r="58440" spans="1:3" ht="19.2">
      <c r="A58440" s="2"/>
      <c r="B58440" s="2"/>
      <c r="C58440" s="2"/>
    </row>
    <row r="58441" spans="1:3" ht="19.2">
      <c r="A58441" s="2"/>
      <c r="B58441" s="2"/>
      <c r="C58441" s="2"/>
    </row>
    <row r="58442" spans="1:3" ht="19.2">
      <c r="A58442" s="2"/>
      <c r="B58442" s="2"/>
      <c r="C58442" s="2"/>
    </row>
    <row r="58443" spans="1:3" ht="19.2">
      <c r="A58443" s="2"/>
      <c r="B58443" s="2"/>
      <c r="C58443" s="2"/>
    </row>
    <row r="58444" spans="1:3" ht="19.2">
      <c r="A58444" s="2"/>
      <c r="B58444" s="2"/>
      <c r="C58444" s="2"/>
    </row>
    <row r="58445" spans="1:3" ht="19.2">
      <c r="A58445" s="2"/>
      <c r="B58445" s="2"/>
      <c r="C58445" s="2"/>
    </row>
    <row r="58446" spans="1:3" ht="19.2">
      <c r="A58446" s="2"/>
      <c r="B58446" s="2"/>
      <c r="C58446" s="2"/>
    </row>
    <row r="58447" spans="1:3" ht="19.2">
      <c r="A58447" s="2"/>
      <c r="B58447" s="2"/>
      <c r="C58447" s="2"/>
    </row>
    <row r="58448" spans="1:3" ht="19.2">
      <c r="A58448" s="2"/>
      <c r="B58448" s="2"/>
      <c r="C58448" s="2"/>
    </row>
    <row r="58449" spans="1:3" ht="19.2">
      <c r="A58449" s="2"/>
      <c r="B58449" s="2"/>
      <c r="C58449" s="2"/>
    </row>
    <row r="58450" spans="1:3" ht="19.2">
      <c r="A58450" s="2"/>
      <c r="B58450" s="2"/>
      <c r="C58450" s="2"/>
    </row>
    <row r="58451" spans="1:3" ht="19.2">
      <c r="A58451" s="2"/>
      <c r="B58451" s="2"/>
      <c r="C58451" s="2"/>
    </row>
    <row r="58452" spans="1:3" ht="19.2">
      <c r="A58452" s="2"/>
      <c r="B58452" s="2"/>
      <c r="C58452" s="2"/>
    </row>
    <row r="58453" spans="1:3" ht="19.2">
      <c r="A58453" s="2"/>
      <c r="B58453" s="2"/>
      <c r="C58453" s="2"/>
    </row>
    <row r="58454" spans="1:3" ht="19.2">
      <c r="A58454" s="2"/>
      <c r="B58454" s="2"/>
      <c r="C58454" s="2"/>
    </row>
    <row r="58455" spans="1:3" ht="19.2">
      <c r="A58455" s="2"/>
      <c r="B58455" s="2"/>
      <c r="C58455" s="2"/>
    </row>
    <row r="58456" spans="1:3" ht="19.2">
      <c r="A58456" s="2"/>
      <c r="B58456" s="2"/>
      <c r="C58456" s="2"/>
    </row>
    <row r="58457" spans="1:3" ht="19.2">
      <c r="A58457" s="2"/>
      <c r="B58457" s="2"/>
      <c r="C58457" s="2"/>
    </row>
    <row r="58458" spans="1:3" ht="19.2">
      <c r="A58458" s="2"/>
      <c r="B58458" s="2"/>
      <c r="C58458" s="2"/>
    </row>
    <row r="58459" spans="1:3" ht="19.2">
      <c r="A58459" s="2"/>
      <c r="B58459" s="2"/>
      <c r="C58459" s="2"/>
    </row>
    <row r="58460" spans="1:3" ht="19.2">
      <c r="A58460" s="2"/>
      <c r="B58460" s="2"/>
      <c r="C58460" s="2"/>
    </row>
    <row r="58461" spans="1:3" ht="19.2">
      <c r="A58461" s="2"/>
      <c r="B58461" s="2"/>
      <c r="C58461" s="2"/>
    </row>
    <row r="58462" spans="1:3" ht="19.2">
      <c r="A58462" s="2"/>
      <c r="B58462" s="2"/>
      <c r="C58462" s="2"/>
    </row>
    <row r="58463" spans="1:3" ht="19.2">
      <c r="A58463" s="2"/>
      <c r="B58463" s="2"/>
      <c r="C58463" s="2"/>
    </row>
    <row r="58464" spans="1:3" ht="19.2">
      <c r="A58464" s="2"/>
      <c r="B58464" s="2"/>
      <c r="C58464" s="2"/>
    </row>
    <row r="58465" spans="1:3" ht="19.2">
      <c r="A58465" s="2"/>
      <c r="B58465" s="2"/>
      <c r="C58465" s="2"/>
    </row>
    <row r="58466" spans="1:3" ht="19.2">
      <c r="A58466" s="2"/>
      <c r="B58466" s="2"/>
      <c r="C58466" s="2"/>
    </row>
    <row r="58467" spans="1:3" ht="19.2">
      <c r="A58467" s="2"/>
      <c r="B58467" s="2"/>
      <c r="C58467" s="2"/>
    </row>
    <row r="58468" spans="1:3" ht="19.2">
      <c r="A58468" s="2"/>
      <c r="B58468" s="2"/>
      <c r="C58468" s="2"/>
    </row>
    <row r="58469" spans="1:3" ht="19.2">
      <c r="A58469" s="2"/>
      <c r="B58469" s="2"/>
      <c r="C58469" s="2"/>
    </row>
    <row r="58470" spans="1:3" ht="19.2">
      <c r="A58470" s="2"/>
      <c r="B58470" s="2"/>
      <c r="C58470" s="2"/>
    </row>
    <row r="58471" spans="1:3" ht="19.2">
      <c r="A58471" s="2"/>
      <c r="B58471" s="2"/>
      <c r="C58471" s="2"/>
    </row>
    <row r="58472" spans="1:3" ht="19.2">
      <c r="A58472" s="2"/>
      <c r="B58472" s="2"/>
      <c r="C58472" s="2"/>
    </row>
    <row r="58473" spans="1:3" ht="19.2">
      <c r="A58473" s="2"/>
      <c r="B58473" s="2"/>
      <c r="C58473" s="2"/>
    </row>
    <row r="58474" spans="1:3" ht="19.2">
      <c r="A58474" s="2"/>
      <c r="B58474" s="2"/>
      <c r="C58474" s="2"/>
    </row>
    <row r="58475" spans="1:3" ht="19.2">
      <c r="A58475" s="2"/>
      <c r="B58475" s="2"/>
      <c r="C58475" s="2"/>
    </row>
    <row r="58476" spans="1:3" ht="19.2">
      <c r="A58476" s="2"/>
      <c r="B58476" s="2"/>
      <c r="C58476" s="2"/>
    </row>
    <row r="58477" spans="1:3" ht="19.2">
      <c r="A58477" s="2"/>
      <c r="B58477" s="2"/>
      <c r="C58477" s="2"/>
    </row>
    <row r="58478" spans="1:3" ht="19.2">
      <c r="A58478" s="2"/>
      <c r="B58478" s="2"/>
      <c r="C58478" s="2"/>
    </row>
    <row r="58479" spans="1:3" ht="19.2">
      <c r="A58479" s="2"/>
      <c r="B58479" s="2"/>
      <c r="C58479" s="2"/>
    </row>
    <row r="58480" spans="1:3" ht="19.2">
      <c r="A58480" s="2"/>
      <c r="B58480" s="2"/>
      <c r="C58480" s="2"/>
    </row>
    <row r="58481" spans="1:3" ht="19.2">
      <c r="A58481" s="2"/>
      <c r="B58481" s="2"/>
      <c r="C58481" s="2"/>
    </row>
    <row r="58482" spans="1:3" ht="19.2">
      <c r="A58482" s="2"/>
      <c r="B58482" s="2"/>
      <c r="C58482" s="2"/>
    </row>
    <row r="58483" spans="1:3" ht="19.2">
      <c r="A58483" s="2"/>
      <c r="B58483" s="2"/>
      <c r="C58483" s="2"/>
    </row>
    <row r="58484" spans="1:3" ht="19.2">
      <c r="A58484" s="2"/>
      <c r="B58484" s="2"/>
      <c r="C58484" s="2"/>
    </row>
    <row r="58485" spans="1:3" ht="19.2">
      <c r="A58485" s="2"/>
      <c r="B58485" s="2"/>
      <c r="C58485" s="2"/>
    </row>
    <row r="58486" spans="1:3" ht="19.2">
      <c r="A58486" s="2"/>
      <c r="B58486" s="2"/>
      <c r="C58486" s="2"/>
    </row>
    <row r="58487" spans="1:3" ht="19.2">
      <c r="A58487" s="2"/>
      <c r="B58487" s="2"/>
      <c r="C58487" s="2"/>
    </row>
    <row r="58488" spans="1:3" ht="19.2">
      <c r="A58488" s="2"/>
      <c r="B58488" s="2"/>
      <c r="C58488" s="2"/>
    </row>
    <row r="58489" spans="1:3" ht="19.2">
      <c r="A58489" s="2"/>
      <c r="B58489" s="2"/>
      <c r="C58489" s="2"/>
    </row>
    <row r="58490" spans="1:3" ht="19.2">
      <c r="A58490" s="2"/>
      <c r="B58490" s="2"/>
      <c r="C58490" s="2"/>
    </row>
    <row r="58491" spans="1:3" ht="19.2">
      <c r="A58491" s="2"/>
      <c r="B58491" s="2"/>
      <c r="C58491" s="2"/>
    </row>
    <row r="58492" spans="1:3" ht="19.2">
      <c r="A58492" s="2"/>
      <c r="B58492" s="2"/>
      <c r="C58492" s="2"/>
    </row>
    <row r="58493" spans="1:3" ht="19.2">
      <c r="A58493" s="2"/>
      <c r="B58493" s="2"/>
      <c r="C58493" s="2"/>
    </row>
    <row r="58494" spans="1:3" ht="19.2">
      <c r="A58494" s="2"/>
      <c r="B58494" s="2"/>
      <c r="C58494" s="2"/>
    </row>
    <row r="58495" spans="1:3" ht="19.2">
      <c r="A58495" s="2"/>
      <c r="B58495" s="2"/>
      <c r="C58495" s="2"/>
    </row>
    <row r="58496" spans="1:3" ht="19.2">
      <c r="A58496" s="2"/>
      <c r="B58496" s="2"/>
      <c r="C58496" s="2"/>
    </row>
    <row r="58497" spans="1:3" ht="19.2">
      <c r="A58497" s="2"/>
      <c r="B58497" s="2"/>
      <c r="C58497" s="2"/>
    </row>
    <row r="58498" spans="1:3" ht="19.2">
      <c r="A58498" s="2"/>
      <c r="B58498" s="2"/>
      <c r="C58498" s="2"/>
    </row>
    <row r="58499" spans="1:3" ht="19.2">
      <c r="A58499" s="2"/>
      <c r="B58499" s="2"/>
      <c r="C58499" s="2"/>
    </row>
    <row r="58500" spans="1:3" ht="19.2">
      <c r="A58500" s="2"/>
      <c r="B58500" s="2"/>
      <c r="C58500" s="2"/>
    </row>
    <row r="58501" spans="1:3" ht="19.2">
      <c r="A58501" s="2"/>
      <c r="B58501" s="2"/>
      <c r="C58501" s="2"/>
    </row>
    <row r="58502" spans="1:3" ht="19.2">
      <c r="A58502" s="2"/>
      <c r="B58502" s="2"/>
      <c r="C58502" s="2"/>
    </row>
    <row r="58503" spans="1:3" ht="19.2">
      <c r="A58503" s="2"/>
      <c r="B58503" s="2"/>
      <c r="C58503" s="2"/>
    </row>
    <row r="58504" spans="1:3" ht="19.2">
      <c r="A58504" s="2"/>
      <c r="B58504" s="2"/>
      <c r="C58504" s="2"/>
    </row>
    <row r="58505" spans="1:3" ht="19.2">
      <c r="A58505" s="2"/>
      <c r="B58505" s="2"/>
      <c r="C58505" s="2"/>
    </row>
    <row r="58506" spans="1:3" ht="19.2">
      <c r="A58506" s="2"/>
      <c r="B58506" s="2"/>
      <c r="C58506" s="2"/>
    </row>
    <row r="58507" spans="1:3" ht="19.2">
      <c r="A58507" s="2"/>
      <c r="B58507" s="2"/>
      <c r="C58507" s="2"/>
    </row>
    <row r="58508" spans="1:3" ht="19.2">
      <c r="A58508" s="2"/>
      <c r="B58508" s="2"/>
      <c r="C58508" s="2"/>
    </row>
    <row r="58509" spans="1:3" ht="19.2">
      <c r="A58509" s="2"/>
      <c r="B58509" s="2"/>
      <c r="C58509" s="2"/>
    </row>
    <row r="58510" spans="1:3" ht="19.2">
      <c r="A58510" s="2"/>
      <c r="B58510" s="2"/>
      <c r="C58510" s="2"/>
    </row>
    <row r="58511" spans="1:3" ht="19.2">
      <c r="A58511" s="2"/>
      <c r="B58511" s="2"/>
      <c r="C58511" s="2"/>
    </row>
    <row r="58512" spans="1:3" ht="19.2">
      <c r="A58512" s="2"/>
      <c r="B58512" s="2"/>
      <c r="C58512" s="2"/>
    </row>
    <row r="58513" spans="1:3" ht="19.2">
      <c r="A58513" s="2"/>
      <c r="B58513" s="2"/>
      <c r="C58513" s="2"/>
    </row>
    <row r="58514" spans="1:3" ht="19.2">
      <c r="A58514" s="2"/>
      <c r="B58514" s="2"/>
      <c r="C58514" s="2"/>
    </row>
    <row r="58515" spans="1:3" ht="19.2">
      <c r="A58515" s="2"/>
      <c r="B58515" s="2"/>
      <c r="C58515" s="2"/>
    </row>
    <row r="58516" spans="1:3" ht="19.2">
      <c r="A58516" s="2"/>
      <c r="B58516" s="2"/>
      <c r="C58516" s="2"/>
    </row>
    <row r="58517" spans="1:3" ht="19.2">
      <c r="A58517" s="2"/>
      <c r="B58517" s="2"/>
      <c r="C58517" s="2"/>
    </row>
    <row r="58518" spans="1:3" ht="19.2">
      <c r="A58518" s="2"/>
      <c r="B58518" s="2"/>
      <c r="C58518" s="2"/>
    </row>
    <row r="58519" spans="1:3" ht="19.2">
      <c r="A58519" s="2"/>
      <c r="B58519" s="2"/>
      <c r="C58519" s="2"/>
    </row>
    <row r="58520" spans="1:3" ht="19.2">
      <c r="A58520" s="2"/>
      <c r="B58520" s="2"/>
      <c r="C58520" s="2"/>
    </row>
    <row r="58521" spans="1:3" ht="19.2">
      <c r="A58521" s="2"/>
      <c r="B58521" s="2"/>
      <c r="C58521" s="2"/>
    </row>
    <row r="58522" spans="1:3" ht="19.2">
      <c r="A58522" s="2"/>
      <c r="B58522" s="2"/>
      <c r="C58522" s="2"/>
    </row>
    <row r="58523" spans="1:3" ht="19.2">
      <c r="A58523" s="2"/>
      <c r="B58523" s="2"/>
      <c r="C58523" s="2"/>
    </row>
    <row r="58524" spans="1:3" ht="19.2">
      <c r="A58524" s="2"/>
      <c r="B58524" s="2"/>
      <c r="C58524" s="2"/>
    </row>
    <row r="58525" spans="1:3" ht="19.2">
      <c r="A58525" s="2"/>
      <c r="B58525" s="2"/>
      <c r="C58525" s="2"/>
    </row>
    <row r="58526" spans="1:3" ht="19.2">
      <c r="A58526" s="2"/>
      <c r="B58526" s="2"/>
      <c r="C58526" s="2"/>
    </row>
    <row r="58527" spans="1:3" ht="19.2">
      <c r="A58527" s="2"/>
      <c r="B58527" s="2"/>
      <c r="C58527" s="2"/>
    </row>
    <row r="58528" spans="1:3" ht="19.2">
      <c r="A58528" s="2"/>
      <c r="B58528" s="2"/>
      <c r="C58528" s="2"/>
    </row>
    <row r="58529" spans="1:3" ht="19.2">
      <c r="A58529" s="2"/>
      <c r="B58529" s="2"/>
      <c r="C58529" s="2"/>
    </row>
    <row r="58530" spans="1:3" ht="19.2">
      <c r="A58530" s="2"/>
      <c r="B58530" s="2"/>
      <c r="C58530" s="2"/>
    </row>
    <row r="58531" spans="1:3" ht="19.2">
      <c r="A58531" s="2"/>
      <c r="B58531" s="2"/>
      <c r="C58531" s="2"/>
    </row>
    <row r="58532" spans="1:3" ht="19.2">
      <c r="A58532" s="2"/>
      <c r="B58532" s="2"/>
      <c r="C58532" s="2"/>
    </row>
    <row r="58533" spans="1:3" ht="19.2">
      <c r="A58533" s="2"/>
      <c r="B58533" s="2"/>
      <c r="C58533" s="2"/>
    </row>
    <row r="58534" spans="1:3" ht="19.2">
      <c r="A58534" s="2"/>
      <c r="B58534" s="2"/>
      <c r="C58534" s="2"/>
    </row>
    <row r="58535" spans="1:3" ht="19.2">
      <c r="A58535" s="2"/>
      <c r="B58535" s="2"/>
      <c r="C58535" s="2"/>
    </row>
    <row r="58536" spans="1:3" ht="19.2">
      <c r="A58536" s="2"/>
      <c r="B58536" s="2"/>
      <c r="C58536" s="2"/>
    </row>
    <row r="58537" spans="1:3" ht="19.2">
      <c r="A58537" s="2"/>
      <c r="B58537" s="2"/>
      <c r="C58537" s="2"/>
    </row>
    <row r="58538" spans="1:3" ht="19.2">
      <c r="A58538" s="2"/>
      <c r="B58538" s="2"/>
      <c r="C58538" s="2"/>
    </row>
    <row r="58539" spans="1:3" ht="19.2">
      <c r="A58539" s="2"/>
      <c r="B58539" s="2"/>
      <c r="C58539" s="2"/>
    </row>
    <row r="58540" spans="1:3" ht="19.2">
      <c r="A58540" s="2"/>
      <c r="B58540" s="2"/>
      <c r="C58540" s="2"/>
    </row>
    <row r="58541" spans="1:3" ht="19.2">
      <c r="A58541" s="2"/>
      <c r="B58541" s="2"/>
      <c r="C58541" s="2"/>
    </row>
    <row r="58542" spans="1:3" ht="19.2">
      <c r="A58542" s="2"/>
      <c r="B58542" s="2"/>
      <c r="C58542" s="2"/>
    </row>
    <row r="58543" spans="1:3" ht="19.2">
      <c r="A58543" s="2"/>
      <c r="B58543" s="2"/>
      <c r="C58543" s="2"/>
    </row>
    <row r="58544" spans="1:3" ht="19.2">
      <c r="A58544" s="2"/>
      <c r="B58544" s="2"/>
      <c r="C58544" s="2"/>
    </row>
    <row r="58545" spans="1:3" ht="19.2">
      <c r="A58545" s="2"/>
      <c r="B58545" s="2"/>
      <c r="C58545" s="2"/>
    </row>
    <row r="58546" spans="1:3" ht="19.2">
      <c r="A58546" s="2"/>
      <c r="B58546" s="2"/>
      <c r="C58546" s="2"/>
    </row>
    <row r="58547" spans="1:3" ht="19.2">
      <c r="A58547" s="2"/>
      <c r="B58547" s="2"/>
      <c r="C58547" s="2"/>
    </row>
    <row r="58548" spans="1:3" ht="19.2">
      <c r="A58548" s="2"/>
      <c r="B58548" s="2"/>
      <c r="C58548" s="2"/>
    </row>
    <row r="58549" spans="1:3" ht="19.2">
      <c r="A58549" s="2"/>
      <c r="B58549" s="2"/>
      <c r="C58549" s="2"/>
    </row>
    <row r="58550" spans="1:3" ht="19.2">
      <c r="A58550" s="2"/>
      <c r="B58550" s="2"/>
      <c r="C58550" s="2"/>
    </row>
    <row r="58551" spans="1:3" ht="19.2">
      <c r="A58551" s="2"/>
      <c r="B58551" s="2"/>
      <c r="C58551" s="2"/>
    </row>
    <row r="58552" spans="1:3" ht="19.2">
      <c r="A58552" s="2"/>
      <c r="B58552" s="2"/>
      <c r="C58552" s="2"/>
    </row>
    <row r="58553" spans="1:3" ht="19.2">
      <c r="A58553" s="2"/>
      <c r="B58553" s="2"/>
      <c r="C58553" s="2"/>
    </row>
    <row r="58554" spans="1:3" ht="19.2">
      <c r="A58554" s="2"/>
      <c r="B58554" s="2"/>
      <c r="C58554" s="2"/>
    </row>
    <row r="58555" spans="1:3" ht="19.2">
      <c r="A58555" s="2"/>
      <c r="B58555" s="2"/>
      <c r="C58555" s="2"/>
    </row>
    <row r="58556" spans="1:3" ht="19.2">
      <c r="A58556" s="2"/>
      <c r="B58556" s="2"/>
      <c r="C58556" s="2"/>
    </row>
    <row r="58557" spans="1:3" ht="19.2">
      <c r="A58557" s="2"/>
      <c r="B58557" s="2"/>
      <c r="C58557" s="2"/>
    </row>
    <row r="58558" spans="1:3" ht="19.2">
      <c r="A58558" s="2"/>
      <c r="B58558" s="2"/>
      <c r="C58558" s="2"/>
    </row>
    <row r="58559" spans="1:3" ht="19.2">
      <c r="A58559" s="2"/>
      <c r="B58559" s="2"/>
      <c r="C58559" s="2"/>
    </row>
    <row r="58560" spans="1:3" ht="19.2">
      <c r="A58560" s="2"/>
      <c r="B58560" s="2"/>
      <c r="C58560" s="2"/>
    </row>
    <row r="58561" spans="1:3" ht="19.2">
      <c r="A58561" s="2"/>
      <c r="B58561" s="2"/>
      <c r="C58561" s="2"/>
    </row>
    <row r="58562" spans="1:3" ht="19.2">
      <c r="A58562" s="2"/>
      <c r="B58562" s="2"/>
      <c r="C58562" s="2"/>
    </row>
    <row r="58563" spans="1:3" ht="19.2">
      <c r="A58563" s="2"/>
      <c r="B58563" s="2"/>
      <c r="C58563" s="2"/>
    </row>
    <row r="58564" spans="1:3" ht="19.2">
      <c r="A58564" s="2"/>
      <c r="B58564" s="2"/>
      <c r="C58564" s="2"/>
    </row>
    <row r="58565" spans="1:3" ht="19.2">
      <c r="A58565" s="2"/>
      <c r="B58565" s="2"/>
      <c r="C58565" s="2"/>
    </row>
    <row r="58566" spans="1:3" ht="19.2">
      <c r="A58566" s="2"/>
      <c r="B58566" s="2"/>
      <c r="C58566" s="2"/>
    </row>
    <row r="58567" spans="1:3" ht="19.2">
      <c r="A58567" s="2"/>
      <c r="B58567" s="2"/>
      <c r="C58567" s="2"/>
    </row>
    <row r="58568" spans="1:3" ht="19.2">
      <c r="A58568" s="2"/>
      <c r="B58568" s="2"/>
      <c r="C58568" s="2"/>
    </row>
    <row r="58569" spans="1:3" ht="19.2">
      <c r="A58569" s="2"/>
      <c r="B58569" s="2"/>
      <c r="C58569" s="2"/>
    </row>
    <row r="58570" spans="1:3" ht="19.2">
      <c r="A58570" s="2"/>
      <c r="B58570" s="2"/>
      <c r="C58570" s="2"/>
    </row>
    <row r="58571" spans="1:3" ht="19.2">
      <c r="A58571" s="2"/>
      <c r="B58571" s="2"/>
      <c r="C58571" s="2"/>
    </row>
    <row r="58572" spans="1:3" ht="19.2">
      <c r="A58572" s="2"/>
      <c r="B58572" s="2"/>
      <c r="C58572" s="2"/>
    </row>
    <row r="58573" spans="1:3" ht="19.2">
      <c r="A58573" s="2"/>
      <c r="B58573" s="2"/>
      <c r="C58573" s="2"/>
    </row>
    <row r="58574" spans="1:3" ht="19.2">
      <c r="A58574" s="2"/>
      <c r="B58574" s="2"/>
      <c r="C58574" s="2"/>
    </row>
    <row r="58575" spans="1:3" ht="19.2">
      <c r="A58575" s="2"/>
      <c r="B58575" s="2"/>
      <c r="C58575" s="2"/>
    </row>
    <row r="58576" spans="1:3" ht="19.2">
      <c r="A58576" s="2"/>
      <c r="B58576" s="2"/>
      <c r="C58576" s="2"/>
    </row>
    <row r="58577" spans="1:3" ht="19.2">
      <c r="A58577" s="2"/>
      <c r="B58577" s="2"/>
      <c r="C58577" s="2"/>
    </row>
    <row r="58578" spans="1:3" ht="19.2">
      <c r="A58578" s="2"/>
      <c r="B58578" s="2"/>
      <c r="C58578" s="2"/>
    </row>
    <row r="58579" spans="1:3" ht="19.2">
      <c r="A58579" s="2"/>
      <c r="B58579" s="2"/>
      <c r="C58579" s="2"/>
    </row>
    <row r="58580" spans="1:3" ht="19.2">
      <c r="A58580" s="2"/>
      <c r="B58580" s="2"/>
      <c r="C58580" s="2"/>
    </row>
    <row r="58581" spans="1:3" ht="19.2">
      <c r="A58581" s="2"/>
      <c r="B58581" s="2"/>
      <c r="C58581" s="2"/>
    </row>
    <row r="58582" spans="1:3" ht="19.2">
      <c r="A58582" s="2"/>
      <c r="B58582" s="2"/>
      <c r="C58582" s="2"/>
    </row>
    <row r="58583" spans="1:3" ht="19.2">
      <c r="A58583" s="2"/>
      <c r="B58583" s="2"/>
      <c r="C58583" s="2"/>
    </row>
    <row r="58584" spans="1:3" ht="19.2">
      <c r="A58584" s="2"/>
      <c r="B58584" s="2"/>
      <c r="C58584" s="2"/>
    </row>
    <row r="58585" spans="1:3" ht="19.2">
      <c r="A58585" s="2"/>
      <c r="B58585" s="2"/>
      <c r="C58585" s="2"/>
    </row>
    <row r="58586" spans="1:3" ht="19.2">
      <c r="A58586" s="2"/>
      <c r="B58586" s="2"/>
      <c r="C58586" s="2"/>
    </row>
    <row r="58587" spans="1:3" ht="19.2">
      <c r="A58587" s="2"/>
      <c r="B58587" s="2"/>
      <c r="C58587" s="2"/>
    </row>
    <row r="58588" spans="1:3" ht="19.2">
      <c r="A58588" s="2"/>
      <c r="B58588" s="2"/>
      <c r="C58588" s="2"/>
    </row>
    <row r="58589" spans="1:3" ht="19.2">
      <c r="A58589" s="2"/>
      <c r="B58589" s="2"/>
      <c r="C58589" s="2"/>
    </row>
    <row r="58590" spans="1:3" ht="19.2">
      <c r="A58590" s="2"/>
      <c r="B58590" s="2"/>
      <c r="C58590" s="2"/>
    </row>
    <row r="58591" spans="1:3" ht="19.2">
      <c r="A58591" s="2"/>
      <c r="B58591" s="2"/>
      <c r="C58591" s="2"/>
    </row>
    <row r="58592" spans="1:3" ht="19.2">
      <c r="A58592" s="2"/>
      <c r="B58592" s="2"/>
      <c r="C58592" s="2"/>
    </row>
    <row r="58593" spans="1:3" ht="19.2">
      <c r="A58593" s="2"/>
      <c r="B58593" s="2"/>
      <c r="C58593" s="2"/>
    </row>
    <row r="58594" spans="1:3" ht="19.2">
      <c r="A58594" s="2"/>
      <c r="B58594" s="2"/>
      <c r="C58594" s="2"/>
    </row>
    <row r="58595" spans="1:3" ht="19.2">
      <c r="A58595" s="2"/>
      <c r="B58595" s="2"/>
      <c r="C58595" s="2"/>
    </row>
    <row r="58596" spans="1:3" ht="19.2">
      <c r="A58596" s="2"/>
      <c r="B58596" s="2"/>
      <c r="C58596" s="2"/>
    </row>
    <row r="58597" spans="1:3" ht="19.2">
      <c r="A58597" s="2"/>
      <c r="B58597" s="2"/>
      <c r="C58597" s="2"/>
    </row>
    <row r="58598" spans="1:3" ht="19.2">
      <c r="A58598" s="2"/>
      <c r="B58598" s="2"/>
      <c r="C58598" s="2"/>
    </row>
    <row r="58599" spans="1:3" ht="19.2">
      <c r="A58599" s="2"/>
      <c r="B58599" s="2"/>
      <c r="C58599" s="2"/>
    </row>
    <row r="58600" spans="1:3" ht="19.2">
      <c r="A58600" s="2"/>
      <c r="B58600" s="2"/>
      <c r="C58600" s="2"/>
    </row>
    <row r="58601" spans="1:3" ht="19.2">
      <c r="A58601" s="2"/>
      <c r="B58601" s="2"/>
      <c r="C58601" s="2"/>
    </row>
    <row r="58602" spans="1:3" ht="19.2">
      <c r="A58602" s="2"/>
      <c r="B58602" s="2"/>
      <c r="C58602" s="2"/>
    </row>
    <row r="58603" spans="1:3" ht="19.2">
      <c r="A58603" s="2"/>
      <c r="B58603" s="2"/>
      <c r="C58603" s="2"/>
    </row>
    <row r="58604" spans="1:3" ht="19.2">
      <c r="A58604" s="2"/>
      <c r="B58604" s="2"/>
      <c r="C58604" s="2"/>
    </row>
    <row r="58605" spans="1:3" ht="19.2">
      <c r="A58605" s="2"/>
      <c r="B58605" s="2"/>
      <c r="C58605" s="2"/>
    </row>
    <row r="58606" spans="1:3" ht="19.2">
      <c r="A58606" s="2"/>
      <c r="B58606" s="2"/>
      <c r="C58606" s="2"/>
    </row>
    <row r="58607" spans="1:3" ht="19.2">
      <c r="A58607" s="2"/>
      <c r="B58607" s="2"/>
      <c r="C58607" s="2"/>
    </row>
    <row r="58608" spans="1:3" ht="19.2">
      <c r="A58608" s="2"/>
      <c r="B58608" s="2"/>
      <c r="C58608" s="2"/>
    </row>
    <row r="58609" spans="1:3" ht="19.2">
      <c r="A58609" s="2"/>
      <c r="B58609" s="2"/>
      <c r="C58609" s="2"/>
    </row>
    <row r="58610" spans="1:3" ht="19.2">
      <c r="A58610" s="2"/>
      <c r="B58610" s="2"/>
      <c r="C58610" s="2"/>
    </row>
    <row r="58611" spans="1:3" ht="19.2">
      <c r="A58611" s="2"/>
      <c r="B58611" s="2"/>
      <c r="C58611" s="2"/>
    </row>
    <row r="58612" spans="1:3" ht="19.2">
      <c r="A58612" s="2"/>
      <c r="B58612" s="2"/>
      <c r="C58612" s="2"/>
    </row>
    <row r="58613" spans="1:3" ht="19.2">
      <c r="A58613" s="2"/>
      <c r="B58613" s="2"/>
      <c r="C58613" s="2"/>
    </row>
    <row r="58614" spans="1:3" ht="19.2">
      <c r="A58614" s="2"/>
      <c r="B58614" s="2"/>
      <c r="C58614" s="2"/>
    </row>
    <row r="58615" spans="1:3" ht="19.2">
      <c r="A58615" s="2"/>
      <c r="B58615" s="2"/>
      <c r="C58615" s="2"/>
    </row>
    <row r="58616" spans="1:3" ht="19.2">
      <c r="A58616" s="2"/>
      <c r="B58616" s="2"/>
      <c r="C58616" s="2"/>
    </row>
    <row r="58617" spans="1:3" ht="19.2">
      <c r="A58617" s="2"/>
      <c r="B58617" s="2"/>
      <c r="C58617" s="2"/>
    </row>
    <row r="58618" spans="1:3" ht="19.2">
      <c r="A58618" s="2"/>
      <c r="B58618" s="2"/>
      <c r="C58618" s="2"/>
    </row>
    <row r="58619" spans="1:3" ht="19.2">
      <c r="A58619" s="2"/>
      <c r="B58619" s="2"/>
      <c r="C58619" s="2"/>
    </row>
    <row r="58620" spans="1:3" ht="19.2">
      <c r="A58620" s="2"/>
      <c r="B58620" s="2"/>
      <c r="C58620" s="2"/>
    </row>
    <row r="58621" spans="1:3" ht="19.2">
      <c r="A58621" s="2"/>
      <c r="B58621" s="2"/>
      <c r="C58621" s="2"/>
    </row>
    <row r="58622" spans="1:3" ht="19.2">
      <c r="A58622" s="2"/>
      <c r="B58622" s="2"/>
      <c r="C58622" s="2"/>
    </row>
    <row r="58623" spans="1:3" ht="19.2">
      <c r="A58623" s="2"/>
      <c r="B58623" s="2"/>
      <c r="C58623" s="2"/>
    </row>
    <row r="58624" spans="1:3" ht="19.2">
      <c r="A58624" s="2"/>
      <c r="B58624" s="2"/>
      <c r="C58624" s="2"/>
    </row>
    <row r="58625" spans="1:3" ht="19.2">
      <c r="A58625" s="2"/>
      <c r="B58625" s="2"/>
      <c r="C58625" s="2"/>
    </row>
    <row r="58626" spans="1:3" ht="19.2">
      <c r="A58626" s="2"/>
      <c r="B58626" s="2"/>
      <c r="C58626" s="2"/>
    </row>
    <row r="58627" spans="1:3" ht="19.2">
      <c r="A58627" s="2"/>
      <c r="B58627" s="2"/>
      <c r="C58627" s="2"/>
    </row>
    <row r="58628" spans="1:3" ht="19.2">
      <c r="A58628" s="2"/>
      <c r="B58628" s="2"/>
      <c r="C58628" s="2"/>
    </row>
    <row r="58629" spans="1:3" ht="19.2">
      <c r="A58629" s="2"/>
      <c r="B58629" s="2"/>
      <c r="C58629" s="2"/>
    </row>
    <row r="58630" spans="1:3" ht="19.2">
      <c r="A58630" s="2"/>
      <c r="B58630" s="2"/>
      <c r="C58630" s="2"/>
    </row>
    <row r="58631" spans="1:3" ht="19.2">
      <c r="A58631" s="2"/>
      <c r="B58631" s="2"/>
      <c r="C58631" s="2"/>
    </row>
    <row r="58632" spans="1:3" ht="19.2">
      <c r="A58632" s="2"/>
      <c r="B58632" s="2"/>
      <c r="C58632" s="2"/>
    </row>
    <row r="58633" spans="1:3" ht="19.2">
      <c r="A58633" s="2"/>
      <c r="B58633" s="2"/>
      <c r="C58633" s="2"/>
    </row>
    <row r="58634" spans="1:3" ht="19.2">
      <c r="A58634" s="2"/>
      <c r="B58634" s="2"/>
      <c r="C58634" s="2"/>
    </row>
    <row r="58635" spans="1:3" ht="19.2">
      <c r="A58635" s="2"/>
      <c r="B58635" s="2"/>
      <c r="C58635" s="2"/>
    </row>
    <row r="58636" spans="1:3" ht="19.2">
      <c r="A58636" s="2"/>
      <c r="B58636" s="2"/>
      <c r="C58636" s="2"/>
    </row>
    <row r="58637" spans="1:3" ht="19.2">
      <c r="A58637" s="2"/>
      <c r="B58637" s="2"/>
      <c r="C58637" s="2"/>
    </row>
    <row r="58638" spans="1:3" ht="19.2">
      <c r="A58638" s="2"/>
      <c r="B58638" s="2"/>
      <c r="C58638" s="2"/>
    </row>
    <row r="58639" spans="1:3" ht="19.2">
      <c r="A58639" s="2"/>
      <c r="B58639" s="2"/>
      <c r="C58639" s="2"/>
    </row>
    <row r="58640" spans="1:3" ht="19.2">
      <c r="A58640" s="2"/>
      <c r="B58640" s="2"/>
      <c r="C58640" s="2"/>
    </row>
    <row r="58641" spans="1:3" ht="19.2">
      <c r="A58641" s="2"/>
      <c r="B58641" s="2"/>
      <c r="C58641" s="2"/>
    </row>
    <row r="58642" spans="1:3" ht="19.2">
      <c r="A58642" s="2"/>
      <c r="B58642" s="2"/>
      <c r="C58642" s="2"/>
    </row>
    <row r="58643" spans="1:3" ht="19.2">
      <c r="A58643" s="2"/>
      <c r="B58643" s="2"/>
      <c r="C58643" s="2"/>
    </row>
    <row r="58644" spans="1:3" ht="19.2">
      <c r="A58644" s="2"/>
      <c r="B58644" s="2"/>
      <c r="C58644" s="2"/>
    </row>
    <row r="58645" spans="1:3" ht="19.2">
      <c r="A58645" s="2"/>
      <c r="B58645" s="2"/>
      <c r="C58645" s="2"/>
    </row>
    <row r="58646" spans="1:3" ht="19.2">
      <c r="A58646" s="2"/>
      <c r="B58646" s="2"/>
      <c r="C58646" s="2"/>
    </row>
    <row r="58647" spans="1:3" ht="19.2">
      <c r="A58647" s="2"/>
      <c r="B58647" s="2"/>
      <c r="C58647" s="2"/>
    </row>
    <row r="58648" spans="1:3" ht="19.2">
      <c r="A58648" s="2"/>
      <c r="B58648" s="2"/>
      <c r="C58648" s="2"/>
    </row>
    <row r="58649" spans="1:3" ht="19.2">
      <c r="A58649" s="2"/>
      <c r="B58649" s="2"/>
      <c r="C58649" s="2"/>
    </row>
    <row r="58650" spans="1:3" ht="19.2">
      <c r="A58650" s="2"/>
      <c r="B58650" s="2"/>
      <c r="C58650" s="2"/>
    </row>
    <row r="58651" spans="1:3" ht="19.2">
      <c r="A58651" s="2"/>
      <c r="B58651" s="2"/>
      <c r="C58651" s="2"/>
    </row>
    <row r="58652" spans="1:3" ht="19.2">
      <c r="A58652" s="2"/>
      <c r="B58652" s="2"/>
      <c r="C58652" s="2"/>
    </row>
    <row r="58653" spans="1:3" ht="19.2">
      <c r="A58653" s="2"/>
      <c r="B58653" s="2"/>
      <c r="C58653" s="2"/>
    </row>
    <row r="58654" spans="1:3" ht="19.2">
      <c r="A58654" s="2"/>
      <c r="B58654" s="2"/>
      <c r="C58654" s="2"/>
    </row>
    <row r="58655" spans="1:3" ht="19.2">
      <c r="A58655" s="2"/>
      <c r="B58655" s="2"/>
      <c r="C58655" s="2"/>
    </row>
    <row r="58656" spans="1:3" ht="19.2">
      <c r="A58656" s="2"/>
      <c r="B58656" s="2"/>
      <c r="C58656" s="2"/>
    </row>
    <row r="58657" spans="1:3" ht="19.2">
      <c r="A58657" s="2"/>
      <c r="B58657" s="2"/>
      <c r="C58657" s="2"/>
    </row>
    <row r="58658" spans="1:3" ht="19.2">
      <c r="A58658" s="2"/>
      <c r="B58658" s="2"/>
      <c r="C58658" s="2"/>
    </row>
    <row r="58659" spans="1:3" ht="19.2">
      <c r="A58659" s="2"/>
      <c r="B58659" s="2"/>
      <c r="C58659" s="2"/>
    </row>
    <row r="58660" spans="1:3" ht="19.2">
      <c r="A58660" s="2"/>
      <c r="B58660" s="2"/>
      <c r="C58660" s="2"/>
    </row>
    <row r="58661" spans="1:3" ht="19.2">
      <c r="A58661" s="2"/>
      <c r="B58661" s="2"/>
      <c r="C58661" s="2"/>
    </row>
    <row r="58662" spans="1:3" ht="19.2">
      <c r="A58662" s="2"/>
      <c r="B58662" s="2"/>
      <c r="C58662" s="2"/>
    </row>
    <row r="58663" spans="1:3" ht="19.2">
      <c r="A58663" s="2"/>
      <c r="B58663" s="2"/>
      <c r="C58663" s="2"/>
    </row>
    <row r="58664" spans="1:3" ht="19.2">
      <c r="A58664" s="2"/>
      <c r="B58664" s="2"/>
      <c r="C58664" s="2"/>
    </row>
    <row r="58665" spans="1:3" ht="19.2">
      <c r="A58665" s="2"/>
      <c r="B58665" s="2"/>
      <c r="C58665" s="2"/>
    </row>
    <row r="58666" spans="1:3" ht="19.2">
      <c r="A58666" s="2"/>
      <c r="B58666" s="2"/>
      <c r="C58666" s="2"/>
    </row>
    <row r="58667" spans="1:3" ht="19.2">
      <c r="A58667" s="2"/>
      <c r="B58667" s="2"/>
      <c r="C58667" s="2"/>
    </row>
    <row r="58668" spans="1:3" ht="19.2">
      <c r="A58668" s="2"/>
      <c r="B58668" s="2"/>
      <c r="C58668" s="2"/>
    </row>
    <row r="58669" spans="1:3" ht="19.2">
      <c r="A58669" s="2"/>
      <c r="B58669" s="2"/>
      <c r="C58669" s="2"/>
    </row>
    <row r="58670" spans="1:3" ht="19.2">
      <c r="A58670" s="2"/>
      <c r="B58670" s="2"/>
      <c r="C58670" s="2"/>
    </row>
    <row r="58671" spans="1:3" ht="19.2">
      <c r="A58671" s="2"/>
      <c r="B58671" s="2"/>
      <c r="C58671" s="2"/>
    </row>
    <row r="58672" spans="1:3" ht="19.2">
      <c r="A58672" s="2"/>
      <c r="B58672" s="2"/>
      <c r="C58672" s="2"/>
    </row>
    <row r="58673" spans="1:3" ht="19.2">
      <c r="A58673" s="2"/>
      <c r="B58673" s="2"/>
      <c r="C58673" s="2"/>
    </row>
    <row r="58674" spans="1:3" ht="19.2">
      <c r="A58674" s="2"/>
      <c r="B58674" s="2"/>
      <c r="C58674" s="2"/>
    </row>
    <row r="58675" spans="1:3" ht="19.2">
      <c r="A58675" s="2"/>
      <c r="B58675" s="2"/>
      <c r="C58675" s="2"/>
    </row>
    <row r="58676" spans="1:3" ht="19.2">
      <c r="A58676" s="2"/>
      <c r="B58676" s="2"/>
      <c r="C58676" s="2"/>
    </row>
    <row r="58677" spans="1:3" ht="19.2">
      <c r="A58677" s="2"/>
      <c r="B58677" s="2"/>
      <c r="C58677" s="2"/>
    </row>
    <row r="58678" spans="1:3" ht="19.2">
      <c r="A58678" s="2"/>
      <c r="B58678" s="2"/>
      <c r="C58678" s="2"/>
    </row>
    <row r="58679" spans="1:3" ht="19.2">
      <c r="A58679" s="2"/>
      <c r="B58679" s="2"/>
      <c r="C58679" s="2"/>
    </row>
    <row r="58680" spans="1:3" ht="19.2">
      <c r="A58680" s="2"/>
      <c r="B58680" s="2"/>
      <c r="C58680" s="2"/>
    </row>
    <row r="58681" spans="1:3" ht="19.2">
      <c r="A58681" s="2"/>
      <c r="B58681" s="2"/>
      <c r="C58681" s="2"/>
    </row>
    <row r="58682" spans="1:3" ht="19.2">
      <c r="A58682" s="2"/>
      <c r="B58682" s="2"/>
      <c r="C58682" s="2"/>
    </row>
    <row r="58683" spans="1:3" ht="19.2">
      <c r="A58683" s="2"/>
      <c r="B58683" s="2"/>
      <c r="C58683" s="2"/>
    </row>
    <row r="58684" spans="1:3" ht="19.2">
      <c r="A58684" s="2"/>
      <c r="B58684" s="2"/>
      <c r="C58684" s="2"/>
    </row>
    <row r="58685" spans="1:3" ht="19.2">
      <c r="A58685" s="2"/>
      <c r="B58685" s="2"/>
      <c r="C58685" s="2"/>
    </row>
    <row r="58686" spans="1:3" ht="19.2">
      <c r="A58686" s="2"/>
      <c r="B58686" s="2"/>
      <c r="C58686" s="2"/>
    </row>
    <row r="58687" spans="1:3" ht="19.2">
      <c r="A58687" s="2"/>
      <c r="B58687" s="2"/>
      <c r="C58687" s="2"/>
    </row>
    <row r="58688" spans="1:3" ht="19.2">
      <c r="A58688" s="2"/>
      <c r="B58688" s="2"/>
      <c r="C58688" s="2"/>
    </row>
    <row r="58689" spans="1:3" ht="19.2">
      <c r="A58689" s="2"/>
      <c r="B58689" s="2"/>
      <c r="C58689" s="2"/>
    </row>
    <row r="58690" spans="1:3" ht="19.2">
      <c r="A58690" s="2"/>
      <c r="B58690" s="2"/>
      <c r="C58690" s="2"/>
    </row>
    <row r="58691" spans="1:3" ht="19.2">
      <c r="A58691" s="2"/>
      <c r="B58691" s="2"/>
      <c r="C58691" s="2"/>
    </row>
    <row r="58692" spans="1:3" ht="19.2">
      <c r="A58692" s="2"/>
      <c r="B58692" s="2"/>
      <c r="C58692" s="2"/>
    </row>
    <row r="58693" spans="1:3" ht="19.2">
      <c r="A58693" s="2"/>
      <c r="B58693" s="2"/>
      <c r="C58693" s="2"/>
    </row>
    <row r="58694" spans="1:3" ht="19.2">
      <c r="A58694" s="2"/>
      <c r="B58694" s="2"/>
      <c r="C58694" s="2"/>
    </row>
    <row r="58695" spans="1:3" ht="19.2">
      <c r="A58695" s="2"/>
      <c r="B58695" s="2"/>
      <c r="C58695" s="2"/>
    </row>
    <row r="58696" spans="1:3" ht="19.2">
      <c r="A58696" s="2"/>
      <c r="B58696" s="2"/>
      <c r="C58696" s="2"/>
    </row>
    <row r="58697" spans="1:3" ht="19.2">
      <c r="A58697" s="2"/>
      <c r="B58697" s="2"/>
      <c r="C58697" s="2"/>
    </row>
    <row r="58698" spans="1:3" ht="19.2">
      <c r="A58698" s="2"/>
      <c r="B58698" s="2"/>
      <c r="C58698" s="2"/>
    </row>
    <row r="58699" spans="1:3" ht="19.2">
      <c r="A58699" s="2"/>
      <c r="B58699" s="2"/>
      <c r="C58699" s="2"/>
    </row>
    <row r="58700" spans="1:3" ht="19.2">
      <c r="A58700" s="2"/>
      <c r="B58700" s="2"/>
      <c r="C58700" s="2"/>
    </row>
    <row r="58701" spans="1:3" ht="19.2">
      <c r="A58701" s="2"/>
      <c r="B58701" s="2"/>
      <c r="C58701" s="2"/>
    </row>
    <row r="58702" spans="1:3" ht="19.2">
      <c r="A58702" s="2"/>
      <c r="B58702" s="2"/>
      <c r="C58702" s="2"/>
    </row>
    <row r="58703" spans="1:3" ht="19.2">
      <c r="A58703" s="2"/>
      <c r="B58703" s="2"/>
      <c r="C58703" s="2"/>
    </row>
    <row r="58704" spans="1:3" ht="19.2">
      <c r="A58704" s="2"/>
      <c r="B58704" s="2"/>
      <c r="C58704" s="2"/>
    </row>
    <row r="58705" spans="1:3" ht="19.2">
      <c r="A58705" s="2"/>
      <c r="B58705" s="2"/>
      <c r="C58705" s="2"/>
    </row>
    <row r="58706" spans="1:3" ht="19.2">
      <c r="A58706" s="2"/>
      <c r="B58706" s="2"/>
      <c r="C58706" s="2"/>
    </row>
    <row r="58707" spans="1:3" ht="19.2">
      <c r="A58707" s="2"/>
      <c r="B58707" s="2"/>
      <c r="C58707" s="2"/>
    </row>
    <row r="58708" spans="1:3" ht="19.2">
      <c r="A58708" s="2"/>
      <c r="B58708" s="2"/>
      <c r="C58708" s="2"/>
    </row>
    <row r="58709" spans="1:3" ht="19.2">
      <c r="A58709" s="2"/>
      <c r="B58709" s="2"/>
      <c r="C58709" s="2"/>
    </row>
    <row r="58710" spans="1:3" ht="19.2">
      <c r="A58710" s="2"/>
      <c r="B58710" s="2"/>
      <c r="C58710" s="2"/>
    </row>
    <row r="58711" spans="1:3" ht="19.2">
      <c r="A58711" s="2"/>
      <c r="B58711" s="2"/>
      <c r="C58711" s="2"/>
    </row>
    <row r="58712" spans="1:3" ht="19.2">
      <c r="A58712" s="2"/>
      <c r="B58712" s="2"/>
      <c r="C58712" s="2"/>
    </row>
    <row r="58713" spans="1:3" ht="19.2">
      <c r="A58713" s="2"/>
      <c r="B58713" s="2"/>
      <c r="C58713" s="2"/>
    </row>
    <row r="58714" spans="1:3" ht="19.2">
      <c r="A58714" s="2"/>
      <c r="B58714" s="2"/>
      <c r="C58714" s="2"/>
    </row>
    <row r="58715" spans="1:3" ht="19.2">
      <c r="A58715" s="2"/>
      <c r="B58715" s="2"/>
      <c r="C58715" s="2"/>
    </row>
    <row r="58716" spans="1:3" ht="19.2">
      <c r="A58716" s="2"/>
      <c r="B58716" s="2"/>
      <c r="C58716" s="2"/>
    </row>
    <row r="58717" spans="1:3" ht="19.2">
      <c r="A58717" s="2"/>
      <c r="B58717" s="2"/>
      <c r="C58717" s="2"/>
    </row>
    <row r="58718" spans="1:3" ht="19.2">
      <c r="A58718" s="2"/>
      <c r="B58718" s="2"/>
      <c r="C58718" s="2"/>
    </row>
    <row r="58719" spans="1:3" ht="19.2">
      <c r="A58719" s="2"/>
      <c r="B58719" s="2"/>
      <c r="C58719" s="2"/>
    </row>
    <row r="58720" spans="1:3" ht="19.2">
      <c r="A58720" s="2"/>
      <c r="B58720" s="2"/>
      <c r="C58720" s="2"/>
    </row>
    <row r="58721" spans="1:3" ht="19.2">
      <c r="A58721" s="2"/>
      <c r="B58721" s="2"/>
      <c r="C58721" s="2"/>
    </row>
    <row r="58722" spans="1:3" ht="19.2">
      <c r="A58722" s="2"/>
      <c r="B58722" s="2"/>
      <c r="C58722" s="2"/>
    </row>
    <row r="58723" spans="1:3" ht="19.2">
      <c r="A58723" s="2"/>
      <c r="B58723" s="2"/>
      <c r="C58723" s="2"/>
    </row>
    <row r="58724" spans="1:3" ht="19.2">
      <c r="A58724" s="2"/>
      <c r="B58724" s="2"/>
      <c r="C58724" s="2"/>
    </row>
    <row r="58725" spans="1:3" ht="19.2">
      <c r="A58725" s="2"/>
      <c r="B58725" s="2"/>
      <c r="C58725" s="2"/>
    </row>
    <row r="58726" spans="1:3" ht="19.2">
      <c r="A58726" s="2"/>
      <c r="B58726" s="2"/>
      <c r="C58726" s="2"/>
    </row>
    <row r="58727" spans="1:3" ht="19.2">
      <c r="A58727" s="2"/>
      <c r="B58727" s="2"/>
      <c r="C58727" s="2"/>
    </row>
    <row r="58728" spans="1:3" ht="19.2">
      <c r="A58728" s="2"/>
      <c r="B58728" s="2"/>
      <c r="C58728" s="2"/>
    </row>
    <row r="58729" spans="1:3" ht="19.2">
      <c r="A58729" s="2"/>
      <c r="B58729" s="2"/>
      <c r="C58729" s="2"/>
    </row>
    <row r="58730" spans="1:3" ht="19.2">
      <c r="A58730" s="2"/>
      <c r="B58730" s="2"/>
      <c r="C58730" s="2"/>
    </row>
    <row r="58731" spans="1:3" ht="19.2">
      <c r="A58731" s="2"/>
      <c r="B58731" s="2"/>
      <c r="C58731" s="2"/>
    </row>
    <row r="58732" spans="1:3" ht="19.2">
      <c r="A58732" s="2"/>
      <c r="B58732" s="2"/>
      <c r="C58732" s="2"/>
    </row>
    <row r="58733" spans="1:3" ht="19.2">
      <c r="A58733" s="2"/>
      <c r="B58733" s="2"/>
      <c r="C58733" s="2"/>
    </row>
    <row r="58734" spans="1:3" ht="19.2">
      <c r="A58734" s="2"/>
      <c r="B58734" s="2"/>
      <c r="C58734" s="2"/>
    </row>
    <row r="58735" spans="1:3" ht="19.2">
      <c r="A58735" s="2"/>
      <c r="B58735" s="2"/>
      <c r="C58735" s="2"/>
    </row>
    <row r="58736" spans="1:3" ht="19.2">
      <c r="A58736" s="2"/>
      <c r="B58736" s="2"/>
      <c r="C58736" s="2"/>
    </row>
    <row r="58737" spans="1:3" ht="19.2">
      <c r="A58737" s="2"/>
      <c r="B58737" s="2"/>
      <c r="C58737" s="2"/>
    </row>
    <row r="58738" spans="1:3" ht="19.2">
      <c r="A58738" s="2"/>
      <c r="B58738" s="2"/>
      <c r="C58738" s="2"/>
    </row>
    <row r="58739" spans="1:3" ht="19.2">
      <c r="A58739" s="2"/>
      <c r="B58739" s="2"/>
      <c r="C58739" s="2"/>
    </row>
    <row r="58740" spans="1:3" ht="19.2">
      <c r="A58740" s="2"/>
      <c r="B58740" s="2"/>
      <c r="C58740" s="2"/>
    </row>
    <row r="58741" spans="1:3" ht="19.2">
      <c r="A58741" s="2"/>
      <c r="B58741" s="2"/>
      <c r="C58741" s="2"/>
    </row>
    <row r="58742" spans="1:3" ht="19.2">
      <c r="A58742" s="2"/>
      <c r="B58742" s="2"/>
      <c r="C58742" s="2"/>
    </row>
    <row r="58743" spans="1:3" ht="19.2">
      <c r="A58743" s="2"/>
      <c r="B58743" s="2"/>
      <c r="C58743" s="2"/>
    </row>
    <row r="58744" spans="1:3" ht="19.2">
      <c r="A58744" s="2"/>
      <c r="B58744" s="2"/>
      <c r="C58744" s="2"/>
    </row>
    <row r="58745" spans="1:3" ht="19.2">
      <c r="A58745" s="2"/>
      <c r="B58745" s="2"/>
      <c r="C58745" s="2"/>
    </row>
    <row r="58746" spans="1:3" ht="19.2">
      <c r="A58746" s="2"/>
      <c r="B58746" s="2"/>
      <c r="C58746" s="2"/>
    </row>
    <row r="58747" spans="1:3" ht="19.2">
      <c r="A58747" s="2"/>
      <c r="B58747" s="2"/>
      <c r="C58747" s="2"/>
    </row>
    <row r="58748" spans="1:3" ht="19.2">
      <c r="A58748" s="2"/>
      <c r="B58748" s="2"/>
      <c r="C58748" s="2"/>
    </row>
    <row r="58749" spans="1:3" ht="19.2">
      <c r="A58749" s="2"/>
      <c r="B58749" s="2"/>
      <c r="C58749" s="2"/>
    </row>
    <row r="58750" spans="1:3" ht="19.2">
      <c r="A58750" s="2"/>
      <c r="B58750" s="2"/>
      <c r="C58750" s="2"/>
    </row>
    <row r="58751" spans="1:3" ht="19.2">
      <c r="A58751" s="2"/>
      <c r="B58751" s="2"/>
      <c r="C58751" s="2"/>
    </row>
    <row r="58752" spans="1:3" ht="19.2">
      <c r="A58752" s="2"/>
      <c r="B58752" s="2"/>
      <c r="C58752" s="2"/>
    </row>
    <row r="58753" spans="1:3" ht="19.2">
      <c r="A58753" s="2"/>
      <c r="B58753" s="2"/>
      <c r="C58753" s="2"/>
    </row>
    <row r="58754" spans="1:3" ht="19.2">
      <c r="A58754" s="2"/>
      <c r="B58754" s="2"/>
      <c r="C58754" s="2"/>
    </row>
    <row r="58755" spans="1:3" ht="19.2">
      <c r="A58755" s="2"/>
      <c r="B58755" s="2"/>
      <c r="C58755" s="2"/>
    </row>
    <row r="58756" spans="1:3" ht="19.2">
      <c r="A58756" s="2"/>
      <c r="B58756" s="2"/>
      <c r="C58756" s="2"/>
    </row>
    <row r="58757" spans="1:3" ht="19.2">
      <c r="A58757" s="2"/>
      <c r="B58757" s="2"/>
      <c r="C58757" s="2"/>
    </row>
    <row r="58758" spans="1:3" ht="19.2">
      <c r="A58758" s="2"/>
      <c r="B58758" s="2"/>
      <c r="C58758" s="2"/>
    </row>
    <row r="58759" spans="1:3" ht="19.2">
      <c r="A58759" s="2"/>
      <c r="B58759" s="2"/>
      <c r="C58759" s="2"/>
    </row>
    <row r="58760" spans="1:3" ht="19.2">
      <c r="A58760" s="2"/>
      <c r="B58760" s="2"/>
      <c r="C58760" s="2"/>
    </row>
    <row r="58761" spans="1:3" ht="19.2">
      <c r="A58761" s="2"/>
      <c r="B58761" s="2"/>
      <c r="C58761" s="2"/>
    </row>
    <row r="58762" spans="1:3" ht="19.2">
      <c r="A58762" s="2"/>
      <c r="B58762" s="2"/>
      <c r="C58762" s="2"/>
    </row>
    <row r="58763" spans="1:3" ht="19.2">
      <c r="A58763" s="2"/>
      <c r="B58763" s="2"/>
      <c r="C58763" s="2"/>
    </row>
    <row r="58764" spans="1:3" ht="19.2">
      <c r="A58764" s="2"/>
      <c r="B58764" s="2"/>
      <c r="C58764" s="2"/>
    </row>
    <row r="58765" spans="1:3" ht="19.2">
      <c r="A58765" s="2"/>
      <c r="B58765" s="2"/>
      <c r="C58765" s="2"/>
    </row>
    <row r="58766" spans="1:3" ht="19.2">
      <c r="A58766" s="2"/>
      <c r="B58766" s="2"/>
      <c r="C58766" s="2"/>
    </row>
    <row r="58767" spans="1:3" ht="19.2">
      <c r="A58767" s="2"/>
      <c r="B58767" s="2"/>
      <c r="C58767" s="2"/>
    </row>
    <row r="58768" spans="1:3" ht="19.2">
      <c r="A58768" s="2"/>
      <c r="B58768" s="2"/>
      <c r="C58768" s="2"/>
    </row>
    <row r="58769" spans="1:3" ht="19.2">
      <c r="A58769" s="2"/>
      <c r="B58769" s="2"/>
      <c r="C58769" s="2"/>
    </row>
    <row r="58770" spans="1:3" ht="19.2">
      <c r="A58770" s="2"/>
      <c r="B58770" s="2"/>
      <c r="C58770" s="2"/>
    </row>
    <row r="58771" spans="1:3" ht="19.2">
      <c r="A58771" s="2"/>
      <c r="B58771" s="2"/>
      <c r="C58771" s="2"/>
    </row>
    <row r="58772" spans="1:3" ht="19.2">
      <c r="A58772" s="2"/>
      <c r="B58772" s="2"/>
      <c r="C58772" s="2"/>
    </row>
    <row r="58773" spans="1:3" ht="19.2">
      <c r="A58773" s="2"/>
      <c r="B58773" s="2"/>
      <c r="C58773" s="2"/>
    </row>
    <row r="58774" spans="1:3" ht="19.2">
      <c r="A58774" s="2"/>
      <c r="B58774" s="2"/>
      <c r="C58774" s="2"/>
    </row>
    <row r="58775" spans="1:3" ht="19.2">
      <c r="A58775" s="2"/>
      <c r="B58775" s="2"/>
      <c r="C58775" s="2"/>
    </row>
    <row r="58776" spans="1:3" ht="19.2">
      <c r="A58776" s="2"/>
      <c r="B58776" s="2"/>
      <c r="C58776" s="2"/>
    </row>
    <row r="58777" spans="1:3" ht="19.2">
      <c r="A58777" s="2"/>
      <c r="B58777" s="2"/>
      <c r="C58777" s="2"/>
    </row>
    <row r="58778" spans="1:3" ht="19.2">
      <c r="A58778" s="2"/>
      <c r="B58778" s="2"/>
      <c r="C58778" s="2"/>
    </row>
    <row r="58779" spans="1:3" ht="19.2">
      <c r="A58779" s="2"/>
      <c r="B58779" s="2"/>
      <c r="C58779" s="2"/>
    </row>
    <row r="58780" spans="1:3" ht="19.2">
      <c r="A58780" s="2"/>
      <c r="B58780" s="2"/>
      <c r="C58780" s="2"/>
    </row>
    <row r="58781" spans="1:3" ht="19.2">
      <c r="A58781" s="2"/>
      <c r="B58781" s="2"/>
      <c r="C58781" s="2"/>
    </row>
    <row r="58782" spans="1:3" ht="19.2">
      <c r="A58782" s="2"/>
      <c r="B58782" s="2"/>
      <c r="C58782" s="2"/>
    </row>
    <row r="58783" spans="1:3" ht="19.2">
      <c r="A58783" s="2"/>
      <c r="B58783" s="2"/>
      <c r="C58783" s="2"/>
    </row>
    <row r="58784" spans="1:3" ht="19.2">
      <c r="A58784" s="2"/>
      <c r="B58784" s="2"/>
      <c r="C58784" s="2"/>
    </row>
    <row r="58785" spans="1:3" ht="19.2">
      <c r="A58785" s="2"/>
      <c r="B58785" s="2"/>
      <c r="C58785" s="2"/>
    </row>
    <row r="58786" spans="1:3" ht="19.2">
      <c r="A58786" s="2"/>
      <c r="B58786" s="2"/>
      <c r="C58786" s="2"/>
    </row>
    <row r="58787" spans="1:3" ht="19.2">
      <c r="A58787" s="2"/>
      <c r="B58787" s="2"/>
      <c r="C58787" s="2"/>
    </row>
    <row r="58788" spans="1:3" ht="19.2">
      <c r="A58788" s="2"/>
      <c r="B58788" s="2"/>
      <c r="C58788" s="2"/>
    </row>
    <row r="58789" spans="1:3" ht="19.2">
      <c r="A58789" s="2"/>
      <c r="B58789" s="2"/>
      <c r="C58789" s="2"/>
    </row>
    <row r="58790" spans="1:3" ht="19.2">
      <c r="A58790" s="2"/>
      <c r="B58790" s="2"/>
      <c r="C58790" s="2"/>
    </row>
    <row r="58791" spans="1:3" ht="19.2">
      <c r="A58791" s="2"/>
      <c r="B58791" s="2"/>
      <c r="C58791" s="2"/>
    </row>
    <row r="58792" spans="1:3" ht="19.2">
      <c r="A58792" s="2"/>
      <c r="B58792" s="2"/>
      <c r="C58792" s="2"/>
    </row>
    <row r="58793" spans="1:3" ht="19.2">
      <c r="A58793" s="2"/>
      <c r="B58793" s="2"/>
      <c r="C58793" s="2"/>
    </row>
    <row r="58794" spans="1:3" ht="19.2">
      <c r="A58794" s="2"/>
      <c r="B58794" s="2"/>
      <c r="C58794" s="2"/>
    </row>
    <row r="58795" spans="1:3" ht="19.2">
      <c r="A58795" s="2"/>
      <c r="B58795" s="2"/>
      <c r="C58795" s="2"/>
    </row>
    <row r="58796" spans="1:3" ht="19.2">
      <c r="A58796" s="2"/>
      <c r="B58796" s="2"/>
      <c r="C58796" s="2"/>
    </row>
    <row r="58797" spans="1:3" ht="19.2">
      <c r="A58797" s="2"/>
      <c r="B58797" s="2"/>
      <c r="C58797" s="2"/>
    </row>
    <row r="58798" spans="1:3" ht="19.2">
      <c r="A58798" s="2"/>
      <c r="B58798" s="2"/>
      <c r="C58798" s="2"/>
    </row>
    <row r="58799" spans="1:3" ht="19.2">
      <c r="A58799" s="2"/>
      <c r="B58799" s="2"/>
      <c r="C58799" s="2"/>
    </row>
    <row r="58800" spans="1:3" ht="19.2">
      <c r="A58800" s="2"/>
      <c r="B58800" s="2"/>
      <c r="C58800" s="2"/>
    </row>
    <row r="58801" spans="1:3" ht="19.2">
      <c r="A58801" s="2"/>
      <c r="B58801" s="2"/>
      <c r="C58801" s="2"/>
    </row>
    <row r="58802" spans="1:3" ht="19.2">
      <c r="A58802" s="2"/>
      <c r="B58802" s="2"/>
      <c r="C58802" s="2"/>
    </row>
    <row r="58803" spans="1:3" ht="19.2">
      <c r="A58803" s="2"/>
      <c r="B58803" s="2"/>
      <c r="C58803" s="2"/>
    </row>
    <row r="58804" spans="1:3" ht="19.2">
      <c r="A58804" s="2"/>
      <c r="B58804" s="2"/>
      <c r="C58804" s="2"/>
    </row>
    <row r="58805" spans="1:3" ht="19.2">
      <c r="A58805" s="2"/>
      <c r="B58805" s="2"/>
      <c r="C58805" s="2"/>
    </row>
    <row r="58806" spans="1:3" ht="19.2">
      <c r="A58806" s="2"/>
      <c r="B58806" s="2"/>
      <c r="C58806" s="2"/>
    </row>
    <row r="58807" spans="1:3" ht="19.2">
      <c r="A58807" s="2"/>
      <c r="B58807" s="2"/>
      <c r="C58807" s="2"/>
    </row>
    <row r="58808" spans="1:3" ht="19.2">
      <c r="A58808" s="2"/>
      <c r="B58808" s="2"/>
      <c r="C58808" s="2"/>
    </row>
    <row r="58809" spans="1:3" ht="19.2">
      <c r="A58809" s="2"/>
      <c r="B58809" s="2"/>
      <c r="C58809" s="2"/>
    </row>
    <row r="58810" spans="1:3" ht="19.2">
      <c r="A58810" s="2"/>
      <c r="B58810" s="2"/>
      <c r="C58810" s="2"/>
    </row>
    <row r="58811" spans="1:3" ht="19.2">
      <c r="A58811" s="2"/>
      <c r="B58811" s="2"/>
      <c r="C58811" s="2"/>
    </row>
    <row r="58812" spans="1:3" ht="19.2">
      <c r="A58812" s="2"/>
      <c r="B58812" s="2"/>
      <c r="C58812" s="2"/>
    </row>
    <row r="58813" spans="1:3" ht="19.2">
      <c r="A58813" s="2"/>
      <c r="B58813" s="2"/>
      <c r="C58813" s="2"/>
    </row>
    <row r="58814" spans="1:3" ht="19.2">
      <c r="A58814" s="2"/>
      <c r="B58814" s="2"/>
      <c r="C58814" s="2"/>
    </row>
    <row r="58815" spans="1:3" ht="19.2">
      <c r="A58815" s="2"/>
      <c r="B58815" s="2"/>
      <c r="C58815" s="2"/>
    </row>
    <row r="58816" spans="1:3" ht="19.2">
      <c r="A58816" s="2"/>
      <c r="B58816" s="2"/>
      <c r="C58816" s="2"/>
    </row>
    <row r="58817" spans="1:3" ht="19.2">
      <c r="A58817" s="2"/>
      <c r="B58817" s="2"/>
      <c r="C58817" s="2"/>
    </row>
    <row r="58818" spans="1:3" ht="19.2">
      <c r="A58818" s="2"/>
      <c r="B58818" s="2"/>
      <c r="C58818" s="2"/>
    </row>
    <row r="58819" spans="1:3" ht="19.2">
      <c r="A58819" s="2"/>
      <c r="B58819" s="2"/>
      <c r="C58819" s="2"/>
    </row>
    <row r="58820" spans="1:3" ht="19.2">
      <c r="A58820" s="2"/>
      <c r="B58820" s="2"/>
      <c r="C58820" s="2"/>
    </row>
    <row r="58821" spans="1:3" ht="19.2">
      <c r="A58821" s="2"/>
      <c r="B58821" s="2"/>
      <c r="C58821" s="2"/>
    </row>
    <row r="58822" spans="1:3" ht="19.2">
      <c r="A58822" s="2"/>
      <c r="B58822" s="2"/>
      <c r="C58822" s="2"/>
    </row>
    <row r="58823" spans="1:3" ht="19.2">
      <c r="A58823" s="2"/>
      <c r="B58823" s="2"/>
      <c r="C58823" s="2"/>
    </row>
    <row r="58824" spans="1:3" ht="19.2">
      <c r="A58824" s="2"/>
      <c r="B58824" s="2"/>
      <c r="C58824" s="2"/>
    </row>
    <row r="58825" spans="1:3" ht="19.2">
      <c r="A58825" s="2"/>
      <c r="B58825" s="2"/>
      <c r="C58825" s="2"/>
    </row>
    <row r="58826" spans="1:3" ht="19.2">
      <c r="A58826" s="2"/>
      <c r="B58826" s="2"/>
      <c r="C58826" s="2"/>
    </row>
    <row r="58827" spans="1:3" ht="19.2">
      <c r="A58827" s="2"/>
      <c r="B58827" s="2"/>
      <c r="C58827" s="2"/>
    </row>
    <row r="58828" spans="1:3" ht="19.2">
      <c r="A58828" s="2"/>
      <c r="B58828" s="2"/>
      <c r="C58828" s="2"/>
    </row>
    <row r="58829" spans="1:3" ht="19.2">
      <c r="A58829" s="2"/>
      <c r="B58829" s="2"/>
      <c r="C58829" s="2"/>
    </row>
    <row r="58830" spans="1:3" ht="19.2">
      <c r="A58830" s="2"/>
      <c r="B58830" s="2"/>
      <c r="C58830" s="2"/>
    </row>
    <row r="58831" spans="1:3" ht="19.2">
      <c r="A58831" s="2"/>
      <c r="B58831" s="2"/>
      <c r="C58831" s="2"/>
    </row>
    <row r="58832" spans="1:3" ht="19.2">
      <c r="A58832" s="2"/>
      <c r="B58832" s="2"/>
      <c r="C58832" s="2"/>
    </row>
    <row r="58833" spans="1:3" ht="19.2">
      <c r="A58833" s="2"/>
      <c r="B58833" s="2"/>
      <c r="C58833" s="2"/>
    </row>
    <row r="58834" spans="1:3" ht="19.2">
      <c r="A58834" s="2"/>
      <c r="B58834" s="2"/>
      <c r="C58834" s="2"/>
    </row>
    <row r="58835" spans="1:3" ht="19.2">
      <c r="A58835" s="2"/>
      <c r="B58835" s="2"/>
      <c r="C58835" s="2"/>
    </row>
    <row r="58836" spans="1:3" ht="19.2">
      <c r="A58836" s="2"/>
      <c r="B58836" s="2"/>
      <c r="C58836" s="2"/>
    </row>
    <row r="58837" spans="1:3" ht="19.2">
      <c r="A58837" s="2"/>
      <c r="B58837" s="2"/>
      <c r="C58837" s="2"/>
    </row>
    <row r="58838" spans="1:3" ht="19.2">
      <c r="A58838" s="2"/>
      <c r="B58838" s="2"/>
      <c r="C58838" s="2"/>
    </row>
    <row r="58839" spans="1:3" ht="19.2">
      <c r="A58839" s="2"/>
      <c r="B58839" s="2"/>
      <c r="C58839" s="2"/>
    </row>
    <row r="58840" spans="1:3" ht="19.2">
      <c r="A58840" s="2"/>
      <c r="B58840" s="2"/>
      <c r="C58840" s="2"/>
    </row>
    <row r="58841" spans="1:3" ht="19.2">
      <c r="A58841" s="2"/>
      <c r="B58841" s="2"/>
      <c r="C58841" s="2"/>
    </row>
    <row r="58842" spans="1:3" ht="19.2">
      <c r="A58842" s="2"/>
      <c r="B58842" s="2"/>
      <c r="C58842" s="2"/>
    </row>
    <row r="58843" spans="1:3" ht="19.2">
      <c r="A58843" s="2"/>
      <c r="B58843" s="2"/>
      <c r="C58843" s="2"/>
    </row>
    <row r="58844" spans="1:3" ht="19.2">
      <c r="A58844" s="2"/>
      <c r="B58844" s="2"/>
      <c r="C58844" s="2"/>
    </row>
    <row r="58845" spans="1:3" ht="19.2">
      <c r="A58845" s="2"/>
      <c r="B58845" s="2"/>
      <c r="C58845" s="2"/>
    </row>
    <row r="58846" spans="1:3" ht="19.2">
      <c r="A58846" s="2"/>
      <c r="B58846" s="2"/>
      <c r="C58846" s="2"/>
    </row>
    <row r="58847" spans="1:3" ht="19.2">
      <c r="A58847" s="2"/>
      <c r="B58847" s="2"/>
      <c r="C58847" s="2"/>
    </row>
    <row r="58848" spans="1:3" ht="19.2">
      <c r="A58848" s="2"/>
      <c r="B58848" s="2"/>
      <c r="C58848" s="2"/>
    </row>
    <row r="58849" spans="1:3" ht="19.2">
      <c r="A58849" s="2"/>
      <c r="B58849" s="2"/>
      <c r="C58849" s="2"/>
    </row>
    <row r="58850" spans="1:3" ht="19.2">
      <c r="A58850" s="2"/>
      <c r="B58850" s="2"/>
      <c r="C58850" s="2"/>
    </row>
    <row r="58851" spans="1:3" ht="19.2">
      <c r="A58851" s="2"/>
      <c r="B58851" s="2"/>
      <c r="C58851" s="2"/>
    </row>
    <row r="58852" spans="1:3" ht="19.2">
      <c r="A58852" s="2"/>
      <c r="B58852" s="2"/>
      <c r="C58852" s="2"/>
    </row>
    <row r="58853" spans="1:3" ht="19.2">
      <c r="A58853" s="2"/>
      <c r="B58853" s="2"/>
      <c r="C58853" s="2"/>
    </row>
    <row r="58854" spans="1:3" ht="19.2">
      <c r="A58854" s="2"/>
      <c r="B58854" s="2"/>
      <c r="C58854" s="2"/>
    </row>
    <row r="58855" spans="1:3" ht="19.2">
      <c r="A58855" s="2"/>
      <c r="B58855" s="2"/>
      <c r="C58855" s="2"/>
    </row>
    <row r="58856" spans="1:3" ht="19.2">
      <c r="A58856" s="2"/>
      <c r="B58856" s="2"/>
      <c r="C58856" s="2"/>
    </row>
    <row r="58857" spans="1:3" ht="19.2">
      <c r="A58857" s="2"/>
      <c r="B58857" s="2"/>
      <c r="C58857" s="2"/>
    </row>
    <row r="58858" spans="1:3" ht="19.2">
      <c r="A58858" s="2"/>
      <c r="B58858" s="2"/>
      <c r="C58858" s="2"/>
    </row>
    <row r="58859" spans="1:3" ht="19.2">
      <c r="A58859" s="2"/>
      <c r="B58859" s="2"/>
      <c r="C58859" s="2"/>
    </row>
    <row r="58860" spans="1:3" ht="19.2">
      <c r="A58860" s="2"/>
      <c r="B58860" s="2"/>
      <c r="C58860" s="2"/>
    </row>
    <row r="58861" spans="1:3" ht="19.2">
      <c r="A58861" s="2"/>
      <c r="B58861" s="2"/>
      <c r="C58861" s="2"/>
    </row>
    <row r="58862" spans="1:3" ht="19.2">
      <c r="A58862" s="2"/>
      <c r="B58862" s="2"/>
      <c r="C58862" s="2"/>
    </row>
    <row r="58863" spans="1:3" ht="19.2">
      <c r="A58863" s="2"/>
      <c r="B58863" s="2"/>
      <c r="C58863" s="2"/>
    </row>
    <row r="58864" spans="1:3" ht="19.2">
      <c r="A58864" s="2"/>
      <c r="B58864" s="2"/>
      <c r="C58864" s="2"/>
    </row>
    <row r="58865" spans="1:3" ht="19.2">
      <c r="A58865" s="2"/>
      <c r="B58865" s="2"/>
      <c r="C58865" s="2"/>
    </row>
    <row r="58866" spans="1:3" ht="19.2">
      <c r="A58866" s="2"/>
      <c r="B58866" s="2"/>
      <c r="C58866" s="2"/>
    </row>
    <row r="58867" spans="1:3" ht="19.2">
      <c r="A58867" s="2"/>
      <c r="B58867" s="2"/>
      <c r="C58867" s="2"/>
    </row>
    <row r="58868" spans="1:3" ht="19.2">
      <c r="A58868" s="2"/>
      <c r="B58868" s="2"/>
      <c r="C58868" s="2"/>
    </row>
    <row r="58869" spans="1:3" ht="19.2">
      <c r="A58869" s="2"/>
      <c r="B58869" s="2"/>
      <c r="C58869" s="2"/>
    </row>
    <row r="58870" spans="1:3" ht="19.2">
      <c r="A58870" s="2"/>
      <c r="B58870" s="2"/>
      <c r="C58870" s="2"/>
    </row>
    <row r="58871" spans="1:3" ht="19.2">
      <c r="A58871" s="2"/>
      <c r="B58871" s="2"/>
      <c r="C58871" s="2"/>
    </row>
    <row r="58872" spans="1:3" ht="19.2">
      <c r="A58872" s="2"/>
      <c r="B58872" s="2"/>
      <c r="C58872" s="2"/>
    </row>
    <row r="58873" spans="1:3" ht="19.2">
      <c r="A58873" s="2"/>
      <c r="B58873" s="2"/>
      <c r="C58873" s="2"/>
    </row>
    <row r="58874" spans="1:3" ht="19.2">
      <c r="A58874" s="2"/>
      <c r="B58874" s="2"/>
      <c r="C58874" s="2"/>
    </row>
    <row r="58875" spans="1:3" ht="19.2">
      <c r="A58875" s="2"/>
      <c r="B58875" s="2"/>
      <c r="C58875" s="2"/>
    </row>
    <row r="58876" spans="1:3" ht="19.2">
      <c r="A58876" s="2"/>
      <c r="B58876" s="2"/>
      <c r="C58876" s="2"/>
    </row>
    <row r="58877" spans="1:3" ht="19.2">
      <c r="A58877" s="2"/>
      <c r="B58877" s="2"/>
      <c r="C58877" s="2"/>
    </row>
    <row r="58878" spans="1:3" ht="19.2">
      <c r="A58878" s="2"/>
      <c r="B58878" s="2"/>
      <c r="C58878" s="2"/>
    </row>
    <row r="58879" spans="1:3" ht="19.2">
      <c r="A58879" s="2"/>
      <c r="B58879" s="2"/>
      <c r="C58879" s="2"/>
    </row>
    <row r="58880" spans="1:3" ht="19.2">
      <c r="A58880" s="2"/>
      <c r="B58880" s="2"/>
      <c r="C58880" s="2"/>
    </row>
    <row r="58881" spans="1:3" ht="19.2">
      <c r="A58881" s="2"/>
      <c r="B58881" s="2"/>
      <c r="C58881" s="2"/>
    </row>
    <row r="58882" spans="1:3" ht="19.2">
      <c r="A58882" s="2"/>
      <c r="B58882" s="2"/>
      <c r="C58882" s="2"/>
    </row>
    <row r="58883" spans="1:3" ht="19.2">
      <c r="A58883" s="2"/>
      <c r="B58883" s="2"/>
      <c r="C58883" s="2"/>
    </row>
    <row r="58884" spans="1:3" ht="19.2">
      <c r="A58884" s="2"/>
      <c r="B58884" s="2"/>
      <c r="C58884" s="2"/>
    </row>
    <row r="58885" spans="1:3" ht="19.2">
      <c r="A58885" s="2"/>
      <c r="B58885" s="2"/>
      <c r="C58885" s="2"/>
    </row>
    <row r="58886" spans="1:3" ht="19.2">
      <c r="A58886" s="2"/>
      <c r="B58886" s="2"/>
      <c r="C58886" s="2"/>
    </row>
    <row r="58887" spans="1:3" ht="19.2">
      <c r="A58887" s="2"/>
      <c r="B58887" s="2"/>
      <c r="C58887" s="2"/>
    </row>
    <row r="58888" spans="1:3" ht="19.2">
      <c r="A58888" s="2"/>
      <c r="B58888" s="2"/>
      <c r="C58888" s="2"/>
    </row>
    <row r="58889" spans="1:3" ht="19.2">
      <c r="A58889" s="2"/>
      <c r="B58889" s="2"/>
      <c r="C58889" s="2"/>
    </row>
    <row r="58890" spans="1:3" ht="19.2">
      <c r="A58890" s="2"/>
      <c r="B58890" s="2"/>
      <c r="C58890" s="2"/>
    </row>
    <row r="58891" spans="1:3" ht="19.2">
      <c r="A58891" s="2"/>
      <c r="B58891" s="2"/>
      <c r="C58891" s="2"/>
    </row>
    <row r="58892" spans="1:3" ht="19.2">
      <c r="A58892" s="2"/>
      <c r="B58892" s="2"/>
      <c r="C58892" s="2"/>
    </row>
    <row r="58893" spans="1:3" ht="19.2">
      <c r="A58893" s="2"/>
      <c r="B58893" s="2"/>
      <c r="C58893" s="2"/>
    </row>
    <row r="58894" spans="1:3" ht="19.2">
      <c r="A58894" s="2"/>
      <c r="B58894" s="2"/>
      <c r="C58894" s="2"/>
    </row>
    <row r="58895" spans="1:3" ht="19.2">
      <c r="A58895" s="2"/>
      <c r="B58895" s="2"/>
      <c r="C58895" s="2"/>
    </row>
    <row r="58896" spans="1:3" ht="19.2">
      <c r="A58896" s="2"/>
      <c r="B58896" s="2"/>
      <c r="C58896" s="2"/>
    </row>
    <row r="58897" spans="1:3" ht="19.2">
      <c r="A58897" s="2"/>
      <c r="B58897" s="2"/>
      <c r="C58897" s="2"/>
    </row>
    <row r="58898" spans="1:3" ht="19.2">
      <c r="A58898" s="2"/>
      <c r="B58898" s="2"/>
      <c r="C58898" s="2"/>
    </row>
    <row r="58899" spans="1:3" ht="19.2">
      <c r="A58899" s="2"/>
      <c r="B58899" s="2"/>
      <c r="C58899" s="2"/>
    </row>
    <row r="58900" spans="1:3" ht="19.2">
      <c r="A58900" s="2"/>
      <c r="B58900" s="2"/>
      <c r="C58900" s="2"/>
    </row>
    <row r="58901" spans="1:3" ht="19.2">
      <c r="A58901" s="2"/>
      <c r="B58901" s="2"/>
      <c r="C58901" s="2"/>
    </row>
    <row r="58902" spans="1:3" ht="19.2">
      <c r="A58902" s="2"/>
      <c r="B58902" s="2"/>
      <c r="C58902" s="2"/>
    </row>
    <row r="58903" spans="1:3" ht="19.2">
      <c r="A58903" s="2"/>
      <c r="B58903" s="2"/>
      <c r="C58903" s="2"/>
    </row>
    <row r="58904" spans="1:3" ht="19.2">
      <c r="A58904" s="2"/>
      <c r="B58904" s="2"/>
      <c r="C58904" s="2"/>
    </row>
    <row r="58905" spans="1:3" ht="19.2">
      <c r="A58905" s="2"/>
      <c r="B58905" s="2"/>
      <c r="C58905" s="2"/>
    </row>
    <row r="58906" spans="1:3" ht="19.2">
      <c r="A58906" s="2"/>
      <c r="B58906" s="2"/>
      <c r="C58906" s="2"/>
    </row>
    <row r="58907" spans="1:3" ht="19.2">
      <c r="A58907" s="2"/>
      <c r="B58907" s="2"/>
      <c r="C58907" s="2"/>
    </row>
    <row r="58908" spans="1:3" ht="19.2">
      <c r="A58908" s="2"/>
      <c r="B58908" s="2"/>
      <c r="C58908" s="2"/>
    </row>
    <row r="58909" spans="1:3" ht="19.2">
      <c r="A58909" s="2"/>
      <c r="B58909" s="2"/>
      <c r="C58909" s="2"/>
    </row>
    <row r="58910" spans="1:3" ht="19.2">
      <c r="A58910" s="2"/>
      <c r="B58910" s="2"/>
      <c r="C58910" s="2"/>
    </row>
    <row r="58911" spans="1:3" ht="19.2">
      <c r="A58911" s="2"/>
      <c r="B58911" s="2"/>
      <c r="C58911" s="2"/>
    </row>
    <row r="58912" spans="1:3" ht="19.2">
      <c r="A58912" s="2"/>
      <c r="B58912" s="2"/>
      <c r="C58912" s="2"/>
    </row>
    <row r="58913" spans="1:3" ht="19.2">
      <c r="A58913" s="2"/>
      <c r="B58913" s="2"/>
      <c r="C58913" s="2"/>
    </row>
    <row r="58914" spans="1:3" ht="19.2">
      <c r="A58914" s="2"/>
      <c r="B58914" s="2"/>
      <c r="C58914" s="2"/>
    </row>
    <row r="58915" spans="1:3" ht="19.2">
      <c r="A58915" s="2"/>
      <c r="B58915" s="2"/>
      <c r="C58915" s="2"/>
    </row>
    <row r="58916" spans="1:3" ht="19.2">
      <c r="A58916" s="2"/>
      <c r="B58916" s="2"/>
      <c r="C58916" s="2"/>
    </row>
    <row r="58917" spans="1:3" ht="19.2">
      <c r="A58917" s="2"/>
      <c r="B58917" s="2"/>
      <c r="C58917" s="2"/>
    </row>
    <row r="58918" spans="1:3" ht="19.2">
      <c r="A58918" s="2"/>
      <c r="B58918" s="2"/>
      <c r="C58918" s="2"/>
    </row>
    <row r="58919" spans="1:3" ht="19.2">
      <c r="A58919" s="2"/>
      <c r="B58919" s="2"/>
      <c r="C58919" s="2"/>
    </row>
    <row r="58920" spans="1:3" ht="19.2">
      <c r="A58920" s="2"/>
      <c r="B58920" s="2"/>
      <c r="C58920" s="2"/>
    </row>
    <row r="58921" spans="1:3" ht="19.2">
      <c r="A58921" s="2"/>
      <c r="B58921" s="2"/>
      <c r="C58921" s="2"/>
    </row>
    <row r="58922" spans="1:3" ht="19.2">
      <c r="A58922" s="2"/>
      <c r="B58922" s="2"/>
      <c r="C58922" s="2"/>
    </row>
    <row r="58923" spans="1:3" ht="19.2">
      <c r="A58923" s="2"/>
      <c r="B58923" s="2"/>
      <c r="C58923" s="2"/>
    </row>
    <row r="58924" spans="1:3" ht="19.2">
      <c r="A58924" s="2"/>
      <c r="B58924" s="2"/>
      <c r="C58924" s="2"/>
    </row>
    <row r="58925" spans="1:3" ht="19.2">
      <c r="A58925" s="2"/>
      <c r="B58925" s="2"/>
      <c r="C58925" s="2"/>
    </row>
    <row r="58926" spans="1:3" ht="19.2">
      <c r="A58926" s="2"/>
      <c r="B58926" s="2"/>
      <c r="C58926" s="2"/>
    </row>
    <row r="58927" spans="1:3" ht="19.2">
      <c r="A58927" s="2"/>
      <c r="B58927" s="2"/>
      <c r="C58927" s="2"/>
    </row>
    <row r="58928" spans="1:3" ht="19.2">
      <c r="A58928" s="2"/>
      <c r="B58928" s="2"/>
      <c r="C58928" s="2"/>
    </row>
    <row r="58929" spans="1:3" ht="19.2">
      <c r="A58929" s="2"/>
      <c r="B58929" s="2"/>
      <c r="C58929" s="2"/>
    </row>
    <row r="58930" spans="1:3" ht="19.2">
      <c r="A58930" s="2"/>
      <c r="B58930" s="2"/>
      <c r="C58930" s="2"/>
    </row>
    <row r="58931" spans="1:3" ht="19.2">
      <c r="A58931" s="2"/>
      <c r="B58931" s="2"/>
      <c r="C58931" s="2"/>
    </row>
    <row r="58932" spans="1:3" ht="19.2">
      <c r="A58932" s="2"/>
      <c r="B58932" s="2"/>
      <c r="C58932" s="2"/>
    </row>
    <row r="58933" spans="1:3" ht="19.2">
      <c r="A58933" s="2"/>
      <c r="B58933" s="2"/>
      <c r="C58933" s="2"/>
    </row>
    <row r="58934" spans="1:3" ht="19.2">
      <c r="A58934" s="2"/>
      <c r="B58934" s="2"/>
      <c r="C58934" s="2"/>
    </row>
    <row r="58935" spans="1:3" ht="19.2">
      <c r="A58935" s="2"/>
      <c r="B58935" s="2"/>
      <c r="C58935" s="2"/>
    </row>
    <row r="58936" spans="1:3" ht="19.2">
      <c r="A58936" s="2"/>
      <c r="B58936" s="2"/>
      <c r="C58936" s="2"/>
    </row>
    <row r="58937" spans="1:3" ht="19.2">
      <c r="A58937" s="2"/>
      <c r="B58937" s="2"/>
      <c r="C58937" s="2"/>
    </row>
    <row r="58938" spans="1:3" ht="19.2">
      <c r="A58938" s="2"/>
      <c r="B58938" s="2"/>
      <c r="C58938" s="2"/>
    </row>
    <row r="58939" spans="1:3" ht="19.2">
      <c r="A58939" s="2"/>
      <c r="B58939" s="2"/>
      <c r="C58939" s="2"/>
    </row>
    <row r="58940" spans="1:3" ht="19.2">
      <c r="A58940" s="2"/>
      <c r="B58940" s="2"/>
      <c r="C58940" s="2"/>
    </row>
    <row r="58941" spans="1:3" ht="19.2">
      <c r="A58941" s="2"/>
      <c r="B58941" s="2"/>
      <c r="C58941" s="2"/>
    </row>
    <row r="58942" spans="1:3" ht="19.2">
      <c r="A58942" s="2"/>
      <c r="B58942" s="2"/>
      <c r="C58942" s="2"/>
    </row>
    <row r="58943" spans="1:3" ht="19.2">
      <c r="A58943" s="2"/>
      <c r="B58943" s="2"/>
      <c r="C58943" s="2"/>
    </row>
    <row r="58944" spans="1:3" ht="19.2">
      <c r="A58944" s="2"/>
      <c r="B58944" s="2"/>
      <c r="C58944" s="2"/>
    </row>
    <row r="58945" spans="1:3" ht="19.2">
      <c r="A58945" s="2"/>
      <c r="B58945" s="2"/>
      <c r="C58945" s="2"/>
    </row>
    <row r="58946" spans="1:3" ht="19.2">
      <c r="A58946" s="2"/>
      <c r="B58946" s="2"/>
      <c r="C58946" s="2"/>
    </row>
    <row r="58947" spans="1:3" ht="19.2">
      <c r="A58947" s="2"/>
      <c r="B58947" s="2"/>
      <c r="C58947" s="2"/>
    </row>
    <row r="58948" spans="1:3" ht="19.2">
      <c r="A58948" s="2"/>
      <c r="B58948" s="2"/>
      <c r="C58948" s="2"/>
    </row>
    <row r="58949" spans="1:3" ht="19.2">
      <c r="A58949" s="2"/>
      <c r="B58949" s="2"/>
      <c r="C58949" s="2"/>
    </row>
    <row r="58950" spans="1:3" ht="19.2">
      <c r="A58950" s="2"/>
      <c r="B58950" s="2"/>
      <c r="C58950" s="2"/>
    </row>
    <row r="58951" spans="1:3" ht="19.2">
      <c r="A58951" s="2"/>
      <c r="B58951" s="2"/>
      <c r="C58951" s="2"/>
    </row>
    <row r="58952" spans="1:3" ht="19.2">
      <c r="A58952" s="2"/>
      <c r="B58952" s="2"/>
      <c r="C58952" s="2"/>
    </row>
    <row r="58953" spans="1:3" ht="19.2">
      <c r="A58953" s="2"/>
      <c r="B58953" s="2"/>
      <c r="C58953" s="2"/>
    </row>
    <row r="58954" spans="1:3" ht="19.2">
      <c r="A58954" s="2"/>
      <c r="B58954" s="2"/>
      <c r="C58954" s="2"/>
    </row>
    <row r="58955" spans="1:3" ht="19.2">
      <c r="A58955" s="2"/>
      <c r="B58955" s="2"/>
      <c r="C58955" s="2"/>
    </row>
    <row r="58956" spans="1:3" ht="19.2">
      <c r="A58956" s="2"/>
      <c r="B58956" s="2"/>
      <c r="C58956" s="2"/>
    </row>
    <row r="58957" spans="1:3" ht="19.2">
      <c r="A58957" s="2"/>
      <c r="B58957" s="2"/>
      <c r="C58957" s="2"/>
    </row>
    <row r="58958" spans="1:3" ht="19.2">
      <c r="A58958" s="2"/>
      <c r="B58958" s="2"/>
      <c r="C58958" s="2"/>
    </row>
    <row r="58959" spans="1:3" ht="19.2">
      <c r="A58959" s="2"/>
      <c r="B58959" s="2"/>
      <c r="C58959" s="2"/>
    </row>
    <row r="58960" spans="1:3" ht="19.2">
      <c r="A58960" s="2"/>
      <c r="B58960" s="2"/>
      <c r="C58960" s="2"/>
    </row>
    <row r="58961" spans="1:3" ht="19.2">
      <c r="A58961" s="2"/>
      <c r="B58961" s="2"/>
      <c r="C58961" s="2"/>
    </row>
    <row r="58962" spans="1:3" ht="19.2">
      <c r="A58962" s="2"/>
      <c r="B58962" s="2"/>
      <c r="C58962" s="2"/>
    </row>
    <row r="58963" spans="1:3" ht="19.2">
      <c r="A58963" s="2"/>
      <c r="B58963" s="2"/>
      <c r="C58963" s="2"/>
    </row>
    <row r="58964" spans="1:3" ht="19.2">
      <c r="A58964" s="2"/>
      <c r="B58964" s="2"/>
      <c r="C58964" s="2"/>
    </row>
    <row r="58965" spans="1:3" ht="19.2">
      <c r="A58965" s="2"/>
      <c r="B58965" s="2"/>
      <c r="C58965" s="2"/>
    </row>
    <row r="58966" spans="1:3" ht="19.2">
      <c r="A58966" s="2"/>
      <c r="B58966" s="2"/>
      <c r="C58966" s="2"/>
    </row>
    <row r="58967" spans="1:3" ht="19.2">
      <c r="A58967" s="2"/>
      <c r="B58967" s="2"/>
      <c r="C58967" s="2"/>
    </row>
    <row r="58968" spans="1:3" ht="19.2">
      <c r="A58968" s="2"/>
      <c r="B58968" s="2"/>
      <c r="C58968" s="2"/>
    </row>
    <row r="58969" spans="1:3" ht="19.2">
      <c r="A58969" s="2"/>
      <c r="B58969" s="2"/>
      <c r="C58969" s="2"/>
    </row>
    <row r="58970" spans="1:3" ht="19.2">
      <c r="A58970" s="2"/>
      <c r="B58970" s="2"/>
      <c r="C58970" s="2"/>
    </row>
    <row r="58971" spans="1:3" ht="19.2">
      <c r="A58971" s="2"/>
      <c r="B58971" s="2"/>
      <c r="C58971" s="2"/>
    </row>
    <row r="58972" spans="1:3" ht="19.2">
      <c r="A58972" s="2"/>
      <c r="B58972" s="2"/>
      <c r="C58972" s="2"/>
    </row>
    <row r="58973" spans="1:3" ht="19.2">
      <c r="A58973" s="2"/>
      <c r="B58973" s="2"/>
      <c r="C58973" s="2"/>
    </row>
    <row r="58974" spans="1:3" ht="19.2">
      <c r="A58974" s="2"/>
      <c r="B58974" s="2"/>
      <c r="C58974" s="2"/>
    </row>
    <row r="58975" spans="1:3" ht="19.2">
      <c r="A58975" s="2"/>
      <c r="B58975" s="2"/>
      <c r="C58975" s="2"/>
    </row>
    <row r="58976" spans="1:3" ht="19.2">
      <c r="A58976" s="2"/>
      <c r="B58976" s="2"/>
      <c r="C58976" s="2"/>
    </row>
    <row r="58977" spans="1:3" ht="19.2">
      <c r="A58977" s="2"/>
      <c r="B58977" s="2"/>
      <c r="C58977" s="2"/>
    </row>
    <row r="58978" spans="1:3" ht="19.2">
      <c r="A58978" s="2"/>
      <c r="B58978" s="2"/>
      <c r="C58978" s="2"/>
    </row>
    <row r="58979" spans="1:3" ht="19.2">
      <c r="A58979" s="2"/>
      <c r="B58979" s="2"/>
      <c r="C58979" s="2"/>
    </row>
    <row r="58980" spans="1:3" ht="19.2">
      <c r="A58980" s="2"/>
      <c r="B58980" s="2"/>
      <c r="C58980" s="2"/>
    </row>
    <row r="58981" spans="1:3" ht="19.2">
      <c r="A58981" s="2"/>
      <c r="B58981" s="2"/>
      <c r="C58981" s="2"/>
    </row>
    <row r="58982" spans="1:3" ht="19.2">
      <c r="A58982" s="2"/>
      <c r="B58982" s="2"/>
      <c r="C58982" s="2"/>
    </row>
    <row r="58983" spans="1:3" ht="19.2">
      <c r="A58983" s="2"/>
      <c r="B58983" s="2"/>
      <c r="C58983" s="2"/>
    </row>
    <row r="58984" spans="1:3" ht="19.2">
      <c r="A58984" s="2"/>
      <c r="B58984" s="2"/>
      <c r="C58984" s="2"/>
    </row>
    <row r="58985" spans="1:3" ht="19.2">
      <c r="A58985" s="2"/>
      <c r="B58985" s="2"/>
      <c r="C58985" s="2"/>
    </row>
    <row r="58986" spans="1:3" ht="19.2">
      <c r="A58986" s="2"/>
      <c r="B58986" s="2"/>
      <c r="C58986" s="2"/>
    </row>
    <row r="58987" spans="1:3" ht="19.2">
      <c r="A58987" s="2"/>
      <c r="B58987" s="2"/>
      <c r="C58987" s="2"/>
    </row>
    <row r="58988" spans="1:3" ht="19.2">
      <c r="A58988" s="2"/>
      <c r="B58988" s="2"/>
      <c r="C58988" s="2"/>
    </row>
    <row r="58989" spans="1:3" ht="19.2">
      <c r="A58989" s="2"/>
      <c r="B58989" s="2"/>
      <c r="C58989" s="2"/>
    </row>
    <row r="58990" spans="1:3" ht="19.2">
      <c r="A58990" s="2"/>
      <c r="B58990" s="2"/>
      <c r="C58990" s="2"/>
    </row>
    <row r="58991" spans="1:3" ht="19.2">
      <c r="A58991" s="2"/>
      <c r="B58991" s="2"/>
      <c r="C58991" s="2"/>
    </row>
    <row r="58992" spans="1:3" ht="19.2">
      <c r="A58992" s="2"/>
      <c r="B58992" s="2"/>
      <c r="C58992" s="2"/>
    </row>
    <row r="58993" spans="1:3" ht="19.2">
      <c r="A58993" s="2"/>
      <c r="B58993" s="2"/>
      <c r="C58993" s="2"/>
    </row>
    <row r="58994" spans="1:3" ht="19.2">
      <c r="A58994" s="2"/>
      <c r="B58994" s="2"/>
      <c r="C58994" s="2"/>
    </row>
    <row r="58995" spans="1:3" ht="19.2">
      <c r="A58995" s="2"/>
      <c r="B58995" s="2"/>
      <c r="C58995" s="2"/>
    </row>
    <row r="58996" spans="1:3" ht="19.2">
      <c r="A58996" s="2"/>
      <c r="B58996" s="2"/>
      <c r="C58996" s="2"/>
    </row>
    <row r="58997" spans="1:3" ht="19.2">
      <c r="A58997" s="2"/>
      <c r="B58997" s="2"/>
      <c r="C58997" s="2"/>
    </row>
    <row r="58998" spans="1:3" ht="19.2">
      <c r="A58998" s="2"/>
      <c r="B58998" s="2"/>
      <c r="C58998" s="2"/>
    </row>
    <row r="58999" spans="1:3" ht="19.2">
      <c r="A58999" s="2"/>
      <c r="B58999" s="2"/>
      <c r="C58999" s="2"/>
    </row>
    <row r="59000" spans="1:3" ht="19.2">
      <c r="A59000" s="2"/>
      <c r="B59000" s="2"/>
      <c r="C59000" s="2"/>
    </row>
    <row r="59001" spans="1:3" ht="19.2">
      <c r="A59001" s="2"/>
      <c r="B59001" s="2"/>
      <c r="C59001" s="2"/>
    </row>
    <row r="59002" spans="1:3" ht="19.2">
      <c r="A59002" s="2"/>
      <c r="B59002" s="2"/>
      <c r="C59002" s="2"/>
    </row>
    <row r="59003" spans="1:3" ht="19.2">
      <c r="A59003" s="2"/>
      <c r="B59003" s="2"/>
      <c r="C59003" s="2"/>
    </row>
    <row r="59004" spans="1:3" ht="19.2">
      <c r="A59004" s="2"/>
      <c r="B59004" s="2"/>
      <c r="C59004" s="2"/>
    </row>
    <row r="59005" spans="1:3" ht="19.2">
      <c r="A59005" s="2"/>
      <c r="B59005" s="2"/>
      <c r="C59005" s="2"/>
    </row>
    <row r="59006" spans="1:3" ht="19.2">
      <c r="A59006" s="2"/>
      <c r="B59006" s="2"/>
      <c r="C59006" s="2"/>
    </row>
    <row r="59007" spans="1:3" ht="19.2">
      <c r="A59007" s="2"/>
      <c r="B59007" s="2"/>
      <c r="C59007" s="2"/>
    </row>
    <row r="59008" spans="1:3" ht="19.2">
      <c r="A59008" s="2"/>
      <c r="B59008" s="2"/>
      <c r="C59008" s="2"/>
    </row>
    <row r="59009" spans="1:3" ht="19.2">
      <c r="A59009" s="2"/>
      <c r="B59009" s="2"/>
      <c r="C59009" s="2"/>
    </row>
    <row r="59010" spans="1:3" ht="19.2">
      <c r="A59010" s="2"/>
      <c r="B59010" s="2"/>
      <c r="C59010" s="2"/>
    </row>
    <row r="59011" spans="1:3" ht="19.2">
      <c r="A59011" s="2"/>
      <c r="B59011" s="2"/>
      <c r="C59011" s="2"/>
    </row>
    <row r="59012" spans="1:3" ht="19.2">
      <c r="A59012" s="2"/>
      <c r="B59012" s="2"/>
      <c r="C59012" s="2"/>
    </row>
    <row r="59013" spans="1:3" ht="19.2">
      <c r="A59013" s="2"/>
      <c r="B59013" s="2"/>
      <c r="C59013" s="2"/>
    </row>
    <row r="59014" spans="1:3" ht="19.2">
      <c r="A59014" s="2"/>
      <c r="B59014" s="2"/>
      <c r="C59014" s="2"/>
    </row>
    <row r="59015" spans="1:3" ht="19.2">
      <c r="A59015" s="2"/>
      <c r="B59015" s="2"/>
      <c r="C59015" s="2"/>
    </row>
    <row r="59016" spans="1:3" ht="19.2">
      <c r="A59016" s="2"/>
      <c r="B59016" s="2"/>
      <c r="C59016" s="2"/>
    </row>
    <row r="59017" spans="1:3" ht="19.2">
      <c r="A59017" s="2"/>
      <c r="B59017" s="2"/>
      <c r="C59017" s="2"/>
    </row>
    <row r="59018" spans="1:3" ht="19.2">
      <c r="A59018" s="2"/>
      <c r="B59018" s="2"/>
      <c r="C59018" s="2"/>
    </row>
    <row r="59019" spans="1:3" ht="19.2">
      <c r="A59019" s="2"/>
      <c r="B59019" s="2"/>
      <c r="C59019" s="2"/>
    </row>
    <row r="59020" spans="1:3" ht="19.2">
      <c r="A59020" s="2"/>
      <c r="B59020" s="2"/>
      <c r="C59020" s="2"/>
    </row>
    <row r="59021" spans="1:3" ht="19.2">
      <c r="A59021" s="2"/>
      <c r="B59021" s="2"/>
      <c r="C59021" s="2"/>
    </row>
    <row r="59022" spans="1:3" ht="19.2">
      <c r="A59022" s="2"/>
      <c r="B59022" s="2"/>
      <c r="C59022" s="2"/>
    </row>
    <row r="59023" spans="1:3" ht="19.2">
      <c r="A59023" s="2"/>
      <c r="B59023" s="2"/>
      <c r="C59023" s="2"/>
    </row>
    <row r="59024" spans="1:3" ht="19.2">
      <c r="A59024" s="2"/>
      <c r="B59024" s="2"/>
      <c r="C59024" s="2"/>
    </row>
    <row r="59025" spans="1:3" ht="19.2">
      <c r="A59025" s="2"/>
      <c r="B59025" s="2"/>
      <c r="C59025" s="2"/>
    </row>
    <row r="59026" spans="1:3" ht="19.2">
      <c r="A59026" s="2"/>
      <c r="B59026" s="2"/>
      <c r="C59026" s="2"/>
    </row>
    <row r="59027" spans="1:3" ht="19.2">
      <c r="A59027" s="2"/>
      <c r="B59027" s="2"/>
      <c r="C59027" s="2"/>
    </row>
    <row r="59028" spans="1:3" ht="19.2">
      <c r="A59028" s="2"/>
      <c r="B59028" s="2"/>
      <c r="C59028" s="2"/>
    </row>
    <row r="59029" spans="1:3" ht="19.2">
      <c r="A59029" s="2"/>
      <c r="B59029" s="2"/>
      <c r="C59029" s="2"/>
    </row>
    <row r="59030" spans="1:3" ht="19.2">
      <c r="A59030" s="2"/>
      <c r="B59030" s="2"/>
      <c r="C59030" s="2"/>
    </row>
    <row r="59031" spans="1:3" ht="19.2">
      <c r="A59031" s="2"/>
      <c r="B59031" s="2"/>
      <c r="C59031" s="2"/>
    </row>
    <row r="59032" spans="1:3" ht="19.2">
      <c r="A59032" s="2"/>
      <c r="B59032" s="2"/>
      <c r="C59032" s="2"/>
    </row>
    <row r="59033" spans="1:3" ht="19.2">
      <c r="A59033" s="2"/>
      <c r="B59033" s="2"/>
      <c r="C59033" s="2"/>
    </row>
    <row r="59034" spans="1:3" ht="19.2">
      <c r="A59034" s="2"/>
      <c r="B59034" s="2"/>
      <c r="C59034" s="2"/>
    </row>
    <row r="59035" spans="1:3" ht="19.2">
      <c r="A59035" s="2"/>
      <c r="B59035" s="2"/>
      <c r="C59035" s="2"/>
    </row>
    <row r="59036" spans="1:3" ht="19.2">
      <c r="A59036" s="2"/>
      <c r="B59036" s="2"/>
      <c r="C59036" s="2"/>
    </row>
    <row r="59037" spans="1:3" ht="19.2">
      <c r="A59037" s="2"/>
      <c r="B59037" s="2"/>
      <c r="C59037" s="2"/>
    </row>
    <row r="59038" spans="1:3" ht="19.2">
      <c r="A59038" s="2"/>
      <c r="B59038" s="2"/>
      <c r="C59038" s="2"/>
    </row>
    <row r="59039" spans="1:3" ht="19.2">
      <c r="A59039" s="2"/>
      <c r="B59039" s="2"/>
      <c r="C59039" s="2"/>
    </row>
    <row r="59040" spans="1:3" ht="19.2">
      <c r="A59040" s="2"/>
      <c r="B59040" s="2"/>
      <c r="C59040" s="2"/>
    </row>
    <row r="59041" spans="1:3" ht="19.2">
      <c r="A59041" s="2"/>
      <c r="B59041" s="2"/>
      <c r="C59041" s="2"/>
    </row>
    <row r="59042" spans="1:3" ht="19.2">
      <c r="A59042" s="2"/>
      <c r="B59042" s="2"/>
      <c r="C59042" s="2"/>
    </row>
    <row r="59043" spans="1:3" ht="19.2">
      <c r="A59043" s="2"/>
      <c r="B59043" s="2"/>
      <c r="C59043" s="2"/>
    </row>
    <row r="59044" spans="1:3" ht="19.2">
      <c r="A59044" s="2"/>
      <c r="B59044" s="2"/>
      <c r="C59044" s="2"/>
    </row>
    <row r="59045" spans="1:3" ht="19.2">
      <c r="A59045" s="2"/>
      <c r="B59045" s="2"/>
      <c r="C59045" s="2"/>
    </row>
    <row r="59046" spans="1:3" ht="19.2">
      <c r="A59046" s="2"/>
      <c r="B59046" s="2"/>
      <c r="C59046" s="2"/>
    </row>
    <row r="59047" spans="1:3" ht="19.2">
      <c r="A59047" s="2"/>
      <c r="B59047" s="2"/>
      <c r="C59047" s="2"/>
    </row>
    <row r="59048" spans="1:3" ht="19.2">
      <c r="A59048" s="2"/>
      <c r="B59048" s="2"/>
      <c r="C59048" s="2"/>
    </row>
    <row r="59049" spans="1:3" ht="19.2">
      <c r="A59049" s="2"/>
      <c r="B59049" s="2"/>
      <c r="C59049" s="2"/>
    </row>
    <row r="59050" spans="1:3" ht="19.2">
      <c r="A59050" s="2"/>
      <c r="B59050" s="2"/>
      <c r="C59050" s="2"/>
    </row>
    <row r="59051" spans="1:3" ht="19.2">
      <c r="A59051" s="2"/>
      <c r="B59051" s="2"/>
      <c r="C59051" s="2"/>
    </row>
    <row r="59052" spans="1:3" ht="19.2">
      <c r="A59052" s="2"/>
      <c r="B59052" s="2"/>
      <c r="C59052" s="2"/>
    </row>
    <row r="59053" spans="1:3" ht="19.2">
      <c r="A59053" s="2"/>
      <c r="B59053" s="2"/>
      <c r="C59053" s="2"/>
    </row>
    <row r="59054" spans="1:3" ht="19.2">
      <c r="A59054" s="2"/>
      <c r="B59054" s="2"/>
      <c r="C59054" s="2"/>
    </row>
    <row r="59055" spans="1:3" ht="19.2">
      <c r="A59055" s="2"/>
      <c r="B59055" s="2"/>
      <c r="C59055" s="2"/>
    </row>
    <row r="59056" spans="1:3" ht="19.2">
      <c r="A59056" s="2"/>
      <c r="B59056" s="2"/>
      <c r="C59056" s="2"/>
    </row>
    <row r="59057" spans="1:3" ht="19.2">
      <c r="A59057" s="2"/>
      <c r="B59057" s="2"/>
      <c r="C59057" s="2"/>
    </row>
    <row r="59058" spans="1:3" ht="19.2">
      <c r="A59058" s="2"/>
      <c r="B59058" s="2"/>
      <c r="C59058" s="2"/>
    </row>
    <row r="59059" spans="1:3" ht="19.2">
      <c r="A59059" s="2"/>
      <c r="B59059" s="2"/>
      <c r="C59059" s="2"/>
    </row>
    <row r="59060" spans="1:3" ht="19.2">
      <c r="A59060" s="2"/>
      <c r="B59060" s="2"/>
      <c r="C59060" s="2"/>
    </row>
    <row r="59061" spans="1:3" ht="19.2">
      <c r="A59061" s="2"/>
      <c r="B59061" s="2"/>
      <c r="C59061" s="2"/>
    </row>
    <row r="59062" spans="1:3" ht="19.2">
      <c r="A59062" s="2"/>
      <c r="B59062" s="2"/>
      <c r="C59062" s="2"/>
    </row>
    <row r="59063" spans="1:3" ht="19.2">
      <c r="A59063" s="2"/>
      <c r="B59063" s="2"/>
      <c r="C59063" s="2"/>
    </row>
    <row r="59064" spans="1:3" ht="19.2">
      <c r="A59064" s="2"/>
      <c r="B59064" s="2"/>
      <c r="C59064" s="2"/>
    </row>
    <row r="59065" spans="1:3" ht="19.2">
      <c r="A59065" s="2"/>
      <c r="B59065" s="2"/>
      <c r="C59065" s="2"/>
    </row>
    <row r="59066" spans="1:3" ht="19.2">
      <c r="A59066" s="2"/>
      <c r="B59066" s="2"/>
      <c r="C59066" s="2"/>
    </row>
    <row r="59067" spans="1:3" ht="19.2">
      <c r="A59067" s="2"/>
      <c r="B59067" s="2"/>
      <c r="C59067" s="2"/>
    </row>
    <row r="59068" spans="1:3" ht="19.2">
      <c r="A59068" s="2"/>
      <c r="B59068" s="2"/>
      <c r="C59068" s="2"/>
    </row>
    <row r="59069" spans="1:3" ht="19.2">
      <c r="A59069" s="2"/>
      <c r="B59069" s="2"/>
      <c r="C59069" s="2"/>
    </row>
    <row r="59070" spans="1:3" ht="19.2">
      <c r="A59070" s="2"/>
      <c r="B59070" s="2"/>
      <c r="C59070" s="2"/>
    </row>
    <row r="59071" spans="1:3" ht="19.2">
      <c r="A59071" s="2"/>
      <c r="B59071" s="2"/>
      <c r="C59071" s="2"/>
    </row>
    <row r="59072" spans="1:3" ht="19.2">
      <c r="A59072" s="2"/>
      <c r="B59072" s="2"/>
      <c r="C59072" s="2"/>
    </row>
    <row r="59073" spans="1:3" ht="19.2">
      <c r="A59073" s="2"/>
      <c r="B59073" s="2"/>
      <c r="C59073" s="2"/>
    </row>
    <row r="59074" spans="1:3" ht="19.2">
      <c r="A59074" s="2"/>
      <c r="B59074" s="2"/>
      <c r="C59074" s="2"/>
    </row>
    <row r="59075" spans="1:3" ht="19.2">
      <c r="A59075" s="2"/>
      <c r="B59075" s="2"/>
      <c r="C59075" s="2"/>
    </row>
    <row r="59076" spans="1:3" ht="19.2">
      <c r="A59076" s="2"/>
      <c r="B59076" s="2"/>
      <c r="C59076" s="2"/>
    </row>
    <row r="59077" spans="1:3" ht="19.2">
      <c r="A59077" s="2"/>
      <c r="B59077" s="2"/>
      <c r="C59077" s="2"/>
    </row>
    <row r="59078" spans="1:3" ht="19.2">
      <c r="A59078" s="2"/>
      <c r="B59078" s="2"/>
      <c r="C59078" s="2"/>
    </row>
    <row r="59079" spans="1:3" ht="19.2">
      <c r="A59079" s="2"/>
      <c r="B59079" s="2"/>
      <c r="C59079" s="2"/>
    </row>
    <row r="59080" spans="1:3" ht="19.2">
      <c r="A59080" s="2"/>
      <c r="B59080" s="2"/>
      <c r="C59080" s="2"/>
    </row>
    <row r="59081" spans="1:3" ht="19.2">
      <c r="A59081" s="2"/>
      <c r="B59081" s="2"/>
      <c r="C59081" s="2"/>
    </row>
    <row r="59082" spans="1:3" ht="19.2">
      <c r="A59082" s="2"/>
      <c r="B59082" s="2"/>
      <c r="C59082" s="2"/>
    </row>
    <row r="59083" spans="1:3" ht="19.2">
      <c r="A59083" s="2"/>
      <c r="B59083" s="2"/>
      <c r="C59083" s="2"/>
    </row>
    <row r="59084" spans="1:3" ht="19.2">
      <c r="A59084" s="2"/>
      <c r="B59084" s="2"/>
      <c r="C59084" s="2"/>
    </row>
    <row r="59085" spans="1:3" ht="19.2">
      <c r="A59085" s="2"/>
      <c r="B59085" s="2"/>
      <c r="C59085" s="2"/>
    </row>
    <row r="59086" spans="1:3" ht="19.2">
      <c r="A59086" s="2"/>
      <c r="B59086" s="2"/>
      <c r="C59086" s="2"/>
    </row>
    <row r="59087" spans="1:3" ht="19.2">
      <c r="A59087" s="2"/>
      <c r="B59087" s="2"/>
      <c r="C59087" s="2"/>
    </row>
    <row r="59088" spans="1:3" ht="19.2">
      <c r="A59088" s="2"/>
      <c r="B59088" s="2"/>
      <c r="C59088" s="2"/>
    </row>
    <row r="59089" spans="1:3" ht="19.2">
      <c r="A59089" s="2"/>
      <c r="B59089" s="2"/>
      <c r="C59089" s="2"/>
    </row>
    <row r="59090" spans="1:3" ht="19.2">
      <c r="A59090" s="2"/>
      <c r="B59090" s="2"/>
      <c r="C59090" s="2"/>
    </row>
    <row r="59091" spans="1:3" ht="19.2">
      <c r="A59091" s="2"/>
      <c r="B59091" s="2"/>
      <c r="C59091" s="2"/>
    </row>
    <row r="59092" spans="1:3" ht="19.2">
      <c r="A59092" s="2"/>
      <c r="B59092" s="2"/>
      <c r="C59092" s="2"/>
    </row>
    <row r="59093" spans="1:3" ht="19.2">
      <c r="A59093" s="2"/>
      <c r="B59093" s="2"/>
      <c r="C59093" s="2"/>
    </row>
    <row r="59094" spans="1:3" ht="19.2">
      <c r="A59094" s="2"/>
      <c r="B59094" s="2"/>
      <c r="C59094" s="2"/>
    </row>
    <row r="59095" spans="1:3" ht="19.2">
      <c r="A59095" s="2"/>
      <c r="B59095" s="2"/>
      <c r="C59095" s="2"/>
    </row>
    <row r="59096" spans="1:3" ht="19.2">
      <c r="A59096" s="2"/>
      <c r="B59096" s="2"/>
      <c r="C59096" s="2"/>
    </row>
    <row r="59097" spans="1:3" ht="19.2">
      <c r="A59097" s="2"/>
      <c r="B59097" s="2"/>
      <c r="C59097" s="2"/>
    </row>
    <row r="59098" spans="1:3" ht="19.2">
      <c r="A59098" s="2"/>
      <c r="B59098" s="2"/>
      <c r="C59098" s="2"/>
    </row>
    <row r="59099" spans="1:3" ht="19.2">
      <c r="A59099" s="2"/>
      <c r="B59099" s="2"/>
      <c r="C59099" s="2"/>
    </row>
    <row r="59100" spans="1:3" ht="19.2">
      <c r="A59100" s="2"/>
      <c r="B59100" s="2"/>
      <c r="C59100" s="2"/>
    </row>
    <row r="59101" spans="1:3" ht="19.2">
      <c r="A59101" s="2"/>
      <c r="B59101" s="2"/>
      <c r="C59101" s="2"/>
    </row>
    <row r="59102" spans="1:3" ht="19.2">
      <c r="A59102" s="2"/>
      <c r="B59102" s="2"/>
      <c r="C59102" s="2"/>
    </row>
    <row r="59103" spans="1:3" ht="19.2">
      <c r="A59103" s="2"/>
      <c r="B59103" s="2"/>
      <c r="C59103" s="2"/>
    </row>
    <row r="59104" spans="1:3" ht="19.2">
      <c r="A59104" s="2"/>
      <c r="B59104" s="2"/>
      <c r="C59104" s="2"/>
    </row>
    <row r="59105" spans="1:3" ht="19.2">
      <c r="A59105" s="2"/>
      <c r="B59105" s="2"/>
      <c r="C59105" s="2"/>
    </row>
    <row r="59106" spans="1:3" ht="19.2">
      <c r="A59106" s="2"/>
      <c r="B59106" s="2"/>
      <c r="C59106" s="2"/>
    </row>
    <row r="59107" spans="1:3" ht="19.2">
      <c r="A59107" s="2"/>
      <c r="B59107" s="2"/>
      <c r="C59107" s="2"/>
    </row>
    <row r="59108" spans="1:3" ht="19.2">
      <c r="A59108" s="2"/>
      <c r="B59108" s="2"/>
      <c r="C59108" s="2"/>
    </row>
    <row r="59109" spans="1:3" ht="19.2">
      <c r="A59109" s="2"/>
      <c r="B59109" s="2"/>
      <c r="C59109" s="2"/>
    </row>
    <row r="59110" spans="1:3" ht="19.2">
      <c r="A59110" s="2"/>
      <c r="B59110" s="2"/>
      <c r="C59110" s="2"/>
    </row>
    <row r="59111" spans="1:3" ht="19.2">
      <c r="A59111" s="2"/>
      <c r="B59111" s="2"/>
      <c r="C59111" s="2"/>
    </row>
    <row r="59112" spans="1:3" ht="19.2">
      <c r="A59112" s="2"/>
      <c r="B59112" s="2"/>
      <c r="C59112" s="2"/>
    </row>
    <row r="59113" spans="1:3" ht="19.2">
      <c r="A59113" s="2"/>
      <c r="B59113" s="2"/>
      <c r="C59113" s="2"/>
    </row>
    <row r="59114" spans="1:3" ht="19.2">
      <c r="A59114" s="2"/>
      <c r="B59114" s="2"/>
      <c r="C59114" s="2"/>
    </row>
    <row r="59115" spans="1:3" ht="19.2">
      <c r="A59115" s="2"/>
      <c r="B59115" s="2"/>
      <c r="C59115" s="2"/>
    </row>
    <row r="59116" spans="1:3" ht="19.2">
      <c r="A59116" s="2"/>
      <c r="B59116" s="2"/>
      <c r="C59116" s="2"/>
    </row>
    <row r="59117" spans="1:3" ht="19.2">
      <c r="A59117" s="2"/>
      <c r="B59117" s="2"/>
      <c r="C59117" s="2"/>
    </row>
    <row r="59118" spans="1:3" ht="19.2">
      <c r="A59118" s="2"/>
      <c r="B59118" s="2"/>
      <c r="C59118" s="2"/>
    </row>
    <row r="59119" spans="1:3" ht="19.2">
      <c r="A59119" s="2"/>
      <c r="B59119" s="2"/>
      <c r="C59119" s="2"/>
    </row>
    <row r="59120" spans="1:3" ht="19.2">
      <c r="A59120" s="2"/>
      <c r="B59120" s="2"/>
      <c r="C59120" s="2"/>
    </row>
    <row r="59121" spans="1:3" ht="19.2">
      <c r="A59121" s="2"/>
      <c r="B59121" s="2"/>
      <c r="C59121" s="2"/>
    </row>
    <row r="59122" spans="1:3" ht="19.2">
      <c r="A59122" s="2"/>
      <c r="B59122" s="2"/>
      <c r="C59122" s="2"/>
    </row>
    <row r="59123" spans="1:3" ht="19.2">
      <c r="A59123" s="2"/>
      <c r="B59123" s="2"/>
      <c r="C59123" s="2"/>
    </row>
    <row r="59124" spans="1:3" ht="19.2">
      <c r="A59124" s="2"/>
      <c r="B59124" s="2"/>
      <c r="C59124" s="2"/>
    </row>
    <row r="59125" spans="1:3" ht="19.2">
      <c r="A59125" s="2"/>
      <c r="B59125" s="2"/>
      <c r="C59125" s="2"/>
    </row>
    <row r="59126" spans="1:3" ht="19.2">
      <c r="A59126" s="2"/>
      <c r="B59126" s="2"/>
      <c r="C59126" s="2"/>
    </row>
    <row r="59127" spans="1:3" ht="19.2">
      <c r="A59127" s="2"/>
      <c r="B59127" s="2"/>
      <c r="C59127" s="2"/>
    </row>
    <row r="59128" spans="1:3" ht="19.2">
      <c r="A59128" s="2"/>
      <c r="B59128" s="2"/>
      <c r="C59128" s="2"/>
    </row>
    <row r="59129" spans="1:3" ht="19.2">
      <c r="A59129" s="2"/>
      <c r="B59129" s="2"/>
      <c r="C59129" s="2"/>
    </row>
    <row r="59130" spans="1:3" ht="19.2">
      <c r="A59130" s="2"/>
      <c r="B59130" s="2"/>
      <c r="C59130" s="2"/>
    </row>
    <row r="59131" spans="1:3" ht="19.2">
      <c r="A59131" s="2"/>
      <c r="B59131" s="2"/>
      <c r="C59131" s="2"/>
    </row>
    <row r="59132" spans="1:3" ht="19.2">
      <c r="A59132" s="2"/>
      <c r="B59132" s="2"/>
      <c r="C59132" s="2"/>
    </row>
    <row r="59133" spans="1:3" ht="19.2">
      <c r="A59133" s="2"/>
      <c r="B59133" s="2"/>
      <c r="C59133" s="2"/>
    </row>
    <row r="59134" spans="1:3" ht="19.2">
      <c r="A59134" s="2"/>
      <c r="B59134" s="2"/>
      <c r="C59134" s="2"/>
    </row>
    <row r="59135" spans="1:3" ht="19.2">
      <c r="A59135" s="2"/>
      <c r="B59135" s="2"/>
      <c r="C59135" s="2"/>
    </row>
    <row r="59136" spans="1:3" ht="19.2">
      <c r="A59136" s="2"/>
      <c r="B59136" s="2"/>
      <c r="C59136" s="2"/>
    </row>
    <row r="59137" spans="1:3" ht="19.2">
      <c r="A59137" s="2"/>
      <c r="B59137" s="2"/>
      <c r="C59137" s="2"/>
    </row>
    <row r="59138" spans="1:3" ht="19.2">
      <c r="A59138" s="2"/>
      <c r="B59138" s="2"/>
      <c r="C59138" s="2"/>
    </row>
    <row r="59139" spans="1:3" ht="19.2">
      <c r="A59139" s="2"/>
      <c r="B59139" s="2"/>
      <c r="C59139" s="2"/>
    </row>
    <row r="59140" spans="1:3" ht="19.2">
      <c r="A59140" s="2"/>
      <c r="B59140" s="2"/>
      <c r="C59140" s="2"/>
    </row>
    <row r="59141" spans="1:3" ht="19.2">
      <c r="A59141" s="2"/>
      <c r="B59141" s="2"/>
      <c r="C59141" s="2"/>
    </row>
    <row r="59142" spans="1:3" ht="19.2">
      <c r="A59142" s="2"/>
      <c r="B59142" s="2"/>
      <c r="C59142" s="2"/>
    </row>
    <row r="59143" spans="1:3" ht="19.2">
      <c r="A59143" s="2"/>
      <c r="B59143" s="2"/>
      <c r="C59143" s="2"/>
    </row>
    <row r="59144" spans="1:3" ht="19.2">
      <c r="A59144" s="2"/>
      <c r="B59144" s="2"/>
      <c r="C59144" s="2"/>
    </row>
    <row r="59145" spans="1:3" ht="19.2">
      <c r="A59145" s="2"/>
      <c r="B59145" s="2"/>
      <c r="C59145" s="2"/>
    </row>
    <row r="59146" spans="1:3" ht="19.2">
      <c r="A59146" s="2"/>
      <c r="B59146" s="2"/>
      <c r="C59146" s="2"/>
    </row>
    <row r="59147" spans="1:3" ht="19.2">
      <c r="A59147" s="2"/>
      <c r="B59147" s="2"/>
      <c r="C59147" s="2"/>
    </row>
    <row r="59148" spans="1:3" ht="19.2">
      <c r="A59148" s="2"/>
      <c r="B59148" s="2"/>
      <c r="C59148" s="2"/>
    </row>
    <row r="59149" spans="1:3" ht="19.2">
      <c r="A59149" s="2"/>
      <c r="B59149" s="2"/>
      <c r="C59149" s="2"/>
    </row>
    <row r="59150" spans="1:3" ht="19.2">
      <c r="A59150" s="2"/>
      <c r="B59150" s="2"/>
      <c r="C59150" s="2"/>
    </row>
    <row r="59151" spans="1:3" ht="19.2">
      <c r="A59151" s="2"/>
      <c r="B59151" s="2"/>
      <c r="C59151" s="2"/>
    </row>
    <row r="59152" spans="1:3" ht="19.2">
      <c r="A59152" s="2"/>
      <c r="B59152" s="2"/>
      <c r="C59152" s="2"/>
    </row>
    <row r="59153" spans="1:3" ht="19.2">
      <c r="A59153" s="2"/>
      <c r="B59153" s="2"/>
      <c r="C59153" s="2"/>
    </row>
    <row r="59154" spans="1:3" ht="19.2">
      <c r="A59154" s="2"/>
      <c r="B59154" s="2"/>
      <c r="C59154" s="2"/>
    </row>
    <row r="59155" spans="1:3" ht="19.2">
      <c r="A59155" s="2"/>
      <c r="B59155" s="2"/>
      <c r="C59155" s="2"/>
    </row>
    <row r="59156" spans="1:3" ht="19.2">
      <c r="A59156" s="2"/>
      <c r="B59156" s="2"/>
      <c r="C59156" s="2"/>
    </row>
    <row r="59157" spans="1:3" ht="19.2">
      <c r="A59157" s="2"/>
      <c r="B59157" s="2"/>
      <c r="C59157" s="2"/>
    </row>
    <row r="59158" spans="1:3" ht="19.2">
      <c r="A59158" s="2"/>
      <c r="B59158" s="2"/>
      <c r="C59158" s="2"/>
    </row>
    <row r="59159" spans="1:3" ht="19.2">
      <c r="A59159" s="2"/>
      <c r="B59159" s="2"/>
      <c r="C59159" s="2"/>
    </row>
    <row r="59160" spans="1:3" ht="19.2">
      <c r="A59160" s="2"/>
      <c r="B59160" s="2"/>
      <c r="C59160" s="2"/>
    </row>
    <row r="59161" spans="1:3" ht="19.2">
      <c r="A59161" s="2"/>
      <c r="B59161" s="2"/>
      <c r="C59161" s="2"/>
    </row>
    <row r="59162" spans="1:3" ht="19.2">
      <c r="A59162" s="2"/>
      <c r="B59162" s="2"/>
      <c r="C59162" s="2"/>
    </row>
    <row r="59163" spans="1:3" ht="19.2">
      <c r="A59163" s="2"/>
      <c r="B59163" s="2"/>
      <c r="C59163" s="2"/>
    </row>
    <row r="59164" spans="1:3" ht="19.2">
      <c r="A59164" s="2"/>
      <c r="B59164" s="2"/>
      <c r="C59164" s="2"/>
    </row>
    <row r="59165" spans="1:3" ht="19.2">
      <c r="A59165" s="2"/>
      <c r="B59165" s="2"/>
      <c r="C59165" s="2"/>
    </row>
    <row r="59166" spans="1:3" ht="19.2">
      <c r="A59166" s="2"/>
      <c r="B59166" s="2"/>
      <c r="C59166" s="2"/>
    </row>
    <row r="59167" spans="1:3" ht="19.2">
      <c r="A59167" s="2"/>
      <c r="B59167" s="2"/>
      <c r="C59167" s="2"/>
    </row>
    <row r="59168" spans="1:3" ht="19.2">
      <c r="A59168" s="2"/>
      <c r="B59168" s="2"/>
      <c r="C59168" s="2"/>
    </row>
    <row r="59169" spans="1:3" ht="19.2">
      <c r="A59169" s="2"/>
      <c r="B59169" s="2"/>
      <c r="C59169" s="2"/>
    </row>
    <row r="59170" spans="1:3" ht="19.2">
      <c r="A59170" s="2"/>
      <c r="B59170" s="2"/>
      <c r="C59170" s="2"/>
    </row>
    <row r="59171" spans="1:3" ht="19.2">
      <c r="A59171" s="2"/>
      <c r="B59171" s="2"/>
      <c r="C59171" s="2"/>
    </row>
    <row r="59172" spans="1:3" ht="19.2">
      <c r="A59172" s="2"/>
      <c r="B59172" s="2"/>
      <c r="C59172" s="2"/>
    </row>
    <row r="59173" spans="1:3" ht="19.2">
      <c r="A59173" s="2"/>
      <c r="B59173" s="2"/>
      <c r="C59173" s="2"/>
    </row>
    <row r="59174" spans="1:3" ht="19.2">
      <c r="A59174" s="2"/>
      <c r="B59174" s="2"/>
      <c r="C59174" s="2"/>
    </row>
    <row r="59175" spans="1:3" ht="19.2">
      <c r="A59175" s="2"/>
      <c r="B59175" s="2"/>
      <c r="C59175" s="2"/>
    </row>
    <row r="59176" spans="1:3" ht="19.2">
      <c r="A59176" s="2"/>
      <c r="B59176" s="2"/>
      <c r="C59176" s="2"/>
    </row>
    <row r="59177" spans="1:3" ht="19.2">
      <c r="A59177" s="2"/>
      <c r="B59177" s="2"/>
      <c r="C59177" s="2"/>
    </row>
    <row r="59178" spans="1:3" ht="19.2">
      <c r="A59178" s="2"/>
      <c r="B59178" s="2"/>
      <c r="C59178" s="2"/>
    </row>
    <row r="59179" spans="1:3" ht="19.2">
      <c r="A59179" s="2"/>
      <c r="B59179" s="2"/>
      <c r="C59179" s="2"/>
    </row>
    <row r="59180" spans="1:3" ht="19.2">
      <c r="A59180" s="2"/>
      <c r="B59180" s="2"/>
      <c r="C59180" s="2"/>
    </row>
    <row r="59181" spans="1:3" ht="19.2">
      <c r="A59181" s="2"/>
      <c r="B59181" s="2"/>
      <c r="C59181" s="2"/>
    </row>
    <row r="59182" spans="1:3" ht="19.2">
      <c r="A59182" s="2"/>
      <c r="B59182" s="2"/>
      <c r="C59182" s="2"/>
    </row>
    <row r="59183" spans="1:3" ht="19.2">
      <c r="A59183" s="2"/>
      <c r="B59183" s="2"/>
      <c r="C59183" s="2"/>
    </row>
    <row r="59184" spans="1:3" ht="19.2">
      <c r="A59184" s="2"/>
      <c r="B59184" s="2"/>
      <c r="C59184" s="2"/>
    </row>
    <row r="59185" spans="1:3" ht="19.2">
      <c r="A59185" s="2"/>
      <c r="B59185" s="2"/>
      <c r="C59185" s="2"/>
    </row>
    <row r="59186" spans="1:3" ht="19.2">
      <c r="A59186" s="2"/>
      <c r="B59186" s="2"/>
      <c r="C59186" s="2"/>
    </row>
    <row r="59187" spans="1:3" ht="19.2">
      <c r="A59187" s="2"/>
      <c r="B59187" s="2"/>
      <c r="C59187" s="2"/>
    </row>
    <row r="59188" spans="1:3" ht="19.2">
      <c r="A59188" s="2"/>
      <c r="B59188" s="2"/>
      <c r="C59188" s="2"/>
    </row>
    <row r="59189" spans="1:3" ht="19.2">
      <c r="A59189" s="2"/>
      <c r="B59189" s="2"/>
      <c r="C59189" s="2"/>
    </row>
    <row r="59190" spans="1:3" ht="19.2">
      <c r="A59190" s="2"/>
      <c r="B59190" s="2"/>
      <c r="C59190" s="2"/>
    </row>
    <row r="59191" spans="1:3" ht="19.2">
      <c r="A59191" s="2"/>
      <c r="B59191" s="2"/>
      <c r="C59191" s="2"/>
    </row>
    <row r="59192" spans="1:3" ht="19.2">
      <c r="A59192" s="2"/>
      <c r="B59192" s="2"/>
      <c r="C59192" s="2"/>
    </row>
    <row r="59193" spans="1:3" ht="19.2">
      <c r="A59193" s="2"/>
      <c r="B59193" s="2"/>
      <c r="C59193" s="2"/>
    </row>
    <row r="59194" spans="1:3" ht="19.2">
      <c r="A59194" s="2"/>
      <c r="B59194" s="2"/>
      <c r="C59194" s="2"/>
    </row>
    <row r="59195" spans="1:3" ht="19.2">
      <c r="A59195" s="2"/>
      <c r="B59195" s="2"/>
      <c r="C59195" s="2"/>
    </row>
    <row r="59196" spans="1:3" ht="19.2">
      <c r="A59196" s="2"/>
      <c r="B59196" s="2"/>
      <c r="C59196" s="2"/>
    </row>
    <row r="59197" spans="1:3" ht="19.2">
      <c r="A59197" s="2"/>
      <c r="B59197" s="2"/>
      <c r="C59197" s="2"/>
    </row>
    <row r="59198" spans="1:3" ht="19.2">
      <c r="A59198" s="2"/>
      <c r="B59198" s="2"/>
      <c r="C59198" s="2"/>
    </row>
    <row r="59199" spans="1:3" ht="19.2">
      <c r="A59199" s="2"/>
      <c r="B59199" s="2"/>
      <c r="C59199" s="2"/>
    </row>
    <row r="59200" spans="1:3" ht="19.2">
      <c r="A59200" s="2"/>
      <c r="B59200" s="2"/>
      <c r="C59200" s="2"/>
    </row>
    <row r="59201" spans="1:3" ht="19.2">
      <c r="A59201" s="2"/>
      <c r="B59201" s="2"/>
      <c r="C59201" s="2"/>
    </row>
    <row r="59202" spans="1:3" ht="19.2">
      <c r="A59202" s="2"/>
      <c r="B59202" s="2"/>
      <c r="C59202" s="2"/>
    </row>
    <row r="59203" spans="1:3" ht="19.2">
      <c r="A59203" s="2"/>
      <c r="B59203" s="2"/>
      <c r="C59203" s="2"/>
    </row>
    <row r="59204" spans="1:3" ht="19.2">
      <c r="A59204" s="2"/>
      <c r="B59204" s="2"/>
      <c r="C59204" s="2"/>
    </row>
    <row r="59205" spans="1:3" ht="19.2">
      <c r="A59205" s="2"/>
      <c r="B59205" s="2"/>
      <c r="C59205" s="2"/>
    </row>
    <row r="59206" spans="1:3" ht="19.2">
      <c r="A59206" s="2"/>
      <c r="B59206" s="2"/>
      <c r="C59206" s="2"/>
    </row>
    <row r="59207" spans="1:3" ht="19.2">
      <c r="A59207" s="2"/>
      <c r="B59207" s="2"/>
      <c r="C59207" s="2"/>
    </row>
    <row r="59208" spans="1:3" ht="19.2">
      <c r="A59208" s="2"/>
      <c r="B59208" s="2"/>
      <c r="C59208" s="2"/>
    </row>
    <row r="59209" spans="1:3" ht="19.2">
      <c r="A59209" s="2"/>
      <c r="B59209" s="2"/>
      <c r="C59209" s="2"/>
    </row>
    <row r="59210" spans="1:3" ht="19.2">
      <c r="A59210" s="2"/>
      <c r="B59210" s="2"/>
      <c r="C59210" s="2"/>
    </row>
    <row r="59211" spans="1:3" ht="19.2">
      <c r="A59211" s="2"/>
      <c r="B59211" s="2"/>
      <c r="C59211" s="2"/>
    </row>
    <row r="59212" spans="1:3" ht="19.2">
      <c r="A59212" s="2"/>
      <c r="B59212" s="2"/>
      <c r="C59212" s="2"/>
    </row>
    <row r="59213" spans="1:3" ht="19.2">
      <c r="A59213" s="2"/>
      <c r="B59213" s="2"/>
      <c r="C59213" s="2"/>
    </row>
    <row r="59214" spans="1:3" ht="19.2">
      <c r="A59214" s="2"/>
      <c r="B59214" s="2"/>
      <c r="C59214" s="2"/>
    </row>
    <row r="59215" spans="1:3" ht="19.2">
      <c r="A59215" s="2"/>
      <c r="B59215" s="2"/>
      <c r="C59215" s="2"/>
    </row>
    <row r="59216" spans="1:3" ht="19.2">
      <c r="A59216" s="2"/>
      <c r="B59216" s="2"/>
      <c r="C59216" s="2"/>
    </row>
    <row r="59217" spans="1:3" ht="19.2">
      <c r="A59217" s="2"/>
      <c r="B59217" s="2"/>
      <c r="C59217" s="2"/>
    </row>
    <row r="59218" spans="1:3" ht="19.2">
      <c r="A59218" s="2"/>
      <c r="B59218" s="2"/>
      <c r="C59218" s="2"/>
    </row>
    <row r="59219" spans="1:3" ht="19.2">
      <c r="A59219" s="2"/>
      <c r="B59219" s="2"/>
      <c r="C59219" s="2"/>
    </row>
    <row r="59220" spans="1:3" ht="19.2">
      <c r="A59220" s="2"/>
      <c r="B59220" s="2"/>
      <c r="C59220" s="2"/>
    </row>
    <row r="59221" spans="1:3" ht="19.2">
      <c r="A59221" s="2"/>
      <c r="B59221" s="2"/>
      <c r="C59221" s="2"/>
    </row>
    <row r="59222" spans="1:3" ht="19.2">
      <c r="A59222" s="2"/>
      <c r="B59222" s="2"/>
      <c r="C59222" s="2"/>
    </row>
    <row r="59223" spans="1:3" ht="19.2">
      <c r="A59223" s="2"/>
      <c r="B59223" s="2"/>
      <c r="C59223" s="2"/>
    </row>
    <row r="59224" spans="1:3" ht="19.2">
      <c r="A59224" s="2"/>
      <c r="B59224" s="2"/>
      <c r="C59224" s="2"/>
    </row>
    <row r="59225" spans="1:3" ht="19.2">
      <c r="A59225" s="2"/>
      <c r="B59225" s="2"/>
      <c r="C59225" s="2"/>
    </row>
    <row r="59226" spans="1:3" ht="19.2">
      <c r="A59226" s="2"/>
      <c r="B59226" s="2"/>
      <c r="C59226" s="2"/>
    </row>
    <row r="59227" spans="1:3" ht="19.2">
      <c r="A59227" s="2"/>
      <c r="B59227" s="2"/>
      <c r="C59227" s="2"/>
    </row>
    <row r="59228" spans="1:3" ht="19.2">
      <c r="A59228" s="2"/>
      <c r="B59228" s="2"/>
      <c r="C59228" s="2"/>
    </row>
    <row r="59229" spans="1:3" ht="19.2">
      <c r="A59229" s="2"/>
      <c r="B59229" s="2"/>
      <c r="C59229" s="2"/>
    </row>
    <row r="59230" spans="1:3" ht="19.2">
      <c r="A59230" s="2"/>
      <c r="B59230" s="2"/>
      <c r="C59230" s="2"/>
    </row>
    <row r="59231" spans="1:3" ht="19.2">
      <c r="A59231" s="2"/>
      <c r="B59231" s="2"/>
      <c r="C59231" s="2"/>
    </row>
    <row r="59232" spans="1:3" ht="19.2">
      <c r="A59232" s="2"/>
      <c r="B59232" s="2"/>
      <c r="C59232" s="2"/>
    </row>
    <row r="59233" spans="1:3" ht="19.2">
      <c r="A59233" s="2"/>
      <c r="B59233" s="2"/>
      <c r="C59233" s="2"/>
    </row>
    <row r="59234" spans="1:3" ht="19.2">
      <c r="A59234" s="2"/>
      <c r="B59234" s="2"/>
      <c r="C59234" s="2"/>
    </row>
    <row r="59235" spans="1:3" ht="19.2">
      <c r="A59235" s="2"/>
      <c r="B59235" s="2"/>
      <c r="C59235" s="2"/>
    </row>
    <row r="59236" spans="1:3" ht="19.2">
      <c r="A59236" s="2"/>
      <c r="B59236" s="2"/>
      <c r="C59236" s="2"/>
    </row>
    <row r="59237" spans="1:3" ht="19.2">
      <c r="A59237" s="2"/>
      <c r="B59237" s="2"/>
      <c r="C59237" s="2"/>
    </row>
    <row r="59238" spans="1:3" ht="19.2">
      <c r="A59238" s="2"/>
      <c r="B59238" s="2"/>
      <c r="C59238" s="2"/>
    </row>
    <row r="59239" spans="1:3" ht="19.2">
      <c r="A59239" s="2"/>
      <c r="B59239" s="2"/>
      <c r="C59239" s="2"/>
    </row>
    <row r="59240" spans="1:3" ht="19.2">
      <c r="A59240" s="2"/>
      <c r="B59240" s="2"/>
      <c r="C59240" s="2"/>
    </row>
    <row r="59241" spans="1:3" ht="19.2">
      <c r="A59241" s="2"/>
      <c r="B59241" s="2"/>
      <c r="C59241" s="2"/>
    </row>
    <row r="59242" spans="1:3" ht="19.2">
      <c r="A59242" s="2"/>
      <c r="B59242" s="2"/>
      <c r="C59242" s="2"/>
    </row>
    <row r="59243" spans="1:3" ht="19.2">
      <c r="A59243" s="2"/>
      <c r="B59243" s="2"/>
      <c r="C59243" s="2"/>
    </row>
    <row r="59244" spans="1:3" ht="19.2">
      <c r="A59244" s="2"/>
      <c r="B59244" s="2"/>
      <c r="C59244" s="2"/>
    </row>
    <row r="59245" spans="1:3" ht="19.2">
      <c r="A59245" s="2"/>
      <c r="B59245" s="2"/>
      <c r="C59245" s="2"/>
    </row>
    <row r="59246" spans="1:3" ht="19.2">
      <c r="A59246" s="2"/>
      <c r="B59246" s="2"/>
      <c r="C59246" s="2"/>
    </row>
    <row r="59247" spans="1:3" ht="19.2">
      <c r="A59247" s="2"/>
      <c r="B59247" s="2"/>
      <c r="C59247" s="2"/>
    </row>
    <row r="59248" spans="1:3" ht="19.2">
      <c r="A59248" s="2"/>
      <c r="B59248" s="2"/>
      <c r="C59248" s="2"/>
    </row>
    <row r="59249" spans="1:3" ht="19.2">
      <c r="A59249" s="2"/>
      <c r="B59249" s="2"/>
      <c r="C59249" s="2"/>
    </row>
    <row r="59250" spans="1:3" ht="19.2">
      <c r="A59250" s="2"/>
      <c r="B59250" s="2"/>
      <c r="C59250" s="2"/>
    </row>
    <row r="59251" spans="1:3" ht="19.2">
      <c r="A59251" s="2"/>
      <c r="B59251" s="2"/>
      <c r="C59251" s="2"/>
    </row>
    <row r="59252" spans="1:3" ht="19.2">
      <c r="A59252" s="2"/>
      <c r="B59252" s="2"/>
      <c r="C59252" s="2"/>
    </row>
    <row r="59253" spans="1:3" ht="19.2">
      <c r="A59253" s="2"/>
      <c r="B59253" s="2"/>
      <c r="C59253" s="2"/>
    </row>
    <row r="59254" spans="1:3" ht="19.2">
      <c r="A59254" s="2"/>
      <c r="B59254" s="2"/>
      <c r="C59254" s="2"/>
    </row>
    <row r="59255" spans="1:3" ht="19.2">
      <c r="A59255" s="2"/>
      <c r="B59255" s="2"/>
      <c r="C59255" s="2"/>
    </row>
    <row r="59256" spans="1:3" ht="19.2">
      <c r="A59256" s="2"/>
      <c r="B59256" s="2"/>
      <c r="C59256" s="2"/>
    </row>
    <row r="59257" spans="1:3" ht="19.2">
      <c r="A59257" s="2"/>
      <c r="B59257" s="2"/>
      <c r="C59257" s="2"/>
    </row>
    <row r="59258" spans="1:3" ht="19.2">
      <c r="A59258" s="2"/>
      <c r="B59258" s="2"/>
      <c r="C59258" s="2"/>
    </row>
    <row r="59259" spans="1:3" ht="19.2">
      <c r="A59259" s="2"/>
      <c r="B59259" s="2"/>
      <c r="C59259" s="2"/>
    </row>
    <row r="59260" spans="1:3" ht="19.2">
      <c r="A59260" s="2"/>
      <c r="B59260" s="2"/>
      <c r="C59260" s="2"/>
    </row>
    <row r="59261" spans="1:3" ht="19.2">
      <c r="A59261" s="2"/>
      <c r="B59261" s="2"/>
      <c r="C59261" s="2"/>
    </row>
    <row r="59262" spans="1:3" ht="19.2">
      <c r="A59262" s="2"/>
      <c r="B59262" s="2"/>
      <c r="C59262" s="2"/>
    </row>
    <row r="59263" spans="1:3" ht="19.2">
      <c r="A59263" s="2"/>
      <c r="B59263" s="2"/>
      <c r="C59263" s="2"/>
    </row>
    <row r="59264" spans="1:3" ht="19.2">
      <c r="A59264" s="2"/>
      <c r="B59264" s="2"/>
      <c r="C59264" s="2"/>
    </row>
    <row r="59265" spans="1:3" ht="19.2">
      <c r="A59265" s="2"/>
      <c r="B59265" s="2"/>
      <c r="C59265" s="2"/>
    </row>
    <row r="59266" spans="1:3" ht="19.2">
      <c r="A59266" s="2"/>
      <c r="B59266" s="2"/>
      <c r="C59266" s="2"/>
    </row>
    <row r="59267" spans="1:3" ht="19.2">
      <c r="A59267" s="2"/>
      <c r="B59267" s="2"/>
      <c r="C59267" s="2"/>
    </row>
    <row r="59268" spans="1:3" ht="19.2">
      <c r="A59268" s="2"/>
      <c r="B59268" s="2"/>
      <c r="C59268" s="2"/>
    </row>
    <row r="59269" spans="1:3" ht="19.2">
      <c r="A59269" s="2"/>
      <c r="B59269" s="2"/>
      <c r="C59269" s="2"/>
    </row>
    <row r="59270" spans="1:3" ht="19.2">
      <c r="A59270" s="2"/>
      <c r="B59270" s="2"/>
      <c r="C59270" s="2"/>
    </row>
    <row r="59271" spans="1:3" ht="19.2">
      <c r="A59271" s="2"/>
      <c r="B59271" s="2"/>
      <c r="C59271" s="2"/>
    </row>
    <row r="59272" spans="1:3" ht="19.2">
      <c r="A59272" s="2"/>
      <c r="B59272" s="2"/>
      <c r="C59272" s="2"/>
    </row>
    <row r="59273" spans="1:3" ht="19.2">
      <c r="A59273" s="2"/>
      <c r="B59273" s="2"/>
      <c r="C59273" s="2"/>
    </row>
    <row r="59274" spans="1:3" ht="19.2">
      <c r="A59274" s="2"/>
      <c r="B59274" s="2"/>
      <c r="C59274" s="2"/>
    </row>
    <row r="59275" spans="1:3" ht="19.2">
      <c r="A59275" s="2"/>
      <c r="B59275" s="2"/>
      <c r="C59275" s="2"/>
    </row>
    <row r="59276" spans="1:3" ht="19.2">
      <c r="A59276" s="2"/>
      <c r="B59276" s="2"/>
      <c r="C59276" s="2"/>
    </row>
    <row r="59277" spans="1:3" ht="19.2">
      <c r="A59277" s="2"/>
      <c r="B59277" s="2"/>
      <c r="C59277" s="2"/>
    </row>
    <row r="59278" spans="1:3" ht="19.2">
      <c r="A59278" s="2"/>
      <c r="B59278" s="2"/>
      <c r="C59278" s="2"/>
    </row>
    <row r="59279" spans="1:3" ht="19.2">
      <c r="A59279" s="2"/>
      <c r="B59279" s="2"/>
      <c r="C59279" s="2"/>
    </row>
    <row r="59280" spans="1:3" ht="19.2">
      <c r="A59280" s="2"/>
      <c r="B59280" s="2"/>
      <c r="C59280" s="2"/>
    </row>
    <row r="59281" spans="1:3" ht="19.2">
      <c r="A59281" s="2"/>
      <c r="B59281" s="2"/>
      <c r="C59281" s="2"/>
    </row>
    <row r="59282" spans="1:3" ht="19.2">
      <c r="A59282" s="2"/>
      <c r="B59282" s="2"/>
      <c r="C59282" s="2"/>
    </row>
    <row r="59283" spans="1:3" ht="19.2">
      <c r="A59283" s="2"/>
      <c r="B59283" s="2"/>
      <c r="C59283" s="2"/>
    </row>
    <row r="59284" spans="1:3" ht="19.2">
      <c r="A59284" s="2"/>
      <c r="B59284" s="2"/>
      <c r="C59284" s="2"/>
    </row>
    <row r="59285" spans="1:3" ht="19.2">
      <c r="A59285" s="2"/>
      <c r="B59285" s="2"/>
      <c r="C59285" s="2"/>
    </row>
    <row r="59286" spans="1:3" ht="19.2">
      <c r="A59286" s="2"/>
      <c r="B59286" s="2"/>
      <c r="C59286" s="2"/>
    </row>
    <row r="59287" spans="1:3" ht="19.2">
      <c r="A59287" s="2"/>
      <c r="B59287" s="2"/>
      <c r="C59287" s="2"/>
    </row>
    <row r="59288" spans="1:3" ht="19.2">
      <c r="A59288" s="2"/>
      <c r="B59288" s="2"/>
      <c r="C59288" s="2"/>
    </row>
    <row r="59289" spans="1:3" ht="19.2">
      <c r="A59289" s="2"/>
      <c r="B59289" s="2"/>
      <c r="C59289" s="2"/>
    </row>
    <row r="59290" spans="1:3" ht="19.2">
      <c r="A59290" s="2"/>
      <c r="B59290" s="2"/>
      <c r="C59290" s="2"/>
    </row>
    <row r="59291" spans="1:3" ht="19.2">
      <c r="A59291" s="2"/>
      <c r="B59291" s="2"/>
      <c r="C59291" s="2"/>
    </row>
    <row r="59292" spans="1:3" ht="19.2">
      <c r="A59292" s="2"/>
      <c r="B59292" s="2"/>
      <c r="C59292" s="2"/>
    </row>
    <row r="59293" spans="1:3" ht="19.2">
      <c r="A59293" s="2"/>
      <c r="B59293" s="2"/>
      <c r="C59293" s="2"/>
    </row>
    <row r="59294" spans="1:3" ht="19.2">
      <c r="A59294" s="2"/>
      <c r="B59294" s="2"/>
      <c r="C59294" s="2"/>
    </row>
    <row r="59295" spans="1:3" ht="19.2">
      <c r="A59295" s="2"/>
      <c r="B59295" s="2"/>
      <c r="C59295" s="2"/>
    </row>
    <row r="59296" spans="1:3" ht="19.2">
      <c r="A59296" s="2"/>
      <c r="B59296" s="2"/>
      <c r="C59296" s="2"/>
    </row>
    <row r="59297" spans="1:3" ht="19.2">
      <c r="A59297" s="2"/>
      <c r="B59297" s="2"/>
      <c r="C59297" s="2"/>
    </row>
    <row r="59298" spans="1:3" ht="19.2">
      <c r="A59298" s="2"/>
      <c r="B59298" s="2"/>
      <c r="C59298" s="2"/>
    </row>
    <row r="59299" spans="1:3" ht="19.2">
      <c r="A59299" s="2"/>
      <c r="B59299" s="2"/>
      <c r="C59299" s="2"/>
    </row>
    <row r="59300" spans="1:3" ht="19.2">
      <c r="A59300" s="2"/>
      <c r="B59300" s="2"/>
      <c r="C59300" s="2"/>
    </row>
    <row r="59301" spans="1:3" ht="19.2">
      <c r="A59301" s="2"/>
      <c r="B59301" s="2"/>
      <c r="C59301" s="2"/>
    </row>
    <row r="59302" spans="1:3" ht="19.2">
      <c r="A59302" s="2"/>
      <c r="B59302" s="2"/>
      <c r="C59302" s="2"/>
    </row>
    <row r="59303" spans="1:3" ht="19.2">
      <c r="A59303" s="2"/>
      <c r="B59303" s="2"/>
      <c r="C59303" s="2"/>
    </row>
    <row r="59304" spans="1:3" ht="19.2">
      <c r="A59304" s="2"/>
      <c r="B59304" s="2"/>
      <c r="C59304" s="2"/>
    </row>
    <row r="59305" spans="1:3" ht="19.2">
      <c r="A59305" s="2"/>
      <c r="B59305" s="2"/>
      <c r="C59305" s="2"/>
    </row>
    <row r="59306" spans="1:3" ht="19.2">
      <c r="A59306" s="2"/>
      <c r="B59306" s="2"/>
      <c r="C59306" s="2"/>
    </row>
    <row r="59307" spans="1:3" ht="19.2">
      <c r="A59307" s="2"/>
      <c r="B59307" s="2"/>
      <c r="C59307" s="2"/>
    </row>
    <row r="59308" spans="1:3" ht="19.2">
      <c r="A59308" s="2"/>
      <c r="B59308" s="2"/>
      <c r="C59308" s="2"/>
    </row>
    <row r="59309" spans="1:3" ht="19.2">
      <c r="A59309" s="2"/>
      <c r="B59309" s="2"/>
      <c r="C59309" s="2"/>
    </row>
    <row r="59310" spans="1:3" ht="19.2">
      <c r="A59310" s="2"/>
      <c r="B59310" s="2"/>
      <c r="C59310" s="2"/>
    </row>
    <row r="59311" spans="1:3" ht="19.2">
      <c r="A59311" s="2"/>
      <c r="B59311" s="2"/>
      <c r="C59311" s="2"/>
    </row>
    <row r="59312" spans="1:3" ht="19.2">
      <c r="A59312" s="2"/>
      <c r="B59312" s="2"/>
      <c r="C59312" s="2"/>
    </row>
    <row r="59313" spans="1:3" ht="19.2">
      <c r="A59313" s="2"/>
      <c r="B59313" s="2"/>
      <c r="C59313" s="2"/>
    </row>
    <row r="59314" spans="1:3" ht="19.2">
      <c r="A59314" s="2"/>
      <c r="B59314" s="2"/>
      <c r="C59314" s="2"/>
    </row>
    <row r="59315" spans="1:3" ht="19.2">
      <c r="A59315" s="2"/>
      <c r="B59315" s="2"/>
      <c r="C59315" s="2"/>
    </row>
    <row r="59316" spans="1:3" ht="19.2">
      <c r="A59316" s="2"/>
      <c r="B59316" s="2"/>
      <c r="C59316" s="2"/>
    </row>
    <row r="59317" spans="1:3" ht="19.2">
      <c r="A59317" s="2"/>
      <c r="B59317" s="2"/>
      <c r="C59317" s="2"/>
    </row>
    <row r="59318" spans="1:3" ht="19.2">
      <c r="A59318" s="2"/>
      <c r="B59318" s="2"/>
      <c r="C59318" s="2"/>
    </row>
    <row r="59319" spans="1:3" ht="19.2">
      <c r="A59319" s="2"/>
      <c r="B59319" s="2"/>
      <c r="C59319" s="2"/>
    </row>
    <row r="59320" spans="1:3" ht="19.2">
      <c r="A59320" s="2"/>
      <c r="B59320" s="2"/>
      <c r="C59320" s="2"/>
    </row>
    <row r="59321" spans="1:3" ht="19.2">
      <c r="A59321" s="2"/>
      <c r="B59321" s="2"/>
      <c r="C59321" s="2"/>
    </row>
    <row r="59322" spans="1:3" ht="19.2">
      <c r="A59322" s="2"/>
      <c r="B59322" s="2"/>
      <c r="C59322" s="2"/>
    </row>
    <row r="59323" spans="1:3" ht="19.2">
      <c r="A59323" s="2"/>
      <c r="B59323" s="2"/>
      <c r="C59323" s="2"/>
    </row>
    <row r="59324" spans="1:3" ht="19.2">
      <c r="A59324" s="2"/>
      <c r="B59324" s="2"/>
      <c r="C59324" s="2"/>
    </row>
    <row r="59325" spans="1:3" ht="19.2">
      <c r="A59325" s="2"/>
      <c r="B59325" s="2"/>
      <c r="C59325" s="2"/>
    </row>
    <row r="59326" spans="1:3" ht="19.2">
      <c r="A59326" s="2"/>
      <c r="B59326" s="2"/>
      <c r="C59326" s="2"/>
    </row>
    <row r="59327" spans="1:3" ht="19.2">
      <c r="A59327" s="2"/>
      <c r="B59327" s="2"/>
      <c r="C59327" s="2"/>
    </row>
    <row r="59328" spans="1:3" ht="19.2">
      <c r="A59328" s="2"/>
      <c r="B59328" s="2"/>
      <c r="C59328" s="2"/>
    </row>
    <row r="59329" spans="1:3" ht="19.2">
      <c r="A59329" s="2"/>
      <c r="B59329" s="2"/>
      <c r="C59329" s="2"/>
    </row>
    <row r="59330" spans="1:3" ht="19.2">
      <c r="A59330" s="2"/>
      <c r="B59330" s="2"/>
      <c r="C59330" s="2"/>
    </row>
    <row r="59331" spans="1:3" ht="19.2">
      <c r="A59331" s="2"/>
      <c r="B59331" s="2"/>
      <c r="C59331" s="2"/>
    </row>
    <row r="59332" spans="1:3" ht="19.2">
      <c r="A59332" s="2"/>
      <c r="B59332" s="2"/>
      <c r="C59332" s="2"/>
    </row>
    <row r="59333" spans="1:3" ht="19.2">
      <c r="A59333" s="2"/>
      <c r="B59333" s="2"/>
      <c r="C59333" s="2"/>
    </row>
    <row r="59334" spans="1:3" ht="19.2">
      <c r="A59334" s="2"/>
      <c r="B59334" s="2"/>
      <c r="C59334" s="2"/>
    </row>
    <row r="59335" spans="1:3" ht="19.2">
      <c r="A59335" s="2"/>
      <c r="B59335" s="2"/>
      <c r="C59335" s="2"/>
    </row>
    <row r="59336" spans="1:3" ht="19.2">
      <c r="A59336" s="2"/>
      <c r="B59336" s="2"/>
      <c r="C59336" s="2"/>
    </row>
    <row r="59337" spans="1:3" ht="19.2">
      <c r="A59337" s="2"/>
      <c r="B59337" s="2"/>
      <c r="C59337" s="2"/>
    </row>
    <row r="59338" spans="1:3" ht="19.2">
      <c r="A59338" s="2"/>
      <c r="B59338" s="2"/>
      <c r="C59338" s="2"/>
    </row>
    <row r="59339" spans="1:3" ht="19.2">
      <c r="A59339" s="2"/>
      <c r="B59339" s="2"/>
      <c r="C59339" s="2"/>
    </row>
    <row r="59340" spans="1:3" ht="19.2">
      <c r="A59340" s="2"/>
      <c r="B59340" s="2"/>
      <c r="C59340" s="2"/>
    </row>
    <row r="59341" spans="1:3" ht="19.2">
      <c r="A59341" s="2"/>
      <c r="B59341" s="2"/>
      <c r="C59341" s="2"/>
    </row>
    <row r="59342" spans="1:3" ht="19.2">
      <c r="A59342" s="2"/>
      <c r="B59342" s="2"/>
      <c r="C59342" s="2"/>
    </row>
    <row r="59343" spans="1:3" ht="19.2">
      <c r="A59343" s="2"/>
      <c r="B59343" s="2"/>
      <c r="C59343" s="2"/>
    </row>
    <row r="59344" spans="1:3" ht="19.2">
      <c r="A59344" s="2"/>
      <c r="B59344" s="2"/>
      <c r="C59344" s="2"/>
    </row>
    <row r="59345" spans="1:3" ht="19.2">
      <c r="A59345" s="2"/>
      <c r="B59345" s="2"/>
      <c r="C59345" s="2"/>
    </row>
    <row r="59346" spans="1:3" ht="19.2">
      <c r="A59346" s="2"/>
      <c r="B59346" s="2"/>
      <c r="C59346" s="2"/>
    </row>
    <row r="59347" spans="1:3" ht="19.2">
      <c r="A59347" s="2"/>
      <c r="B59347" s="2"/>
      <c r="C59347" s="2"/>
    </row>
    <row r="59348" spans="1:3" ht="19.2">
      <c r="A59348" s="2"/>
      <c r="B59348" s="2"/>
      <c r="C59348" s="2"/>
    </row>
    <row r="59349" spans="1:3" ht="19.2">
      <c r="A59349" s="2"/>
      <c r="B59349" s="2"/>
      <c r="C59349" s="2"/>
    </row>
    <row r="59350" spans="1:3" ht="19.2">
      <c r="A59350" s="2"/>
      <c r="B59350" s="2"/>
      <c r="C59350" s="2"/>
    </row>
    <row r="59351" spans="1:3" ht="19.2">
      <c r="A59351" s="2"/>
      <c r="B59351" s="2"/>
      <c r="C59351" s="2"/>
    </row>
    <row r="59352" spans="1:3" ht="19.2">
      <c r="A59352" s="2"/>
      <c r="B59352" s="2"/>
      <c r="C59352" s="2"/>
    </row>
    <row r="59353" spans="1:3" ht="19.2">
      <c r="A59353" s="2"/>
      <c r="B59353" s="2"/>
      <c r="C59353" s="2"/>
    </row>
    <row r="59354" spans="1:3" ht="19.2">
      <c r="A59354" s="2"/>
      <c r="B59354" s="2"/>
      <c r="C59354" s="2"/>
    </row>
    <row r="59355" spans="1:3" ht="19.2">
      <c r="A59355" s="2"/>
      <c r="B59355" s="2"/>
      <c r="C59355" s="2"/>
    </row>
    <row r="59356" spans="1:3" ht="19.2">
      <c r="A59356" s="2"/>
      <c r="B59356" s="2"/>
      <c r="C59356" s="2"/>
    </row>
    <row r="59357" spans="1:3" ht="19.2">
      <c r="A59357" s="2"/>
      <c r="B59357" s="2"/>
      <c r="C59357" s="2"/>
    </row>
    <row r="59358" spans="1:3" ht="19.2">
      <c r="A59358" s="2"/>
      <c r="B59358" s="2"/>
      <c r="C59358" s="2"/>
    </row>
    <row r="59359" spans="1:3" ht="19.2">
      <c r="A59359" s="2"/>
      <c r="B59359" s="2"/>
      <c r="C59359" s="2"/>
    </row>
    <row r="59360" spans="1:3" ht="19.2">
      <c r="A59360" s="2"/>
      <c r="B59360" s="2"/>
      <c r="C59360" s="2"/>
    </row>
    <row r="59361" spans="1:3" ht="19.2">
      <c r="A59361" s="2"/>
      <c r="B59361" s="2"/>
      <c r="C59361" s="2"/>
    </row>
    <row r="59362" spans="1:3" ht="19.2">
      <c r="A59362" s="2"/>
      <c r="B59362" s="2"/>
      <c r="C59362" s="2"/>
    </row>
    <row r="59363" spans="1:3" ht="19.2">
      <c r="A59363" s="2"/>
      <c r="B59363" s="2"/>
      <c r="C59363" s="2"/>
    </row>
    <row r="59364" spans="1:3" ht="19.2">
      <c r="A59364" s="2"/>
      <c r="B59364" s="2"/>
      <c r="C59364" s="2"/>
    </row>
    <row r="59365" spans="1:3" ht="19.2">
      <c r="A59365" s="2"/>
      <c r="B59365" s="2"/>
      <c r="C59365" s="2"/>
    </row>
    <row r="59366" spans="1:3" ht="19.2">
      <c r="A59366" s="2"/>
      <c r="B59366" s="2"/>
      <c r="C59366" s="2"/>
    </row>
    <row r="59367" spans="1:3" ht="19.2">
      <c r="A59367" s="2"/>
      <c r="B59367" s="2"/>
      <c r="C59367" s="2"/>
    </row>
    <row r="59368" spans="1:3" ht="19.2">
      <c r="A59368" s="2"/>
      <c r="B59368" s="2"/>
      <c r="C59368" s="2"/>
    </row>
    <row r="59369" spans="1:3" ht="19.2">
      <c r="A59369" s="2"/>
      <c r="B59369" s="2"/>
      <c r="C59369" s="2"/>
    </row>
    <row r="59370" spans="1:3" ht="19.2">
      <c r="A59370" s="2"/>
      <c r="B59370" s="2"/>
      <c r="C59370" s="2"/>
    </row>
    <row r="59371" spans="1:3" ht="19.2">
      <c r="A59371" s="2"/>
      <c r="B59371" s="2"/>
      <c r="C59371" s="2"/>
    </row>
    <row r="59372" spans="1:3" ht="19.2">
      <c r="A59372" s="2"/>
      <c r="B59372" s="2"/>
      <c r="C59372" s="2"/>
    </row>
    <row r="59373" spans="1:3" ht="19.2">
      <c r="A59373" s="2"/>
      <c r="B59373" s="2"/>
      <c r="C59373" s="2"/>
    </row>
    <row r="59374" spans="1:3" ht="19.2">
      <c r="A59374" s="2"/>
      <c r="B59374" s="2"/>
      <c r="C59374" s="2"/>
    </row>
    <row r="59375" spans="1:3" ht="19.2">
      <c r="A59375" s="2"/>
      <c r="B59375" s="2"/>
      <c r="C59375" s="2"/>
    </row>
    <row r="59376" spans="1:3" ht="19.2">
      <c r="A59376" s="2"/>
      <c r="B59376" s="2"/>
      <c r="C59376" s="2"/>
    </row>
    <row r="59377" spans="1:3" ht="19.2">
      <c r="A59377" s="2"/>
      <c r="B59377" s="2"/>
      <c r="C59377" s="2"/>
    </row>
    <row r="59378" spans="1:3" ht="19.2">
      <c r="A59378" s="2"/>
      <c r="B59378" s="2"/>
      <c r="C59378" s="2"/>
    </row>
    <row r="59379" spans="1:3" ht="19.2">
      <c r="A59379" s="2"/>
      <c r="B59379" s="2"/>
      <c r="C59379" s="2"/>
    </row>
    <row r="59380" spans="1:3" ht="19.2">
      <c r="A59380" s="2"/>
      <c r="B59380" s="2"/>
      <c r="C59380" s="2"/>
    </row>
    <row r="59381" spans="1:3" ht="19.2">
      <c r="A59381" s="2"/>
      <c r="B59381" s="2"/>
      <c r="C59381" s="2"/>
    </row>
    <row r="59382" spans="1:3" ht="19.2">
      <c r="A59382" s="2"/>
      <c r="B59382" s="2"/>
      <c r="C59382" s="2"/>
    </row>
    <row r="59383" spans="1:3" ht="19.2">
      <c r="A59383" s="2"/>
      <c r="B59383" s="2"/>
      <c r="C59383" s="2"/>
    </row>
    <row r="59384" spans="1:3" ht="19.2">
      <c r="A59384" s="2"/>
      <c r="B59384" s="2"/>
      <c r="C59384" s="2"/>
    </row>
    <row r="59385" spans="1:3" ht="19.2">
      <c r="A59385" s="2"/>
      <c r="B59385" s="2"/>
      <c r="C59385" s="2"/>
    </row>
    <row r="59386" spans="1:3" ht="19.2">
      <c r="A59386" s="2"/>
      <c r="B59386" s="2"/>
      <c r="C59386" s="2"/>
    </row>
    <row r="59387" spans="1:3" ht="19.2">
      <c r="A59387" s="2"/>
      <c r="B59387" s="2"/>
      <c r="C59387" s="2"/>
    </row>
    <row r="59388" spans="1:3" ht="19.2">
      <c r="A59388" s="2"/>
      <c r="B59388" s="2"/>
      <c r="C59388" s="2"/>
    </row>
    <row r="59389" spans="1:3" ht="19.2">
      <c r="A59389" s="2"/>
      <c r="B59389" s="2"/>
      <c r="C59389" s="2"/>
    </row>
    <row r="59390" spans="1:3" ht="19.2">
      <c r="A59390" s="2"/>
      <c r="B59390" s="2"/>
      <c r="C59390" s="2"/>
    </row>
    <row r="59391" spans="1:3" ht="19.2">
      <c r="A59391" s="2"/>
      <c r="B59391" s="2"/>
      <c r="C59391" s="2"/>
    </row>
    <row r="59392" spans="1:3" ht="19.2">
      <c r="A59392" s="2"/>
      <c r="B59392" s="2"/>
      <c r="C59392" s="2"/>
    </row>
    <row r="59393" spans="1:3" ht="19.2">
      <c r="A59393" s="2"/>
      <c r="B59393" s="2"/>
      <c r="C59393" s="2"/>
    </row>
    <row r="59394" spans="1:3" ht="19.2">
      <c r="A59394" s="2"/>
      <c r="B59394" s="2"/>
      <c r="C59394" s="2"/>
    </row>
    <row r="59395" spans="1:3" ht="19.2">
      <c r="A59395" s="2"/>
      <c r="B59395" s="2"/>
      <c r="C59395" s="2"/>
    </row>
    <row r="59396" spans="1:3" ht="19.2">
      <c r="A59396" s="2"/>
      <c r="B59396" s="2"/>
      <c r="C59396" s="2"/>
    </row>
    <row r="59397" spans="1:3" ht="19.2">
      <c r="A59397" s="2"/>
      <c r="B59397" s="2"/>
      <c r="C59397" s="2"/>
    </row>
    <row r="59398" spans="1:3" ht="19.2">
      <c r="A59398" s="2"/>
      <c r="B59398" s="2"/>
      <c r="C59398" s="2"/>
    </row>
    <row r="59399" spans="1:3" ht="19.2">
      <c r="A59399" s="2"/>
      <c r="B59399" s="2"/>
      <c r="C59399" s="2"/>
    </row>
    <row r="59400" spans="1:3" ht="19.2">
      <c r="A59400" s="2"/>
      <c r="B59400" s="2"/>
      <c r="C59400" s="2"/>
    </row>
    <row r="59401" spans="1:3" ht="19.2">
      <c r="A59401" s="2"/>
      <c r="B59401" s="2"/>
      <c r="C59401" s="2"/>
    </row>
    <row r="59402" spans="1:3" ht="19.2">
      <c r="A59402" s="2"/>
      <c r="B59402" s="2"/>
      <c r="C59402" s="2"/>
    </row>
    <row r="59403" spans="1:3" ht="19.2">
      <c r="A59403" s="2"/>
      <c r="B59403" s="2"/>
      <c r="C59403" s="2"/>
    </row>
    <row r="59404" spans="1:3" ht="19.2">
      <c r="A59404" s="2"/>
      <c r="B59404" s="2"/>
      <c r="C59404" s="2"/>
    </row>
    <row r="59405" spans="1:3" ht="19.2">
      <c r="A59405" s="2"/>
      <c r="B59405" s="2"/>
      <c r="C59405" s="2"/>
    </row>
    <row r="59406" spans="1:3" ht="19.2">
      <c r="A59406" s="2"/>
      <c r="B59406" s="2"/>
      <c r="C59406" s="2"/>
    </row>
    <row r="59407" spans="1:3" ht="19.2">
      <c r="A59407" s="2"/>
      <c r="B59407" s="2"/>
      <c r="C59407" s="2"/>
    </row>
    <row r="59408" spans="1:3" ht="19.2">
      <c r="A59408" s="2"/>
      <c r="B59408" s="2"/>
      <c r="C59408" s="2"/>
    </row>
    <row r="59409" spans="1:3" ht="19.2">
      <c r="A59409" s="2"/>
      <c r="B59409" s="2"/>
      <c r="C59409" s="2"/>
    </row>
    <row r="59410" spans="1:3" ht="19.2">
      <c r="A59410" s="2"/>
      <c r="B59410" s="2"/>
      <c r="C59410" s="2"/>
    </row>
    <row r="59411" spans="1:3" ht="19.2">
      <c r="A59411" s="2"/>
      <c r="B59411" s="2"/>
      <c r="C59411" s="2"/>
    </row>
    <row r="59412" spans="1:3" ht="19.2">
      <c r="A59412" s="2"/>
      <c r="B59412" s="2"/>
      <c r="C59412" s="2"/>
    </row>
    <row r="59413" spans="1:3" ht="19.2">
      <c r="A59413" s="2"/>
      <c r="B59413" s="2"/>
      <c r="C59413" s="2"/>
    </row>
    <row r="59414" spans="1:3" ht="19.2">
      <c r="A59414" s="2"/>
      <c r="B59414" s="2"/>
      <c r="C59414" s="2"/>
    </row>
    <row r="59415" spans="1:3" ht="19.2">
      <c r="A59415" s="2"/>
      <c r="B59415" s="2"/>
      <c r="C59415" s="2"/>
    </row>
    <row r="59416" spans="1:3" ht="19.2">
      <c r="A59416" s="2"/>
      <c r="B59416" s="2"/>
      <c r="C59416" s="2"/>
    </row>
    <row r="59417" spans="1:3" ht="19.2">
      <c r="A59417" s="2"/>
      <c r="B59417" s="2"/>
      <c r="C59417" s="2"/>
    </row>
    <row r="59418" spans="1:3" ht="19.2">
      <c r="A59418" s="2"/>
      <c r="B59418" s="2"/>
      <c r="C59418" s="2"/>
    </row>
    <row r="59419" spans="1:3" ht="19.2">
      <c r="A59419" s="2"/>
      <c r="B59419" s="2"/>
      <c r="C59419" s="2"/>
    </row>
    <row r="59420" spans="1:3" ht="19.2">
      <c r="A59420" s="2"/>
      <c r="B59420" s="2"/>
      <c r="C59420" s="2"/>
    </row>
    <row r="59421" spans="1:3" ht="19.2">
      <c r="A59421" s="2"/>
      <c r="B59421" s="2"/>
      <c r="C59421" s="2"/>
    </row>
    <row r="59422" spans="1:3" ht="19.2">
      <c r="A59422" s="2"/>
      <c r="B59422" s="2"/>
      <c r="C59422" s="2"/>
    </row>
    <row r="59423" spans="1:3" ht="19.2">
      <c r="A59423" s="2"/>
      <c r="B59423" s="2"/>
      <c r="C59423" s="2"/>
    </row>
    <row r="59424" spans="1:3" ht="19.2">
      <c r="A59424" s="2"/>
      <c r="B59424" s="2"/>
      <c r="C59424" s="2"/>
    </row>
    <row r="59425" spans="1:3" ht="19.2">
      <c r="A59425" s="2"/>
      <c r="B59425" s="2"/>
      <c r="C59425" s="2"/>
    </row>
    <row r="59426" spans="1:3" ht="19.2">
      <c r="A59426" s="2"/>
      <c r="B59426" s="2"/>
      <c r="C59426" s="2"/>
    </row>
    <row r="59427" spans="1:3" ht="19.2">
      <c r="A59427" s="2"/>
      <c r="B59427" s="2"/>
      <c r="C59427" s="2"/>
    </row>
    <row r="59428" spans="1:3" ht="19.2">
      <c r="A59428" s="2"/>
      <c r="B59428" s="2"/>
      <c r="C59428" s="2"/>
    </row>
    <row r="59429" spans="1:3" ht="19.2">
      <c r="A59429" s="2"/>
      <c r="B59429" s="2"/>
      <c r="C59429" s="2"/>
    </row>
    <row r="59430" spans="1:3" ht="19.2">
      <c r="A59430" s="2"/>
      <c r="B59430" s="2"/>
      <c r="C59430" s="2"/>
    </row>
    <row r="59431" spans="1:3" ht="19.2">
      <c r="A59431" s="2"/>
      <c r="B59431" s="2"/>
      <c r="C59431" s="2"/>
    </row>
    <row r="59432" spans="1:3" ht="19.2">
      <c r="A59432" s="2"/>
      <c r="B59432" s="2"/>
      <c r="C59432" s="2"/>
    </row>
    <row r="59433" spans="1:3" ht="19.2">
      <c r="A59433" s="2"/>
      <c r="B59433" s="2"/>
      <c r="C59433" s="2"/>
    </row>
    <row r="59434" spans="1:3" ht="19.2">
      <c r="A59434" s="2"/>
      <c r="B59434" s="2"/>
      <c r="C59434" s="2"/>
    </row>
    <row r="59435" spans="1:3" ht="19.2">
      <c r="A59435" s="2"/>
      <c r="B59435" s="2"/>
      <c r="C59435" s="2"/>
    </row>
    <row r="59436" spans="1:3" ht="19.2">
      <c r="A59436" s="2"/>
      <c r="B59436" s="2"/>
      <c r="C59436" s="2"/>
    </row>
    <row r="59437" spans="1:3" ht="19.2">
      <c r="A59437" s="2"/>
      <c r="B59437" s="2"/>
      <c r="C59437" s="2"/>
    </row>
    <row r="59438" spans="1:3" ht="19.2">
      <c r="A59438" s="2"/>
      <c r="B59438" s="2"/>
      <c r="C59438" s="2"/>
    </row>
    <row r="59439" spans="1:3" ht="19.2">
      <c r="A59439" s="2"/>
      <c r="B59439" s="2"/>
      <c r="C59439" s="2"/>
    </row>
    <row r="59440" spans="1:3" ht="19.2">
      <c r="A59440" s="2"/>
      <c r="B59440" s="2"/>
      <c r="C59440" s="2"/>
    </row>
    <row r="59441" spans="1:3" ht="19.2">
      <c r="A59441" s="2"/>
      <c r="B59441" s="2"/>
      <c r="C59441" s="2"/>
    </row>
    <row r="59442" spans="1:3" ht="19.2">
      <c r="A59442" s="2"/>
      <c r="B59442" s="2"/>
      <c r="C59442" s="2"/>
    </row>
    <row r="59443" spans="1:3" ht="19.2">
      <c r="A59443" s="2"/>
      <c r="B59443" s="2"/>
      <c r="C59443" s="2"/>
    </row>
    <row r="59444" spans="1:3" ht="19.2">
      <c r="A59444" s="2"/>
      <c r="B59444" s="2"/>
      <c r="C59444" s="2"/>
    </row>
    <row r="59445" spans="1:3" ht="19.2">
      <c r="A59445" s="2"/>
      <c r="B59445" s="2"/>
      <c r="C59445" s="2"/>
    </row>
    <row r="59446" spans="1:3" ht="19.2">
      <c r="A59446" s="2"/>
      <c r="B59446" s="2"/>
      <c r="C59446" s="2"/>
    </row>
    <row r="59447" spans="1:3" ht="19.2">
      <c r="A59447" s="2"/>
      <c r="B59447" s="2"/>
      <c r="C59447" s="2"/>
    </row>
    <row r="59448" spans="1:3" ht="19.2">
      <c r="A59448" s="2"/>
      <c r="B59448" s="2"/>
      <c r="C59448" s="2"/>
    </row>
    <row r="59449" spans="1:3" ht="19.2">
      <c r="A59449" s="2"/>
      <c r="B59449" s="2"/>
      <c r="C59449" s="2"/>
    </row>
    <row r="59450" spans="1:3" ht="19.2">
      <c r="A59450" s="2"/>
      <c r="B59450" s="2"/>
      <c r="C59450" s="2"/>
    </row>
    <row r="59451" spans="1:3" ht="19.2">
      <c r="A59451" s="2"/>
      <c r="B59451" s="2"/>
      <c r="C59451" s="2"/>
    </row>
    <row r="59452" spans="1:3" ht="19.2">
      <c r="A59452" s="2"/>
      <c r="B59452" s="2"/>
      <c r="C59452" s="2"/>
    </row>
    <row r="59453" spans="1:3" ht="19.2">
      <c r="A59453" s="2"/>
      <c r="B59453" s="2"/>
      <c r="C59453" s="2"/>
    </row>
    <row r="59454" spans="1:3" ht="19.2">
      <c r="A59454" s="2"/>
      <c r="B59454" s="2"/>
      <c r="C59454" s="2"/>
    </row>
    <row r="59455" spans="1:3" ht="19.2">
      <c r="A59455" s="2"/>
      <c r="B59455" s="2"/>
      <c r="C59455" s="2"/>
    </row>
    <row r="59456" spans="1:3" ht="19.2">
      <c r="A59456" s="2"/>
      <c r="B59456" s="2"/>
      <c r="C59456" s="2"/>
    </row>
    <row r="59457" spans="1:3" ht="19.2">
      <c r="A59457" s="2"/>
      <c r="B59457" s="2"/>
      <c r="C59457" s="2"/>
    </row>
    <row r="59458" spans="1:3" ht="19.2">
      <c r="A59458" s="2"/>
      <c r="B59458" s="2"/>
      <c r="C59458" s="2"/>
    </row>
    <row r="59459" spans="1:3" ht="19.2">
      <c r="A59459" s="2"/>
      <c r="B59459" s="2"/>
      <c r="C59459" s="2"/>
    </row>
    <row r="59460" spans="1:3" ht="19.2">
      <c r="A59460" s="2"/>
      <c r="B59460" s="2"/>
      <c r="C59460" s="2"/>
    </row>
    <row r="59461" spans="1:3" ht="19.2">
      <c r="A59461" s="2"/>
      <c r="B59461" s="2"/>
      <c r="C59461" s="2"/>
    </row>
    <row r="59462" spans="1:3" ht="19.2">
      <c r="A59462" s="2"/>
      <c r="B59462" s="2"/>
      <c r="C59462" s="2"/>
    </row>
    <row r="59463" spans="1:3" ht="19.2">
      <c r="A59463" s="2"/>
      <c r="B59463" s="2"/>
      <c r="C59463" s="2"/>
    </row>
    <row r="59464" spans="1:3" ht="19.2">
      <c r="A59464" s="2"/>
      <c r="B59464" s="2"/>
      <c r="C59464" s="2"/>
    </row>
    <row r="59465" spans="1:3" ht="19.2">
      <c r="A59465" s="2"/>
      <c r="B59465" s="2"/>
      <c r="C59465" s="2"/>
    </row>
    <row r="59466" spans="1:3" ht="19.2">
      <c r="A59466" s="2"/>
      <c r="B59466" s="2"/>
      <c r="C59466" s="2"/>
    </row>
    <row r="59467" spans="1:3" ht="19.2">
      <c r="A59467" s="2"/>
      <c r="B59467" s="2"/>
      <c r="C59467" s="2"/>
    </row>
    <row r="59468" spans="1:3" ht="19.2">
      <c r="A59468" s="2"/>
      <c r="B59468" s="2"/>
      <c r="C59468" s="2"/>
    </row>
    <row r="59469" spans="1:3" ht="19.2">
      <c r="A59469" s="2"/>
      <c r="B59469" s="2"/>
      <c r="C59469" s="2"/>
    </row>
    <row r="59470" spans="1:3" ht="19.2">
      <c r="A59470" s="2"/>
      <c r="B59470" s="2"/>
      <c r="C59470" s="2"/>
    </row>
    <row r="59471" spans="1:3" ht="19.2">
      <c r="A59471" s="2"/>
      <c r="B59471" s="2"/>
      <c r="C59471" s="2"/>
    </row>
    <row r="59472" spans="1:3" ht="19.2">
      <c r="A59472" s="2"/>
      <c r="B59472" s="2"/>
      <c r="C59472" s="2"/>
    </row>
    <row r="59473" spans="1:3" ht="19.2">
      <c r="A59473" s="2"/>
      <c r="B59473" s="2"/>
      <c r="C59473" s="2"/>
    </row>
    <row r="59474" spans="1:3" ht="19.2">
      <c r="A59474" s="2"/>
      <c r="B59474" s="2"/>
      <c r="C59474" s="2"/>
    </row>
    <row r="59475" spans="1:3" ht="19.2">
      <c r="A59475" s="2"/>
      <c r="B59475" s="2"/>
      <c r="C59475" s="2"/>
    </row>
    <row r="59476" spans="1:3" ht="19.2">
      <c r="A59476" s="2"/>
      <c r="B59476" s="2"/>
      <c r="C59476" s="2"/>
    </row>
    <row r="59477" spans="1:3" ht="19.2">
      <c r="A59477" s="2"/>
      <c r="B59477" s="2"/>
      <c r="C59477" s="2"/>
    </row>
    <row r="59478" spans="1:3" ht="19.2">
      <c r="A59478" s="2"/>
      <c r="B59478" s="2"/>
      <c r="C59478" s="2"/>
    </row>
    <row r="59479" spans="1:3" ht="19.2">
      <c r="A59479" s="2"/>
      <c r="B59479" s="2"/>
      <c r="C59479" s="2"/>
    </row>
    <row r="59480" spans="1:3" ht="19.2">
      <c r="A59480" s="2"/>
      <c r="B59480" s="2"/>
      <c r="C59480" s="2"/>
    </row>
    <row r="59481" spans="1:3" ht="19.2">
      <c r="A59481" s="2"/>
      <c r="B59481" s="2"/>
      <c r="C59481" s="2"/>
    </row>
    <row r="59482" spans="1:3" ht="19.2">
      <c r="A59482" s="2"/>
      <c r="B59482" s="2"/>
      <c r="C59482" s="2"/>
    </row>
    <row r="59483" spans="1:3" ht="19.2">
      <c r="A59483" s="2"/>
      <c r="B59483" s="2"/>
      <c r="C59483" s="2"/>
    </row>
    <row r="59484" spans="1:3" ht="19.2">
      <c r="A59484" s="2"/>
      <c r="B59484" s="2"/>
      <c r="C59484" s="2"/>
    </row>
    <row r="59485" spans="1:3" ht="19.2">
      <c r="A59485" s="2"/>
      <c r="B59485" s="2"/>
      <c r="C59485" s="2"/>
    </row>
    <row r="59486" spans="1:3" ht="19.2">
      <c r="A59486" s="2"/>
      <c r="B59486" s="2"/>
      <c r="C59486" s="2"/>
    </row>
    <row r="59487" spans="1:3" ht="19.2">
      <c r="A59487" s="2"/>
      <c r="B59487" s="2"/>
      <c r="C59487" s="2"/>
    </row>
    <row r="59488" spans="1:3" ht="19.2">
      <c r="A59488" s="2"/>
      <c r="B59488" s="2"/>
      <c r="C59488" s="2"/>
    </row>
    <row r="59489" spans="1:3" ht="19.2">
      <c r="A59489" s="2"/>
      <c r="B59489" s="2"/>
      <c r="C59489" s="2"/>
    </row>
    <row r="59490" spans="1:3" ht="19.2">
      <c r="A59490" s="2"/>
      <c r="B59490" s="2"/>
      <c r="C59490" s="2"/>
    </row>
    <row r="59491" spans="1:3" ht="19.2">
      <c r="A59491" s="2"/>
      <c r="B59491" s="2"/>
      <c r="C59491" s="2"/>
    </row>
    <row r="59492" spans="1:3" ht="19.2">
      <c r="A59492" s="2"/>
      <c r="B59492" s="2"/>
      <c r="C59492" s="2"/>
    </row>
    <row r="59493" spans="1:3" ht="19.2">
      <c r="A59493" s="2"/>
      <c r="B59493" s="2"/>
      <c r="C59493" s="2"/>
    </row>
    <row r="59494" spans="1:3" ht="19.2">
      <c r="A59494" s="2"/>
      <c r="B59494" s="2"/>
      <c r="C59494" s="2"/>
    </row>
    <row r="59495" spans="1:3" ht="19.2">
      <c r="A59495" s="2"/>
      <c r="B59495" s="2"/>
      <c r="C59495" s="2"/>
    </row>
    <row r="59496" spans="1:3" ht="19.2">
      <c r="A59496" s="2"/>
      <c r="B59496" s="2"/>
      <c r="C59496" s="2"/>
    </row>
    <row r="59497" spans="1:3" ht="19.2">
      <c r="A59497" s="2"/>
      <c r="B59497" s="2"/>
      <c r="C59497" s="2"/>
    </row>
    <row r="59498" spans="1:3" ht="19.2">
      <c r="A59498" s="2"/>
      <c r="B59498" s="2"/>
      <c r="C59498" s="2"/>
    </row>
    <row r="59499" spans="1:3" ht="19.2">
      <c r="A59499" s="2"/>
      <c r="B59499" s="2"/>
      <c r="C59499" s="2"/>
    </row>
    <row r="59500" spans="1:3" ht="19.2">
      <c r="A59500" s="2"/>
      <c r="B59500" s="2"/>
      <c r="C59500" s="2"/>
    </row>
    <row r="59501" spans="1:3" ht="19.2">
      <c r="A59501" s="2"/>
      <c r="B59501" s="2"/>
      <c r="C59501" s="2"/>
    </row>
    <row r="59502" spans="1:3" ht="19.2">
      <c r="A59502" s="2"/>
      <c r="B59502" s="2"/>
      <c r="C59502" s="2"/>
    </row>
    <row r="59503" spans="1:3" ht="19.2">
      <c r="A59503" s="2"/>
      <c r="B59503" s="2"/>
      <c r="C59503" s="2"/>
    </row>
    <row r="59504" spans="1:3" ht="19.2">
      <c r="A59504" s="2"/>
      <c r="B59504" s="2"/>
      <c r="C59504" s="2"/>
    </row>
    <row r="59505" spans="1:3" ht="19.2">
      <c r="A59505" s="2"/>
      <c r="B59505" s="2"/>
      <c r="C59505" s="2"/>
    </row>
    <row r="59506" spans="1:3" ht="19.2">
      <c r="A59506" s="2"/>
      <c r="B59506" s="2"/>
      <c r="C59506" s="2"/>
    </row>
    <row r="59507" spans="1:3" ht="19.2">
      <c r="A59507" s="2"/>
      <c r="B59507" s="2"/>
      <c r="C59507" s="2"/>
    </row>
    <row r="59508" spans="1:3" ht="19.2">
      <c r="A59508" s="2"/>
      <c r="B59508" s="2"/>
      <c r="C59508" s="2"/>
    </row>
    <row r="59509" spans="1:3" ht="19.2">
      <c r="A59509" s="2"/>
      <c r="B59509" s="2"/>
      <c r="C59509" s="2"/>
    </row>
    <row r="59510" spans="1:3" ht="19.2">
      <c r="A59510" s="2"/>
      <c r="B59510" s="2"/>
      <c r="C59510" s="2"/>
    </row>
    <row r="59511" spans="1:3" ht="19.2">
      <c r="A59511" s="2"/>
      <c r="B59511" s="2"/>
      <c r="C59511" s="2"/>
    </row>
    <row r="59512" spans="1:3" ht="19.2">
      <c r="A59512" s="2"/>
      <c r="B59512" s="2"/>
      <c r="C59512" s="2"/>
    </row>
    <row r="59513" spans="1:3" ht="19.2">
      <c r="A59513" s="2"/>
      <c r="B59513" s="2"/>
      <c r="C59513" s="2"/>
    </row>
    <row r="59514" spans="1:3" ht="19.2">
      <c r="A59514" s="2"/>
      <c r="B59514" s="2"/>
      <c r="C59514" s="2"/>
    </row>
    <row r="59515" spans="1:3" ht="19.2">
      <c r="A59515" s="2"/>
      <c r="B59515" s="2"/>
      <c r="C59515" s="2"/>
    </row>
    <row r="59516" spans="1:3" ht="19.2">
      <c r="A59516" s="2"/>
      <c r="B59516" s="2"/>
      <c r="C59516" s="2"/>
    </row>
    <row r="59517" spans="1:3" ht="19.2">
      <c r="A59517" s="2"/>
      <c r="B59517" s="2"/>
      <c r="C59517" s="2"/>
    </row>
    <row r="59518" spans="1:3" ht="19.2">
      <c r="A59518" s="2"/>
      <c r="B59518" s="2"/>
      <c r="C59518" s="2"/>
    </row>
    <row r="59519" spans="1:3" ht="19.2">
      <c r="A59519" s="2"/>
      <c r="B59519" s="2"/>
      <c r="C59519" s="2"/>
    </row>
    <row r="59520" spans="1:3" ht="19.2">
      <c r="A59520" s="2"/>
      <c r="B59520" s="2"/>
      <c r="C59520" s="2"/>
    </row>
    <row r="59521" spans="1:3" ht="19.2">
      <c r="A59521" s="2"/>
      <c r="B59521" s="2"/>
      <c r="C59521" s="2"/>
    </row>
    <row r="59522" spans="1:3" ht="19.2">
      <c r="A59522" s="2"/>
      <c r="B59522" s="2"/>
      <c r="C59522" s="2"/>
    </row>
    <row r="59523" spans="1:3" ht="19.2">
      <c r="A59523" s="2"/>
      <c r="B59523" s="2"/>
      <c r="C59523" s="2"/>
    </row>
    <row r="59524" spans="1:3" ht="19.2">
      <c r="A59524" s="2"/>
      <c r="B59524" s="2"/>
      <c r="C59524" s="2"/>
    </row>
    <row r="59525" spans="1:3" ht="19.2">
      <c r="A59525" s="2"/>
      <c r="B59525" s="2"/>
      <c r="C59525" s="2"/>
    </row>
    <row r="59526" spans="1:3" ht="19.2">
      <c r="A59526" s="2"/>
      <c r="B59526" s="2"/>
      <c r="C59526" s="2"/>
    </row>
    <row r="59527" spans="1:3" ht="19.2">
      <c r="A59527" s="2"/>
      <c r="B59527" s="2"/>
      <c r="C59527" s="2"/>
    </row>
    <row r="59528" spans="1:3" ht="19.2">
      <c r="A59528" s="2"/>
      <c r="B59528" s="2"/>
      <c r="C59528" s="2"/>
    </row>
    <row r="59529" spans="1:3" ht="19.2">
      <c r="A59529" s="2"/>
      <c r="B59529" s="2"/>
      <c r="C59529" s="2"/>
    </row>
    <row r="59530" spans="1:3" ht="19.2">
      <c r="A59530" s="2"/>
      <c r="B59530" s="2"/>
      <c r="C59530" s="2"/>
    </row>
    <row r="59531" spans="1:3" ht="19.2">
      <c r="A59531" s="2"/>
      <c r="B59531" s="2"/>
      <c r="C59531" s="2"/>
    </row>
    <row r="59532" spans="1:3" ht="19.2">
      <c r="A59532" s="2"/>
      <c r="B59532" s="2"/>
      <c r="C59532" s="2"/>
    </row>
    <row r="59533" spans="1:3" ht="19.2">
      <c r="A59533" s="2"/>
      <c r="B59533" s="2"/>
      <c r="C59533" s="2"/>
    </row>
    <row r="59534" spans="1:3" ht="19.2">
      <c r="A59534" s="2"/>
      <c r="B59534" s="2"/>
      <c r="C59534" s="2"/>
    </row>
    <row r="59535" spans="1:3" ht="19.2">
      <c r="A59535" s="2"/>
      <c r="B59535" s="2"/>
      <c r="C59535" s="2"/>
    </row>
    <row r="59536" spans="1:3" ht="19.2">
      <c r="A59536" s="2"/>
      <c r="B59536" s="2"/>
      <c r="C59536" s="2"/>
    </row>
    <row r="59537" spans="1:3" ht="19.2">
      <c r="A59537" s="2"/>
      <c r="B59537" s="2"/>
      <c r="C59537" s="2"/>
    </row>
    <row r="59538" spans="1:3" ht="19.2">
      <c r="A59538" s="2"/>
      <c r="B59538" s="2"/>
      <c r="C59538" s="2"/>
    </row>
    <row r="59539" spans="1:3" ht="19.2">
      <c r="A59539" s="2"/>
      <c r="B59539" s="2"/>
      <c r="C59539" s="2"/>
    </row>
    <row r="59540" spans="1:3" ht="19.2">
      <c r="A59540" s="2"/>
      <c r="B59540" s="2"/>
      <c r="C59540" s="2"/>
    </row>
    <row r="59541" spans="1:3" ht="19.2">
      <c r="A59541" s="2"/>
      <c r="B59541" s="2"/>
      <c r="C59541" s="2"/>
    </row>
    <row r="59542" spans="1:3" ht="19.2">
      <c r="A59542" s="2"/>
      <c r="B59542" s="2"/>
      <c r="C59542" s="2"/>
    </row>
    <row r="59543" spans="1:3" ht="19.2">
      <c r="A59543" s="2"/>
      <c r="B59543" s="2"/>
      <c r="C59543" s="2"/>
    </row>
    <row r="59544" spans="1:3" ht="19.2">
      <c r="A59544" s="2"/>
      <c r="B59544" s="2"/>
      <c r="C59544" s="2"/>
    </row>
    <row r="59545" spans="1:3" ht="19.2">
      <c r="A59545" s="2"/>
      <c r="B59545" s="2"/>
      <c r="C59545" s="2"/>
    </row>
    <row r="59546" spans="1:3" ht="19.2">
      <c r="A59546" s="2"/>
      <c r="B59546" s="2"/>
      <c r="C59546" s="2"/>
    </row>
    <row r="59547" spans="1:3" ht="19.2">
      <c r="A59547" s="2"/>
      <c r="B59547" s="2"/>
      <c r="C59547" s="2"/>
    </row>
    <row r="59548" spans="1:3" ht="19.2">
      <c r="A59548" s="2"/>
      <c r="B59548" s="2"/>
      <c r="C59548" s="2"/>
    </row>
    <row r="59549" spans="1:3" ht="19.2">
      <c r="A59549" s="2"/>
      <c r="B59549" s="2"/>
      <c r="C59549" s="2"/>
    </row>
    <row r="59550" spans="1:3" ht="19.2">
      <c r="A59550" s="2"/>
      <c r="B59550" s="2"/>
      <c r="C59550" s="2"/>
    </row>
    <row r="59551" spans="1:3" ht="19.2">
      <c r="A59551" s="2"/>
      <c r="B59551" s="2"/>
      <c r="C59551" s="2"/>
    </row>
    <row r="59552" spans="1:3" ht="19.2">
      <c r="A59552" s="2"/>
      <c r="B59552" s="2"/>
      <c r="C59552" s="2"/>
    </row>
    <row r="59553" spans="1:3" ht="19.2">
      <c r="A59553" s="2"/>
      <c r="B59553" s="2"/>
      <c r="C59553" s="2"/>
    </row>
    <row r="59554" spans="1:3" ht="19.2">
      <c r="A59554" s="2"/>
      <c r="B59554" s="2"/>
      <c r="C59554" s="2"/>
    </row>
    <row r="59555" spans="1:3" ht="19.2">
      <c r="A59555" s="2"/>
      <c r="B59555" s="2"/>
      <c r="C59555" s="2"/>
    </row>
    <row r="59556" spans="1:3" ht="19.2">
      <c r="A59556" s="2"/>
      <c r="B59556" s="2"/>
      <c r="C59556" s="2"/>
    </row>
    <row r="59557" spans="1:3" ht="19.2">
      <c r="A59557" s="2"/>
      <c r="B59557" s="2"/>
      <c r="C59557" s="2"/>
    </row>
    <row r="59558" spans="1:3" ht="19.2">
      <c r="A59558" s="2"/>
      <c r="B59558" s="2"/>
      <c r="C59558" s="2"/>
    </row>
    <row r="59559" spans="1:3" ht="19.2">
      <c r="A59559" s="2"/>
      <c r="B59559" s="2"/>
      <c r="C59559" s="2"/>
    </row>
    <row r="59560" spans="1:3" ht="19.2">
      <c r="A59560" s="2"/>
      <c r="B59560" s="2"/>
      <c r="C59560" s="2"/>
    </row>
    <row r="59561" spans="1:3" ht="19.2">
      <c r="A59561" s="2"/>
      <c r="B59561" s="2"/>
      <c r="C59561" s="2"/>
    </row>
    <row r="59562" spans="1:3" ht="19.2">
      <c r="A59562" s="2"/>
      <c r="B59562" s="2"/>
      <c r="C59562" s="2"/>
    </row>
    <row r="59563" spans="1:3" ht="19.2">
      <c r="A59563" s="2"/>
      <c r="B59563" s="2"/>
      <c r="C59563" s="2"/>
    </row>
    <row r="59564" spans="1:3" ht="19.2">
      <c r="A59564" s="2"/>
      <c r="B59564" s="2"/>
      <c r="C59564" s="2"/>
    </row>
    <row r="59565" spans="1:3" ht="19.2">
      <c r="A59565" s="2"/>
      <c r="B59565" s="2"/>
      <c r="C59565" s="2"/>
    </row>
    <row r="59566" spans="1:3" ht="19.2">
      <c r="A59566" s="2"/>
      <c r="B59566" s="2"/>
      <c r="C59566" s="2"/>
    </row>
    <row r="59567" spans="1:3" ht="19.2">
      <c r="A59567" s="2"/>
      <c r="B59567" s="2"/>
      <c r="C59567" s="2"/>
    </row>
    <row r="59568" spans="1:3" ht="19.2">
      <c r="A59568" s="2"/>
      <c r="B59568" s="2"/>
      <c r="C59568" s="2"/>
    </row>
    <row r="59569" spans="1:3" ht="19.2">
      <c r="A59569" s="2"/>
      <c r="B59569" s="2"/>
      <c r="C59569" s="2"/>
    </row>
    <row r="59570" spans="1:3" ht="19.2">
      <c r="A59570" s="2"/>
      <c r="B59570" s="2"/>
      <c r="C59570" s="2"/>
    </row>
    <row r="59571" spans="1:3" ht="19.2">
      <c r="A59571" s="2"/>
      <c r="B59571" s="2"/>
      <c r="C59571" s="2"/>
    </row>
    <row r="59572" spans="1:3" ht="19.2">
      <c r="A59572" s="2"/>
      <c r="B59572" s="2"/>
      <c r="C59572" s="2"/>
    </row>
    <row r="59573" spans="1:3" ht="19.2">
      <c r="A59573" s="2"/>
      <c r="B59573" s="2"/>
      <c r="C59573" s="2"/>
    </row>
    <row r="59574" spans="1:3" ht="19.2">
      <c r="A59574" s="2"/>
      <c r="B59574" s="2"/>
      <c r="C59574" s="2"/>
    </row>
    <row r="59575" spans="1:3" ht="19.2">
      <c r="A59575" s="2"/>
      <c r="B59575" s="2"/>
      <c r="C59575" s="2"/>
    </row>
    <row r="59576" spans="1:3" ht="19.2">
      <c r="A59576" s="2"/>
      <c r="B59576" s="2"/>
      <c r="C59576" s="2"/>
    </row>
    <row r="59577" spans="1:3" ht="19.2">
      <c r="A59577" s="2"/>
      <c r="B59577" s="2"/>
      <c r="C59577" s="2"/>
    </row>
    <row r="59578" spans="1:3" ht="19.2">
      <c r="A59578" s="2"/>
      <c r="B59578" s="2"/>
      <c r="C59578" s="2"/>
    </row>
    <row r="59579" spans="1:3" ht="19.2">
      <c r="A59579" s="2"/>
      <c r="B59579" s="2"/>
      <c r="C59579" s="2"/>
    </row>
    <row r="59580" spans="1:3" ht="19.2">
      <c r="A59580" s="2"/>
      <c r="B59580" s="2"/>
      <c r="C59580" s="2"/>
    </row>
    <row r="59581" spans="1:3" ht="19.2">
      <c r="A59581" s="2"/>
      <c r="B59581" s="2"/>
      <c r="C59581" s="2"/>
    </row>
    <row r="59582" spans="1:3" ht="19.2">
      <c r="A59582" s="2"/>
      <c r="B59582" s="2"/>
      <c r="C59582" s="2"/>
    </row>
    <row r="59583" spans="1:3" ht="19.2">
      <c r="A59583" s="2"/>
      <c r="B59583" s="2"/>
      <c r="C59583" s="2"/>
    </row>
    <row r="59584" spans="1:3" ht="19.2">
      <c r="A59584" s="2"/>
      <c r="B59584" s="2"/>
      <c r="C59584" s="2"/>
    </row>
    <row r="59585" spans="1:3" ht="19.2">
      <c r="A59585" s="2"/>
      <c r="B59585" s="2"/>
      <c r="C59585" s="2"/>
    </row>
    <row r="59586" spans="1:3" ht="19.2">
      <c r="A59586" s="2"/>
      <c r="B59586" s="2"/>
      <c r="C59586" s="2"/>
    </row>
    <row r="59587" spans="1:3" ht="19.2">
      <c r="A59587" s="2"/>
      <c r="B59587" s="2"/>
      <c r="C59587" s="2"/>
    </row>
    <row r="59588" spans="1:3" ht="19.2">
      <c r="A59588" s="2"/>
      <c r="B59588" s="2"/>
      <c r="C59588" s="2"/>
    </row>
    <row r="59589" spans="1:3" ht="19.2">
      <c r="A59589" s="2"/>
      <c r="B59589" s="2"/>
      <c r="C59589" s="2"/>
    </row>
    <row r="59590" spans="1:3" ht="19.2">
      <c r="A59590" s="2"/>
      <c r="B59590" s="2"/>
      <c r="C59590" s="2"/>
    </row>
    <row r="59591" spans="1:3" ht="19.2">
      <c r="A59591" s="2"/>
      <c r="B59591" s="2"/>
      <c r="C59591" s="2"/>
    </row>
    <row r="59592" spans="1:3" ht="19.2">
      <c r="A59592" s="2"/>
      <c r="B59592" s="2"/>
      <c r="C59592" s="2"/>
    </row>
    <row r="59593" spans="1:3" ht="19.2">
      <c r="A59593" s="2"/>
      <c r="B59593" s="2"/>
      <c r="C59593" s="2"/>
    </row>
    <row r="59594" spans="1:3" ht="19.2">
      <c r="A59594" s="2"/>
      <c r="B59594" s="2"/>
      <c r="C59594" s="2"/>
    </row>
    <row r="59595" spans="1:3" ht="19.2">
      <c r="A59595" s="2"/>
      <c r="B59595" s="2"/>
      <c r="C59595" s="2"/>
    </row>
    <row r="59596" spans="1:3" ht="19.2">
      <c r="A59596" s="2"/>
      <c r="B59596" s="2"/>
      <c r="C59596" s="2"/>
    </row>
    <row r="59597" spans="1:3" ht="19.2">
      <c r="A59597" s="2"/>
      <c r="B59597" s="2"/>
      <c r="C59597" s="2"/>
    </row>
    <row r="59598" spans="1:3" ht="19.2">
      <c r="A59598" s="2"/>
      <c r="B59598" s="2"/>
      <c r="C59598" s="2"/>
    </row>
    <row r="59599" spans="1:3" ht="19.2">
      <c r="A59599" s="2"/>
      <c r="B59599" s="2"/>
      <c r="C59599" s="2"/>
    </row>
    <row r="59600" spans="1:3" ht="19.2">
      <c r="A59600" s="2"/>
      <c r="B59600" s="2"/>
      <c r="C59600" s="2"/>
    </row>
    <row r="59601" spans="1:3" ht="19.2">
      <c r="A59601" s="2"/>
      <c r="B59601" s="2"/>
      <c r="C59601" s="2"/>
    </row>
    <row r="59602" spans="1:3" ht="19.2">
      <c r="A59602" s="2"/>
      <c r="B59602" s="2"/>
      <c r="C59602" s="2"/>
    </row>
    <row r="59603" spans="1:3" ht="19.2">
      <c r="A59603" s="2"/>
      <c r="B59603" s="2"/>
      <c r="C59603" s="2"/>
    </row>
    <row r="59604" spans="1:3" ht="19.2">
      <c r="A59604" s="2"/>
      <c r="B59604" s="2"/>
      <c r="C59604" s="2"/>
    </row>
    <row r="59605" spans="1:3" ht="19.2">
      <c r="A59605" s="2"/>
      <c r="B59605" s="2"/>
      <c r="C59605" s="2"/>
    </row>
    <row r="59606" spans="1:3" ht="19.2">
      <c r="A59606" s="2"/>
      <c r="B59606" s="2"/>
      <c r="C59606" s="2"/>
    </row>
    <row r="59607" spans="1:3" ht="19.2">
      <c r="A59607" s="2"/>
      <c r="B59607" s="2"/>
      <c r="C59607" s="2"/>
    </row>
    <row r="59608" spans="1:3" ht="19.2">
      <c r="A59608" s="2"/>
      <c r="B59608" s="2"/>
      <c r="C59608" s="2"/>
    </row>
    <row r="59609" spans="1:3" ht="19.2">
      <c r="A59609" s="2"/>
      <c r="B59609" s="2"/>
      <c r="C59609" s="2"/>
    </row>
    <row r="59610" spans="1:3" ht="19.2">
      <c r="A59610" s="2"/>
      <c r="B59610" s="2"/>
      <c r="C59610" s="2"/>
    </row>
    <row r="59611" spans="1:3" ht="19.2">
      <c r="A59611" s="2"/>
      <c r="B59611" s="2"/>
      <c r="C59611" s="2"/>
    </row>
    <row r="59612" spans="1:3" ht="19.2">
      <c r="A59612" s="2"/>
      <c r="B59612" s="2"/>
      <c r="C59612" s="2"/>
    </row>
    <row r="59613" spans="1:3" ht="19.2">
      <c r="A59613" s="2"/>
      <c r="B59613" s="2"/>
      <c r="C59613" s="2"/>
    </row>
    <row r="59614" spans="1:3" ht="19.2">
      <c r="A59614" s="2"/>
      <c r="B59614" s="2"/>
      <c r="C59614" s="2"/>
    </row>
    <row r="59615" spans="1:3" ht="19.2">
      <c r="A59615" s="2"/>
      <c r="B59615" s="2"/>
      <c r="C59615" s="2"/>
    </row>
    <row r="59616" spans="1:3" ht="19.2">
      <c r="A59616" s="2"/>
      <c r="B59616" s="2"/>
      <c r="C59616" s="2"/>
    </row>
    <row r="59617" spans="1:3" ht="19.2">
      <c r="A59617" s="2"/>
      <c r="B59617" s="2"/>
      <c r="C59617" s="2"/>
    </row>
    <row r="59618" spans="1:3" ht="19.2">
      <c r="A59618" s="2"/>
      <c r="B59618" s="2"/>
      <c r="C59618" s="2"/>
    </row>
    <row r="59619" spans="1:3" ht="19.2">
      <c r="A59619" s="2"/>
      <c r="B59619" s="2"/>
      <c r="C59619" s="2"/>
    </row>
    <row r="59620" spans="1:3" ht="19.2">
      <c r="A59620" s="2"/>
      <c r="B59620" s="2"/>
      <c r="C59620" s="2"/>
    </row>
    <row r="59621" spans="1:3" ht="19.2">
      <c r="A59621" s="2"/>
      <c r="B59621" s="2"/>
      <c r="C59621" s="2"/>
    </row>
    <row r="59622" spans="1:3" ht="19.2">
      <c r="A59622" s="2"/>
      <c r="B59622" s="2"/>
      <c r="C59622" s="2"/>
    </row>
    <row r="59623" spans="1:3" ht="19.2">
      <c r="A59623" s="2"/>
      <c r="B59623" s="2"/>
      <c r="C59623" s="2"/>
    </row>
    <row r="59624" spans="1:3" ht="19.2">
      <c r="A59624" s="2"/>
      <c r="B59624" s="2"/>
      <c r="C59624" s="2"/>
    </row>
    <row r="59625" spans="1:3" ht="19.2">
      <c r="A59625" s="2"/>
      <c r="B59625" s="2"/>
      <c r="C59625" s="2"/>
    </row>
    <row r="59626" spans="1:3" ht="19.2">
      <c r="A59626" s="2"/>
      <c r="B59626" s="2"/>
      <c r="C59626" s="2"/>
    </row>
    <row r="59627" spans="1:3" ht="19.2">
      <c r="A59627" s="2"/>
      <c r="B59627" s="2"/>
      <c r="C59627" s="2"/>
    </row>
    <row r="59628" spans="1:3" ht="19.2">
      <c r="A59628" s="2"/>
      <c r="B59628" s="2"/>
      <c r="C59628" s="2"/>
    </row>
    <row r="59629" spans="1:3" ht="19.2">
      <c r="A59629" s="2"/>
      <c r="B59629" s="2"/>
      <c r="C59629" s="2"/>
    </row>
    <row r="59630" spans="1:3" ht="19.2">
      <c r="A59630" s="2"/>
      <c r="B59630" s="2"/>
      <c r="C59630" s="2"/>
    </row>
    <row r="59631" spans="1:3" ht="19.2">
      <c r="A59631" s="2"/>
      <c r="B59631" s="2"/>
      <c r="C59631" s="2"/>
    </row>
    <row r="59632" spans="1:3" ht="19.2">
      <c r="A59632" s="2"/>
      <c r="B59632" s="2"/>
      <c r="C59632" s="2"/>
    </row>
    <row r="59633" spans="1:3" ht="19.2">
      <c r="A59633" s="2"/>
      <c r="B59633" s="2"/>
      <c r="C59633" s="2"/>
    </row>
    <row r="59634" spans="1:3" ht="19.2">
      <c r="A59634" s="2"/>
      <c r="B59634" s="2"/>
      <c r="C59634" s="2"/>
    </row>
    <row r="59635" spans="1:3" ht="19.2">
      <c r="A59635" s="2"/>
      <c r="B59635" s="2"/>
      <c r="C59635" s="2"/>
    </row>
    <row r="59636" spans="1:3" ht="19.2">
      <c r="A59636" s="2"/>
      <c r="B59636" s="2"/>
      <c r="C59636" s="2"/>
    </row>
    <row r="59637" spans="1:3" ht="19.2">
      <c r="A59637" s="2"/>
      <c r="B59637" s="2"/>
      <c r="C59637" s="2"/>
    </row>
    <row r="59638" spans="1:3" ht="19.2">
      <c r="A59638" s="2"/>
      <c r="B59638" s="2"/>
      <c r="C59638" s="2"/>
    </row>
    <row r="59639" spans="1:3" ht="19.2">
      <c r="A59639" s="2"/>
      <c r="B59639" s="2"/>
      <c r="C59639" s="2"/>
    </row>
    <row r="59640" spans="1:3" ht="19.2">
      <c r="A59640" s="2"/>
      <c r="B59640" s="2"/>
      <c r="C59640" s="2"/>
    </row>
    <row r="59641" spans="1:3" ht="19.2">
      <c r="A59641" s="2"/>
      <c r="B59641" s="2"/>
      <c r="C59641" s="2"/>
    </row>
    <row r="59642" spans="1:3" ht="19.2">
      <c r="A59642" s="2"/>
      <c r="B59642" s="2"/>
      <c r="C59642" s="2"/>
    </row>
    <row r="59643" spans="1:3" ht="19.2">
      <c r="A59643" s="2"/>
      <c r="B59643" s="2"/>
      <c r="C59643" s="2"/>
    </row>
    <row r="59644" spans="1:3" ht="19.2">
      <c r="A59644" s="2"/>
      <c r="B59644" s="2"/>
      <c r="C59644" s="2"/>
    </row>
    <row r="59645" spans="1:3" ht="19.2">
      <c r="A59645" s="2"/>
      <c r="B59645" s="2"/>
      <c r="C59645" s="2"/>
    </row>
    <row r="59646" spans="1:3" ht="19.2">
      <c r="A59646" s="2"/>
      <c r="B59646" s="2"/>
      <c r="C59646" s="2"/>
    </row>
    <row r="59647" spans="1:3" ht="19.2">
      <c r="A59647" s="2"/>
      <c r="B59647" s="2"/>
      <c r="C59647" s="2"/>
    </row>
    <row r="59648" spans="1:3" ht="19.2">
      <c r="A59648" s="2"/>
      <c r="B59648" s="2"/>
      <c r="C59648" s="2"/>
    </row>
    <row r="59649" spans="1:3" ht="19.2">
      <c r="A59649" s="2"/>
      <c r="B59649" s="2"/>
      <c r="C59649" s="2"/>
    </row>
    <row r="59650" spans="1:3" ht="19.2">
      <c r="A59650" s="2"/>
      <c r="B59650" s="2"/>
      <c r="C59650" s="2"/>
    </row>
    <row r="59651" spans="1:3" ht="19.2">
      <c r="A59651" s="2"/>
      <c r="B59651" s="2"/>
      <c r="C59651" s="2"/>
    </row>
    <row r="59652" spans="1:3" ht="19.2">
      <c r="A59652" s="2"/>
      <c r="B59652" s="2"/>
      <c r="C59652" s="2"/>
    </row>
    <row r="59653" spans="1:3" ht="19.2">
      <c r="A59653" s="2"/>
      <c r="B59653" s="2"/>
      <c r="C59653" s="2"/>
    </row>
    <row r="59654" spans="1:3" ht="19.2">
      <c r="A59654" s="2"/>
      <c r="B59654" s="2"/>
      <c r="C59654" s="2"/>
    </row>
    <row r="59655" spans="1:3" ht="19.2">
      <c r="A59655" s="2"/>
      <c r="B59655" s="2"/>
      <c r="C59655" s="2"/>
    </row>
    <row r="59656" spans="1:3" ht="19.2">
      <c r="A59656" s="2"/>
      <c r="B59656" s="2"/>
      <c r="C59656" s="2"/>
    </row>
    <row r="59657" spans="1:3" ht="19.2">
      <c r="A59657" s="2"/>
      <c r="B59657" s="2"/>
      <c r="C59657" s="2"/>
    </row>
    <row r="59658" spans="1:3" ht="19.2">
      <c r="A59658" s="2"/>
      <c r="B59658" s="2"/>
      <c r="C59658" s="2"/>
    </row>
    <row r="59659" spans="1:3" ht="19.2">
      <c r="A59659" s="2"/>
      <c r="B59659" s="2"/>
      <c r="C59659" s="2"/>
    </row>
    <row r="59660" spans="1:3" ht="19.2">
      <c r="A59660" s="2"/>
      <c r="B59660" s="2"/>
      <c r="C59660" s="2"/>
    </row>
    <row r="59661" spans="1:3" ht="19.2">
      <c r="A59661" s="2"/>
      <c r="B59661" s="2"/>
      <c r="C59661" s="2"/>
    </row>
    <row r="59662" spans="1:3" ht="19.2">
      <c r="A59662" s="2"/>
      <c r="B59662" s="2"/>
      <c r="C59662" s="2"/>
    </row>
    <row r="59663" spans="1:3" ht="19.2">
      <c r="A59663" s="2"/>
      <c r="B59663" s="2"/>
      <c r="C59663" s="2"/>
    </row>
    <row r="59664" spans="1:3" ht="19.2">
      <c r="A59664" s="2"/>
      <c r="B59664" s="2"/>
      <c r="C59664" s="2"/>
    </row>
    <row r="59665" spans="1:3" ht="19.2">
      <c r="A59665" s="2"/>
      <c r="B59665" s="2"/>
      <c r="C59665" s="2"/>
    </row>
    <row r="59666" spans="1:3" ht="19.2">
      <c r="A59666" s="2"/>
      <c r="B59666" s="2"/>
      <c r="C59666" s="2"/>
    </row>
    <row r="59667" spans="1:3" ht="19.2">
      <c r="A59667" s="2"/>
      <c r="B59667" s="2"/>
      <c r="C59667" s="2"/>
    </row>
    <row r="59668" spans="1:3" ht="19.2">
      <c r="A59668" s="2"/>
      <c r="B59668" s="2"/>
      <c r="C59668" s="2"/>
    </row>
    <row r="59669" spans="1:3" ht="19.2">
      <c r="A59669" s="2"/>
      <c r="B59669" s="2"/>
      <c r="C59669" s="2"/>
    </row>
    <row r="59670" spans="1:3" ht="19.2">
      <c r="A59670" s="2"/>
      <c r="B59670" s="2"/>
      <c r="C59670" s="2"/>
    </row>
    <row r="59671" spans="1:3" ht="19.2">
      <c r="A59671" s="2"/>
      <c r="B59671" s="2"/>
      <c r="C59671" s="2"/>
    </row>
    <row r="59672" spans="1:3" ht="19.2">
      <c r="A59672" s="2"/>
      <c r="B59672" s="2"/>
      <c r="C59672" s="2"/>
    </row>
    <row r="59673" spans="1:3" ht="19.2">
      <c r="A59673" s="2"/>
      <c r="B59673" s="2"/>
      <c r="C59673" s="2"/>
    </row>
    <row r="59674" spans="1:3" ht="19.2">
      <c r="A59674" s="2"/>
      <c r="B59674" s="2"/>
      <c r="C59674" s="2"/>
    </row>
    <row r="59675" spans="1:3" ht="19.2">
      <c r="A59675" s="2"/>
      <c r="B59675" s="2"/>
      <c r="C59675" s="2"/>
    </row>
    <row r="59676" spans="1:3" ht="19.2">
      <c r="A59676" s="2"/>
      <c r="B59676" s="2"/>
      <c r="C59676" s="2"/>
    </row>
    <row r="59677" spans="1:3" ht="19.2">
      <c r="A59677" s="2"/>
      <c r="B59677" s="2"/>
      <c r="C59677" s="2"/>
    </row>
    <row r="59678" spans="1:3" ht="19.2">
      <c r="A59678" s="2"/>
      <c r="B59678" s="2"/>
      <c r="C59678" s="2"/>
    </row>
    <row r="59679" spans="1:3" ht="19.2">
      <c r="A59679" s="2"/>
      <c r="B59679" s="2"/>
      <c r="C59679" s="2"/>
    </row>
    <row r="59680" spans="1:3" ht="19.2">
      <c r="A59680" s="2"/>
      <c r="B59680" s="2"/>
      <c r="C59680" s="2"/>
    </row>
    <row r="59681" spans="1:3" ht="19.2">
      <c r="A59681" s="2"/>
      <c r="B59681" s="2"/>
      <c r="C59681" s="2"/>
    </row>
    <row r="59682" spans="1:3" ht="19.2">
      <c r="A59682" s="2"/>
      <c r="B59682" s="2"/>
      <c r="C59682" s="2"/>
    </row>
    <row r="59683" spans="1:3" ht="19.2">
      <c r="A59683" s="2"/>
      <c r="B59683" s="2"/>
      <c r="C59683" s="2"/>
    </row>
    <row r="59684" spans="1:3" ht="19.2">
      <c r="A59684" s="2"/>
      <c r="B59684" s="2"/>
      <c r="C59684" s="2"/>
    </row>
    <row r="59685" spans="1:3" ht="19.2">
      <c r="A59685" s="2"/>
      <c r="B59685" s="2"/>
      <c r="C59685" s="2"/>
    </row>
    <row r="59686" spans="1:3" ht="19.2">
      <c r="A59686" s="2"/>
      <c r="B59686" s="2"/>
      <c r="C59686" s="2"/>
    </row>
    <row r="59687" spans="1:3" ht="19.2">
      <c r="A59687" s="2"/>
      <c r="B59687" s="2"/>
      <c r="C59687" s="2"/>
    </row>
    <row r="59688" spans="1:3" ht="19.2">
      <c r="A59688" s="2"/>
      <c r="B59688" s="2"/>
      <c r="C59688" s="2"/>
    </row>
    <row r="59689" spans="1:3" ht="19.2">
      <c r="A59689" s="2"/>
      <c r="B59689" s="2"/>
      <c r="C59689" s="2"/>
    </row>
    <row r="59690" spans="1:3" ht="19.2">
      <c r="A59690" s="2"/>
      <c r="B59690" s="2"/>
      <c r="C59690" s="2"/>
    </row>
    <row r="59691" spans="1:3" ht="19.2">
      <c r="A59691" s="2"/>
      <c r="B59691" s="2"/>
      <c r="C59691" s="2"/>
    </row>
    <row r="59692" spans="1:3" ht="19.2">
      <c r="A59692" s="2"/>
      <c r="B59692" s="2"/>
      <c r="C59692" s="2"/>
    </row>
    <row r="59693" spans="1:3" ht="19.2">
      <c r="A59693" s="2"/>
      <c r="B59693" s="2"/>
      <c r="C59693" s="2"/>
    </row>
    <row r="59694" spans="1:3" ht="19.2">
      <c r="A59694" s="2"/>
      <c r="B59694" s="2"/>
      <c r="C59694" s="2"/>
    </row>
    <row r="59695" spans="1:3" ht="19.2">
      <c r="A59695" s="2"/>
      <c r="B59695" s="2"/>
      <c r="C59695" s="2"/>
    </row>
    <row r="59696" spans="1:3" ht="19.2">
      <c r="A59696" s="2"/>
      <c r="B59696" s="2"/>
      <c r="C59696" s="2"/>
    </row>
    <row r="59697" spans="1:3" ht="19.2">
      <c r="A59697" s="2"/>
      <c r="B59697" s="2"/>
      <c r="C59697" s="2"/>
    </row>
    <row r="59698" spans="1:3" ht="19.2">
      <c r="A59698" s="2"/>
      <c r="B59698" s="2"/>
      <c r="C59698" s="2"/>
    </row>
    <row r="59699" spans="1:3" ht="19.2">
      <c r="A59699" s="2"/>
      <c r="B59699" s="2"/>
      <c r="C59699" s="2"/>
    </row>
    <row r="59700" spans="1:3" ht="19.2">
      <c r="A59700" s="2"/>
      <c r="B59700" s="2"/>
      <c r="C59700" s="2"/>
    </row>
    <row r="59701" spans="1:3" ht="19.2">
      <c r="A59701" s="2"/>
      <c r="B59701" s="2"/>
      <c r="C59701" s="2"/>
    </row>
    <row r="59702" spans="1:3" ht="19.2">
      <c r="A59702" s="2"/>
      <c r="B59702" s="2"/>
      <c r="C59702" s="2"/>
    </row>
    <row r="59703" spans="1:3" ht="19.2">
      <c r="A59703" s="2"/>
      <c r="B59703" s="2"/>
      <c r="C59703" s="2"/>
    </row>
    <row r="59704" spans="1:3" ht="19.2">
      <c r="A59704" s="2"/>
      <c r="B59704" s="2"/>
      <c r="C59704" s="2"/>
    </row>
    <row r="59705" spans="1:3" ht="19.2">
      <c r="A59705" s="2"/>
      <c r="B59705" s="2"/>
      <c r="C59705" s="2"/>
    </row>
    <row r="59706" spans="1:3" ht="19.2">
      <c r="A59706" s="2"/>
      <c r="B59706" s="2"/>
      <c r="C59706" s="2"/>
    </row>
    <row r="59707" spans="1:3" ht="19.2">
      <c r="A59707" s="2"/>
      <c r="B59707" s="2"/>
      <c r="C59707" s="2"/>
    </row>
    <row r="59708" spans="1:3" ht="19.2">
      <c r="A59708" s="2"/>
      <c r="B59708" s="2"/>
      <c r="C59708" s="2"/>
    </row>
    <row r="59709" spans="1:3" ht="19.2">
      <c r="A59709" s="2"/>
      <c r="B59709" s="2"/>
      <c r="C59709" s="2"/>
    </row>
    <row r="59710" spans="1:3" ht="19.2">
      <c r="A59710" s="2"/>
      <c r="B59710" s="2"/>
      <c r="C59710" s="2"/>
    </row>
    <row r="59711" spans="1:3" ht="19.2">
      <c r="A59711" s="2"/>
      <c r="B59711" s="2"/>
      <c r="C59711" s="2"/>
    </row>
    <row r="59712" spans="1:3" ht="19.2">
      <c r="A59712" s="2"/>
      <c r="B59712" s="2"/>
      <c r="C59712" s="2"/>
    </row>
    <row r="59713" spans="1:3" ht="19.2">
      <c r="A59713" s="2"/>
      <c r="B59713" s="2"/>
      <c r="C59713" s="2"/>
    </row>
    <row r="59714" spans="1:3" ht="19.2">
      <c r="A59714" s="2"/>
      <c r="B59714" s="2"/>
      <c r="C59714" s="2"/>
    </row>
    <row r="59715" spans="1:3" ht="19.2">
      <c r="A59715" s="2"/>
      <c r="B59715" s="2"/>
      <c r="C59715" s="2"/>
    </row>
    <row r="59716" spans="1:3" ht="19.2">
      <c r="A59716" s="2"/>
      <c r="B59716" s="2"/>
      <c r="C59716" s="2"/>
    </row>
    <row r="59717" spans="1:3" ht="19.2">
      <c r="A59717" s="2"/>
      <c r="B59717" s="2"/>
      <c r="C59717" s="2"/>
    </row>
    <row r="59718" spans="1:3" ht="19.2">
      <c r="A59718" s="2"/>
      <c r="B59718" s="2"/>
      <c r="C59718" s="2"/>
    </row>
    <row r="59719" spans="1:3" ht="19.2">
      <c r="A59719" s="2"/>
      <c r="B59719" s="2"/>
      <c r="C59719" s="2"/>
    </row>
    <row r="59720" spans="1:3" ht="19.2">
      <c r="A59720" s="2"/>
      <c r="B59720" s="2"/>
      <c r="C59720" s="2"/>
    </row>
    <row r="59721" spans="1:3" ht="19.2">
      <c r="A59721" s="2"/>
      <c r="B59721" s="2"/>
      <c r="C59721" s="2"/>
    </row>
    <row r="59722" spans="1:3" ht="19.2">
      <c r="A59722" s="2"/>
      <c r="B59722" s="2"/>
      <c r="C59722" s="2"/>
    </row>
    <row r="59723" spans="1:3" ht="19.2">
      <c r="A59723" s="2"/>
      <c r="B59723" s="2"/>
      <c r="C59723" s="2"/>
    </row>
    <row r="59724" spans="1:3" ht="19.2">
      <c r="A59724" s="2"/>
      <c r="B59724" s="2"/>
      <c r="C59724" s="2"/>
    </row>
    <row r="59725" spans="1:3" ht="19.2">
      <c r="A59725" s="2"/>
      <c r="B59725" s="2"/>
      <c r="C59725" s="2"/>
    </row>
    <row r="59726" spans="1:3" ht="19.2">
      <c r="A59726" s="2"/>
      <c r="B59726" s="2"/>
      <c r="C59726" s="2"/>
    </row>
    <row r="59727" spans="1:3" ht="19.2">
      <c r="A59727" s="2"/>
      <c r="B59727" s="2"/>
      <c r="C59727" s="2"/>
    </row>
    <row r="59728" spans="1:3" ht="19.2">
      <c r="A59728" s="2"/>
      <c r="B59728" s="2"/>
      <c r="C59728" s="2"/>
    </row>
    <row r="59729" spans="1:3" ht="19.2">
      <c r="A59729" s="2"/>
      <c r="B59729" s="2"/>
      <c r="C59729" s="2"/>
    </row>
    <row r="59730" spans="1:3" ht="19.2">
      <c r="A59730" s="2"/>
      <c r="B59730" s="2"/>
      <c r="C59730" s="2"/>
    </row>
    <row r="59731" spans="1:3" ht="19.2">
      <c r="A59731" s="2"/>
      <c r="B59731" s="2"/>
      <c r="C59731" s="2"/>
    </row>
    <row r="59732" spans="1:3" ht="19.2">
      <c r="A59732" s="2"/>
      <c r="B59732" s="2"/>
      <c r="C59732" s="2"/>
    </row>
    <row r="59733" spans="1:3" ht="19.2">
      <c r="A59733" s="2"/>
      <c r="B59733" s="2"/>
      <c r="C59733" s="2"/>
    </row>
    <row r="59734" spans="1:3" ht="19.2">
      <c r="A59734" s="2"/>
      <c r="B59734" s="2"/>
      <c r="C59734" s="2"/>
    </row>
    <row r="59735" spans="1:3" ht="19.2">
      <c r="A59735" s="2"/>
      <c r="B59735" s="2"/>
      <c r="C59735" s="2"/>
    </row>
    <row r="59736" spans="1:3" ht="19.2">
      <c r="A59736" s="2"/>
      <c r="B59736" s="2"/>
      <c r="C59736" s="2"/>
    </row>
    <row r="59737" spans="1:3" ht="19.2">
      <c r="A59737" s="2"/>
      <c r="B59737" s="2"/>
      <c r="C59737" s="2"/>
    </row>
    <row r="59738" spans="1:3" ht="19.2">
      <c r="A59738" s="2"/>
      <c r="B59738" s="2"/>
      <c r="C59738" s="2"/>
    </row>
    <row r="59739" spans="1:3" ht="19.2">
      <c r="A59739" s="2"/>
      <c r="B59739" s="2"/>
      <c r="C59739" s="2"/>
    </row>
    <row r="59740" spans="1:3" ht="19.2">
      <c r="A59740" s="2"/>
      <c r="B59740" s="2"/>
      <c r="C59740" s="2"/>
    </row>
    <row r="59741" spans="1:3" ht="19.2">
      <c r="A59741" s="2"/>
      <c r="B59741" s="2"/>
      <c r="C59741" s="2"/>
    </row>
    <row r="59742" spans="1:3" ht="19.2">
      <c r="A59742" s="2"/>
      <c r="B59742" s="2"/>
      <c r="C59742" s="2"/>
    </row>
    <row r="59743" spans="1:3" ht="19.2">
      <c r="A59743" s="2"/>
      <c r="B59743" s="2"/>
      <c r="C59743" s="2"/>
    </row>
    <row r="59744" spans="1:3" ht="19.2">
      <c r="A59744" s="2"/>
      <c r="B59744" s="2"/>
      <c r="C59744" s="2"/>
    </row>
    <row r="59745" spans="1:3" ht="19.2">
      <c r="A59745" s="2"/>
      <c r="B59745" s="2"/>
      <c r="C59745" s="2"/>
    </row>
    <row r="59746" spans="1:3" ht="19.2">
      <c r="A59746" s="2"/>
      <c r="B59746" s="2"/>
      <c r="C59746" s="2"/>
    </row>
    <row r="59747" spans="1:3" ht="19.2">
      <c r="A59747" s="2"/>
      <c r="B59747" s="2"/>
      <c r="C59747" s="2"/>
    </row>
    <row r="59748" spans="1:3" ht="19.2">
      <c r="A59748" s="2"/>
      <c r="B59748" s="2"/>
      <c r="C59748" s="2"/>
    </row>
    <row r="59749" spans="1:3" ht="19.2">
      <c r="A59749" s="2"/>
      <c r="B59749" s="2"/>
      <c r="C59749" s="2"/>
    </row>
    <row r="59750" spans="1:3" ht="19.2">
      <c r="A59750" s="2"/>
      <c r="B59750" s="2"/>
      <c r="C59750" s="2"/>
    </row>
    <row r="59751" spans="1:3" ht="19.2">
      <c r="A59751" s="2"/>
      <c r="B59751" s="2"/>
      <c r="C59751" s="2"/>
    </row>
    <row r="59752" spans="1:3" ht="19.2">
      <c r="A59752" s="2"/>
      <c r="B59752" s="2"/>
      <c r="C59752" s="2"/>
    </row>
    <row r="59753" spans="1:3" ht="19.2">
      <c r="A59753" s="2"/>
      <c r="B59753" s="2"/>
      <c r="C59753" s="2"/>
    </row>
    <row r="59754" spans="1:3" ht="19.2">
      <c r="A59754" s="2"/>
      <c r="B59754" s="2"/>
      <c r="C59754" s="2"/>
    </row>
    <row r="59755" spans="1:3" ht="19.2">
      <c r="A59755" s="2"/>
      <c r="B59755" s="2"/>
      <c r="C59755" s="2"/>
    </row>
    <row r="59756" spans="1:3" ht="19.2">
      <c r="A59756" s="2"/>
      <c r="B59756" s="2"/>
      <c r="C59756" s="2"/>
    </row>
    <row r="59757" spans="1:3" ht="19.2">
      <c r="A59757" s="2"/>
      <c r="B59757" s="2"/>
      <c r="C59757" s="2"/>
    </row>
    <row r="59758" spans="1:3" ht="19.2">
      <c r="A59758" s="2"/>
      <c r="B59758" s="2"/>
      <c r="C59758" s="2"/>
    </row>
    <row r="59759" spans="1:3" ht="19.2">
      <c r="A59759" s="2"/>
      <c r="B59759" s="2"/>
      <c r="C59759" s="2"/>
    </row>
    <row r="59760" spans="1:3" ht="19.2">
      <c r="A59760" s="2"/>
      <c r="B59760" s="2"/>
      <c r="C59760" s="2"/>
    </row>
    <row r="59761" spans="1:3" ht="19.2">
      <c r="A59761" s="2"/>
      <c r="B59761" s="2"/>
      <c r="C59761" s="2"/>
    </row>
    <row r="59762" spans="1:3" ht="19.2">
      <c r="A59762" s="2"/>
      <c r="B59762" s="2"/>
      <c r="C59762" s="2"/>
    </row>
    <row r="59763" spans="1:3" ht="19.2">
      <c r="A59763" s="2"/>
      <c r="B59763" s="2"/>
      <c r="C59763" s="2"/>
    </row>
    <row r="59764" spans="1:3" ht="19.2">
      <c r="A59764" s="2"/>
      <c r="B59764" s="2"/>
      <c r="C59764" s="2"/>
    </row>
    <row r="59765" spans="1:3" ht="19.2">
      <c r="A59765" s="2"/>
      <c r="B59765" s="2"/>
      <c r="C59765" s="2"/>
    </row>
    <row r="59766" spans="1:3" ht="19.2">
      <c r="A59766" s="2"/>
      <c r="B59766" s="2"/>
      <c r="C59766" s="2"/>
    </row>
    <row r="59767" spans="1:3" ht="19.2">
      <c r="A59767" s="2"/>
      <c r="B59767" s="2"/>
      <c r="C59767" s="2"/>
    </row>
    <row r="59768" spans="1:3" ht="19.2">
      <c r="A59768" s="2"/>
      <c r="B59768" s="2"/>
      <c r="C59768" s="2"/>
    </row>
    <row r="59769" spans="1:3" ht="19.2">
      <c r="A59769" s="2"/>
      <c r="B59769" s="2"/>
      <c r="C59769" s="2"/>
    </row>
    <row r="59770" spans="1:3" ht="19.2">
      <c r="A59770" s="2"/>
      <c r="B59770" s="2"/>
      <c r="C59770" s="2"/>
    </row>
    <row r="59771" spans="1:3" ht="19.2">
      <c r="A59771" s="2"/>
      <c r="B59771" s="2"/>
      <c r="C59771" s="2"/>
    </row>
    <row r="59772" spans="1:3" ht="19.2">
      <c r="A59772" s="2"/>
      <c r="B59772" s="2"/>
      <c r="C59772" s="2"/>
    </row>
    <row r="59773" spans="1:3" ht="19.2">
      <c r="A59773" s="2"/>
      <c r="B59773" s="2"/>
      <c r="C59773" s="2"/>
    </row>
    <row r="59774" spans="1:3" ht="19.2">
      <c r="A59774" s="2"/>
      <c r="B59774" s="2"/>
      <c r="C59774" s="2"/>
    </row>
    <row r="59775" spans="1:3" ht="19.2">
      <c r="A59775" s="2"/>
      <c r="B59775" s="2"/>
      <c r="C59775" s="2"/>
    </row>
    <row r="59776" spans="1:3" ht="19.2">
      <c r="A59776" s="2"/>
      <c r="B59776" s="2"/>
      <c r="C59776" s="2"/>
    </row>
    <row r="59777" spans="1:3" ht="19.2">
      <c r="A59777" s="2"/>
      <c r="B59777" s="2"/>
      <c r="C59777" s="2"/>
    </row>
    <row r="59778" spans="1:3" ht="19.2">
      <c r="A59778" s="2"/>
      <c r="B59778" s="2"/>
      <c r="C59778" s="2"/>
    </row>
    <row r="59779" spans="1:3" ht="19.2">
      <c r="A59779" s="2"/>
      <c r="B59779" s="2"/>
      <c r="C59779" s="2"/>
    </row>
    <row r="59780" spans="1:3" ht="19.2">
      <c r="A59780" s="2"/>
      <c r="B59780" s="2"/>
      <c r="C59780" s="2"/>
    </row>
    <row r="59781" spans="1:3" ht="19.2">
      <c r="A59781" s="2"/>
      <c r="B59781" s="2"/>
      <c r="C59781" s="2"/>
    </row>
    <row r="59782" spans="1:3" ht="19.2">
      <c r="A59782" s="2"/>
      <c r="B59782" s="2"/>
      <c r="C59782" s="2"/>
    </row>
    <row r="59783" spans="1:3" ht="19.2">
      <c r="A59783" s="2"/>
      <c r="B59783" s="2"/>
      <c r="C59783" s="2"/>
    </row>
    <row r="59784" spans="1:3" ht="19.2">
      <c r="A59784" s="2"/>
      <c r="B59784" s="2"/>
      <c r="C59784" s="2"/>
    </row>
    <row r="59785" spans="1:3" ht="19.2">
      <c r="A59785" s="2"/>
      <c r="B59785" s="2"/>
      <c r="C59785" s="2"/>
    </row>
    <row r="59786" spans="1:3" ht="19.2">
      <c r="A59786" s="2"/>
      <c r="B59786" s="2"/>
      <c r="C59786" s="2"/>
    </row>
    <row r="59787" spans="1:3" ht="19.2">
      <c r="A59787" s="2"/>
      <c r="B59787" s="2"/>
      <c r="C59787" s="2"/>
    </row>
    <row r="59788" spans="1:3" ht="19.2">
      <c r="A59788" s="2"/>
      <c r="B59788" s="2"/>
      <c r="C59788" s="2"/>
    </row>
    <row r="59789" spans="1:3" ht="19.2">
      <c r="A59789" s="2"/>
      <c r="B59789" s="2"/>
      <c r="C59789" s="2"/>
    </row>
    <row r="59790" spans="1:3" ht="19.2">
      <c r="A59790" s="2"/>
      <c r="B59790" s="2"/>
      <c r="C59790" s="2"/>
    </row>
    <row r="59791" spans="1:3" ht="19.2">
      <c r="A59791" s="2"/>
      <c r="B59791" s="2"/>
      <c r="C59791" s="2"/>
    </row>
    <row r="59792" spans="1:3" ht="19.2">
      <c r="A59792" s="2"/>
      <c r="B59792" s="2"/>
      <c r="C59792" s="2"/>
    </row>
    <row r="59793" spans="1:3" ht="19.2">
      <c r="A59793" s="2"/>
      <c r="B59793" s="2"/>
      <c r="C59793" s="2"/>
    </row>
    <row r="59794" spans="1:3" ht="19.2">
      <c r="A59794" s="2"/>
      <c r="B59794" s="2"/>
      <c r="C59794" s="2"/>
    </row>
    <row r="59795" spans="1:3" ht="19.2">
      <c r="A59795" s="2"/>
      <c r="B59795" s="2"/>
      <c r="C59795" s="2"/>
    </row>
    <row r="59796" spans="1:3" ht="19.2">
      <c r="A59796" s="2"/>
      <c r="B59796" s="2"/>
      <c r="C59796" s="2"/>
    </row>
    <row r="59797" spans="1:3" ht="19.2">
      <c r="A59797" s="2"/>
      <c r="B59797" s="2"/>
      <c r="C59797" s="2"/>
    </row>
    <row r="59798" spans="1:3" ht="19.2">
      <c r="A59798" s="2"/>
      <c r="B59798" s="2"/>
      <c r="C59798" s="2"/>
    </row>
    <row r="59799" spans="1:3" ht="19.2">
      <c r="A59799" s="2"/>
      <c r="B59799" s="2"/>
      <c r="C59799" s="2"/>
    </row>
    <row r="59800" spans="1:3" ht="19.2">
      <c r="A59800" s="2"/>
      <c r="B59800" s="2"/>
      <c r="C59800" s="2"/>
    </row>
    <row r="59801" spans="1:3" ht="19.2">
      <c r="A59801" s="2"/>
      <c r="B59801" s="2"/>
      <c r="C59801" s="2"/>
    </row>
    <row r="59802" spans="1:3" ht="19.2">
      <c r="A59802" s="2"/>
      <c r="B59802" s="2"/>
      <c r="C59802" s="2"/>
    </row>
    <row r="59803" spans="1:3" ht="19.2">
      <c r="A59803" s="2"/>
      <c r="B59803" s="2"/>
      <c r="C59803" s="2"/>
    </row>
    <row r="59804" spans="1:3" ht="19.2">
      <c r="A59804" s="2"/>
      <c r="B59804" s="2"/>
      <c r="C59804" s="2"/>
    </row>
    <row r="59805" spans="1:3" ht="19.2">
      <c r="A59805" s="2"/>
      <c r="B59805" s="2"/>
      <c r="C59805" s="2"/>
    </row>
    <row r="59806" spans="1:3" ht="19.2">
      <c r="A59806" s="2"/>
      <c r="B59806" s="2"/>
      <c r="C59806" s="2"/>
    </row>
    <row r="59807" spans="1:3" ht="19.2">
      <c r="A59807" s="2"/>
      <c r="B59807" s="2"/>
      <c r="C59807" s="2"/>
    </row>
    <row r="59808" spans="1:3" ht="19.2">
      <c r="A59808" s="2"/>
      <c r="B59808" s="2"/>
      <c r="C59808" s="2"/>
    </row>
    <row r="59809" spans="1:3" ht="19.2">
      <c r="A59809" s="2"/>
      <c r="B59809" s="2"/>
      <c r="C59809" s="2"/>
    </row>
    <row r="59810" spans="1:3" ht="19.2">
      <c r="A59810" s="2"/>
      <c r="B59810" s="2"/>
      <c r="C59810" s="2"/>
    </row>
    <row r="59811" spans="1:3" ht="19.2">
      <c r="A59811" s="2"/>
      <c r="B59811" s="2"/>
      <c r="C59811" s="2"/>
    </row>
    <row r="59812" spans="1:3" ht="19.2">
      <c r="A59812" s="2"/>
      <c r="B59812" s="2"/>
      <c r="C59812" s="2"/>
    </row>
    <row r="59813" spans="1:3" ht="19.2">
      <c r="A59813" s="2"/>
      <c r="B59813" s="2"/>
      <c r="C59813" s="2"/>
    </row>
    <row r="59814" spans="1:3" ht="19.2">
      <c r="A59814" s="2"/>
      <c r="B59814" s="2"/>
      <c r="C59814" s="2"/>
    </row>
    <row r="59815" spans="1:3" ht="19.2">
      <c r="A59815" s="2"/>
      <c r="B59815" s="2"/>
      <c r="C59815" s="2"/>
    </row>
    <row r="59816" spans="1:3" ht="19.2">
      <c r="A59816" s="2"/>
      <c r="B59816" s="2"/>
      <c r="C59816" s="2"/>
    </row>
    <row r="59817" spans="1:3" ht="19.2">
      <c r="A59817" s="2"/>
      <c r="B59817" s="2"/>
      <c r="C59817" s="2"/>
    </row>
    <row r="59818" spans="1:3" ht="19.2">
      <c r="A59818" s="2"/>
      <c r="B59818" s="2"/>
      <c r="C59818" s="2"/>
    </row>
    <row r="59819" spans="1:3" ht="19.2">
      <c r="A59819" s="2"/>
      <c r="B59819" s="2"/>
      <c r="C59819" s="2"/>
    </row>
    <row r="59820" spans="1:3" ht="19.2">
      <c r="A59820" s="2"/>
      <c r="B59820" s="2"/>
      <c r="C59820" s="2"/>
    </row>
    <row r="59821" spans="1:3" ht="19.2">
      <c r="A59821" s="2"/>
      <c r="B59821" s="2"/>
      <c r="C59821" s="2"/>
    </row>
    <row r="59822" spans="1:3" ht="19.2">
      <c r="A59822" s="2"/>
      <c r="B59822" s="2"/>
      <c r="C59822" s="2"/>
    </row>
    <row r="59823" spans="1:3" ht="19.2">
      <c r="A59823" s="2"/>
      <c r="B59823" s="2"/>
      <c r="C59823" s="2"/>
    </row>
    <row r="59824" spans="1:3" ht="19.2">
      <c r="A59824" s="2"/>
      <c r="B59824" s="2"/>
      <c r="C59824" s="2"/>
    </row>
    <row r="59825" spans="1:3" ht="19.2">
      <c r="A59825" s="2"/>
      <c r="B59825" s="2"/>
      <c r="C59825" s="2"/>
    </row>
    <row r="59826" spans="1:3" ht="19.2">
      <c r="A59826" s="2"/>
      <c r="B59826" s="2"/>
      <c r="C59826" s="2"/>
    </row>
    <row r="59827" spans="1:3" ht="19.2">
      <c r="A59827" s="2"/>
      <c r="B59827" s="2"/>
      <c r="C59827" s="2"/>
    </row>
    <row r="59828" spans="1:3" ht="19.2">
      <c r="A59828" s="2"/>
      <c r="B59828" s="2"/>
      <c r="C59828" s="2"/>
    </row>
    <row r="59829" spans="1:3" ht="19.2">
      <c r="A59829" s="2"/>
      <c r="B59829" s="2"/>
      <c r="C59829" s="2"/>
    </row>
    <row r="59830" spans="1:3" ht="19.2">
      <c r="A59830" s="2"/>
      <c r="B59830" s="2"/>
      <c r="C59830" s="2"/>
    </row>
    <row r="59831" spans="1:3" ht="19.2">
      <c r="A59831" s="2"/>
      <c r="B59831" s="2"/>
      <c r="C59831" s="2"/>
    </row>
    <row r="59832" spans="1:3" ht="19.2">
      <c r="A59832" s="2"/>
      <c r="B59832" s="2"/>
      <c r="C59832" s="2"/>
    </row>
    <row r="59833" spans="1:3" ht="19.2">
      <c r="A59833" s="2"/>
      <c r="B59833" s="2"/>
      <c r="C59833" s="2"/>
    </row>
    <row r="59834" spans="1:3" ht="19.2">
      <c r="A59834" s="2"/>
      <c r="B59834" s="2"/>
      <c r="C59834" s="2"/>
    </row>
    <row r="59835" spans="1:3" ht="19.2">
      <c r="A59835" s="2"/>
      <c r="B59835" s="2"/>
      <c r="C59835" s="2"/>
    </row>
    <row r="59836" spans="1:3" ht="19.2">
      <c r="A59836" s="2"/>
      <c r="B59836" s="2"/>
      <c r="C59836" s="2"/>
    </row>
    <row r="59837" spans="1:3" ht="19.2">
      <c r="A59837" s="2"/>
      <c r="B59837" s="2"/>
      <c r="C59837" s="2"/>
    </row>
    <row r="59838" spans="1:3" ht="19.2">
      <c r="A59838" s="2"/>
      <c r="B59838" s="2"/>
      <c r="C59838" s="2"/>
    </row>
    <row r="59839" spans="1:3" ht="19.2">
      <c r="A59839" s="2"/>
      <c r="B59839" s="2"/>
      <c r="C59839" s="2"/>
    </row>
    <row r="59840" spans="1:3" ht="19.2">
      <c r="A59840" s="2"/>
      <c r="B59840" s="2"/>
      <c r="C59840" s="2"/>
    </row>
    <row r="59841" spans="1:3" ht="19.2">
      <c r="A59841" s="2"/>
      <c r="B59841" s="2"/>
      <c r="C59841" s="2"/>
    </row>
    <row r="59842" spans="1:3" ht="19.2">
      <c r="A59842" s="2"/>
      <c r="B59842" s="2"/>
      <c r="C59842" s="2"/>
    </row>
    <row r="59843" spans="1:3" ht="19.2">
      <c r="A59843" s="2"/>
      <c r="B59843" s="2"/>
      <c r="C59843" s="2"/>
    </row>
    <row r="59844" spans="1:3" ht="19.2">
      <c r="A59844" s="2"/>
      <c r="B59844" s="2"/>
      <c r="C59844" s="2"/>
    </row>
    <row r="59845" spans="1:3" ht="19.2">
      <c r="A59845" s="2"/>
      <c r="B59845" s="2"/>
      <c r="C59845" s="2"/>
    </row>
    <row r="59846" spans="1:3" ht="19.2">
      <c r="A59846" s="2"/>
      <c r="B59846" s="2"/>
      <c r="C59846" s="2"/>
    </row>
    <row r="59847" spans="1:3" ht="19.2">
      <c r="A59847" s="2"/>
      <c r="B59847" s="2"/>
      <c r="C59847" s="2"/>
    </row>
    <row r="59848" spans="1:3" ht="19.2">
      <c r="A59848" s="2"/>
      <c r="B59848" s="2"/>
      <c r="C59848" s="2"/>
    </row>
    <row r="59849" spans="1:3" ht="19.2">
      <c r="A59849" s="2"/>
      <c r="B59849" s="2"/>
      <c r="C59849" s="2"/>
    </row>
    <row r="59850" spans="1:3" ht="19.2">
      <c r="A59850" s="2"/>
      <c r="B59850" s="2"/>
      <c r="C59850" s="2"/>
    </row>
    <row r="59851" spans="1:3" ht="19.2">
      <c r="A59851" s="2"/>
      <c r="B59851" s="2"/>
      <c r="C59851" s="2"/>
    </row>
    <row r="59852" spans="1:3" ht="19.2">
      <c r="A59852" s="2"/>
      <c r="B59852" s="2"/>
      <c r="C59852" s="2"/>
    </row>
    <row r="59853" spans="1:3" ht="19.2">
      <c r="A59853" s="2"/>
      <c r="B59853" s="2"/>
      <c r="C59853" s="2"/>
    </row>
    <row r="59854" spans="1:3" ht="19.2">
      <c r="A59854" s="2"/>
      <c r="B59854" s="2"/>
      <c r="C59854" s="2"/>
    </row>
    <row r="59855" spans="1:3" ht="19.2">
      <c r="A59855" s="2"/>
      <c r="B59855" s="2"/>
      <c r="C59855" s="2"/>
    </row>
    <row r="59856" spans="1:3" ht="19.2">
      <c r="A59856" s="2"/>
      <c r="B59856" s="2"/>
      <c r="C59856" s="2"/>
    </row>
    <row r="59857" spans="1:3" ht="19.2">
      <c r="A59857" s="2"/>
      <c r="B59857" s="2"/>
      <c r="C59857" s="2"/>
    </row>
    <row r="59858" spans="1:3" ht="19.2">
      <c r="A59858" s="2"/>
      <c r="B59858" s="2"/>
      <c r="C59858" s="2"/>
    </row>
    <row r="59859" spans="1:3" ht="19.2">
      <c r="A59859" s="2"/>
      <c r="B59859" s="2"/>
      <c r="C59859" s="2"/>
    </row>
    <row r="59860" spans="1:3" ht="19.2">
      <c r="A59860" s="2"/>
      <c r="B59860" s="2"/>
      <c r="C59860" s="2"/>
    </row>
    <row r="59861" spans="1:3" ht="19.2">
      <c r="A59861" s="2"/>
      <c r="B59861" s="2"/>
      <c r="C59861" s="2"/>
    </row>
    <row r="59862" spans="1:3" ht="19.2">
      <c r="A59862" s="2"/>
      <c r="B59862" s="2"/>
      <c r="C59862" s="2"/>
    </row>
    <row r="59863" spans="1:3" ht="19.2">
      <c r="A59863" s="2"/>
      <c r="B59863" s="2"/>
      <c r="C59863" s="2"/>
    </row>
    <row r="59864" spans="1:3" ht="19.2">
      <c r="A59864" s="2"/>
      <c r="B59864" s="2"/>
      <c r="C59864" s="2"/>
    </row>
    <row r="59865" spans="1:3" ht="19.2">
      <c r="A59865" s="2"/>
      <c r="B59865" s="2"/>
      <c r="C59865" s="2"/>
    </row>
    <row r="59866" spans="1:3" ht="19.2">
      <c r="A59866" s="2"/>
      <c r="B59866" s="2"/>
      <c r="C59866" s="2"/>
    </row>
    <row r="59867" spans="1:3" ht="19.2">
      <c r="A59867" s="2"/>
      <c r="B59867" s="2"/>
      <c r="C59867" s="2"/>
    </row>
    <row r="59868" spans="1:3" ht="19.2">
      <c r="A59868" s="2"/>
      <c r="B59868" s="2"/>
      <c r="C59868" s="2"/>
    </row>
    <row r="59869" spans="1:3" ht="19.2">
      <c r="A59869" s="2"/>
      <c r="B59869" s="2"/>
      <c r="C59869" s="2"/>
    </row>
    <row r="59870" spans="1:3" ht="19.2">
      <c r="A59870" s="2"/>
      <c r="B59870" s="2"/>
      <c r="C59870" s="2"/>
    </row>
    <row r="59871" spans="1:3" ht="19.2">
      <c r="A59871" s="2"/>
      <c r="B59871" s="2"/>
      <c r="C59871" s="2"/>
    </row>
    <row r="59872" spans="1:3" ht="19.2">
      <c r="A59872" s="2"/>
      <c r="B59872" s="2"/>
      <c r="C59872" s="2"/>
    </row>
    <row r="59873" spans="1:3" ht="19.2">
      <c r="A59873" s="2"/>
      <c r="B59873" s="2"/>
      <c r="C59873" s="2"/>
    </row>
    <row r="59874" spans="1:3" ht="19.2">
      <c r="A59874" s="2"/>
      <c r="B59874" s="2"/>
      <c r="C59874" s="2"/>
    </row>
    <row r="59875" spans="1:3" ht="19.2">
      <c r="A59875" s="2"/>
      <c r="B59875" s="2"/>
      <c r="C59875" s="2"/>
    </row>
    <row r="59876" spans="1:3" ht="19.2">
      <c r="A59876" s="2"/>
      <c r="B59876" s="2"/>
      <c r="C59876" s="2"/>
    </row>
    <row r="59877" spans="1:3" ht="19.2">
      <c r="A59877" s="2"/>
      <c r="B59877" s="2"/>
      <c r="C59877" s="2"/>
    </row>
    <row r="59878" spans="1:3" ht="19.2">
      <c r="A59878" s="2"/>
      <c r="B59878" s="2"/>
      <c r="C59878" s="2"/>
    </row>
    <row r="59879" spans="1:3" ht="19.2">
      <c r="A59879" s="2"/>
      <c r="B59879" s="2"/>
      <c r="C59879" s="2"/>
    </row>
    <row r="59880" spans="1:3" ht="19.2">
      <c r="A59880" s="2"/>
      <c r="B59880" s="2"/>
      <c r="C59880" s="2"/>
    </row>
    <row r="59881" spans="1:3" ht="19.2">
      <c r="A59881" s="2"/>
      <c r="B59881" s="2"/>
      <c r="C59881" s="2"/>
    </row>
    <row r="59882" spans="1:3" ht="19.2">
      <c r="A59882" s="2"/>
      <c r="B59882" s="2"/>
      <c r="C59882" s="2"/>
    </row>
    <row r="59883" spans="1:3" ht="19.2">
      <c r="A59883" s="2"/>
      <c r="B59883" s="2"/>
      <c r="C59883" s="2"/>
    </row>
    <row r="59884" spans="1:3" ht="19.2">
      <c r="A59884" s="2"/>
      <c r="B59884" s="2"/>
      <c r="C59884" s="2"/>
    </row>
    <row r="59885" spans="1:3" ht="19.2">
      <c r="A59885" s="2"/>
      <c r="B59885" s="2"/>
      <c r="C59885" s="2"/>
    </row>
    <row r="59886" spans="1:3" ht="19.2">
      <c r="A59886" s="2"/>
      <c r="B59886" s="2"/>
      <c r="C59886" s="2"/>
    </row>
    <row r="59887" spans="1:3" ht="19.2">
      <c r="A59887" s="2"/>
      <c r="B59887" s="2"/>
      <c r="C59887" s="2"/>
    </row>
    <row r="59888" spans="1:3" ht="19.2">
      <c r="A59888" s="2"/>
      <c r="B59888" s="2"/>
      <c r="C59888" s="2"/>
    </row>
    <row r="59889" spans="1:3" ht="19.2">
      <c r="A59889" s="2"/>
      <c r="B59889" s="2"/>
      <c r="C59889" s="2"/>
    </row>
    <row r="59890" spans="1:3" ht="19.2">
      <c r="A59890" s="2"/>
      <c r="B59890" s="2"/>
      <c r="C59890" s="2"/>
    </row>
    <row r="59891" spans="1:3" ht="19.2">
      <c r="A59891" s="2"/>
      <c r="B59891" s="2"/>
      <c r="C59891" s="2"/>
    </row>
    <row r="59892" spans="1:3" ht="19.2">
      <c r="A59892" s="2"/>
      <c r="B59892" s="2"/>
      <c r="C59892" s="2"/>
    </row>
    <row r="59893" spans="1:3" ht="19.2">
      <c r="A59893" s="2"/>
      <c r="B59893" s="2"/>
      <c r="C59893" s="2"/>
    </row>
    <row r="59894" spans="1:3" ht="19.2">
      <c r="A59894" s="2"/>
      <c r="B59894" s="2"/>
      <c r="C59894" s="2"/>
    </row>
    <row r="59895" spans="1:3" ht="19.2">
      <c r="A59895" s="2"/>
      <c r="B59895" s="2"/>
      <c r="C59895" s="2"/>
    </row>
    <row r="59896" spans="1:3" ht="19.2">
      <c r="A59896" s="2"/>
      <c r="B59896" s="2"/>
      <c r="C59896" s="2"/>
    </row>
    <row r="59897" spans="1:3" ht="19.2">
      <c r="A59897" s="2"/>
      <c r="B59897" s="2"/>
      <c r="C59897" s="2"/>
    </row>
    <row r="59898" spans="1:3" ht="19.2">
      <c r="A59898" s="2"/>
      <c r="B59898" s="2"/>
      <c r="C59898" s="2"/>
    </row>
    <row r="59899" spans="1:3" ht="19.2">
      <c r="A59899" s="2"/>
      <c r="B59899" s="2"/>
      <c r="C59899" s="2"/>
    </row>
    <row r="59900" spans="1:3" ht="19.2">
      <c r="A59900" s="2"/>
      <c r="B59900" s="2"/>
      <c r="C59900" s="2"/>
    </row>
    <row r="59901" spans="1:3" ht="19.2">
      <c r="A59901" s="2"/>
      <c r="B59901" s="2"/>
      <c r="C59901" s="2"/>
    </row>
    <row r="59902" spans="1:3" ht="19.2">
      <c r="A59902" s="2"/>
      <c r="B59902" s="2"/>
      <c r="C59902" s="2"/>
    </row>
    <row r="59903" spans="1:3" ht="19.2">
      <c r="A59903" s="2"/>
      <c r="B59903" s="2"/>
      <c r="C59903" s="2"/>
    </row>
    <row r="59904" spans="1:3" ht="19.2">
      <c r="A59904" s="2"/>
      <c r="B59904" s="2"/>
      <c r="C59904" s="2"/>
    </row>
    <row r="59905" spans="1:3" ht="19.2">
      <c r="A59905" s="2"/>
      <c r="B59905" s="2"/>
      <c r="C59905" s="2"/>
    </row>
    <row r="59906" spans="1:3" ht="19.2">
      <c r="A59906" s="2"/>
      <c r="B59906" s="2"/>
      <c r="C59906" s="2"/>
    </row>
    <row r="59907" spans="1:3" ht="19.2">
      <c r="A59907" s="2"/>
      <c r="B59907" s="2"/>
      <c r="C59907" s="2"/>
    </row>
    <row r="59908" spans="1:3" ht="19.2">
      <c r="A59908" s="2"/>
      <c r="B59908" s="2"/>
      <c r="C59908" s="2"/>
    </row>
    <row r="59909" spans="1:3" ht="19.2">
      <c r="A59909" s="2"/>
      <c r="B59909" s="2"/>
      <c r="C59909" s="2"/>
    </row>
    <row r="59910" spans="1:3" ht="19.2">
      <c r="A59910" s="2"/>
      <c r="B59910" s="2"/>
      <c r="C59910" s="2"/>
    </row>
    <row r="59911" spans="1:3" ht="19.2">
      <c r="A59911" s="2"/>
      <c r="B59911" s="2"/>
      <c r="C59911" s="2"/>
    </row>
    <row r="59912" spans="1:3" ht="19.2">
      <c r="A59912" s="2"/>
      <c r="B59912" s="2"/>
      <c r="C59912" s="2"/>
    </row>
    <row r="59913" spans="1:3" ht="19.2">
      <c r="A59913" s="2"/>
      <c r="B59913" s="2"/>
      <c r="C59913" s="2"/>
    </row>
    <row r="59914" spans="1:3" ht="19.2">
      <c r="A59914" s="2"/>
      <c r="B59914" s="2"/>
      <c r="C59914" s="2"/>
    </row>
    <row r="59915" spans="1:3" ht="19.2">
      <c r="A59915" s="2"/>
      <c r="B59915" s="2"/>
      <c r="C59915" s="2"/>
    </row>
    <row r="59916" spans="1:3" ht="19.2">
      <c r="A59916" s="2"/>
      <c r="B59916" s="2"/>
      <c r="C59916" s="2"/>
    </row>
    <row r="59917" spans="1:3" ht="19.2">
      <c r="A59917" s="2"/>
      <c r="B59917" s="2"/>
      <c r="C59917" s="2"/>
    </row>
    <row r="59918" spans="1:3" ht="19.2">
      <c r="A59918" s="2"/>
      <c r="B59918" s="2"/>
      <c r="C59918" s="2"/>
    </row>
    <row r="59919" spans="1:3" ht="19.2">
      <c r="A59919" s="2"/>
      <c r="B59919" s="2"/>
      <c r="C59919" s="2"/>
    </row>
    <row r="59920" spans="1:3" ht="19.2">
      <c r="A59920" s="2"/>
      <c r="B59920" s="2"/>
      <c r="C59920" s="2"/>
    </row>
    <row r="59921" spans="1:3" ht="19.2">
      <c r="A59921" s="2"/>
      <c r="B59921" s="2"/>
      <c r="C59921" s="2"/>
    </row>
    <row r="59922" spans="1:3" ht="19.2">
      <c r="A59922" s="2"/>
      <c r="B59922" s="2"/>
      <c r="C59922" s="2"/>
    </row>
    <row r="59923" spans="1:3" ht="19.2">
      <c r="A59923" s="2"/>
      <c r="B59923" s="2"/>
      <c r="C59923" s="2"/>
    </row>
    <row r="59924" spans="1:3" ht="19.2">
      <c r="A59924" s="2"/>
      <c r="B59924" s="2"/>
      <c r="C59924" s="2"/>
    </row>
    <row r="59925" spans="1:3" ht="19.2">
      <c r="A59925" s="2"/>
      <c r="B59925" s="2"/>
      <c r="C59925" s="2"/>
    </row>
    <row r="59926" spans="1:3" ht="19.2">
      <c r="A59926" s="2"/>
      <c r="B59926" s="2"/>
      <c r="C59926" s="2"/>
    </row>
    <row r="59927" spans="1:3" ht="19.2">
      <c r="A59927" s="2"/>
      <c r="B59927" s="2"/>
      <c r="C59927" s="2"/>
    </row>
    <row r="59928" spans="1:3" ht="19.2">
      <c r="A59928" s="2"/>
      <c r="B59928" s="2"/>
      <c r="C59928" s="2"/>
    </row>
    <row r="59929" spans="1:3" ht="19.2">
      <c r="A59929" s="2"/>
      <c r="B59929" s="2"/>
      <c r="C59929" s="2"/>
    </row>
    <row r="59930" spans="1:3" ht="19.2">
      <c r="A59930" s="2"/>
      <c r="B59930" s="2"/>
      <c r="C59930" s="2"/>
    </row>
    <row r="59931" spans="1:3" ht="19.2">
      <c r="A59931" s="2"/>
      <c r="B59931" s="2"/>
      <c r="C59931" s="2"/>
    </row>
    <row r="59932" spans="1:3" ht="19.2">
      <c r="A59932" s="2"/>
      <c r="B59932" s="2"/>
      <c r="C59932" s="2"/>
    </row>
    <row r="59933" spans="1:3" ht="19.2">
      <c r="A59933" s="2"/>
      <c r="B59933" s="2"/>
      <c r="C59933" s="2"/>
    </row>
    <row r="59934" spans="1:3" ht="19.2">
      <c r="A59934" s="2"/>
      <c r="B59934" s="2"/>
      <c r="C59934" s="2"/>
    </row>
    <row r="59935" spans="1:3" ht="19.2">
      <c r="A59935" s="2"/>
      <c r="B59935" s="2"/>
      <c r="C59935" s="2"/>
    </row>
    <row r="59936" spans="1:3" ht="19.2">
      <c r="A59936" s="2"/>
      <c r="B59936" s="2"/>
      <c r="C59936" s="2"/>
    </row>
    <row r="59937" spans="1:3" ht="19.2">
      <c r="A59937" s="2"/>
      <c r="B59937" s="2"/>
      <c r="C59937" s="2"/>
    </row>
    <row r="59938" spans="1:3" ht="19.2">
      <c r="A59938" s="2"/>
      <c r="B59938" s="2"/>
      <c r="C59938" s="2"/>
    </row>
    <row r="59939" spans="1:3" ht="19.2">
      <c r="A59939" s="2"/>
      <c r="B59939" s="2"/>
      <c r="C59939" s="2"/>
    </row>
    <row r="59940" spans="1:3" ht="19.2">
      <c r="A59940" s="2"/>
      <c r="B59940" s="2"/>
      <c r="C59940" s="2"/>
    </row>
    <row r="59941" spans="1:3" ht="19.2">
      <c r="A59941" s="2"/>
      <c r="B59941" s="2"/>
      <c r="C59941" s="2"/>
    </row>
    <row r="59942" spans="1:3" ht="19.2">
      <c r="A59942" s="2"/>
      <c r="B59942" s="2"/>
      <c r="C59942" s="2"/>
    </row>
    <row r="59943" spans="1:3" ht="19.2">
      <c r="A59943" s="2"/>
      <c r="B59943" s="2"/>
      <c r="C59943" s="2"/>
    </row>
    <row r="59944" spans="1:3" ht="19.2">
      <c r="A59944" s="2"/>
      <c r="B59944" s="2"/>
      <c r="C59944" s="2"/>
    </row>
    <row r="59945" spans="1:3" ht="19.2">
      <c r="A59945" s="2"/>
      <c r="B59945" s="2"/>
      <c r="C59945" s="2"/>
    </row>
    <row r="59946" spans="1:3" ht="19.2">
      <c r="A59946" s="2"/>
      <c r="B59946" s="2"/>
      <c r="C59946" s="2"/>
    </row>
    <row r="59947" spans="1:3" ht="19.2">
      <c r="A59947" s="2"/>
      <c r="B59947" s="2"/>
      <c r="C59947" s="2"/>
    </row>
    <row r="59948" spans="1:3" ht="19.2">
      <c r="A59948" s="2"/>
      <c r="B59948" s="2"/>
      <c r="C59948" s="2"/>
    </row>
    <row r="59949" spans="1:3" ht="19.2">
      <c r="A59949" s="2"/>
      <c r="B59949" s="2"/>
      <c r="C59949" s="2"/>
    </row>
    <row r="59950" spans="1:3" ht="19.2">
      <c r="A59950" s="2"/>
      <c r="B59950" s="2"/>
      <c r="C59950" s="2"/>
    </row>
    <row r="59951" spans="1:3" ht="19.2">
      <c r="A59951" s="2"/>
      <c r="B59951" s="2"/>
      <c r="C59951" s="2"/>
    </row>
    <row r="59952" spans="1:3" ht="19.2">
      <c r="A59952" s="2"/>
      <c r="B59952" s="2"/>
      <c r="C59952" s="2"/>
    </row>
    <row r="59953" spans="1:3" ht="19.2">
      <c r="A59953" s="2"/>
      <c r="B59953" s="2"/>
      <c r="C59953" s="2"/>
    </row>
    <row r="59954" spans="1:3" ht="19.2">
      <c r="A59954" s="2"/>
      <c r="B59954" s="2"/>
      <c r="C59954" s="2"/>
    </row>
    <row r="59955" spans="1:3" ht="19.2">
      <c r="A59955" s="2"/>
      <c r="B59955" s="2"/>
      <c r="C59955" s="2"/>
    </row>
    <row r="59956" spans="1:3" ht="19.2">
      <c r="A59956" s="2"/>
      <c r="B59956" s="2"/>
      <c r="C59956" s="2"/>
    </row>
    <row r="59957" spans="1:3" ht="19.2">
      <c r="A59957" s="2"/>
      <c r="B59957" s="2"/>
      <c r="C59957" s="2"/>
    </row>
    <row r="59958" spans="1:3" ht="19.2">
      <c r="A59958" s="2"/>
      <c r="B59958" s="2"/>
      <c r="C59958" s="2"/>
    </row>
    <row r="59959" spans="1:3" ht="19.2">
      <c r="A59959" s="2"/>
      <c r="B59959" s="2"/>
      <c r="C59959" s="2"/>
    </row>
    <row r="59960" spans="1:3" ht="19.2">
      <c r="A59960" s="2"/>
      <c r="B59960" s="2"/>
      <c r="C59960" s="2"/>
    </row>
    <row r="59961" spans="1:3" ht="19.2">
      <c r="A59961" s="2"/>
      <c r="B59961" s="2"/>
      <c r="C59961" s="2"/>
    </row>
    <row r="59962" spans="1:3" ht="19.2">
      <c r="A59962" s="2"/>
      <c r="B59962" s="2"/>
      <c r="C59962" s="2"/>
    </row>
    <row r="59963" spans="1:3" ht="19.2">
      <c r="A59963" s="2"/>
      <c r="B59963" s="2"/>
      <c r="C59963" s="2"/>
    </row>
    <row r="59964" spans="1:3" ht="19.2">
      <c r="A59964" s="2"/>
      <c r="B59964" s="2"/>
      <c r="C59964" s="2"/>
    </row>
    <row r="59965" spans="1:3" ht="19.2">
      <c r="A59965" s="2"/>
      <c r="B59965" s="2"/>
      <c r="C59965" s="2"/>
    </row>
    <row r="59966" spans="1:3" ht="19.2">
      <c r="A59966" s="2"/>
      <c r="B59966" s="2"/>
      <c r="C59966" s="2"/>
    </row>
    <row r="59967" spans="1:3" ht="19.2">
      <c r="A59967" s="2"/>
      <c r="B59967" s="2"/>
      <c r="C59967" s="2"/>
    </row>
    <row r="59968" spans="1:3" ht="19.2">
      <c r="A59968" s="2"/>
      <c r="B59968" s="2"/>
      <c r="C59968" s="2"/>
    </row>
    <row r="59969" spans="1:3" ht="19.2">
      <c r="A59969" s="2"/>
      <c r="B59969" s="2"/>
      <c r="C59969" s="2"/>
    </row>
    <row r="59970" spans="1:3" ht="19.2">
      <c r="A59970" s="2"/>
      <c r="B59970" s="2"/>
      <c r="C59970" s="2"/>
    </row>
    <row r="59971" spans="1:3" ht="19.2">
      <c r="A59971" s="2"/>
      <c r="B59971" s="2"/>
      <c r="C59971" s="2"/>
    </row>
    <row r="59972" spans="1:3" ht="19.2">
      <c r="A59972" s="2"/>
      <c r="B59972" s="2"/>
      <c r="C59972" s="2"/>
    </row>
    <row r="59973" spans="1:3" ht="19.2">
      <c r="A59973" s="2"/>
      <c r="B59973" s="2"/>
      <c r="C59973" s="2"/>
    </row>
    <row r="59974" spans="1:3" ht="19.2">
      <c r="A59974" s="2"/>
      <c r="B59974" s="2"/>
      <c r="C59974" s="2"/>
    </row>
    <row r="59975" spans="1:3" ht="19.2">
      <c r="A59975" s="2"/>
      <c r="B59975" s="2"/>
      <c r="C59975" s="2"/>
    </row>
    <row r="59976" spans="1:3" ht="19.2">
      <c r="A59976" s="2"/>
      <c r="B59976" s="2"/>
      <c r="C59976" s="2"/>
    </row>
    <row r="59977" spans="1:3" ht="19.2">
      <c r="A59977" s="2"/>
      <c r="B59977" s="2"/>
      <c r="C59977" s="2"/>
    </row>
    <row r="59978" spans="1:3" ht="19.2">
      <c r="A59978" s="2"/>
      <c r="B59978" s="2"/>
      <c r="C59978" s="2"/>
    </row>
    <row r="59979" spans="1:3" ht="19.2">
      <c r="A59979" s="2"/>
      <c r="B59979" s="2"/>
      <c r="C59979" s="2"/>
    </row>
    <row r="59980" spans="1:3" ht="19.2">
      <c r="A59980" s="2"/>
      <c r="B59980" s="2"/>
      <c r="C59980" s="2"/>
    </row>
    <row r="59981" spans="1:3" ht="19.2">
      <c r="A59981" s="2"/>
      <c r="B59981" s="2"/>
      <c r="C59981" s="2"/>
    </row>
    <row r="59982" spans="1:3" ht="19.2">
      <c r="A59982" s="2"/>
      <c r="B59982" s="2"/>
      <c r="C59982" s="2"/>
    </row>
    <row r="59983" spans="1:3" ht="19.2">
      <c r="A59983" s="2"/>
      <c r="B59983" s="2"/>
      <c r="C59983" s="2"/>
    </row>
    <row r="59984" spans="1:3" ht="19.2">
      <c r="A59984" s="2"/>
      <c r="B59984" s="2"/>
      <c r="C59984" s="2"/>
    </row>
    <row r="59985" spans="1:3" ht="19.2">
      <c r="A59985" s="2"/>
      <c r="B59985" s="2"/>
      <c r="C59985" s="2"/>
    </row>
    <row r="59986" spans="1:3" ht="19.2">
      <c r="A59986" s="2"/>
      <c r="B59986" s="2"/>
      <c r="C59986" s="2"/>
    </row>
    <row r="59987" spans="1:3" ht="19.2">
      <c r="A59987" s="2"/>
      <c r="B59987" s="2"/>
      <c r="C59987" s="2"/>
    </row>
    <row r="59988" spans="1:3" ht="19.2">
      <c r="A59988" s="2"/>
      <c r="B59988" s="2"/>
      <c r="C59988" s="2"/>
    </row>
    <row r="59989" spans="1:3" ht="19.2">
      <c r="A59989" s="2"/>
      <c r="B59989" s="2"/>
      <c r="C59989" s="2"/>
    </row>
    <row r="59990" spans="1:3" ht="19.2">
      <c r="A59990" s="2"/>
      <c r="B59990" s="2"/>
      <c r="C59990" s="2"/>
    </row>
    <row r="59991" spans="1:3" ht="19.2">
      <c r="A59991" s="2"/>
      <c r="B59991" s="2"/>
      <c r="C59991" s="2"/>
    </row>
    <row r="59992" spans="1:3" ht="19.2">
      <c r="A59992" s="2"/>
      <c r="B59992" s="2"/>
      <c r="C59992" s="2"/>
    </row>
    <row r="59993" spans="1:3" ht="19.2">
      <c r="A59993" s="2"/>
      <c r="B59993" s="2"/>
      <c r="C59993" s="2"/>
    </row>
    <row r="59994" spans="1:3" ht="19.2">
      <c r="A59994" s="2"/>
      <c r="B59994" s="2"/>
      <c r="C59994" s="2"/>
    </row>
    <row r="59995" spans="1:3" ht="19.2">
      <c r="A59995" s="2"/>
      <c r="B59995" s="2"/>
      <c r="C59995" s="2"/>
    </row>
    <row r="59996" spans="1:3" ht="19.2">
      <c r="A59996" s="2"/>
      <c r="B59996" s="2"/>
      <c r="C59996" s="2"/>
    </row>
    <row r="59997" spans="1:3" ht="19.2">
      <c r="A59997" s="2"/>
      <c r="B59997" s="2"/>
      <c r="C59997" s="2"/>
    </row>
    <row r="59998" spans="1:3" ht="19.2">
      <c r="A59998" s="2"/>
      <c r="B59998" s="2"/>
      <c r="C59998" s="2"/>
    </row>
    <row r="59999" spans="1:3" ht="19.2">
      <c r="A59999" s="2"/>
      <c r="B59999" s="2"/>
      <c r="C59999" s="2"/>
    </row>
    <row r="60000" spans="1:3" ht="19.2">
      <c r="A60000" s="2"/>
      <c r="B60000" s="2"/>
      <c r="C60000" s="2"/>
    </row>
    <row r="60001" spans="1:3" ht="19.2">
      <c r="A60001" s="2"/>
      <c r="B60001" s="2"/>
      <c r="C60001" s="2"/>
    </row>
    <row r="60002" spans="1:3" ht="19.2">
      <c r="A60002" s="2"/>
      <c r="B60002" s="2"/>
      <c r="C60002" s="2"/>
    </row>
    <row r="60003" spans="1:3" ht="19.2">
      <c r="A60003" s="2"/>
      <c r="B60003" s="2"/>
      <c r="C60003" s="2"/>
    </row>
    <row r="60004" spans="1:3" ht="19.2">
      <c r="A60004" s="2"/>
      <c r="B60004" s="2"/>
      <c r="C60004" s="2"/>
    </row>
    <row r="60005" spans="1:3" ht="19.2">
      <c r="A60005" s="2"/>
      <c r="B60005" s="2"/>
      <c r="C60005" s="2"/>
    </row>
    <row r="60006" spans="1:3" ht="19.2">
      <c r="A60006" s="2"/>
      <c r="B60006" s="2"/>
      <c r="C60006" s="2"/>
    </row>
    <row r="60007" spans="1:3" ht="19.2">
      <c r="A60007" s="2"/>
      <c r="B60007" s="2"/>
      <c r="C60007" s="2"/>
    </row>
    <row r="60008" spans="1:3" ht="19.2">
      <c r="A60008" s="2"/>
      <c r="B60008" s="2"/>
      <c r="C60008" s="2"/>
    </row>
    <row r="60009" spans="1:3" ht="19.2">
      <c r="A60009" s="2"/>
      <c r="B60009" s="2"/>
      <c r="C60009" s="2"/>
    </row>
    <row r="60010" spans="1:3" ht="19.2">
      <c r="A60010" s="2"/>
      <c r="B60010" s="2"/>
      <c r="C60010" s="2"/>
    </row>
    <row r="60011" spans="1:3" ht="19.2">
      <c r="A60011" s="2"/>
      <c r="B60011" s="2"/>
      <c r="C60011" s="2"/>
    </row>
    <row r="60012" spans="1:3" ht="19.2">
      <c r="A60012" s="2"/>
      <c r="B60012" s="2"/>
      <c r="C60012" s="2"/>
    </row>
    <row r="60013" spans="1:3" ht="19.2">
      <c r="A60013" s="2"/>
      <c r="B60013" s="2"/>
      <c r="C60013" s="2"/>
    </row>
    <row r="60014" spans="1:3" ht="19.2">
      <c r="A60014" s="2"/>
      <c r="B60014" s="2"/>
      <c r="C60014" s="2"/>
    </row>
    <row r="60015" spans="1:3" ht="19.2">
      <c r="A60015" s="2"/>
      <c r="B60015" s="2"/>
      <c r="C60015" s="2"/>
    </row>
    <row r="60016" spans="1:3" ht="19.2">
      <c r="A60016" s="2"/>
      <c r="B60016" s="2"/>
      <c r="C60016" s="2"/>
    </row>
    <row r="60017" spans="1:3" ht="19.2">
      <c r="A60017" s="2"/>
      <c r="B60017" s="2"/>
      <c r="C60017" s="2"/>
    </row>
    <row r="60018" spans="1:3" ht="19.2">
      <c r="A60018" s="2"/>
      <c r="B60018" s="2"/>
      <c r="C60018" s="2"/>
    </row>
    <row r="60019" spans="1:3" ht="19.2">
      <c r="A60019" s="2"/>
      <c r="B60019" s="2"/>
      <c r="C60019" s="2"/>
    </row>
    <row r="60020" spans="1:3" ht="19.2">
      <c r="A60020" s="2"/>
      <c r="B60020" s="2"/>
      <c r="C60020" s="2"/>
    </row>
    <row r="60021" spans="1:3" ht="19.2">
      <c r="A60021" s="2"/>
      <c r="B60021" s="2"/>
      <c r="C60021" s="2"/>
    </row>
    <row r="60022" spans="1:3" ht="19.2">
      <c r="A60022" s="2"/>
      <c r="B60022" s="2"/>
      <c r="C60022" s="2"/>
    </row>
    <row r="60023" spans="1:3" ht="19.2">
      <c r="A60023" s="2"/>
      <c r="B60023" s="2"/>
      <c r="C60023" s="2"/>
    </row>
    <row r="60024" spans="1:3" ht="19.2">
      <c r="A60024" s="2"/>
      <c r="B60024" s="2"/>
      <c r="C60024" s="2"/>
    </row>
    <row r="60025" spans="1:3" ht="19.2">
      <c r="A60025" s="2"/>
      <c r="B60025" s="2"/>
      <c r="C60025" s="2"/>
    </row>
    <row r="60026" spans="1:3" ht="19.2">
      <c r="A60026" s="2"/>
      <c r="B60026" s="2"/>
      <c r="C60026" s="2"/>
    </row>
    <row r="60027" spans="1:3" ht="19.2">
      <c r="A60027" s="2"/>
      <c r="B60027" s="2"/>
      <c r="C60027" s="2"/>
    </row>
    <row r="60028" spans="1:3" ht="19.2">
      <c r="A60028" s="2"/>
      <c r="B60028" s="2"/>
      <c r="C60028" s="2"/>
    </row>
    <row r="60029" spans="1:3" ht="19.2">
      <c r="A60029" s="2"/>
      <c r="B60029" s="2"/>
      <c r="C60029" s="2"/>
    </row>
    <row r="60030" spans="1:3" ht="19.2">
      <c r="A60030" s="2"/>
      <c r="B60030" s="2"/>
      <c r="C60030" s="2"/>
    </row>
    <row r="60031" spans="1:3" ht="19.2">
      <c r="A60031" s="2"/>
      <c r="B60031" s="2"/>
      <c r="C60031" s="2"/>
    </row>
    <row r="60032" spans="1:3" ht="19.2">
      <c r="A60032" s="2"/>
      <c r="B60032" s="2"/>
      <c r="C60032" s="2"/>
    </row>
    <row r="60033" spans="1:3" ht="19.2">
      <c r="A60033" s="2"/>
      <c r="B60033" s="2"/>
      <c r="C60033" s="2"/>
    </row>
    <row r="60034" spans="1:3" ht="19.2">
      <c r="A60034" s="2"/>
      <c r="B60034" s="2"/>
      <c r="C60034" s="2"/>
    </row>
    <row r="60035" spans="1:3" ht="19.2">
      <c r="A60035" s="2"/>
      <c r="B60035" s="2"/>
      <c r="C60035" s="2"/>
    </row>
    <row r="60036" spans="1:3" ht="19.2">
      <c r="A60036" s="2"/>
      <c r="B60036" s="2"/>
      <c r="C60036" s="2"/>
    </row>
    <row r="60037" spans="1:3" ht="19.2">
      <c r="A60037" s="2"/>
      <c r="B60037" s="2"/>
      <c r="C60037" s="2"/>
    </row>
    <row r="60038" spans="1:3" ht="19.2">
      <c r="A60038" s="2"/>
      <c r="B60038" s="2"/>
      <c r="C60038" s="2"/>
    </row>
    <row r="60039" spans="1:3" ht="19.2">
      <c r="A60039" s="2"/>
      <c r="B60039" s="2"/>
      <c r="C60039" s="2"/>
    </row>
    <row r="60040" spans="1:3" ht="19.2">
      <c r="A60040" s="2"/>
      <c r="B60040" s="2"/>
      <c r="C60040" s="2"/>
    </row>
    <row r="60041" spans="1:3" ht="19.2">
      <c r="A60041" s="2"/>
      <c r="B60041" s="2"/>
      <c r="C60041" s="2"/>
    </row>
    <row r="60042" spans="1:3" ht="19.2">
      <c r="A60042" s="2"/>
      <c r="B60042" s="2"/>
      <c r="C60042" s="2"/>
    </row>
    <row r="60043" spans="1:3" ht="19.2">
      <c r="A60043" s="2"/>
      <c r="B60043" s="2"/>
      <c r="C60043" s="2"/>
    </row>
    <row r="60044" spans="1:3" ht="19.2">
      <c r="A60044" s="2"/>
      <c r="B60044" s="2"/>
      <c r="C60044" s="2"/>
    </row>
    <row r="60045" spans="1:3" ht="19.2">
      <c r="A60045" s="2"/>
      <c r="B60045" s="2"/>
      <c r="C60045" s="2"/>
    </row>
    <row r="60046" spans="1:3" ht="19.2">
      <c r="A60046" s="2"/>
      <c r="B60046" s="2"/>
      <c r="C60046" s="2"/>
    </row>
    <row r="60047" spans="1:3" ht="19.2">
      <c r="A60047" s="2"/>
      <c r="B60047" s="2"/>
      <c r="C60047" s="2"/>
    </row>
    <row r="60048" spans="1:3" ht="19.2">
      <c r="A60048" s="2"/>
      <c r="B60048" s="2"/>
      <c r="C60048" s="2"/>
    </row>
    <row r="60049" spans="1:3" ht="19.2">
      <c r="A60049" s="2"/>
      <c r="B60049" s="2"/>
      <c r="C60049" s="2"/>
    </row>
    <row r="60050" spans="1:3" ht="19.2">
      <c r="A60050" s="2"/>
      <c r="B60050" s="2"/>
      <c r="C60050" s="2"/>
    </row>
    <row r="60051" spans="1:3" ht="19.2">
      <c r="A60051" s="2"/>
      <c r="B60051" s="2"/>
      <c r="C60051" s="2"/>
    </row>
    <row r="60052" spans="1:3" ht="19.2">
      <c r="A60052" s="2"/>
      <c r="B60052" s="2"/>
      <c r="C60052" s="2"/>
    </row>
    <row r="60053" spans="1:3" ht="19.2">
      <c r="A60053" s="2"/>
      <c r="B60053" s="2"/>
      <c r="C60053" s="2"/>
    </row>
    <row r="60054" spans="1:3" ht="19.2">
      <c r="A60054" s="2"/>
      <c r="B60054" s="2"/>
      <c r="C60054" s="2"/>
    </row>
    <row r="60055" spans="1:3" ht="19.2">
      <c r="A60055" s="2"/>
      <c r="B60055" s="2"/>
      <c r="C60055" s="2"/>
    </row>
    <row r="60056" spans="1:3" ht="19.2">
      <c r="A60056" s="2"/>
      <c r="B60056" s="2"/>
      <c r="C60056" s="2"/>
    </row>
    <row r="60057" spans="1:3" ht="19.2">
      <c r="A60057" s="2"/>
      <c r="B60057" s="2"/>
      <c r="C60057" s="2"/>
    </row>
    <row r="60058" spans="1:3" ht="19.2">
      <c r="A60058" s="2"/>
      <c r="B60058" s="2"/>
      <c r="C60058" s="2"/>
    </row>
    <row r="60059" spans="1:3" ht="19.2">
      <c r="A60059" s="2"/>
      <c r="B60059" s="2"/>
      <c r="C60059" s="2"/>
    </row>
    <row r="60060" spans="1:3" ht="19.2">
      <c r="A60060" s="2"/>
      <c r="B60060" s="2"/>
      <c r="C60060" s="2"/>
    </row>
    <row r="60061" spans="1:3" ht="19.2">
      <c r="A60061" s="2"/>
      <c r="B60061" s="2"/>
      <c r="C60061" s="2"/>
    </row>
    <row r="60062" spans="1:3" ht="19.2">
      <c r="A60062" s="2"/>
      <c r="B60062" s="2"/>
      <c r="C60062" s="2"/>
    </row>
    <row r="60063" spans="1:3" ht="19.2">
      <c r="A60063" s="2"/>
      <c r="B60063" s="2"/>
      <c r="C60063" s="2"/>
    </row>
    <row r="60064" spans="1:3" ht="19.2">
      <c r="A60064" s="2"/>
      <c r="B60064" s="2"/>
      <c r="C60064" s="2"/>
    </row>
    <row r="60065" spans="1:3" ht="19.2">
      <c r="A60065" s="2"/>
      <c r="B60065" s="2"/>
      <c r="C60065" s="2"/>
    </row>
    <row r="60066" spans="1:3" ht="19.2">
      <c r="A60066" s="2"/>
      <c r="B60066" s="2"/>
      <c r="C60066" s="2"/>
    </row>
    <row r="60067" spans="1:3" ht="19.2">
      <c r="A60067" s="2"/>
      <c r="B60067" s="2"/>
      <c r="C60067" s="2"/>
    </row>
    <row r="60068" spans="1:3" ht="19.2">
      <c r="A60068" s="2"/>
      <c r="B60068" s="2"/>
      <c r="C60068" s="2"/>
    </row>
    <row r="60069" spans="1:3" ht="19.2">
      <c r="A60069" s="2"/>
      <c r="B60069" s="2"/>
      <c r="C60069" s="2"/>
    </row>
    <row r="60070" spans="1:3" ht="19.2">
      <c r="A60070" s="2"/>
      <c r="B60070" s="2"/>
      <c r="C60070" s="2"/>
    </row>
    <row r="60071" spans="1:3" ht="19.2">
      <c r="A60071" s="2"/>
      <c r="B60071" s="2"/>
      <c r="C60071" s="2"/>
    </row>
    <row r="60072" spans="1:3" ht="19.2">
      <c r="A60072" s="2"/>
      <c r="B60072" s="2"/>
      <c r="C60072" s="2"/>
    </row>
    <row r="60073" spans="1:3" ht="19.2">
      <c r="A60073" s="2"/>
      <c r="B60073" s="2"/>
      <c r="C60073" s="2"/>
    </row>
    <row r="60074" spans="1:3" ht="19.2">
      <c r="A60074" s="2"/>
      <c r="B60074" s="2"/>
      <c r="C60074" s="2"/>
    </row>
    <row r="60075" spans="1:3" ht="19.2">
      <c r="A60075" s="2"/>
      <c r="B60075" s="2"/>
      <c r="C60075" s="2"/>
    </row>
    <row r="60076" spans="1:3" ht="19.2">
      <c r="A60076" s="2"/>
      <c r="B60076" s="2"/>
      <c r="C60076" s="2"/>
    </row>
    <row r="60077" spans="1:3" ht="19.2">
      <c r="A60077" s="2"/>
      <c r="B60077" s="2"/>
      <c r="C60077" s="2"/>
    </row>
    <row r="60078" spans="1:3" ht="19.2">
      <c r="A60078" s="2"/>
      <c r="B60078" s="2"/>
      <c r="C60078" s="2"/>
    </row>
    <row r="60079" spans="1:3" ht="19.2">
      <c r="A60079" s="2"/>
      <c r="B60079" s="2"/>
      <c r="C60079" s="2"/>
    </row>
    <row r="60080" spans="1:3" ht="19.2">
      <c r="A60080" s="2"/>
      <c r="B60080" s="2"/>
      <c r="C60080" s="2"/>
    </row>
    <row r="60081" spans="1:3" ht="19.2">
      <c r="A60081" s="2"/>
      <c r="B60081" s="2"/>
      <c r="C60081" s="2"/>
    </row>
    <row r="60082" spans="1:3" ht="19.2">
      <c r="A60082" s="2"/>
      <c r="B60082" s="2"/>
      <c r="C60082" s="2"/>
    </row>
    <row r="60083" spans="1:3" ht="19.2">
      <c r="A60083" s="2"/>
      <c r="B60083" s="2"/>
      <c r="C60083" s="2"/>
    </row>
    <row r="60084" spans="1:3" ht="19.2">
      <c r="A60084" s="2"/>
      <c r="B60084" s="2"/>
      <c r="C60084" s="2"/>
    </row>
    <row r="60085" spans="1:3" ht="19.2">
      <c r="A60085" s="2"/>
      <c r="B60085" s="2"/>
      <c r="C60085" s="2"/>
    </row>
    <row r="60086" spans="1:3" ht="19.2">
      <c r="A60086" s="2"/>
      <c r="B60086" s="2"/>
      <c r="C60086" s="2"/>
    </row>
    <row r="60087" spans="1:3" ht="19.2">
      <c r="A60087" s="2"/>
      <c r="B60087" s="2"/>
      <c r="C60087" s="2"/>
    </row>
    <row r="60088" spans="1:3" ht="19.2">
      <c r="A60088" s="2"/>
      <c r="B60088" s="2"/>
      <c r="C60088" s="2"/>
    </row>
    <row r="60089" spans="1:3" ht="19.2">
      <c r="A60089" s="2"/>
      <c r="B60089" s="2"/>
      <c r="C60089" s="2"/>
    </row>
    <row r="60090" spans="1:3" ht="19.2">
      <c r="A60090" s="2"/>
      <c r="B60090" s="2"/>
      <c r="C60090" s="2"/>
    </row>
    <row r="60091" spans="1:3" ht="19.2">
      <c r="A60091" s="2"/>
      <c r="B60091" s="2"/>
      <c r="C60091" s="2"/>
    </row>
    <row r="60092" spans="1:3" ht="19.2">
      <c r="A60092" s="2"/>
      <c r="B60092" s="2"/>
      <c r="C60092" s="2"/>
    </row>
    <row r="60093" spans="1:3" ht="19.2">
      <c r="A60093" s="2"/>
      <c r="B60093" s="2"/>
      <c r="C60093" s="2"/>
    </row>
    <row r="60094" spans="1:3" ht="19.2">
      <c r="A60094" s="2"/>
      <c r="B60094" s="2"/>
      <c r="C60094" s="2"/>
    </row>
    <row r="60095" spans="1:3" ht="19.2">
      <c r="A60095" s="2"/>
      <c r="B60095" s="2"/>
      <c r="C60095" s="2"/>
    </row>
    <row r="60096" spans="1:3" ht="19.2">
      <c r="A60096" s="2"/>
      <c r="B60096" s="2"/>
      <c r="C60096" s="2"/>
    </row>
    <row r="60097" spans="1:3" ht="19.2">
      <c r="A60097" s="2"/>
      <c r="B60097" s="2"/>
      <c r="C60097" s="2"/>
    </row>
    <row r="60098" spans="1:3" ht="19.2">
      <c r="A60098" s="2"/>
      <c r="B60098" s="2"/>
      <c r="C60098" s="2"/>
    </row>
    <row r="60099" spans="1:3" ht="19.2">
      <c r="A60099" s="2"/>
      <c r="B60099" s="2"/>
      <c r="C60099" s="2"/>
    </row>
    <row r="60100" spans="1:3" ht="19.2">
      <c r="A60100" s="2"/>
      <c r="B60100" s="2"/>
      <c r="C60100" s="2"/>
    </row>
    <row r="60101" spans="1:3" ht="19.2">
      <c r="A60101" s="2"/>
      <c r="B60101" s="2"/>
      <c r="C60101" s="2"/>
    </row>
    <row r="60102" spans="1:3" ht="19.2">
      <c r="A60102" s="2"/>
      <c r="B60102" s="2"/>
      <c r="C60102" s="2"/>
    </row>
    <row r="60103" spans="1:3" ht="19.2">
      <c r="A60103" s="2"/>
      <c r="B60103" s="2"/>
      <c r="C60103" s="2"/>
    </row>
    <row r="60104" spans="1:3" ht="19.2">
      <c r="A60104" s="2"/>
      <c r="B60104" s="2"/>
      <c r="C60104" s="2"/>
    </row>
    <row r="60105" spans="1:3" ht="19.2">
      <c r="A60105" s="2"/>
      <c r="B60105" s="2"/>
      <c r="C60105" s="2"/>
    </row>
    <row r="60106" spans="1:3" ht="19.2">
      <c r="A60106" s="2"/>
      <c r="B60106" s="2"/>
      <c r="C60106" s="2"/>
    </row>
    <row r="60107" spans="1:3" ht="19.2">
      <c r="A60107" s="2"/>
      <c r="B60107" s="2"/>
      <c r="C60107" s="2"/>
    </row>
    <row r="60108" spans="1:3" ht="19.2">
      <c r="A60108" s="2"/>
      <c r="B60108" s="2"/>
      <c r="C60108" s="2"/>
    </row>
    <row r="60109" spans="1:3" ht="19.2">
      <c r="A60109" s="2"/>
      <c r="B60109" s="2"/>
      <c r="C60109" s="2"/>
    </row>
    <row r="60110" spans="1:3" ht="19.2">
      <c r="A60110" s="2"/>
      <c r="B60110" s="2"/>
      <c r="C60110" s="2"/>
    </row>
    <row r="60111" spans="1:3" ht="19.2">
      <c r="A60111" s="2"/>
      <c r="B60111" s="2"/>
      <c r="C60111" s="2"/>
    </row>
    <row r="60112" spans="1:3" ht="19.2">
      <c r="A60112" s="2"/>
      <c r="B60112" s="2"/>
      <c r="C60112" s="2"/>
    </row>
    <row r="60113" spans="1:3" ht="19.2">
      <c r="A60113" s="2"/>
      <c r="B60113" s="2"/>
      <c r="C60113" s="2"/>
    </row>
    <row r="60114" spans="1:3" ht="19.2">
      <c r="A60114" s="2"/>
      <c r="B60114" s="2"/>
      <c r="C60114" s="2"/>
    </row>
    <row r="60115" spans="1:3" ht="19.2">
      <c r="A60115" s="2"/>
      <c r="B60115" s="2"/>
      <c r="C60115" s="2"/>
    </row>
    <row r="60116" spans="1:3" ht="19.2">
      <c r="A60116" s="2"/>
      <c r="B60116" s="2"/>
      <c r="C60116" s="2"/>
    </row>
    <row r="60117" spans="1:3" ht="19.2">
      <c r="A60117" s="2"/>
      <c r="B60117" s="2"/>
      <c r="C60117" s="2"/>
    </row>
    <row r="60118" spans="1:3" ht="19.2">
      <c r="A60118" s="2"/>
      <c r="B60118" s="2"/>
      <c r="C60118" s="2"/>
    </row>
    <row r="60119" spans="1:3" ht="19.2">
      <c r="A60119" s="2"/>
      <c r="B60119" s="2"/>
      <c r="C60119" s="2"/>
    </row>
    <row r="60120" spans="1:3" ht="19.2">
      <c r="A60120" s="2"/>
      <c r="B60120" s="2"/>
      <c r="C60120" s="2"/>
    </row>
    <row r="60121" spans="1:3" ht="19.2">
      <c r="A60121" s="2"/>
      <c r="B60121" s="2"/>
      <c r="C60121" s="2"/>
    </row>
    <row r="60122" spans="1:3" ht="19.2">
      <c r="A60122" s="2"/>
      <c r="B60122" s="2"/>
      <c r="C60122" s="2"/>
    </row>
    <row r="60123" spans="1:3" ht="19.2">
      <c r="A60123" s="2"/>
      <c r="B60123" s="2"/>
      <c r="C60123" s="2"/>
    </row>
    <row r="60124" spans="1:3" ht="19.2">
      <c r="A60124" s="2"/>
      <c r="B60124" s="2"/>
      <c r="C60124" s="2"/>
    </row>
    <row r="60125" spans="1:3" ht="19.2">
      <c r="A60125" s="2"/>
      <c r="B60125" s="2"/>
      <c r="C60125" s="2"/>
    </row>
    <row r="60126" spans="1:3" ht="19.2">
      <c r="A60126" s="2"/>
      <c r="B60126" s="2"/>
      <c r="C60126" s="2"/>
    </row>
    <row r="60127" spans="1:3" ht="19.2">
      <c r="A60127" s="2"/>
      <c r="B60127" s="2"/>
      <c r="C60127" s="2"/>
    </row>
    <row r="60128" spans="1:3" ht="19.2">
      <c r="A60128" s="2"/>
      <c r="B60128" s="2"/>
      <c r="C60128" s="2"/>
    </row>
    <row r="60129" spans="1:3" ht="19.2">
      <c r="A60129" s="2"/>
      <c r="B60129" s="2"/>
      <c r="C60129" s="2"/>
    </row>
    <row r="60130" spans="1:3" ht="19.2">
      <c r="A60130" s="2"/>
      <c r="B60130" s="2"/>
      <c r="C60130" s="2"/>
    </row>
    <row r="60131" spans="1:3" ht="19.2">
      <c r="A60131" s="2"/>
      <c r="B60131" s="2"/>
      <c r="C60131" s="2"/>
    </row>
    <row r="60132" spans="1:3" ht="19.2">
      <c r="A60132" s="2"/>
      <c r="B60132" s="2"/>
      <c r="C60132" s="2"/>
    </row>
    <row r="60133" spans="1:3" ht="19.2">
      <c r="A60133" s="2"/>
      <c r="B60133" s="2"/>
      <c r="C60133" s="2"/>
    </row>
    <row r="60134" spans="1:3" ht="19.2">
      <c r="A60134" s="2"/>
      <c r="B60134" s="2"/>
      <c r="C60134" s="2"/>
    </row>
    <row r="60135" spans="1:3" ht="19.2">
      <c r="A60135" s="2"/>
      <c r="B60135" s="2"/>
      <c r="C60135" s="2"/>
    </row>
    <row r="60136" spans="1:3" ht="19.2">
      <c r="A60136" s="2"/>
      <c r="B60136" s="2"/>
      <c r="C60136" s="2"/>
    </row>
    <row r="60137" spans="1:3" ht="19.2">
      <c r="A60137" s="2"/>
      <c r="B60137" s="2"/>
      <c r="C60137" s="2"/>
    </row>
    <row r="60138" spans="1:3" ht="19.2">
      <c r="A60138" s="2"/>
      <c r="B60138" s="2"/>
      <c r="C60138" s="2"/>
    </row>
    <row r="60139" spans="1:3" ht="19.2">
      <c r="A60139" s="2"/>
      <c r="B60139" s="2"/>
      <c r="C60139" s="2"/>
    </row>
    <row r="60140" spans="1:3" ht="19.2">
      <c r="A60140" s="2"/>
      <c r="B60140" s="2"/>
      <c r="C60140" s="2"/>
    </row>
    <row r="60141" spans="1:3" ht="19.2">
      <c r="A60141" s="2"/>
      <c r="B60141" s="2"/>
      <c r="C60141" s="2"/>
    </row>
    <row r="60142" spans="1:3" ht="19.2">
      <c r="A60142" s="2"/>
      <c r="B60142" s="2"/>
      <c r="C60142" s="2"/>
    </row>
    <row r="60143" spans="1:3" ht="19.2">
      <c r="A60143" s="2"/>
      <c r="B60143" s="2"/>
      <c r="C60143" s="2"/>
    </row>
    <row r="60144" spans="1:3" ht="19.2">
      <c r="A60144" s="2"/>
      <c r="B60144" s="2"/>
      <c r="C60144" s="2"/>
    </row>
    <row r="60145" spans="1:3" ht="19.2">
      <c r="A60145" s="2"/>
      <c r="B60145" s="2"/>
      <c r="C60145" s="2"/>
    </row>
    <row r="60146" spans="1:3" ht="19.2">
      <c r="A60146" s="2"/>
      <c r="B60146" s="2"/>
      <c r="C60146" s="2"/>
    </row>
    <row r="60147" spans="1:3" ht="19.2">
      <c r="A60147" s="2"/>
      <c r="B60147" s="2"/>
      <c r="C60147" s="2"/>
    </row>
    <row r="60148" spans="1:3" ht="19.2">
      <c r="A60148" s="2"/>
      <c r="B60148" s="2"/>
      <c r="C60148" s="2"/>
    </row>
    <row r="60149" spans="1:3" ht="19.2">
      <c r="A60149" s="2"/>
      <c r="B60149" s="2"/>
      <c r="C60149" s="2"/>
    </row>
    <row r="60150" spans="1:3" ht="19.2">
      <c r="A60150" s="2"/>
      <c r="B60150" s="2"/>
      <c r="C60150" s="2"/>
    </row>
    <row r="60151" spans="1:3" ht="19.2">
      <c r="A60151" s="2"/>
      <c r="B60151" s="2"/>
      <c r="C60151" s="2"/>
    </row>
    <row r="60152" spans="1:3" ht="19.2">
      <c r="A60152" s="2"/>
      <c r="B60152" s="2"/>
      <c r="C60152" s="2"/>
    </row>
    <row r="60153" spans="1:3" ht="19.2">
      <c r="A60153" s="2"/>
      <c r="B60153" s="2"/>
      <c r="C60153" s="2"/>
    </row>
    <row r="60154" spans="1:3" ht="19.2">
      <c r="A60154" s="2"/>
      <c r="B60154" s="2"/>
      <c r="C60154" s="2"/>
    </row>
    <row r="60155" spans="1:3" ht="19.2">
      <c r="A60155" s="2"/>
      <c r="B60155" s="2"/>
      <c r="C60155" s="2"/>
    </row>
    <row r="60156" spans="1:3" ht="19.2">
      <c r="A60156" s="2"/>
      <c r="B60156" s="2"/>
      <c r="C60156" s="2"/>
    </row>
    <row r="60157" spans="1:3" ht="19.2">
      <c r="A60157" s="2"/>
      <c r="B60157" s="2"/>
      <c r="C60157" s="2"/>
    </row>
    <row r="60158" spans="1:3" ht="19.2">
      <c r="A60158" s="2"/>
      <c r="B60158" s="2"/>
      <c r="C60158" s="2"/>
    </row>
    <row r="60159" spans="1:3" ht="19.2">
      <c r="A60159" s="2"/>
      <c r="B60159" s="2"/>
      <c r="C60159" s="2"/>
    </row>
    <row r="60160" spans="1:3" ht="19.2">
      <c r="A60160" s="2"/>
      <c r="B60160" s="2"/>
      <c r="C60160" s="2"/>
    </row>
    <row r="60161" spans="1:3" ht="19.2">
      <c r="A60161" s="2"/>
      <c r="B60161" s="2"/>
      <c r="C60161" s="2"/>
    </row>
    <row r="60162" spans="1:3" ht="19.2">
      <c r="A60162" s="2"/>
      <c r="B60162" s="2"/>
      <c r="C60162" s="2"/>
    </row>
    <row r="60163" spans="1:3" ht="19.2">
      <c r="A60163" s="2"/>
      <c r="B60163" s="2"/>
      <c r="C60163" s="2"/>
    </row>
    <row r="60164" spans="1:3" ht="19.2">
      <c r="A60164" s="2"/>
      <c r="B60164" s="2"/>
      <c r="C60164" s="2"/>
    </row>
    <row r="60165" spans="1:3" ht="19.2">
      <c r="A60165" s="2"/>
      <c r="B60165" s="2"/>
      <c r="C60165" s="2"/>
    </row>
    <row r="60166" spans="1:3" ht="19.2">
      <c r="A60166" s="2"/>
      <c r="B60166" s="2"/>
      <c r="C60166" s="2"/>
    </row>
    <row r="60167" spans="1:3" ht="19.2">
      <c r="A60167" s="2"/>
      <c r="B60167" s="2"/>
      <c r="C60167" s="2"/>
    </row>
    <row r="60168" spans="1:3" ht="19.2">
      <c r="A60168" s="2"/>
      <c r="B60168" s="2"/>
      <c r="C60168" s="2"/>
    </row>
    <row r="60169" spans="1:3" ht="19.2">
      <c r="A60169" s="2"/>
      <c r="B60169" s="2"/>
      <c r="C60169" s="2"/>
    </row>
    <row r="60170" spans="1:3" ht="19.2">
      <c r="A60170" s="2"/>
      <c r="B60170" s="2"/>
      <c r="C60170" s="2"/>
    </row>
    <row r="60171" spans="1:3" ht="19.2">
      <c r="A60171" s="2"/>
      <c r="B60171" s="2"/>
      <c r="C60171" s="2"/>
    </row>
    <row r="60172" spans="1:3" ht="19.2">
      <c r="A60172" s="2"/>
      <c r="B60172" s="2"/>
      <c r="C60172" s="2"/>
    </row>
    <row r="60173" spans="1:3" ht="19.2">
      <c r="A60173" s="2"/>
      <c r="B60173" s="2"/>
      <c r="C60173" s="2"/>
    </row>
    <row r="60174" spans="1:3" ht="19.2">
      <c r="A60174" s="2"/>
      <c r="B60174" s="2"/>
      <c r="C60174" s="2"/>
    </row>
    <row r="60175" spans="1:3" ht="19.2">
      <c r="A60175" s="2"/>
      <c r="B60175" s="2"/>
      <c r="C60175" s="2"/>
    </row>
    <row r="60176" spans="1:3" ht="19.2">
      <c r="A60176" s="2"/>
      <c r="B60176" s="2"/>
      <c r="C60176" s="2"/>
    </row>
    <row r="60177" spans="1:3" ht="19.2">
      <c r="A60177" s="2"/>
      <c r="B60177" s="2"/>
      <c r="C60177" s="2"/>
    </row>
    <row r="60178" spans="1:3" ht="19.2">
      <c r="A60178" s="2"/>
      <c r="B60178" s="2"/>
      <c r="C60178" s="2"/>
    </row>
    <row r="60179" spans="1:3" ht="19.2">
      <c r="A60179" s="2"/>
      <c r="B60179" s="2"/>
      <c r="C60179" s="2"/>
    </row>
    <row r="60180" spans="1:3" ht="19.2">
      <c r="A60180" s="2"/>
      <c r="B60180" s="2"/>
      <c r="C60180" s="2"/>
    </row>
    <row r="60181" spans="1:3" ht="19.2">
      <c r="A60181" s="2"/>
      <c r="B60181" s="2"/>
      <c r="C60181" s="2"/>
    </row>
    <row r="60182" spans="1:3" ht="19.2">
      <c r="A60182" s="2"/>
      <c r="B60182" s="2"/>
      <c r="C60182" s="2"/>
    </row>
    <row r="60183" spans="1:3" ht="19.2">
      <c r="A60183" s="2"/>
      <c r="B60183" s="2"/>
      <c r="C60183" s="2"/>
    </row>
    <row r="60184" spans="1:3" ht="19.2">
      <c r="A60184" s="2"/>
      <c r="B60184" s="2"/>
      <c r="C60184" s="2"/>
    </row>
    <row r="60185" spans="1:3" ht="19.2">
      <c r="A60185" s="2"/>
      <c r="B60185" s="2"/>
      <c r="C60185" s="2"/>
    </row>
    <row r="60186" spans="1:3" ht="19.2">
      <c r="A60186" s="2"/>
      <c r="B60186" s="2"/>
      <c r="C60186" s="2"/>
    </row>
    <row r="60187" spans="1:3" ht="19.2">
      <c r="A60187" s="2"/>
      <c r="B60187" s="2"/>
      <c r="C60187" s="2"/>
    </row>
    <row r="60188" spans="1:3" ht="19.2">
      <c r="A60188" s="2"/>
      <c r="B60188" s="2"/>
      <c r="C60188" s="2"/>
    </row>
    <row r="60189" spans="1:3" ht="19.2">
      <c r="A60189" s="2"/>
      <c r="B60189" s="2"/>
      <c r="C60189" s="2"/>
    </row>
    <row r="60190" spans="1:3" ht="19.2">
      <c r="A60190" s="2"/>
      <c r="B60190" s="2"/>
      <c r="C60190" s="2"/>
    </row>
    <row r="60191" spans="1:3" ht="19.2">
      <c r="A60191" s="2"/>
      <c r="B60191" s="2"/>
      <c r="C60191" s="2"/>
    </row>
    <row r="60192" spans="1:3" ht="19.2">
      <c r="A60192" s="2"/>
      <c r="B60192" s="2"/>
      <c r="C60192" s="2"/>
    </row>
    <row r="60193" spans="1:3" ht="19.2">
      <c r="A60193" s="2"/>
      <c r="B60193" s="2"/>
      <c r="C60193" s="2"/>
    </row>
    <row r="60194" spans="1:3" ht="19.2">
      <c r="A60194" s="2"/>
      <c r="B60194" s="2"/>
      <c r="C60194" s="2"/>
    </row>
    <row r="60195" spans="1:3" ht="19.2">
      <c r="A60195" s="2"/>
      <c r="B60195" s="2"/>
      <c r="C60195" s="2"/>
    </row>
    <row r="60196" spans="1:3" ht="19.2">
      <c r="A60196" s="2"/>
      <c r="B60196" s="2"/>
      <c r="C60196" s="2"/>
    </row>
    <row r="60197" spans="1:3" ht="19.2">
      <c r="A60197" s="2"/>
      <c r="B60197" s="2"/>
      <c r="C60197" s="2"/>
    </row>
    <row r="60198" spans="1:3" ht="19.2">
      <c r="A60198" s="2"/>
      <c r="B60198" s="2"/>
      <c r="C60198" s="2"/>
    </row>
    <row r="60199" spans="1:3" ht="19.2">
      <c r="A60199" s="2"/>
      <c r="B60199" s="2"/>
      <c r="C60199" s="2"/>
    </row>
    <row r="60200" spans="1:3" ht="19.2">
      <c r="A60200" s="2"/>
      <c r="B60200" s="2"/>
      <c r="C60200" s="2"/>
    </row>
    <row r="60201" spans="1:3" ht="19.2">
      <c r="A60201" s="2"/>
      <c r="B60201" s="2"/>
      <c r="C60201" s="2"/>
    </row>
    <row r="60202" spans="1:3" ht="19.2">
      <c r="A60202" s="2"/>
      <c r="B60202" s="2"/>
      <c r="C60202" s="2"/>
    </row>
    <row r="60203" spans="1:3" ht="19.2">
      <c r="A60203" s="2"/>
      <c r="B60203" s="2"/>
      <c r="C60203" s="2"/>
    </row>
    <row r="60204" spans="1:3" ht="19.2">
      <c r="A60204" s="2"/>
      <c r="B60204" s="2"/>
      <c r="C60204" s="2"/>
    </row>
    <row r="60205" spans="1:3" ht="19.2">
      <c r="A60205" s="2"/>
      <c r="B60205" s="2"/>
      <c r="C60205" s="2"/>
    </row>
    <row r="60206" spans="1:3" ht="19.2">
      <c r="A60206" s="2"/>
      <c r="B60206" s="2"/>
      <c r="C60206" s="2"/>
    </row>
    <row r="60207" spans="1:3" ht="19.2">
      <c r="A60207" s="2"/>
      <c r="B60207" s="2"/>
      <c r="C60207" s="2"/>
    </row>
    <row r="60208" spans="1:3" ht="19.2">
      <c r="A60208" s="2"/>
      <c r="B60208" s="2"/>
      <c r="C60208" s="2"/>
    </row>
    <row r="60209" spans="1:3" ht="19.2">
      <c r="A60209" s="2"/>
      <c r="B60209" s="2"/>
      <c r="C60209" s="2"/>
    </row>
    <row r="60210" spans="1:3" ht="19.2">
      <c r="A60210" s="2"/>
      <c r="B60210" s="2"/>
      <c r="C60210" s="2"/>
    </row>
    <row r="60211" spans="1:3" ht="19.2">
      <c r="A60211" s="2"/>
      <c r="B60211" s="2"/>
      <c r="C60211" s="2"/>
    </row>
    <row r="60212" spans="1:3" ht="19.2">
      <c r="A60212" s="2"/>
      <c r="B60212" s="2"/>
      <c r="C60212" s="2"/>
    </row>
    <row r="60213" spans="1:3" ht="19.2">
      <c r="A60213" s="2"/>
      <c r="B60213" s="2"/>
      <c r="C60213" s="2"/>
    </row>
    <row r="60214" spans="1:3" ht="19.2">
      <c r="A60214" s="2"/>
      <c r="B60214" s="2"/>
      <c r="C60214" s="2"/>
    </row>
    <row r="60215" spans="1:3" ht="19.2">
      <c r="A60215" s="2"/>
      <c r="B60215" s="2"/>
      <c r="C60215" s="2"/>
    </row>
    <row r="60216" spans="1:3" ht="19.2">
      <c r="A60216" s="2"/>
      <c r="B60216" s="2"/>
      <c r="C60216" s="2"/>
    </row>
    <row r="60217" spans="1:3" ht="19.2">
      <c r="A60217" s="2"/>
      <c r="B60217" s="2"/>
      <c r="C60217" s="2"/>
    </row>
    <row r="60218" spans="1:3" ht="19.2">
      <c r="A60218" s="2"/>
      <c r="B60218" s="2"/>
      <c r="C60218" s="2"/>
    </row>
    <row r="60219" spans="1:3" ht="19.2">
      <c r="A60219" s="2"/>
      <c r="B60219" s="2"/>
      <c r="C60219" s="2"/>
    </row>
    <row r="60220" spans="1:3" ht="19.2">
      <c r="A60220" s="2"/>
      <c r="B60220" s="2"/>
      <c r="C60220" s="2"/>
    </row>
    <row r="60221" spans="1:3" ht="19.2">
      <c r="A60221" s="2"/>
      <c r="B60221" s="2"/>
      <c r="C60221" s="2"/>
    </row>
    <row r="60222" spans="1:3" ht="19.2">
      <c r="A60222" s="2"/>
      <c r="B60222" s="2"/>
      <c r="C60222" s="2"/>
    </row>
    <row r="60223" spans="1:3" ht="19.2">
      <c r="A60223" s="2"/>
      <c r="B60223" s="2"/>
      <c r="C60223" s="2"/>
    </row>
    <row r="60224" spans="1:3" ht="19.2">
      <c r="A60224" s="2"/>
      <c r="B60224" s="2"/>
      <c r="C60224" s="2"/>
    </row>
    <row r="60225" spans="1:3" ht="19.2">
      <c r="A60225" s="2"/>
      <c r="B60225" s="2"/>
      <c r="C60225" s="2"/>
    </row>
    <row r="60226" spans="1:3" ht="19.2">
      <c r="A60226" s="2"/>
      <c r="B60226" s="2"/>
      <c r="C60226" s="2"/>
    </row>
    <row r="60227" spans="1:3" ht="19.2">
      <c r="A60227" s="2"/>
      <c r="B60227" s="2"/>
      <c r="C60227" s="2"/>
    </row>
    <row r="60228" spans="1:3" ht="19.2">
      <c r="A60228" s="2"/>
      <c r="B60228" s="2"/>
      <c r="C60228" s="2"/>
    </row>
    <row r="60229" spans="1:3" ht="19.2">
      <c r="A60229" s="2"/>
      <c r="B60229" s="2"/>
      <c r="C60229" s="2"/>
    </row>
    <row r="60230" spans="1:3" ht="19.2">
      <c r="A60230" s="2"/>
      <c r="B60230" s="2"/>
      <c r="C60230" s="2"/>
    </row>
    <row r="60231" spans="1:3" ht="19.2">
      <c r="A60231" s="2"/>
      <c r="B60231" s="2"/>
      <c r="C60231" s="2"/>
    </row>
    <row r="60232" spans="1:3" ht="19.2">
      <c r="A60232" s="2"/>
      <c r="B60232" s="2"/>
      <c r="C60232" s="2"/>
    </row>
    <row r="60233" spans="1:3" ht="19.2">
      <c r="A60233" s="2"/>
      <c r="B60233" s="2"/>
      <c r="C60233" s="2"/>
    </row>
    <row r="60234" spans="1:3" ht="19.2">
      <c r="A60234" s="2"/>
      <c r="B60234" s="2"/>
      <c r="C60234" s="2"/>
    </row>
    <row r="60235" spans="1:3" ht="19.2">
      <c r="A60235" s="2"/>
      <c r="B60235" s="2"/>
      <c r="C60235" s="2"/>
    </row>
    <row r="60236" spans="1:3" ht="19.2">
      <c r="A60236" s="2"/>
      <c r="B60236" s="2"/>
      <c r="C60236" s="2"/>
    </row>
    <row r="60237" spans="1:3" ht="19.2">
      <c r="A60237" s="2"/>
      <c r="B60237" s="2"/>
      <c r="C60237" s="2"/>
    </row>
    <row r="60238" spans="1:3" ht="19.2">
      <c r="A60238" s="2"/>
      <c r="B60238" s="2"/>
      <c r="C60238" s="2"/>
    </row>
    <row r="60239" spans="1:3" ht="19.2">
      <c r="A60239" s="2"/>
      <c r="B60239" s="2"/>
      <c r="C60239" s="2"/>
    </row>
    <row r="60240" spans="1:3" ht="19.2">
      <c r="A60240" s="2"/>
      <c r="B60240" s="2"/>
      <c r="C60240" s="2"/>
    </row>
    <row r="60241" spans="1:3" ht="19.2">
      <c r="A60241" s="2"/>
      <c r="B60241" s="2"/>
      <c r="C60241" s="2"/>
    </row>
    <row r="60242" spans="1:3" ht="19.2">
      <c r="A60242" s="2"/>
      <c r="B60242" s="2"/>
      <c r="C60242" s="2"/>
    </row>
    <row r="60243" spans="1:3" ht="19.2">
      <c r="A60243" s="2"/>
      <c r="B60243" s="2"/>
      <c r="C60243" s="2"/>
    </row>
    <row r="60244" spans="1:3" ht="19.2">
      <c r="A60244" s="2"/>
      <c r="B60244" s="2"/>
      <c r="C60244" s="2"/>
    </row>
    <row r="60245" spans="1:3" ht="19.2">
      <c r="A60245" s="2"/>
      <c r="B60245" s="2"/>
      <c r="C60245" s="2"/>
    </row>
    <row r="60246" spans="1:3" ht="19.2">
      <c r="A60246" s="2"/>
      <c r="B60246" s="2"/>
      <c r="C60246" s="2"/>
    </row>
    <row r="60247" spans="1:3" ht="19.2">
      <c r="A60247" s="2"/>
      <c r="B60247" s="2"/>
      <c r="C60247" s="2"/>
    </row>
    <row r="60248" spans="1:3" ht="19.2">
      <c r="A60248" s="2"/>
      <c r="B60248" s="2"/>
      <c r="C60248" s="2"/>
    </row>
    <row r="60249" spans="1:3" ht="19.2">
      <c r="A60249" s="2"/>
      <c r="B60249" s="2"/>
      <c r="C60249" s="2"/>
    </row>
    <row r="60250" spans="1:3" ht="19.2">
      <c r="A60250" s="2"/>
      <c r="B60250" s="2"/>
      <c r="C60250" s="2"/>
    </row>
    <row r="60251" spans="1:3" ht="19.2">
      <c r="A60251" s="2"/>
      <c r="B60251" s="2"/>
      <c r="C60251" s="2"/>
    </row>
    <row r="60252" spans="1:3" ht="19.2">
      <c r="A60252" s="2"/>
      <c r="B60252" s="2"/>
      <c r="C60252" s="2"/>
    </row>
    <row r="60253" spans="1:3" ht="19.2">
      <c r="A60253" s="2"/>
      <c r="B60253" s="2"/>
      <c r="C60253" s="2"/>
    </row>
    <row r="60254" spans="1:3" ht="19.2">
      <c r="A60254" s="2"/>
      <c r="B60254" s="2"/>
      <c r="C60254" s="2"/>
    </row>
    <row r="60255" spans="1:3" ht="19.2">
      <c r="A60255" s="2"/>
      <c r="B60255" s="2"/>
      <c r="C60255" s="2"/>
    </row>
    <row r="60256" spans="1:3" ht="19.2">
      <c r="A60256" s="2"/>
      <c r="B60256" s="2"/>
      <c r="C60256" s="2"/>
    </row>
    <row r="60257" spans="1:3" ht="19.2">
      <c r="A60257" s="2"/>
      <c r="B60257" s="2"/>
      <c r="C60257" s="2"/>
    </row>
    <row r="60258" spans="1:3" ht="19.2">
      <c r="A60258" s="2"/>
      <c r="B60258" s="2"/>
      <c r="C60258" s="2"/>
    </row>
    <row r="60259" spans="1:3" ht="19.2">
      <c r="A60259" s="2"/>
      <c r="B60259" s="2"/>
      <c r="C60259" s="2"/>
    </row>
    <row r="60260" spans="1:3" ht="19.2">
      <c r="A60260" s="2"/>
      <c r="B60260" s="2"/>
      <c r="C60260" s="2"/>
    </row>
    <row r="60261" spans="1:3" ht="19.2">
      <c r="A60261" s="2"/>
      <c r="B60261" s="2"/>
      <c r="C60261" s="2"/>
    </row>
    <row r="60262" spans="1:3" ht="19.2">
      <c r="A60262" s="2"/>
      <c r="B60262" s="2"/>
      <c r="C60262" s="2"/>
    </row>
    <row r="60263" spans="1:3" ht="19.2">
      <c r="A60263" s="2"/>
      <c r="B60263" s="2"/>
      <c r="C60263" s="2"/>
    </row>
    <row r="60264" spans="1:3" ht="19.2">
      <c r="A60264" s="2"/>
      <c r="B60264" s="2"/>
      <c r="C60264" s="2"/>
    </row>
    <row r="60265" spans="1:3" ht="19.2">
      <c r="A60265" s="2"/>
      <c r="B60265" s="2"/>
      <c r="C60265" s="2"/>
    </row>
    <row r="60266" spans="1:3" ht="19.2">
      <c r="A60266" s="2"/>
      <c r="B60266" s="2"/>
      <c r="C60266" s="2"/>
    </row>
    <row r="60267" spans="1:3" ht="19.2">
      <c r="A60267" s="2"/>
      <c r="B60267" s="2"/>
      <c r="C60267" s="2"/>
    </row>
    <row r="60268" spans="1:3" ht="19.2">
      <c r="A60268" s="2"/>
      <c r="B60268" s="2"/>
      <c r="C60268" s="2"/>
    </row>
    <row r="60269" spans="1:3" ht="19.2">
      <c r="A60269" s="2"/>
      <c r="B60269" s="2"/>
      <c r="C60269" s="2"/>
    </row>
    <row r="60270" spans="1:3" ht="19.2">
      <c r="A60270" s="2"/>
      <c r="B60270" s="2"/>
      <c r="C60270" s="2"/>
    </row>
    <row r="60271" spans="1:3" ht="19.2">
      <c r="A60271" s="2"/>
      <c r="B60271" s="2"/>
      <c r="C60271" s="2"/>
    </row>
    <row r="60272" spans="1:3" ht="19.2">
      <c r="A60272" s="2"/>
      <c r="B60272" s="2"/>
      <c r="C60272" s="2"/>
    </row>
    <row r="60273" spans="1:3" ht="19.2">
      <c r="A60273" s="2"/>
      <c r="B60273" s="2"/>
      <c r="C60273" s="2"/>
    </row>
    <row r="60274" spans="1:3" ht="19.2">
      <c r="A60274" s="2"/>
      <c r="B60274" s="2"/>
      <c r="C60274" s="2"/>
    </row>
    <row r="60275" spans="1:3" ht="19.2">
      <c r="A60275" s="2"/>
      <c r="B60275" s="2"/>
      <c r="C60275" s="2"/>
    </row>
    <row r="60276" spans="1:3" ht="19.2">
      <c r="A60276" s="2"/>
      <c r="B60276" s="2"/>
      <c r="C60276" s="2"/>
    </row>
    <row r="60277" spans="1:3" ht="19.2">
      <c r="A60277" s="2"/>
      <c r="B60277" s="2"/>
      <c r="C60277" s="2"/>
    </row>
    <row r="60278" spans="1:3" ht="19.2">
      <c r="A60278" s="2"/>
      <c r="B60278" s="2"/>
      <c r="C60278" s="2"/>
    </row>
    <row r="60279" spans="1:3" ht="19.2">
      <c r="A60279" s="2"/>
      <c r="B60279" s="2"/>
      <c r="C60279" s="2"/>
    </row>
    <row r="60280" spans="1:3" ht="19.2">
      <c r="A60280" s="2"/>
      <c r="B60280" s="2"/>
      <c r="C60280" s="2"/>
    </row>
    <row r="60281" spans="1:3" ht="19.2">
      <c r="A60281" s="2"/>
      <c r="B60281" s="2"/>
      <c r="C60281" s="2"/>
    </row>
    <row r="60282" spans="1:3" ht="19.2">
      <c r="A60282" s="2"/>
      <c r="B60282" s="2"/>
      <c r="C60282" s="2"/>
    </row>
    <row r="60283" spans="1:3" ht="19.2">
      <c r="A60283" s="2"/>
      <c r="B60283" s="2"/>
      <c r="C60283" s="2"/>
    </row>
    <row r="60284" spans="1:3" ht="19.2">
      <c r="A60284" s="2"/>
      <c r="B60284" s="2"/>
      <c r="C60284" s="2"/>
    </row>
    <row r="60285" spans="1:3" ht="19.2">
      <c r="A60285" s="2"/>
      <c r="B60285" s="2"/>
      <c r="C60285" s="2"/>
    </row>
    <row r="60286" spans="1:3" ht="19.2">
      <c r="A60286" s="2"/>
      <c r="B60286" s="2"/>
      <c r="C60286" s="2"/>
    </row>
    <row r="60287" spans="1:3" ht="19.2">
      <c r="A60287" s="2"/>
      <c r="B60287" s="2"/>
      <c r="C60287" s="2"/>
    </row>
    <row r="60288" spans="1:3" ht="19.2">
      <c r="A60288" s="2"/>
      <c r="B60288" s="2"/>
      <c r="C60288" s="2"/>
    </row>
    <row r="60289" spans="1:3" ht="19.2">
      <c r="A60289" s="2"/>
      <c r="B60289" s="2"/>
      <c r="C60289" s="2"/>
    </row>
    <row r="60290" spans="1:3" ht="19.2">
      <c r="A60290" s="2"/>
      <c r="B60290" s="2"/>
      <c r="C60290" s="2"/>
    </row>
    <row r="60291" spans="1:3" ht="19.2">
      <c r="A60291" s="2"/>
      <c r="B60291" s="2"/>
      <c r="C60291" s="2"/>
    </row>
    <row r="60292" spans="1:3" ht="19.2">
      <c r="A60292" s="2"/>
      <c r="B60292" s="2"/>
      <c r="C60292" s="2"/>
    </row>
    <row r="60293" spans="1:3" ht="19.2">
      <c r="A60293" s="2"/>
      <c r="B60293" s="2"/>
      <c r="C60293" s="2"/>
    </row>
    <row r="60294" spans="1:3" ht="19.2">
      <c r="A60294" s="2"/>
      <c r="B60294" s="2"/>
      <c r="C60294" s="2"/>
    </row>
    <row r="60295" spans="1:3" ht="19.2">
      <c r="A60295" s="2"/>
      <c r="B60295" s="2"/>
      <c r="C60295" s="2"/>
    </row>
    <row r="60296" spans="1:3" ht="19.2">
      <c r="A60296" s="2"/>
      <c r="B60296" s="2"/>
      <c r="C60296" s="2"/>
    </row>
    <row r="60297" spans="1:3" ht="19.2">
      <c r="A60297" s="2"/>
      <c r="B60297" s="2"/>
      <c r="C60297" s="2"/>
    </row>
    <row r="60298" spans="1:3" ht="19.2">
      <c r="A60298" s="2"/>
      <c r="B60298" s="2"/>
      <c r="C60298" s="2"/>
    </row>
    <row r="60299" spans="1:3" ht="19.2">
      <c r="A60299" s="2"/>
      <c r="B60299" s="2"/>
      <c r="C60299" s="2"/>
    </row>
    <row r="60300" spans="1:3" ht="19.2">
      <c r="A60300" s="2"/>
      <c r="B60300" s="2"/>
      <c r="C60300" s="2"/>
    </row>
    <row r="60301" spans="1:3" ht="19.2">
      <c r="A60301" s="2"/>
      <c r="B60301" s="2"/>
      <c r="C60301" s="2"/>
    </row>
    <row r="60302" spans="1:3" ht="19.2">
      <c r="A60302" s="2"/>
      <c r="B60302" s="2"/>
      <c r="C60302" s="2"/>
    </row>
    <row r="60303" spans="1:3" ht="19.2">
      <c r="A60303" s="2"/>
      <c r="B60303" s="2"/>
      <c r="C60303" s="2"/>
    </row>
    <row r="60304" spans="1:3" ht="19.2">
      <c r="A60304" s="2"/>
      <c r="B60304" s="2"/>
      <c r="C60304" s="2"/>
    </row>
    <row r="60305" spans="1:3" ht="19.2">
      <c r="A60305" s="2"/>
      <c r="B60305" s="2"/>
      <c r="C60305" s="2"/>
    </row>
    <row r="60306" spans="1:3" ht="19.2">
      <c r="A60306" s="2"/>
      <c r="B60306" s="2"/>
      <c r="C60306" s="2"/>
    </row>
    <row r="60307" spans="1:3" ht="19.2">
      <c r="A60307" s="2"/>
      <c r="B60307" s="2"/>
      <c r="C60307" s="2"/>
    </row>
    <row r="60308" spans="1:3" ht="19.2">
      <c r="A60308" s="2"/>
      <c r="B60308" s="2"/>
      <c r="C60308" s="2"/>
    </row>
    <row r="60309" spans="1:3" ht="19.2">
      <c r="A60309" s="2"/>
      <c r="B60309" s="2"/>
      <c r="C60309" s="2"/>
    </row>
    <row r="60310" spans="1:3" ht="19.2">
      <c r="A60310" s="2"/>
      <c r="B60310" s="2"/>
      <c r="C60310" s="2"/>
    </row>
    <row r="60311" spans="1:3" ht="19.2">
      <c r="A60311" s="2"/>
      <c r="B60311" s="2"/>
      <c r="C60311" s="2"/>
    </row>
    <row r="60312" spans="1:3" ht="19.2">
      <c r="A60312" s="2"/>
      <c r="B60312" s="2"/>
      <c r="C60312" s="2"/>
    </row>
    <row r="60313" spans="1:3" ht="19.2">
      <c r="A60313" s="2"/>
      <c r="B60313" s="2"/>
      <c r="C60313" s="2"/>
    </row>
    <row r="60314" spans="1:3" ht="19.2">
      <c r="A60314" s="2"/>
      <c r="B60314" s="2"/>
      <c r="C60314" s="2"/>
    </row>
    <row r="60315" spans="1:3" ht="19.2">
      <c r="A60315" s="2"/>
      <c r="B60315" s="2"/>
      <c r="C60315" s="2"/>
    </row>
    <row r="60316" spans="1:3" ht="19.2">
      <c r="A60316" s="2"/>
      <c r="B60316" s="2"/>
      <c r="C60316" s="2"/>
    </row>
    <row r="60317" spans="1:3" ht="19.2">
      <c r="A60317" s="2"/>
      <c r="B60317" s="2"/>
      <c r="C60317" s="2"/>
    </row>
    <row r="60318" spans="1:3" ht="19.2">
      <c r="A60318" s="2"/>
      <c r="B60318" s="2"/>
      <c r="C60318" s="2"/>
    </row>
    <row r="60319" spans="1:3" ht="19.2">
      <c r="A60319" s="2"/>
      <c r="B60319" s="2"/>
      <c r="C60319" s="2"/>
    </row>
    <row r="60320" spans="1:3" ht="19.2">
      <c r="A60320" s="2"/>
      <c r="B60320" s="2"/>
      <c r="C60320" s="2"/>
    </row>
    <row r="60321" spans="1:3" ht="19.2">
      <c r="A60321" s="2"/>
      <c r="B60321" s="2"/>
      <c r="C60321" s="2"/>
    </row>
    <row r="60322" spans="1:3" ht="19.2">
      <c r="A60322" s="2"/>
      <c r="B60322" s="2"/>
      <c r="C60322" s="2"/>
    </row>
    <row r="60323" spans="1:3" ht="19.2">
      <c r="A60323" s="2"/>
      <c r="B60323" s="2"/>
      <c r="C60323" s="2"/>
    </row>
    <row r="60324" spans="1:3" ht="19.2">
      <c r="A60324" s="2"/>
      <c r="B60324" s="2"/>
      <c r="C60324" s="2"/>
    </row>
    <row r="60325" spans="1:3" ht="19.2">
      <c r="A60325" s="2"/>
      <c r="B60325" s="2"/>
      <c r="C60325" s="2"/>
    </row>
    <row r="60326" spans="1:3" ht="19.2">
      <c r="A60326" s="2"/>
      <c r="B60326" s="2"/>
      <c r="C60326" s="2"/>
    </row>
    <row r="60327" spans="1:3" ht="19.2">
      <c r="A60327" s="2"/>
      <c r="B60327" s="2"/>
      <c r="C60327" s="2"/>
    </row>
    <row r="60328" spans="1:3" ht="19.2">
      <c r="A60328" s="2"/>
      <c r="B60328" s="2"/>
      <c r="C60328" s="2"/>
    </row>
    <row r="60329" spans="1:3" ht="19.2">
      <c r="A60329" s="2"/>
      <c r="B60329" s="2"/>
      <c r="C60329" s="2"/>
    </row>
    <row r="60330" spans="1:3" ht="19.2">
      <c r="A60330" s="2"/>
      <c r="B60330" s="2"/>
      <c r="C60330" s="2"/>
    </row>
    <row r="60331" spans="1:3" ht="19.2">
      <c r="A60331" s="2"/>
      <c r="B60331" s="2"/>
      <c r="C60331" s="2"/>
    </row>
    <row r="60332" spans="1:3" ht="19.2">
      <c r="A60332" s="2"/>
      <c r="B60332" s="2"/>
      <c r="C60332" s="2"/>
    </row>
    <row r="60333" spans="1:3" ht="19.2">
      <c r="A60333" s="2"/>
      <c r="B60333" s="2"/>
      <c r="C60333" s="2"/>
    </row>
    <row r="60334" spans="1:3" ht="19.2">
      <c r="A60334" s="2"/>
      <c r="B60334" s="2"/>
      <c r="C60334" s="2"/>
    </row>
    <row r="60335" spans="1:3" ht="19.2">
      <c r="A60335" s="2"/>
      <c r="B60335" s="2"/>
      <c r="C60335" s="2"/>
    </row>
    <row r="60336" spans="1:3" ht="19.2">
      <c r="A60336" s="2"/>
      <c r="B60336" s="2"/>
      <c r="C60336" s="2"/>
    </row>
    <row r="60337" spans="1:3" ht="19.2">
      <c r="A60337" s="2"/>
      <c r="B60337" s="2"/>
      <c r="C60337" s="2"/>
    </row>
    <row r="60338" spans="1:3" ht="19.2">
      <c r="A60338" s="2"/>
      <c r="B60338" s="2"/>
      <c r="C60338" s="2"/>
    </row>
    <row r="60339" spans="1:3" ht="19.2">
      <c r="A60339" s="2"/>
      <c r="B60339" s="2"/>
      <c r="C60339" s="2"/>
    </row>
    <row r="60340" spans="1:3" ht="19.2">
      <c r="A60340" s="2"/>
      <c r="B60340" s="2"/>
      <c r="C60340" s="2"/>
    </row>
    <row r="60341" spans="1:3" ht="19.2">
      <c r="A60341" s="2"/>
      <c r="B60341" s="2"/>
      <c r="C60341" s="2"/>
    </row>
    <row r="60342" spans="1:3" ht="19.2">
      <c r="A60342" s="2"/>
      <c r="B60342" s="2"/>
      <c r="C60342" s="2"/>
    </row>
    <row r="60343" spans="1:3" ht="19.2">
      <c r="A60343" s="2"/>
      <c r="B60343" s="2"/>
      <c r="C60343" s="2"/>
    </row>
    <row r="60344" spans="1:3" ht="19.2">
      <c r="A60344" s="2"/>
      <c r="B60344" s="2"/>
      <c r="C60344" s="2"/>
    </row>
    <row r="60345" spans="1:3" ht="19.2">
      <c r="A60345" s="2"/>
      <c r="B60345" s="2"/>
      <c r="C60345" s="2"/>
    </row>
    <row r="60346" spans="1:3" ht="19.2">
      <c r="A60346" s="2"/>
      <c r="B60346" s="2"/>
      <c r="C60346" s="2"/>
    </row>
    <row r="60347" spans="1:3" ht="19.2">
      <c r="A60347" s="2"/>
      <c r="B60347" s="2"/>
      <c r="C60347" s="2"/>
    </row>
    <row r="60348" spans="1:3" ht="19.2">
      <c r="A60348" s="2"/>
      <c r="B60348" s="2"/>
      <c r="C60348" s="2"/>
    </row>
    <row r="60349" spans="1:3" ht="19.2">
      <c r="A60349" s="2"/>
      <c r="B60349" s="2"/>
      <c r="C60349" s="2"/>
    </row>
    <row r="60350" spans="1:3" ht="19.2">
      <c r="A60350" s="2"/>
      <c r="B60350" s="2"/>
      <c r="C60350" s="2"/>
    </row>
    <row r="60351" spans="1:3" ht="19.2">
      <c r="A60351" s="2"/>
      <c r="B60351" s="2"/>
      <c r="C60351" s="2"/>
    </row>
    <row r="60352" spans="1:3" ht="19.2">
      <c r="A60352" s="2"/>
      <c r="B60352" s="2"/>
      <c r="C60352" s="2"/>
    </row>
    <row r="60353" spans="1:3" ht="19.2">
      <c r="A60353" s="2"/>
      <c r="B60353" s="2"/>
      <c r="C60353" s="2"/>
    </row>
    <row r="60354" spans="1:3" ht="19.2">
      <c r="A60354" s="2"/>
      <c r="B60354" s="2"/>
      <c r="C60354" s="2"/>
    </row>
    <row r="60355" spans="1:3" ht="19.2">
      <c r="A60355" s="2"/>
      <c r="B60355" s="2"/>
      <c r="C60355" s="2"/>
    </row>
    <row r="60356" spans="1:3" ht="19.2">
      <c r="A60356" s="2"/>
      <c r="B60356" s="2"/>
      <c r="C60356" s="2"/>
    </row>
    <row r="60357" spans="1:3" ht="19.2">
      <c r="A60357" s="2"/>
      <c r="B60357" s="2"/>
      <c r="C60357" s="2"/>
    </row>
    <row r="60358" spans="1:3" ht="19.2">
      <c r="A60358" s="2"/>
      <c r="B60358" s="2"/>
      <c r="C60358" s="2"/>
    </row>
    <row r="60359" spans="1:3" ht="19.2">
      <c r="A60359" s="2"/>
      <c r="B60359" s="2"/>
      <c r="C60359" s="2"/>
    </row>
    <row r="60360" spans="1:3" ht="19.2">
      <c r="A60360" s="2"/>
      <c r="B60360" s="2"/>
      <c r="C60360" s="2"/>
    </row>
    <row r="60361" spans="1:3" ht="19.2">
      <c r="A60361" s="2"/>
      <c r="B60361" s="2"/>
      <c r="C60361" s="2"/>
    </row>
    <row r="60362" spans="1:3" ht="19.2">
      <c r="A60362" s="2"/>
      <c r="B60362" s="2"/>
      <c r="C60362" s="2"/>
    </row>
    <row r="60363" spans="1:3" ht="19.2">
      <c r="A60363" s="2"/>
      <c r="B60363" s="2"/>
      <c r="C60363" s="2"/>
    </row>
    <row r="60364" spans="1:3" ht="19.2">
      <c r="A60364" s="2"/>
      <c r="B60364" s="2"/>
      <c r="C60364" s="2"/>
    </row>
    <row r="60365" spans="1:3" ht="19.2">
      <c r="A60365" s="2"/>
      <c r="B60365" s="2"/>
      <c r="C60365" s="2"/>
    </row>
    <row r="60366" spans="1:3" ht="19.2">
      <c r="A60366" s="2"/>
      <c r="B60366" s="2"/>
      <c r="C60366" s="2"/>
    </row>
    <row r="60367" spans="1:3" ht="19.2">
      <c r="A60367" s="2"/>
      <c r="B60367" s="2"/>
      <c r="C60367" s="2"/>
    </row>
    <row r="60368" spans="1:3" ht="19.2">
      <c r="A60368" s="2"/>
      <c r="B60368" s="2"/>
      <c r="C60368" s="2"/>
    </row>
    <row r="60369" spans="1:3" ht="19.2">
      <c r="A60369" s="2"/>
      <c r="B60369" s="2"/>
      <c r="C60369" s="2"/>
    </row>
    <row r="60370" spans="1:3" ht="19.2">
      <c r="A60370" s="2"/>
      <c r="B60370" s="2"/>
      <c r="C60370" s="2"/>
    </row>
    <row r="60371" spans="1:3" ht="19.2">
      <c r="A60371" s="2"/>
      <c r="B60371" s="2"/>
      <c r="C60371" s="2"/>
    </row>
    <row r="60372" spans="1:3" ht="19.2">
      <c r="A60372" s="2"/>
      <c r="B60372" s="2"/>
      <c r="C60372" s="2"/>
    </row>
    <row r="60373" spans="1:3" ht="19.2">
      <c r="A60373" s="2"/>
      <c r="B60373" s="2"/>
      <c r="C60373" s="2"/>
    </row>
    <row r="60374" spans="1:3" ht="19.2">
      <c r="A60374" s="2"/>
      <c r="B60374" s="2"/>
      <c r="C60374" s="2"/>
    </row>
    <row r="60375" spans="1:3" ht="19.2">
      <c r="A60375" s="2"/>
      <c r="B60375" s="2"/>
      <c r="C60375" s="2"/>
    </row>
    <row r="60376" spans="1:3" ht="19.2">
      <c r="A60376" s="2"/>
      <c r="B60376" s="2"/>
      <c r="C60376" s="2"/>
    </row>
    <row r="60377" spans="1:3" ht="19.2">
      <c r="A60377" s="2"/>
      <c r="B60377" s="2"/>
      <c r="C60377" s="2"/>
    </row>
    <row r="60378" spans="1:3" ht="19.2">
      <c r="A60378" s="2"/>
      <c r="B60378" s="2"/>
      <c r="C60378" s="2"/>
    </row>
    <row r="60379" spans="1:3" ht="19.2">
      <c r="A60379" s="2"/>
      <c r="B60379" s="2"/>
      <c r="C60379" s="2"/>
    </row>
    <row r="60380" spans="1:3" ht="19.2">
      <c r="A60380" s="2"/>
      <c r="B60380" s="2"/>
      <c r="C60380" s="2"/>
    </row>
    <row r="60381" spans="1:3" ht="19.2">
      <c r="A60381" s="2"/>
      <c r="B60381" s="2"/>
      <c r="C60381" s="2"/>
    </row>
    <row r="60382" spans="1:3" ht="19.2">
      <c r="A60382" s="2"/>
      <c r="B60382" s="2"/>
      <c r="C60382" s="2"/>
    </row>
    <row r="60383" spans="1:3" ht="19.2">
      <c r="A60383" s="2"/>
      <c r="B60383" s="2"/>
      <c r="C60383" s="2"/>
    </row>
    <row r="60384" spans="1:3" ht="19.2">
      <c r="A60384" s="2"/>
      <c r="B60384" s="2"/>
      <c r="C60384" s="2"/>
    </row>
    <row r="60385" spans="1:3" ht="19.2">
      <c r="A60385" s="2"/>
      <c r="B60385" s="2"/>
      <c r="C60385" s="2"/>
    </row>
    <row r="60386" spans="1:3" ht="19.2">
      <c r="A60386" s="2"/>
      <c r="B60386" s="2"/>
      <c r="C60386" s="2"/>
    </row>
    <row r="60387" spans="1:3" ht="19.2">
      <c r="A60387" s="2"/>
      <c r="B60387" s="2"/>
      <c r="C60387" s="2"/>
    </row>
    <row r="60388" spans="1:3" ht="19.2">
      <c r="A60388" s="2"/>
      <c r="B60388" s="2"/>
      <c r="C60388" s="2"/>
    </row>
    <row r="60389" spans="1:3" ht="19.2">
      <c r="A60389" s="2"/>
      <c r="B60389" s="2"/>
      <c r="C60389" s="2"/>
    </row>
    <row r="60390" spans="1:3" ht="19.2">
      <c r="A60390" s="2"/>
      <c r="B60390" s="2"/>
      <c r="C60390" s="2"/>
    </row>
    <row r="60391" spans="1:3" ht="19.2">
      <c r="A60391" s="2"/>
      <c r="B60391" s="2"/>
      <c r="C60391" s="2"/>
    </row>
    <row r="60392" spans="1:3" ht="19.2">
      <c r="A60392" s="2"/>
      <c r="B60392" s="2"/>
      <c r="C60392" s="2"/>
    </row>
    <row r="60393" spans="1:3" ht="19.2">
      <c r="A60393" s="2"/>
      <c r="B60393" s="2"/>
      <c r="C60393" s="2"/>
    </row>
    <row r="60394" spans="1:3" ht="19.2">
      <c r="A60394" s="2"/>
      <c r="B60394" s="2"/>
      <c r="C60394" s="2"/>
    </row>
    <row r="60395" spans="1:3" ht="19.2">
      <c r="A60395" s="2"/>
      <c r="B60395" s="2"/>
      <c r="C60395" s="2"/>
    </row>
    <row r="60396" spans="1:3" ht="19.2">
      <c r="A60396" s="2"/>
      <c r="B60396" s="2"/>
      <c r="C60396" s="2"/>
    </row>
    <row r="60397" spans="1:3" ht="19.2">
      <c r="A60397" s="2"/>
      <c r="B60397" s="2"/>
      <c r="C60397" s="2"/>
    </row>
    <row r="60398" spans="1:3" ht="19.2">
      <c r="A60398" s="2"/>
      <c r="B60398" s="2"/>
      <c r="C60398" s="2"/>
    </row>
    <row r="60399" spans="1:3" ht="19.2">
      <c r="A60399" s="2"/>
      <c r="B60399" s="2"/>
      <c r="C60399" s="2"/>
    </row>
    <row r="60400" spans="1:3" ht="19.2">
      <c r="A60400" s="2"/>
      <c r="B60400" s="2"/>
      <c r="C60400" s="2"/>
    </row>
    <row r="60401" spans="1:3" ht="19.2">
      <c r="A60401" s="2"/>
      <c r="B60401" s="2"/>
      <c r="C60401" s="2"/>
    </row>
    <row r="60402" spans="1:3" ht="19.2">
      <c r="A60402" s="2"/>
      <c r="B60402" s="2"/>
      <c r="C60402" s="2"/>
    </row>
    <row r="60403" spans="1:3" ht="19.2">
      <c r="A60403" s="2"/>
      <c r="B60403" s="2"/>
      <c r="C60403" s="2"/>
    </row>
    <row r="60404" spans="1:3" ht="19.2">
      <c r="A60404" s="2"/>
      <c r="B60404" s="2"/>
      <c r="C60404" s="2"/>
    </row>
    <row r="60405" spans="1:3" ht="19.2">
      <c r="A60405" s="2"/>
      <c r="B60405" s="2"/>
      <c r="C60405" s="2"/>
    </row>
    <row r="60406" spans="1:3" ht="19.2">
      <c r="A60406" s="2"/>
      <c r="B60406" s="2"/>
      <c r="C60406" s="2"/>
    </row>
    <row r="60407" spans="1:3" ht="19.2">
      <c r="A60407" s="2"/>
      <c r="B60407" s="2"/>
      <c r="C60407" s="2"/>
    </row>
    <row r="60408" spans="1:3" ht="19.2">
      <c r="A60408" s="2"/>
      <c r="B60408" s="2"/>
      <c r="C60408" s="2"/>
    </row>
    <row r="60409" spans="1:3" ht="19.2">
      <c r="A60409" s="2"/>
      <c r="B60409" s="2"/>
      <c r="C60409" s="2"/>
    </row>
    <row r="60410" spans="1:3" ht="19.2">
      <c r="A60410" s="2"/>
      <c r="B60410" s="2"/>
      <c r="C60410" s="2"/>
    </row>
    <row r="60411" spans="1:3" ht="19.2">
      <c r="A60411" s="2"/>
      <c r="B60411" s="2"/>
      <c r="C60411" s="2"/>
    </row>
    <row r="60412" spans="1:3" ht="19.2">
      <c r="A60412" s="2"/>
      <c r="B60412" s="2"/>
      <c r="C60412" s="2"/>
    </row>
    <row r="60413" spans="1:3" ht="19.2">
      <c r="A60413" s="2"/>
      <c r="B60413" s="2"/>
      <c r="C60413" s="2"/>
    </row>
    <row r="60414" spans="1:3" ht="19.2">
      <c r="A60414" s="2"/>
      <c r="B60414" s="2"/>
      <c r="C60414" s="2"/>
    </row>
    <row r="60415" spans="1:3" ht="19.2">
      <c r="A60415" s="2"/>
      <c r="B60415" s="2"/>
      <c r="C60415" s="2"/>
    </row>
    <row r="60416" spans="1:3" ht="19.2">
      <c r="A60416" s="2"/>
      <c r="B60416" s="2"/>
      <c r="C60416" s="2"/>
    </row>
    <row r="60417" spans="1:3" ht="19.2">
      <c r="A60417" s="2"/>
      <c r="B60417" s="2"/>
      <c r="C60417" s="2"/>
    </row>
    <row r="60418" spans="1:3" ht="19.2">
      <c r="A60418" s="2"/>
      <c r="B60418" s="2"/>
      <c r="C60418" s="2"/>
    </row>
    <row r="60419" spans="1:3" ht="19.2">
      <c r="A60419" s="2"/>
      <c r="B60419" s="2"/>
      <c r="C60419" s="2"/>
    </row>
    <row r="60420" spans="1:3" ht="19.2">
      <c r="A60420" s="2"/>
      <c r="B60420" s="2"/>
      <c r="C60420" s="2"/>
    </row>
    <row r="60421" spans="1:3" ht="19.2">
      <c r="A60421" s="2"/>
      <c r="B60421" s="2"/>
      <c r="C60421" s="2"/>
    </row>
    <row r="60422" spans="1:3" ht="19.2">
      <c r="A60422" s="2"/>
      <c r="B60422" s="2"/>
      <c r="C60422" s="2"/>
    </row>
    <row r="60423" spans="1:3" ht="19.2">
      <c r="A60423" s="2"/>
      <c r="B60423" s="2"/>
      <c r="C60423" s="2"/>
    </row>
    <row r="60424" spans="1:3" ht="19.2">
      <c r="A60424" s="2"/>
      <c r="B60424" s="2"/>
      <c r="C60424" s="2"/>
    </row>
    <row r="60425" spans="1:3" ht="19.2">
      <c r="A60425" s="2"/>
      <c r="B60425" s="2"/>
      <c r="C60425" s="2"/>
    </row>
    <row r="60426" spans="1:3" ht="19.2">
      <c r="A60426" s="2"/>
      <c r="B60426" s="2"/>
      <c r="C60426" s="2"/>
    </row>
    <row r="60427" spans="1:3" ht="19.2">
      <c r="A60427" s="2"/>
      <c r="B60427" s="2"/>
      <c r="C60427" s="2"/>
    </row>
    <row r="60428" spans="1:3" ht="19.2">
      <c r="A60428" s="2"/>
      <c r="B60428" s="2"/>
      <c r="C60428" s="2"/>
    </row>
    <row r="60429" spans="1:3" ht="19.2">
      <c r="A60429" s="2"/>
      <c r="B60429" s="2"/>
      <c r="C60429" s="2"/>
    </row>
    <row r="60430" spans="1:3" ht="19.2">
      <c r="A60430" s="2"/>
      <c r="B60430" s="2"/>
      <c r="C60430" s="2"/>
    </row>
    <row r="60431" spans="1:3" ht="19.2">
      <c r="A60431" s="2"/>
      <c r="B60431" s="2"/>
      <c r="C60431" s="2"/>
    </row>
    <row r="60432" spans="1:3" ht="19.2">
      <c r="A60432" s="2"/>
      <c r="B60432" s="2"/>
      <c r="C60432" s="2"/>
    </row>
    <row r="60433" spans="1:3" ht="19.2">
      <c r="A60433" s="2"/>
      <c r="B60433" s="2"/>
      <c r="C60433" s="2"/>
    </row>
    <row r="60434" spans="1:3" ht="19.2">
      <c r="A60434" s="2"/>
      <c r="B60434" s="2"/>
      <c r="C60434" s="2"/>
    </row>
    <row r="60435" spans="1:3" ht="19.2">
      <c r="A60435" s="2"/>
      <c r="B60435" s="2"/>
      <c r="C60435" s="2"/>
    </row>
    <row r="60436" spans="1:3" ht="19.2">
      <c r="A60436" s="2"/>
      <c r="B60436" s="2"/>
      <c r="C60436" s="2"/>
    </row>
    <row r="60437" spans="1:3" ht="19.2">
      <c r="A60437" s="2"/>
      <c r="B60437" s="2"/>
      <c r="C60437" s="2"/>
    </row>
    <row r="60438" spans="1:3" ht="19.2">
      <c r="A60438" s="2"/>
      <c r="B60438" s="2"/>
      <c r="C60438" s="2"/>
    </row>
    <row r="60439" spans="1:3" ht="19.2">
      <c r="A60439" s="2"/>
      <c r="B60439" s="2"/>
      <c r="C60439" s="2"/>
    </row>
    <row r="60440" spans="1:3" ht="19.2">
      <c r="A60440" s="2"/>
      <c r="B60440" s="2"/>
      <c r="C60440" s="2"/>
    </row>
    <row r="60441" spans="1:3" ht="19.2">
      <c r="A60441" s="2"/>
      <c r="B60441" s="2"/>
      <c r="C60441" s="2"/>
    </row>
    <row r="60442" spans="1:3" ht="19.2">
      <c r="A60442" s="2"/>
      <c r="B60442" s="2"/>
      <c r="C60442" s="2"/>
    </row>
    <row r="60443" spans="1:3" ht="19.2">
      <c r="A60443" s="2"/>
      <c r="B60443" s="2"/>
      <c r="C60443" s="2"/>
    </row>
    <row r="60444" spans="1:3" ht="19.2">
      <c r="A60444" s="2"/>
      <c r="B60444" s="2"/>
      <c r="C60444" s="2"/>
    </row>
    <row r="60445" spans="1:3" ht="19.2">
      <c r="A60445" s="2"/>
      <c r="B60445" s="2"/>
      <c r="C60445" s="2"/>
    </row>
    <row r="60446" spans="1:3" ht="19.2">
      <c r="A60446" s="2"/>
      <c r="B60446" s="2"/>
      <c r="C60446" s="2"/>
    </row>
    <row r="60447" spans="1:3" ht="19.2">
      <c r="A60447" s="2"/>
      <c r="B60447" s="2"/>
      <c r="C60447" s="2"/>
    </row>
    <row r="60448" spans="1:3" ht="19.2">
      <c r="A60448" s="2"/>
      <c r="B60448" s="2"/>
      <c r="C60448" s="2"/>
    </row>
    <row r="60449" spans="1:3" ht="19.2">
      <c r="A60449" s="2"/>
      <c r="B60449" s="2"/>
      <c r="C60449" s="2"/>
    </row>
    <row r="60450" spans="1:3" ht="19.2">
      <c r="A60450" s="2"/>
      <c r="B60450" s="2"/>
      <c r="C60450" s="2"/>
    </row>
    <row r="60451" spans="1:3" ht="19.2">
      <c r="A60451" s="2"/>
      <c r="B60451" s="2"/>
      <c r="C60451" s="2"/>
    </row>
    <row r="60452" spans="1:3" ht="19.2">
      <c r="A60452" s="2"/>
      <c r="B60452" s="2"/>
      <c r="C60452" s="2"/>
    </row>
    <row r="60453" spans="1:3" ht="19.2">
      <c r="A60453" s="2"/>
      <c r="B60453" s="2"/>
      <c r="C60453" s="2"/>
    </row>
    <row r="60454" spans="1:3" ht="19.2">
      <c r="A60454" s="2"/>
      <c r="B60454" s="2"/>
      <c r="C60454" s="2"/>
    </row>
    <row r="60455" spans="1:3" ht="19.2">
      <c r="A60455" s="2"/>
      <c r="B60455" s="2"/>
      <c r="C60455" s="2"/>
    </row>
    <row r="60456" spans="1:3" ht="19.2">
      <c r="A60456" s="2"/>
      <c r="B60456" s="2"/>
      <c r="C60456" s="2"/>
    </row>
    <row r="60457" spans="1:3" ht="19.2">
      <c r="A60457" s="2"/>
      <c r="B60457" s="2"/>
      <c r="C60457" s="2"/>
    </row>
    <row r="60458" spans="1:3" ht="19.2">
      <c r="A60458" s="2"/>
      <c r="B60458" s="2"/>
      <c r="C60458" s="2"/>
    </row>
    <row r="60459" spans="1:3" ht="19.2">
      <c r="A60459" s="2"/>
      <c r="B60459" s="2"/>
      <c r="C60459" s="2"/>
    </row>
    <row r="60460" spans="1:3" ht="19.2">
      <c r="A60460" s="2"/>
      <c r="B60460" s="2"/>
      <c r="C60460" s="2"/>
    </row>
    <row r="60461" spans="1:3" ht="19.2">
      <c r="A60461" s="2"/>
      <c r="B60461" s="2"/>
      <c r="C60461" s="2"/>
    </row>
    <row r="60462" spans="1:3" ht="19.2">
      <c r="A60462" s="2"/>
      <c r="B60462" s="2"/>
      <c r="C60462" s="2"/>
    </row>
    <row r="60463" spans="1:3" ht="19.2">
      <c r="A60463" s="2"/>
      <c r="B60463" s="2"/>
      <c r="C60463" s="2"/>
    </row>
    <row r="60464" spans="1:3" ht="19.2">
      <c r="A60464" s="2"/>
      <c r="B60464" s="2"/>
      <c r="C60464" s="2"/>
    </row>
    <row r="60465" spans="1:3" ht="19.2">
      <c r="A60465" s="2"/>
      <c r="B60465" s="2"/>
      <c r="C60465" s="2"/>
    </row>
    <row r="60466" spans="1:3" ht="19.2">
      <c r="A60466" s="2"/>
      <c r="B60466" s="2"/>
      <c r="C60466" s="2"/>
    </row>
    <row r="60467" spans="1:3" ht="19.2">
      <c r="A60467" s="2"/>
      <c r="B60467" s="2"/>
      <c r="C60467" s="2"/>
    </row>
    <row r="60468" spans="1:3" ht="19.2">
      <c r="A60468" s="2"/>
      <c r="B60468" s="2"/>
      <c r="C60468" s="2"/>
    </row>
    <row r="60469" spans="1:3" ht="19.2">
      <c r="A60469" s="2"/>
      <c r="B60469" s="2"/>
      <c r="C60469" s="2"/>
    </row>
    <row r="60470" spans="1:3" ht="19.2">
      <c r="A60470" s="2"/>
      <c r="B60470" s="2"/>
      <c r="C60470" s="2"/>
    </row>
    <row r="60471" spans="1:3" ht="19.2">
      <c r="A60471" s="2"/>
      <c r="B60471" s="2"/>
      <c r="C60471" s="2"/>
    </row>
    <row r="60472" spans="1:3" ht="19.2">
      <c r="A60472" s="2"/>
      <c r="B60472" s="2"/>
      <c r="C60472" s="2"/>
    </row>
    <row r="60473" spans="1:3" ht="19.2">
      <c r="A60473" s="2"/>
      <c r="B60473" s="2"/>
      <c r="C60473" s="2"/>
    </row>
    <row r="60474" spans="1:3" ht="19.2">
      <c r="A60474" s="2"/>
      <c r="B60474" s="2"/>
      <c r="C60474" s="2"/>
    </row>
    <row r="60475" spans="1:3" ht="19.2">
      <c r="A60475" s="2"/>
      <c r="B60475" s="2"/>
      <c r="C60475" s="2"/>
    </row>
    <row r="60476" spans="1:3" ht="19.2">
      <c r="A60476" s="2"/>
      <c r="B60476" s="2"/>
      <c r="C60476" s="2"/>
    </row>
    <row r="60477" spans="1:3" ht="19.2">
      <c r="A60477" s="2"/>
      <c r="B60477" s="2"/>
      <c r="C60477" s="2"/>
    </row>
    <row r="60478" spans="1:3" ht="19.2">
      <c r="A60478" s="2"/>
      <c r="B60478" s="2"/>
      <c r="C60478" s="2"/>
    </row>
    <row r="60479" spans="1:3" ht="19.2">
      <c r="A60479" s="2"/>
      <c r="B60479" s="2"/>
      <c r="C60479" s="2"/>
    </row>
    <row r="60480" spans="1:3" ht="19.2">
      <c r="A60480" s="2"/>
      <c r="B60480" s="2"/>
      <c r="C60480" s="2"/>
    </row>
    <row r="60481" spans="1:3" ht="19.2">
      <c r="A60481" s="2"/>
      <c r="B60481" s="2"/>
      <c r="C60481" s="2"/>
    </row>
    <row r="60482" spans="1:3" ht="19.2">
      <c r="A60482" s="2"/>
      <c r="B60482" s="2"/>
      <c r="C60482" s="2"/>
    </row>
    <row r="60483" spans="1:3" ht="19.2">
      <c r="A60483" s="2"/>
      <c r="B60483" s="2"/>
      <c r="C60483" s="2"/>
    </row>
    <row r="60484" spans="1:3" ht="19.2">
      <c r="A60484" s="2"/>
      <c r="B60484" s="2"/>
      <c r="C60484" s="2"/>
    </row>
    <row r="60485" spans="1:3" ht="19.2">
      <c r="A60485" s="2"/>
      <c r="B60485" s="2"/>
      <c r="C60485" s="2"/>
    </row>
    <row r="60486" spans="1:3" ht="19.2">
      <c r="A60486" s="2"/>
      <c r="B60486" s="2"/>
      <c r="C60486" s="2"/>
    </row>
    <row r="60487" spans="1:3" ht="19.2">
      <c r="A60487" s="2"/>
      <c r="B60487" s="2"/>
      <c r="C60487" s="2"/>
    </row>
    <row r="60488" spans="1:3" ht="19.2">
      <c r="A60488" s="2"/>
      <c r="B60488" s="2"/>
      <c r="C60488" s="2"/>
    </row>
    <row r="60489" spans="1:3" ht="19.2">
      <c r="A60489" s="2"/>
      <c r="B60489" s="2"/>
      <c r="C60489" s="2"/>
    </row>
    <row r="60490" spans="1:3" ht="19.2">
      <c r="A60490" s="2"/>
      <c r="B60490" s="2"/>
      <c r="C60490" s="2"/>
    </row>
    <row r="60491" spans="1:3" ht="19.2">
      <c r="A60491" s="2"/>
      <c r="B60491" s="2"/>
      <c r="C60491" s="2"/>
    </row>
    <row r="60492" spans="1:3" ht="19.2">
      <c r="A60492" s="2"/>
      <c r="B60492" s="2"/>
      <c r="C60492" s="2"/>
    </row>
    <row r="60493" spans="1:3" ht="19.2">
      <c r="A60493" s="2"/>
      <c r="B60493" s="2"/>
      <c r="C60493" s="2"/>
    </row>
    <row r="60494" spans="1:3" ht="19.2">
      <c r="A60494" s="2"/>
      <c r="B60494" s="2"/>
      <c r="C60494" s="2"/>
    </row>
    <row r="60495" spans="1:3" ht="19.2">
      <c r="A60495" s="2"/>
      <c r="B60495" s="2"/>
      <c r="C60495" s="2"/>
    </row>
    <row r="60496" spans="1:3" ht="19.2">
      <c r="A60496" s="2"/>
      <c r="B60496" s="2"/>
      <c r="C60496" s="2"/>
    </row>
    <row r="60497" spans="1:3" ht="19.2">
      <c r="A60497" s="2"/>
      <c r="B60497" s="2"/>
      <c r="C60497" s="2"/>
    </row>
    <row r="60498" spans="1:3" ht="19.2">
      <c r="A60498" s="2"/>
      <c r="B60498" s="2"/>
      <c r="C60498" s="2"/>
    </row>
    <row r="60499" spans="1:3" ht="19.2">
      <c r="A60499" s="2"/>
      <c r="B60499" s="2"/>
      <c r="C60499" s="2"/>
    </row>
    <row r="60500" spans="1:3" ht="19.2">
      <c r="A60500" s="2"/>
      <c r="B60500" s="2"/>
      <c r="C60500" s="2"/>
    </row>
    <row r="60501" spans="1:3" ht="19.2">
      <c r="A60501" s="2"/>
      <c r="B60501" s="2"/>
      <c r="C60501" s="2"/>
    </row>
    <row r="60502" spans="1:3" ht="19.2">
      <c r="A60502" s="2"/>
      <c r="B60502" s="2"/>
      <c r="C60502" s="2"/>
    </row>
    <row r="60503" spans="1:3" ht="19.2">
      <c r="A60503" s="2"/>
      <c r="B60503" s="2"/>
      <c r="C60503" s="2"/>
    </row>
    <row r="60504" spans="1:3" ht="19.2">
      <c r="A60504" s="2"/>
      <c r="B60504" s="2"/>
      <c r="C60504" s="2"/>
    </row>
    <row r="60505" spans="1:3" ht="19.2">
      <c r="A60505" s="2"/>
      <c r="B60505" s="2"/>
      <c r="C60505" s="2"/>
    </row>
    <row r="60506" spans="1:3" ht="19.2">
      <c r="A60506" s="2"/>
      <c r="B60506" s="2"/>
      <c r="C60506" s="2"/>
    </row>
    <row r="60507" spans="1:3" ht="19.2">
      <c r="A60507" s="2"/>
      <c r="B60507" s="2"/>
      <c r="C60507" s="2"/>
    </row>
    <row r="60508" spans="1:3" ht="19.2">
      <c r="A60508" s="2"/>
      <c r="B60508" s="2"/>
      <c r="C60508" s="2"/>
    </row>
    <row r="60509" spans="1:3" ht="19.2">
      <c r="A60509" s="2"/>
      <c r="B60509" s="2"/>
      <c r="C60509" s="2"/>
    </row>
    <row r="60510" spans="1:3" ht="19.2">
      <c r="A60510" s="2"/>
      <c r="B60510" s="2"/>
      <c r="C60510" s="2"/>
    </row>
    <row r="60511" spans="1:3" ht="19.2">
      <c r="A60511" s="2"/>
      <c r="B60511" s="2"/>
      <c r="C60511" s="2"/>
    </row>
    <row r="60512" spans="1:3" ht="19.2">
      <c r="A60512" s="2"/>
      <c r="B60512" s="2"/>
      <c r="C60512" s="2"/>
    </row>
    <row r="60513" spans="1:3" ht="19.2">
      <c r="A60513" s="2"/>
      <c r="B60513" s="2"/>
      <c r="C60513" s="2"/>
    </row>
    <row r="60514" spans="1:3" ht="19.2">
      <c r="A60514" s="2"/>
      <c r="B60514" s="2"/>
      <c r="C60514" s="2"/>
    </row>
    <row r="60515" spans="1:3" ht="19.2">
      <c r="A60515" s="2"/>
      <c r="B60515" s="2"/>
      <c r="C60515" s="2"/>
    </row>
    <row r="60516" spans="1:3" ht="19.2">
      <c r="A60516" s="2"/>
      <c r="B60516" s="2"/>
      <c r="C60516" s="2"/>
    </row>
    <row r="60517" spans="1:3" ht="19.2">
      <c r="A60517" s="2"/>
      <c r="B60517" s="2"/>
      <c r="C60517" s="2"/>
    </row>
    <row r="60518" spans="1:3" ht="19.2">
      <c r="A60518" s="2"/>
      <c r="B60518" s="2"/>
      <c r="C60518" s="2"/>
    </row>
    <row r="60519" spans="1:3" ht="19.2">
      <c r="A60519" s="2"/>
      <c r="B60519" s="2"/>
      <c r="C60519" s="2"/>
    </row>
    <row r="60520" spans="1:3" ht="19.2">
      <c r="A60520" s="2"/>
      <c r="B60520" s="2"/>
      <c r="C60520" s="2"/>
    </row>
    <row r="60521" spans="1:3" ht="19.2">
      <c r="A60521" s="2"/>
      <c r="B60521" s="2"/>
      <c r="C60521" s="2"/>
    </row>
    <row r="60522" spans="1:3" ht="19.2">
      <c r="A60522" s="2"/>
      <c r="B60522" s="2"/>
      <c r="C60522" s="2"/>
    </row>
    <row r="60523" spans="1:3" ht="19.2">
      <c r="A60523" s="2"/>
      <c r="B60523" s="2"/>
      <c r="C60523" s="2"/>
    </row>
    <row r="60524" spans="1:3" ht="19.2">
      <c r="A60524" s="2"/>
      <c r="B60524" s="2"/>
      <c r="C60524" s="2"/>
    </row>
    <row r="60525" spans="1:3" ht="19.2">
      <c r="A60525" s="2"/>
      <c r="B60525" s="2"/>
      <c r="C60525" s="2"/>
    </row>
    <row r="60526" spans="1:3" ht="19.2">
      <c r="A60526" s="2"/>
      <c r="B60526" s="2"/>
      <c r="C60526" s="2"/>
    </row>
    <row r="60527" spans="1:3" ht="19.2">
      <c r="A60527" s="2"/>
      <c r="B60527" s="2"/>
      <c r="C60527" s="2"/>
    </row>
    <row r="60528" spans="1:3" ht="19.2">
      <c r="A60528" s="2"/>
      <c r="B60528" s="2"/>
      <c r="C60528" s="2"/>
    </row>
    <row r="60529" spans="1:3" ht="19.2">
      <c r="A60529" s="2"/>
      <c r="B60529" s="2"/>
      <c r="C60529" s="2"/>
    </row>
    <row r="60530" spans="1:3" ht="19.2">
      <c r="A60530" s="2"/>
      <c r="B60530" s="2"/>
      <c r="C60530" s="2"/>
    </row>
    <row r="60531" spans="1:3" ht="19.2">
      <c r="A60531" s="2"/>
      <c r="B60531" s="2"/>
      <c r="C60531" s="2"/>
    </row>
    <row r="60532" spans="1:3" ht="19.2">
      <c r="A60532" s="2"/>
      <c r="B60532" s="2"/>
      <c r="C60532" s="2"/>
    </row>
    <row r="60533" spans="1:3" ht="19.2">
      <c r="A60533" s="2"/>
      <c r="B60533" s="2"/>
      <c r="C60533" s="2"/>
    </row>
    <row r="60534" spans="1:3" ht="19.2">
      <c r="A60534" s="2"/>
      <c r="B60534" s="2"/>
      <c r="C60534" s="2"/>
    </row>
    <row r="60535" spans="1:3" ht="19.2">
      <c r="A60535" s="2"/>
      <c r="B60535" s="2"/>
      <c r="C60535" s="2"/>
    </row>
    <row r="60536" spans="1:3" ht="19.2">
      <c r="A60536" s="2"/>
      <c r="B60536" s="2"/>
      <c r="C60536" s="2"/>
    </row>
    <row r="60537" spans="1:3" ht="19.2">
      <c r="A60537" s="2"/>
      <c r="B60537" s="2"/>
      <c r="C60537" s="2"/>
    </row>
    <row r="60538" spans="1:3" ht="19.2">
      <c r="A60538" s="2"/>
      <c r="B60538" s="2"/>
      <c r="C60538" s="2"/>
    </row>
    <row r="60539" spans="1:3" ht="19.2">
      <c r="A60539" s="2"/>
      <c r="B60539" s="2"/>
      <c r="C60539" s="2"/>
    </row>
    <row r="60540" spans="1:3" ht="19.2">
      <c r="A60540" s="2"/>
      <c r="B60540" s="2"/>
      <c r="C60540" s="2"/>
    </row>
    <row r="60541" spans="1:3" ht="19.2">
      <c r="A60541" s="2"/>
      <c r="B60541" s="2"/>
      <c r="C60541" s="2"/>
    </row>
    <row r="60542" spans="1:3" ht="19.2">
      <c r="A60542" s="2"/>
      <c r="B60542" s="2"/>
      <c r="C60542" s="2"/>
    </row>
    <row r="60543" spans="1:3" ht="19.2">
      <c r="A60543" s="2"/>
      <c r="B60543" s="2"/>
      <c r="C60543" s="2"/>
    </row>
    <row r="60544" spans="1:3" ht="19.2">
      <c r="A60544" s="2"/>
      <c r="B60544" s="2"/>
      <c r="C60544" s="2"/>
    </row>
    <row r="60545" spans="1:3" ht="19.2">
      <c r="A60545" s="2"/>
      <c r="B60545" s="2"/>
      <c r="C60545" s="2"/>
    </row>
    <row r="60546" spans="1:3" ht="19.2">
      <c r="A60546" s="2"/>
      <c r="B60546" s="2"/>
      <c r="C60546" s="2"/>
    </row>
    <row r="60547" spans="1:3" ht="19.2">
      <c r="A60547" s="2"/>
      <c r="B60547" s="2"/>
      <c r="C60547" s="2"/>
    </row>
    <row r="60548" spans="1:3" ht="19.2">
      <c r="A60548" s="2"/>
      <c r="B60548" s="2"/>
      <c r="C60548" s="2"/>
    </row>
    <row r="60549" spans="1:3" ht="19.2">
      <c r="A60549" s="2"/>
      <c r="B60549" s="2"/>
      <c r="C60549" s="2"/>
    </row>
    <row r="60550" spans="1:3" ht="19.2">
      <c r="A60550" s="2"/>
      <c r="B60550" s="2"/>
      <c r="C60550" s="2"/>
    </row>
    <row r="60551" spans="1:3" ht="19.2">
      <c r="A60551" s="2"/>
      <c r="B60551" s="2"/>
      <c r="C60551" s="2"/>
    </row>
    <row r="60552" spans="1:3" ht="19.2">
      <c r="A60552" s="2"/>
      <c r="B60552" s="2"/>
      <c r="C60552" s="2"/>
    </row>
    <row r="60553" spans="1:3" ht="19.2">
      <c r="A60553" s="2"/>
      <c r="B60553" s="2"/>
      <c r="C60553" s="2"/>
    </row>
    <row r="60554" spans="1:3" ht="19.2">
      <c r="A60554" s="2"/>
      <c r="B60554" s="2"/>
      <c r="C60554" s="2"/>
    </row>
    <row r="60555" spans="1:3" ht="19.2">
      <c r="A60555" s="2"/>
      <c r="B60555" s="2"/>
      <c r="C60555" s="2"/>
    </row>
    <row r="60556" spans="1:3" ht="19.2">
      <c r="A60556" s="2"/>
      <c r="B60556" s="2"/>
      <c r="C60556" s="2"/>
    </row>
    <row r="60557" spans="1:3" ht="19.2">
      <c r="A60557" s="2"/>
      <c r="B60557" s="2"/>
      <c r="C60557" s="2"/>
    </row>
    <row r="60558" spans="1:3" ht="19.2">
      <c r="A60558" s="2"/>
      <c r="B60558" s="2"/>
      <c r="C60558" s="2"/>
    </row>
    <row r="60559" spans="1:3" ht="19.2">
      <c r="A60559" s="2"/>
      <c r="B60559" s="2"/>
      <c r="C60559" s="2"/>
    </row>
    <row r="60560" spans="1:3" ht="19.2">
      <c r="A60560" s="2"/>
      <c r="B60560" s="2"/>
      <c r="C60560" s="2"/>
    </row>
    <row r="60561" spans="1:3" ht="19.2">
      <c r="A60561" s="2"/>
      <c r="B60561" s="2"/>
      <c r="C60561" s="2"/>
    </row>
    <row r="60562" spans="1:3" ht="19.2">
      <c r="A60562" s="2"/>
      <c r="B60562" s="2"/>
      <c r="C60562" s="2"/>
    </row>
    <row r="60563" spans="1:3" ht="19.2">
      <c r="A60563" s="2"/>
      <c r="B60563" s="2"/>
      <c r="C60563" s="2"/>
    </row>
    <row r="60564" spans="1:3" ht="19.2">
      <c r="A60564" s="2"/>
      <c r="B60564" s="2"/>
      <c r="C60564" s="2"/>
    </row>
    <row r="60565" spans="1:3" ht="19.2">
      <c r="A60565" s="2"/>
      <c r="B60565" s="2"/>
      <c r="C60565" s="2"/>
    </row>
    <row r="60566" spans="1:3" ht="19.2">
      <c r="A60566" s="2"/>
      <c r="B60566" s="2"/>
      <c r="C60566" s="2"/>
    </row>
    <row r="60567" spans="1:3" ht="19.2">
      <c r="A60567" s="2"/>
      <c r="B60567" s="2"/>
      <c r="C60567" s="2"/>
    </row>
    <row r="60568" spans="1:3" ht="19.2">
      <c r="A60568" s="2"/>
      <c r="B60568" s="2"/>
      <c r="C60568" s="2"/>
    </row>
    <row r="60569" spans="1:3" ht="19.2">
      <c r="A60569" s="2"/>
      <c r="B60569" s="2"/>
      <c r="C60569" s="2"/>
    </row>
    <row r="60570" spans="1:3" ht="19.2">
      <c r="A60570" s="2"/>
      <c r="B60570" s="2"/>
      <c r="C60570" s="2"/>
    </row>
    <row r="60571" spans="1:3" ht="19.2">
      <c r="A60571" s="2"/>
      <c r="B60571" s="2"/>
      <c r="C60571" s="2"/>
    </row>
    <row r="60572" spans="1:3" ht="19.2">
      <c r="A60572" s="2"/>
      <c r="B60572" s="2"/>
      <c r="C60572" s="2"/>
    </row>
    <row r="60573" spans="1:3" ht="19.2">
      <c r="A60573" s="2"/>
      <c r="B60573" s="2"/>
      <c r="C60573" s="2"/>
    </row>
    <row r="60574" spans="1:3" ht="19.2">
      <c r="A60574" s="2"/>
      <c r="B60574" s="2"/>
      <c r="C60574" s="2"/>
    </row>
    <row r="60575" spans="1:3" ht="19.2">
      <c r="A60575" s="2"/>
      <c r="B60575" s="2"/>
      <c r="C60575" s="2"/>
    </row>
    <row r="60576" spans="1:3" ht="19.2">
      <c r="A60576" s="2"/>
      <c r="B60576" s="2"/>
      <c r="C60576" s="2"/>
    </row>
    <row r="60577" spans="1:3" ht="19.2">
      <c r="A60577" s="2"/>
      <c r="B60577" s="2"/>
      <c r="C60577" s="2"/>
    </row>
    <row r="60578" spans="1:3" ht="19.2">
      <c r="A60578" s="2"/>
      <c r="B60578" s="2"/>
      <c r="C60578" s="2"/>
    </row>
    <row r="60579" spans="1:3" ht="19.2">
      <c r="A60579" s="2"/>
      <c r="B60579" s="2"/>
      <c r="C60579" s="2"/>
    </row>
    <row r="60580" spans="1:3" ht="19.2">
      <c r="A60580" s="2"/>
      <c r="B60580" s="2"/>
      <c r="C60580" s="2"/>
    </row>
    <row r="60581" spans="1:3" ht="19.2">
      <c r="A60581" s="2"/>
      <c r="B60581" s="2"/>
      <c r="C60581" s="2"/>
    </row>
    <row r="60582" spans="1:3" ht="19.2">
      <c r="A60582" s="2"/>
      <c r="B60582" s="2"/>
      <c r="C60582" s="2"/>
    </row>
    <row r="60583" spans="1:3" ht="19.2">
      <c r="A60583" s="2"/>
      <c r="B60583" s="2"/>
      <c r="C60583" s="2"/>
    </row>
    <row r="60584" spans="1:3" ht="19.2">
      <c r="A60584" s="2"/>
      <c r="B60584" s="2"/>
      <c r="C60584" s="2"/>
    </row>
    <row r="60585" spans="1:3" ht="19.2">
      <c r="A60585" s="2"/>
      <c r="B60585" s="2"/>
      <c r="C60585" s="2"/>
    </row>
    <row r="60586" spans="1:3" ht="19.2">
      <c r="A60586" s="2"/>
      <c r="B60586" s="2"/>
      <c r="C60586" s="2"/>
    </row>
    <row r="60587" spans="1:3" ht="19.2">
      <c r="A60587" s="2"/>
      <c r="B60587" s="2"/>
      <c r="C60587" s="2"/>
    </row>
    <row r="60588" spans="1:3" ht="19.2">
      <c r="A60588" s="2"/>
      <c r="B60588" s="2"/>
      <c r="C60588" s="2"/>
    </row>
    <row r="60589" spans="1:3" ht="19.2">
      <c r="A60589" s="2"/>
      <c r="B60589" s="2"/>
      <c r="C60589" s="2"/>
    </row>
    <row r="60590" spans="1:3" ht="19.2">
      <c r="A60590" s="2"/>
      <c r="B60590" s="2"/>
      <c r="C60590" s="2"/>
    </row>
    <row r="60591" spans="1:3" ht="19.2">
      <c r="A60591" s="2"/>
      <c r="B60591" s="2"/>
      <c r="C60591" s="2"/>
    </row>
    <row r="60592" spans="1:3" ht="19.2">
      <c r="A60592" s="2"/>
      <c r="B60592" s="2"/>
      <c r="C60592" s="2"/>
    </row>
    <row r="60593" spans="1:3" ht="19.2">
      <c r="A60593" s="2"/>
      <c r="B60593" s="2"/>
      <c r="C60593" s="2"/>
    </row>
    <row r="60594" spans="1:3" ht="19.2">
      <c r="A60594" s="2"/>
      <c r="B60594" s="2"/>
      <c r="C60594" s="2"/>
    </row>
    <row r="60595" spans="1:3" ht="19.2">
      <c r="A60595" s="2"/>
      <c r="B60595" s="2"/>
      <c r="C60595" s="2"/>
    </row>
    <row r="60596" spans="1:3" ht="19.2">
      <c r="A60596" s="2"/>
      <c r="B60596" s="2"/>
      <c r="C60596" s="2"/>
    </row>
    <row r="60597" spans="1:3" ht="19.2">
      <c r="A60597" s="2"/>
      <c r="B60597" s="2"/>
      <c r="C60597" s="2"/>
    </row>
    <row r="60598" spans="1:3" ht="19.2">
      <c r="A60598" s="2"/>
      <c r="B60598" s="2"/>
      <c r="C60598" s="2"/>
    </row>
    <row r="60599" spans="1:3" ht="19.2">
      <c r="A60599" s="2"/>
      <c r="B60599" s="2"/>
      <c r="C60599" s="2"/>
    </row>
    <row r="60600" spans="1:3" ht="19.2">
      <c r="A60600" s="2"/>
      <c r="B60600" s="2"/>
      <c r="C60600" s="2"/>
    </row>
    <row r="60601" spans="1:3" ht="19.2">
      <c r="A60601" s="2"/>
      <c r="B60601" s="2"/>
      <c r="C60601" s="2"/>
    </row>
    <row r="60602" spans="1:3" ht="19.2">
      <c r="A60602" s="2"/>
      <c r="B60602" s="2"/>
      <c r="C60602" s="2"/>
    </row>
    <row r="60603" spans="1:3" ht="19.2">
      <c r="A60603" s="2"/>
      <c r="B60603" s="2"/>
      <c r="C60603" s="2"/>
    </row>
    <row r="60604" spans="1:3" ht="19.2">
      <c r="A60604" s="2"/>
      <c r="B60604" s="2"/>
      <c r="C60604" s="2"/>
    </row>
    <row r="60605" spans="1:3" ht="19.2">
      <c r="A60605" s="2"/>
      <c r="B60605" s="2"/>
      <c r="C60605" s="2"/>
    </row>
    <row r="60606" spans="1:3" ht="19.2">
      <c r="A60606" s="2"/>
      <c r="B60606" s="2"/>
      <c r="C60606" s="2"/>
    </row>
    <row r="60607" spans="1:3" ht="19.2">
      <c r="A60607" s="2"/>
      <c r="B60607" s="2"/>
      <c r="C60607" s="2"/>
    </row>
    <row r="60608" spans="1:3" ht="19.2">
      <c r="A60608" s="2"/>
      <c r="B60608" s="2"/>
      <c r="C60608" s="2"/>
    </row>
    <row r="60609" spans="1:3" ht="19.2">
      <c r="A60609" s="2"/>
      <c r="B60609" s="2"/>
      <c r="C60609" s="2"/>
    </row>
    <row r="60610" spans="1:3" ht="19.2">
      <c r="A60610" s="2"/>
      <c r="B60610" s="2"/>
      <c r="C60610" s="2"/>
    </row>
    <row r="60611" spans="1:3" ht="19.2">
      <c r="A60611" s="2"/>
      <c r="B60611" s="2"/>
      <c r="C60611" s="2"/>
    </row>
    <row r="60612" spans="1:3" ht="19.2">
      <c r="A60612" s="2"/>
      <c r="B60612" s="2"/>
      <c r="C60612" s="2"/>
    </row>
    <row r="60613" spans="1:3" ht="19.2">
      <c r="A60613" s="2"/>
      <c r="B60613" s="2"/>
      <c r="C60613" s="2"/>
    </row>
    <row r="60614" spans="1:3" ht="19.2">
      <c r="A60614" s="2"/>
      <c r="B60614" s="2"/>
      <c r="C60614" s="2"/>
    </row>
    <row r="60615" spans="1:3" ht="19.2">
      <c r="A60615" s="2"/>
      <c r="B60615" s="2"/>
      <c r="C60615" s="2"/>
    </row>
    <row r="60616" spans="1:3" ht="19.2">
      <c r="A60616" s="2"/>
      <c r="B60616" s="2"/>
      <c r="C60616" s="2"/>
    </row>
    <row r="60617" spans="1:3" ht="19.2">
      <c r="A60617" s="2"/>
      <c r="B60617" s="2"/>
      <c r="C60617" s="2"/>
    </row>
    <row r="60618" spans="1:3" ht="19.2">
      <c r="A60618" s="2"/>
      <c r="B60618" s="2"/>
      <c r="C60618" s="2"/>
    </row>
    <row r="60619" spans="1:3" ht="19.2">
      <c r="A60619" s="2"/>
      <c r="B60619" s="2"/>
      <c r="C60619" s="2"/>
    </row>
    <row r="60620" spans="1:3" ht="19.2">
      <c r="A60620" s="2"/>
      <c r="B60620" s="2"/>
      <c r="C60620" s="2"/>
    </row>
    <row r="60621" spans="1:3" ht="19.2">
      <c r="A60621" s="2"/>
      <c r="B60621" s="2"/>
      <c r="C60621" s="2"/>
    </row>
    <row r="60622" spans="1:3" ht="19.2">
      <c r="A60622" s="2"/>
      <c r="B60622" s="2"/>
      <c r="C60622" s="2"/>
    </row>
    <row r="60623" spans="1:3" ht="19.2">
      <c r="A60623" s="2"/>
      <c r="B60623" s="2"/>
      <c r="C60623" s="2"/>
    </row>
    <row r="60624" spans="1:3" ht="19.2">
      <c r="A60624" s="2"/>
      <c r="B60624" s="2"/>
      <c r="C60624" s="2"/>
    </row>
    <row r="60625" spans="1:3" ht="19.2">
      <c r="A60625" s="2"/>
      <c r="B60625" s="2"/>
      <c r="C60625" s="2"/>
    </row>
    <row r="60626" spans="1:3" ht="19.2">
      <c r="A60626" s="2"/>
      <c r="B60626" s="2"/>
      <c r="C60626" s="2"/>
    </row>
    <row r="60627" spans="1:3" ht="19.2">
      <c r="A60627" s="2"/>
      <c r="B60627" s="2"/>
      <c r="C60627" s="2"/>
    </row>
    <row r="60628" spans="1:3" ht="19.2">
      <c r="A60628" s="2"/>
      <c r="B60628" s="2"/>
      <c r="C60628" s="2"/>
    </row>
    <row r="60629" spans="1:3" ht="19.2">
      <c r="A60629" s="2"/>
      <c r="B60629" s="2"/>
      <c r="C60629" s="2"/>
    </row>
    <row r="60630" spans="1:3" ht="19.2">
      <c r="A60630" s="2"/>
      <c r="B60630" s="2"/>
      <c r="C60630" s="2"/>
    </row>
    <row r="60631" spans="1:3" ht="19.2">
      <c r="A60631" s="2"/>
      <c r="B60631" s="2"/>
      <c r="C60631" s="2"/>
    </row>
    <row r="60632" spans="1:3" ht="19.2">
      <c r="A60632" s="2"/>
      <c r="B60632" s="2"/>
      <c r="C60632" s="2"/>
    </row>
    <row r="60633" spans="1:3" ht="19.2">
      <c r="A60633" s="2"/>
      <c r="B60633" s="2"/>
      <c r="C60633" s="2"/>
    </row>
    <row r="60634" spans="1:3" ht="19.2">
      <c r="A60634" s="2"/>
      <c r="B60634" s="2"/>
      <c r="C60634" s="2"/>
    </row>
    <row r="60635" spans="1:3" ht="19.2">
      <c r="A60635" s="2"/>
      <c r="B60635" s="2"/>
      <c r="C60635" s="2"/>
    </row>
    <row r="60636" spans="1:3" ht="19.2">
      <c r="A60636" s="2"/>
      <c r="B60636" s="2"/>
      <c r="C60636" s="2"/>
    </row>
    <row r="60637" spans="1:3" ht="19.2">
      <c r="A60637" s="2"/>
      <c r="B60637" s="2"/>
      <c r="C60637" s="2"/>
    </row>
    <row r="60638" spans="1:3" ht="19.2">
      <c r="A60638" s="2"/>
      <c r="B60638" s="2"/>
      <c r="C60638" s="2"/>
    </row>
    <row r="60639" spans="1:3" ht="19.2">
      <c r="A60639" s="2"/>
      <c r="B60639" s="2"/>
      <c r="C60639" s="2"/>
    </row>
    <row r="60640" spans="1:3" ht="19.2">
      <c r="A60640" s="2"/>
      <c r="B60640" s="2"/>
      <c r="C60640" s="2"/>
    </row>
    <row r="60641" spans="1:3" ht="19.2">
      <c r="A60641" s="2"/>
      <c r="B60641" s="2"/>
      <c r="C60641" s="2"/>
    </row>
    <row r="60642" spans="1:3" ht="19.2">
      <c r="A60642" s="2"/>
      <c r="B60642" s="2"/>
      <c r="C60642" s="2"/>
    </row>
    <row r="60643" spans="1:3" ht="19.2">
      <c r="A60643" s="2"/>
      <c r="B60643" s="2"/>
      <c r="C60643" s="2"/>
    </row>
    <row r="60644" spans="1:3" ht="19.2">
      <c r="A60644" s="2"/>
      <c r="B60644" s="2"/>
      <c r="C60644" s="2"/>
    </row>
    <row r="60645" spans="1:3" ht="19.2">
      <c r="A60645" s="2"/>
      <c r="B60645" s="2"/>
      <c r="C60645" s="2"/>
    </row>
    <row r="60646" spans="1:3" ht="19.2">
      <c r="A60646" s="2"/>
      <c r="B60646" s="2"/>
      <c r="C60646" s="2"/>
    </row>
    <row r="60647" spans="1:3" ht="19.2">
      <c r="A60647" s="2"/>
      <c r="B60647" s="2"/>
      <c r="C60647" s="2"/>
    </row>
    <row r="60648" spans="1:3" ht="19.2">
      <c r="A60648" s="2"/>
      <c r="B60648" s="2"/>
      <c r="C60648" s="2"/>
    </row>
    <row r="60649" spans="1:3" ht="19.2">
      <c r="A60649" s="2"/>
      <c r="B60649" s="2"/>
      <c r="C60649" s="2"/>
    </row>
    <row r="60650" spans="1:3" ht="19.2">
      <c r="A60650" s="2"/>
      <c r="B60650" s="2"/>
      <c r="C60650" s="2"/>
    </row>
    <row r="60651" spans="1:3" ht="19.2">
      <c r="A60651" s="2"/>
      <c r="B60651" s="2"/>
      <c r="C60651" s="2"/>
    </row>
    <row r="60652" spans="1:3" ht="19.2">
      <c r="A60652" s="2"/>
      <c r="B60652" s="2"/>
      <c r="C60652" s="2"/>
    </row>
    <row r="60653" spans="1:3" ht="19.2">
      <c r="A60653" s="2"/>
      <c r="B60653" s="2"/>
      <c r="C60653" s="2"/>
    </row>
    <row r="60654" spans="1:3" ht="19.2">
      <c r="A60654" s="2"/>
      <c r="B60654" s="2"/>
      <c r="C60654" s="2"/>
    </row>
    <row r="60655" spans="1:3" ht="19.2">
      <c r="A60655" s="2"/>
      <c r="B60655" s="2"/>
      <c r="C60655" s="2"/>
    </row>
    <row r="60656" spans="1:3" ht="19.2">
      <c r="A60656" s="2"/>
      <c r="B60656" s="2"/>
      <c r="C60656" s="2"/>
    </row>
    <row r="60657" spans="1:3" ht="19.2">
      <c r="A60657" s="2"/>
      <c r="B60657" s="2"/>
      <c r="C60657" s="2"/>
    </row>
    <row r="60658" spans="1:3" ht="19.2">
      <c r="A60658" s="2"/>
      <c r="B60658" s="2"/>
      <c r="C60658" s="2"/>
    </row>
    <row r="60659" spans="1:3" ht="19.2">
      <c r="A60659" s="2"/>
      <c r="B60659" s="2"/>
      <c r="C60659" s="2"/>
    </row>
    <row r="60660" spans="1:3" ht="19.2">
      <c r="A60660" s="2"/>
      <c r="B60660" s="2"/>
      <c r="C60660" s="2"/>
    </row>
    <row r="60661" spans="1:3" ht="19.2">
      <c r="A60661" s="2"/>
      <c r="B60661" s="2"/>
      <c r="C60661" s="2"/>
    </row>
    <row r="60662" spans="1:3" ht="19.2">
      <c r="A60662" s="2"/>
      <c r="B60662" s="2"/>
      <c r="C60662" s="2"/>
    </row>
    <row r="60663" spans="1:3" ht="19.2">
      <c r="A60663" s="2"/>
      <c r="B60663" s="2"/>
      <c r="C60663" s="2"/>
    </row>
    <row r="60664" spans="1:3" ht="19.2">
      <c r="A60664" s="2"/>
      <c r="B60664" s="2"/>
      <c r="C60664" s="2"/>
    </row>
    <row r="60665" spans="1:3" ht="19.2">
      <c r="A60665" s="2"/>
      <c r="B60665" s="2"/>
      <c r="C60665" s="2"/>
    </row>
    <row r="60666" spans="1:3" ht="19.2">
      <c r="A60666" s="2"/>
      <c r="B60666" s="2"/>
      <c r="C60666" s="2"/>
    </row>
    <row r="60667" spans="1:3" ht="19.2">
      <c r="A60667" s="2"/>
      <c r="B60667" s="2"/>
      <c r="C60667" s="2"/>
    </row>
    <row r="60668" spans="1:3" ht="19.2">
      <c r="A60668" s="2"/>
      <c r="B60668" s="2"/>
      <c r="C60668" s="2"/>
    </row>
    <row r="60669" spans="1:3" ht="19.2">
      <c r="A60669" s="2"/>
      <c r="B60669" s="2"/>
      <c r="C60669" s="2"/>
    </row>
    <row r="60670" spans="1:3" ht="19.2">
      <c r="A60670" s="2"/>
      <c r="B60670" s="2"/>
      <c r="C60670" s="2"/>
    </row>
    <row r="60671" spans="1:3" ht="19.2">
      <c r="A60671" s="2"/>
      <c r="B60671" s="2"/>
      <c r="C60671" s="2"/>
    </row>
    <row r="60672" spans="1:3" ht="19.2">
      <c r="A60672" s="2"/>
      <c r="B60672" s="2"/>
      <c r="C60672" s="2"/>
    </row>
    <row r="60673" spans="1:3" ht="19.2">
      <c r="A60673" s="2"/>
      <c r="B60673" s="2"/>
      <c r="C60673" s="2"/>
    </row>
    <row r="60674" spans="1:3" ht="19.2">
      <c r="A60674" s="2"/>
      <c r="B60674" s="2"/>
      <c r="C60674" s="2"/>
    </row>
    <row r="60675" spans="1:3" ht="19.2">
      <c r="A60675" s="2"/>
      <c r="B60675" s="2"/>
      <c r="C60675" s="2"/>
    </row>
    <row r="60676" spans="1:3" ht="19.2">
      <c r="A60676" s="2"/>
      <c r="B60676" s="2"/>
      <c r="C60676" s="2"/>
    </row>
    <row r="60677" spans="1:3" ht="19.2">
      <c r="A60677" s="2"/>
      <c r="B60677" s="2"/>
      <c r="C60677" s="2"/>
    </row>
    <row r="60678" spans="1:3" ht="19.2">
      <c r="A60678" s="2"/>
      <c r="B60678" s="2"/>
      <c r="C60678" s="2"/>
    </row>
    <row r="60679" spans="1:3" ht="19.2">
      <c r="A60679" s="2"/>
      <c r="B60679" s="2"/>
      <c r="C60679" s="2"/>
    </row>
    <row r="60680" spans="1:3" ht="19.2">
      <c r="A60680" s="2"/>
      <c r="B60680" s="2"/>
      <c r="C60680" s="2"/>
    </row>
    <row r="60681" spans="1:3" ht="19.2">
      <c r="A60681" s="2"/>
      <c r="B60681" s="2"/>
      <c r="C60681" s="2"/>
    </row>
    <row r="60682" spans="1:3" ht="19.2">
      <c r="A60682" s="2"/>
      <c r="B60682" s="2"/>
      <c r="C60682" s="2"/>
    </row>
    <row r="60683" spans="1:3" ht="19.2">
      <c r="A60683" s="2"/>
      <c r="B60683" s="2"/>
      <c r="C60683" s="2"/>
    </row>
    <row r="60684" spans="1:3" ht="19.2">
      <c r="A60684" s="2"/>
      <c r="B60684" s="2"/>
      <c r="C60684" s="2"/>
    </row>
    <row r="60685" spans="1:3" ht="19.2">
      <c r="A60685" s="2"/>
      <c r="B60685" s="2"/>
      <c r="C60685" s="2"/>
    </row>
    <row r="60686" spans="1:3" ht="19.2">
      <c r="A60686" s="2"/>
      <c r="B60686" s="2"/>
      <c r="C60686" s="2"/>
    </row>
    <row r="60687" spans="1:3" ht="19.2">
      <c r="A60687" s="2"/>
      <c r="B60687" s="2"/>
      <c r="C60687" s="2"/>
    </row>
    <row r="60688" spans="1:3" ht="19.2">
      <c r="A60688" s="2"/>
      <c r="B60688" s="2"/>
      <c r="C60688" s="2"/>
    </row>
    <row r="60689" spans="1:3" ht="19.2">
      <c r="A60689" s="2"/>
      <c r="B60689" s="2"/>
      <c r="C60689" s="2"/>
    </row>
    <row r="60690" spans="1:3" ht="19.2">
      <c r="A60690" s="2"/>
      <c r="B60690" s="2"/>
      <c r="C60690" s="2"/>
    </row>
    <row r="60691" spans="1:3" ht="19.2">
      <c r="A60691" s="2"/>
      <c r="B60691" s="2"/>
      <c r="C60691" s="2"/>
    </row>
    <row r="60692" spans="1:3" ht="19.2">
      <c r="A60692" s="2"/>
      <c r="B60692" s="2"/>
      <c r="C60692" s="2"/>
    </row>
    <row r="60693" spans="1:3" ht="19.2">
      <c r="A60693" s="2"/>
      <c r="B60693" s="2"/>
      <c r="C60693" s="2"/>
    </row>
    <row r="60694" spans="1:3" ht="19.2">
      <c r="A60694" s="2"/>
      <c r="B60694" s="2"/>
      <c r="C60694" s="2"/>
    </row>
    <row r="60695" spans="1:3" ht="19.2">
      <c r="A60695" s="2"/>
      <c r="B60695" s="2"/>
      <c r="C60695" s="2"/>
    </row>
    <row r="60696" spans="1:3" ht="19.2">
      <c r="A60696" s="2"/>
      <c r="B60696" s="2"/>
      <c r="C60696" s="2"/>
    </row>
    <row r="60697" spans="1:3" ht="19.2">
      <c r="A60697" s="2"/>
      <c r="B60697" s="2"/>
      <c r="C60697" s="2"/>
    </row>
    <row r="60698" spans="1:3" ht="19.2">
      <c r="A60698" s="2"/>
      <c r="B60698" s="2"/>
      <c r="C60698" s="2"/>
    </row>
    <row r="60699" spans="1:3" ht="19.2">
      <c r="A60699" s="2"/>
      <c r="B60699" s="2"/>
      <c r="C60699" s="2"/>
    </row>
    <row r="60700" spans="1:3" ht="19.2">
      <c r="A60700" s="2"/>
      <c r="B60700" s="2"/>
      <c r="C60700" s="2"/>
    </row>
    <row r="60701" spans="1:3" ht="19.2">
      <c r="A60701" s="2"/>
      <c r="B60701" s="2"/>
      <c r="C60701" s="2"/>
    </row>
    <row r="60702" spans="1:3" ht="19.2">
      <c r="A60702" s="2"/>
      <c r="B60702" s="2"/>
      <c r="C60702" s="2"/>
    </row>
    <row r="60703" spans="1:3" ht="19.2">
      <c r="A60703" s="2"/>
      <c r="B60703" s="2"/>
      <c r="C60703" s="2"/>
    </row>
    <row r="60704" spans="1:3" ht="19.2">
      <c r="A60704" s="2"/>
      <c r="B60704" s="2"/>
      <c r="C60704" s="2"/>
    </row>
    <row r="60705" spans="1:3" ht="19.2">
      <c r="A60705" s="2"/>
      <c r="B60705" s="2"/>
      <c r="C60705" s="2"/>
    </row>
    <row r="60706" spans="1:3" ht="19.2">
      <c r="A60706" s="2"/>
      <c r="B60706" s="2"/>
      <c r="C60706" s="2"/>
    </row>
    <row r="60707" spans="1:3" ht="19.2">
      <c r="A60707" s="2"/>
      <c r="B60707" s="2"/>
      <c r="C60707" s="2"/>
    </row>
    <row r="60708" spans="1:3" ht="19.2">
      <c r="A60708" s="2"/>
      <c r="B60708" s="2"/>
      <c r="C60708" s="2"/>
    </row>
    <row r="60709" spans="1:3" ht="19.2">
      <c r="A60709" s="2"/>
      <c r="B60709" s="2"/>
      <c r="C60709" s="2"/>
    </row>
    <row r="60710" spans="1:3" ht="19.2">
      <c r="A60710" s="2"/>
      <c r="B60710" s="2"/>
      <c r="C60710" s="2"/>
    </row>
    <row r="60711" spans="1:3" ht="19.2">
      <c r="A60711" s="2"/>
      <c r="B60711" s="2"/>
      <c r="C60711" s="2"/>
    </row>
    <row r="60712" spans="1:3" ht="19.2">
      <c r="A60712" s="2"/>
      <c r="B60712" s="2"/>
      <c r="C60712" s="2"/>
    </row>
    <row r="60713" spans="1:3" ht="19.2">
      <c r="A60713" s="2"/>
      <c r="B60713" s="2"/>
      <c r="C60713" s="2"/>
    </row>
    <row r="60714" spans="1:3" ht="19.2">
      <c r="A60714" s="2"/>
      <c r="B60714" s="2"/>
      <c r="C60714" s="2"/>
    </row>
    <row r="60715" spans="1:3" ht="19.2">
      <c r="A60715" s="2"/>
      <c r="B60715" s="2"/>
      <c r="C60715" s="2"/>
    </row>
    <row r="60716" spans="1:3" ht="19.2">
      <c r="A60716" s="2"/>
      <c r="B60716" s="2"/>
      <c r="C60716" s="2"/>
    </row>
    <row r="60717" spans="1:3" ht="19.2">
      <c r="A60717" s="2"/>
      <c r="B60717" s="2"/>
      <c r="C60717" s="2"/>
    </row>
    <row r="60718" spans="1:3" ht="19.2">
      <c r="A60718" s="2"/>
      <c r="B60718" s="2"/>
      <c r="C60718" s="2"/>
    </row>
    <row r="60719" spans="1:3" ht="19.2">
      <c r="A60719" s="2"/>
      <c r="B60719" s="2"/>
      <c r="C60719" s="2"/>
    </row>
    <row r="60720" spans="1:3" ht="19.2">
      <c r="A60720" s="2"/>
      <c r="B60720" s="2"/>
      <c r="C60720" s="2"/>
    </row>
    <row r="60721" spans="1:3" ht="19.2">
      <c r="A60721" s="2"/>
      <c r="B60721" s="2"/>
      <c r="C60721" s="2"/>
    </row>
    <row r="60722" spans="1:3" ht="19.2">
      <c r="A60722" s="2"/>
      <c r="B60722" s="2"/>
      <c r="C60722" s="2"/>
    </row>
    <row r="60723" spans="1:3" ht="19.2">
      <c r="A60723" s="2"/>
      <c r="B60723" s="2"/>
      <c r="C60723" s="2"/>
    </row>
    <row r="60724" spans="1:3" ht="19.2">
      <c r="A60724" s="2"/>
      <c r="B60724" s="2"/>
      <c r="C60724" s="2"/>
    </row>
    <row r="60725" spans="1:3" ht="19.2">
      <c r="A60725" s="2"/>
      <c r="B60725" s="2"/>
      <c r="C60725" s="2"/>
    </row>
    <row r="60726" spans="1:3" ht="19.2">
      <c r="A60726" s="2"/>
      <c r="B60726" s="2"/>
      <c r="C60726" s="2"/>
    </row>
    <row r="60727" spans="1:3" ht="19.2">
      <c r="A60727" s="2"/>
      <c r="B60727" s="2"/>
      <c r="C60727" s="2"/>
    </row>
    <row r="60728" spans="1:3" ht="19.2">
      <c r="A60728" s="2"/>
      <c r="B60728" s="2"/>
      <c r="C60728" s="2"/>
    </row>
    <row r="60729" spans="1:3" ht="19.2">
      <c r="A60729" s="2"/>
      <c r="B60729" s="2"/>
      <c r="C60729" s="2"/>
    </row>
    <row r="60730" spans="1:3" ht="19.2">
      <c r="A60730" s="2"/>
      <c r="B60730" s="2"/>
      <c r="C60730" s="2"/>
    </row>
    <row r="60731" spans="1:3" ht="19.2">
      <c r="A60731" s="2"/>
      <c r="B60731" s="2"/>
      <c r="C60731" s="2"/>
    </row>
    <row r="60732" spans="1:3" ht="19.2">
      <c r="A60732" s="2"/>
      <c r="B60732" s="2"/>
      <c r="C60732" s="2"/>
    </row>
    <row r="60733" spans="1:3" ht="19.2">
      <c r="A60733" s="2"/>
      <c r="B60733" s="2"/>
      <c r="C60733" s="2"/>
    </row>
    <row r="60734" spans="1:3" ht="19.2">
      <c r="A60734" s="2"/>
      <c r="B60734" s="2"/>
      <c r="C60734" s="2"/>
    </row>
    <row r="60735" spans="1:3" ht="19.2">
      <c r="A60735" s="2"/>
      <c r="B60735" s="2"/>
      <c r="C60735" s="2"/>
    </row>
    <row r="60736" spans="1:3" ht="19.2">
      <c r="A60736" s="2"/>
      <c r="B60736" s="2"/>
      <c r="C60736" s="2"/>
    </row>
    <row r="60737" spans="1:3" ht="19.2">
      <c r="A60737" s="2"/>
      <c r="B60737" s="2"/>
      <c r="C60737" s="2"/>
    </row>
    <row r="60738" spans="1:3" ht="19.2">
      <c r="A60738" s="2"/>
      <c r="B60738" s="2"/>
      <c r="C60738" s="2"/>
    </row>
    <row r="60739" spans="1:3" ht="19.2">
      <c r="A60739" s="2"/>
      <c r="B60739" s="2"/>
      <c r="C60739" s="2"/>
    </row>
    <row r="60740" spans="1:3" ht="19.2">
      <c r="A60740" s="2"/>
      <c r="B60740" s="2"/>
      <c r="C60740" s="2"/>
    </row>
    <row r="60741" spans="1:3" ht="19.2">
      <c r="A60741" s="2"/>
      <c r="B60741" s="2"/>
      <c r="C60741" s="2"/>
    </row>
    <row r="60742" spans="1:3" ht="19.2">
      <c r="A60742" s="2"/>
      <c r="B60742" s="2"/>
      <c r="C60742" s="2"/>
    </row>
    <row r="60743" spans="1:3" ht="19.2">
      <c r="A60743" s="2"/>
      <c r="B60743" s="2"/>
      <c r="C60743" s="2"/>
    </row>
    <row r="60744" spans="1:3" ht="19.2">
      <c r="A60744" s="2"/>
      <c r="B60744" s="2"/>
      <c r="C60744" s="2"/>
    </row>
    <row r="60745" spans="1:3" ht="19.2">
      <c r="A60745" s="2"/>
      <c r="B60745" s="2"/>
      <c r="C60745" s="2"/>
    </row>
    <row r="60746" spans="1:3" ht="19.2">
      <c r="A60746" s="2"/>
      <c r="B60746" s="2"/>
      <c r="C60746" s="2"/>
    </row>
    <row r="60747" spans="1:3" ht="19.2">
      <c r="A60747" s="2"/>
      <c r="B60747" s="2"/>
      <c r="C60747" s="2"/>
    </row>
    <row r="60748" spans="1:3" ht="19.2">
      <c r="A60748" s="2"/>
      <c r="B60748" s="2"/>
      <c r="C60748" s="2"/>
    </row>
    <row r="60749" spans="1:3" ht="19.2">
      <c r="A60749" s="2"/>
      <c r="B60749" s="2"/>
      <c r="C60749" s="2"/>
    </row>
    <row r="60750" spans="1:3" ht="19.2">
      <c r="A60750" s="2"/>
      <c r="B60750" s="2"/>
      <c r="C60750" s="2"/>
    </row>
    <row r="60751" spans="1:3" ht="19.2">
      <c r="A60751" s="2"/>
      <c r="B60751" s="2"/>
      <c r="C60751" s="2"/>
    </row>
    <row r="60752" spans="1:3" ht="19.2">
      <c r="A60752" s="2"/>
      <c r="B60752" s="2"/>
      <c r="C60752" s="2"/>
    </row>
    <row r="60753" spans="1:3" ht="19.2">
      <c r="A60753" s="2"/>
      <c r="B60753" s="2"/>
      <c r="C60753" s="2"/>
    </row>
    <row r="60754" spans="1:3" ht="19.2">
      <c r="A60754" s="2"/>
      <c r="B60754" s="2"/>
      <c r="C60754" s="2"/>
    </row>
    <row r="60755" spans="1:3" ht="19.2">
      <c r="A60755" s="2"/>
      <c r="B60755" s="2"/>
      <c r="C60755" s="2"/>
    </row>
    <row r="60756" spans="1:3" ht="19.2">
      <c r="A60756" s="2"/>
      <c r="B60756" s="2"/>
      <c r="C60756" s="2"/>
    </row>
    <row r="60757" spans="1:3" ht="19.2">
      <c r="A60757" s="2"/>
      <c r="B60757" s="2"/>
      <c r="C60757" s="2"/>
    </row>
    <row r="60758" spans="1:3" ht="19.2">
      <c r="A60758" s="2"/>
      <c r="B60758" s="2"/>
      <c r="C60758" s="2"/>
    </row>
    <row r="60759" spans="1:3" ht="19.2">
      <c r="A60759" s="2"/>
      <c r="B60759" s="2"/>
      <c r="C60759" s="2"/>
    </row>
    <row r="60760" spans="1:3" ht="19.2">
      <c r="A60760" s="2"/>
      <c r="B60760" s="2"/>
      <c r="C60760" s="2"/>
    </row>
    <row r="60761" spans="1:3" ht="19.2">
      <c r="A60761" s="2"/>
      <c r="B60761" s="2"/>
      <c r="C60761" s="2"/>
    </row>
    <row r="60762" spans="1:3" ht="19.2">
      <c r="A60762" s="2"/>
      <c r="B60762" s="2"/>
      <c r="C60762" s="2"/>
    </row>
    <row r="60763" spans="1:3" ht="19.2">
      <c r="A60763" s="2"/>
      <c r="B60763" s="2"/>
      <c r="C60763" s="2"/>
    </row>
    <row r="60764" spans="1:3" ht="19.2">
      <c r="A60764" s="2"/>
      <c r="B60764" s="2"/>
      <c r="C60764" s="2"/>
    </row>
    <row r="60765" spans="1:3" ht="19.2">
      <c r="A60765" s="2"/>
      <c r="B60765" s="2"/>
      <c r="C60765" s="2"/>
    </row>
    <row r="60766" spans="1:3" ht="19.2">
      <c r="A60766" s="2"/>
      <c r="B60766" s="2"/>
      <c r="C60766" s="2"/>
    </row>
    <row r="60767" spans="1:3" ht="19.2">
      <c r="A60767" s="2"/>
      <c r="B60767" s="2"/>
      <c r="C60767" s="2"/>
    </row>
    <row r="60768" spans="1:3" ht="19.2">
      <c r="A60768" s="2"/>
      <c r="B60768" s="2"/>
      <c r="C60768" s="2"/>
    </row>
    <row r="60769" spans="1:3" ht="19.2">
      <c r="A60769" s="2"/>
      <c r="B60769" s="2"/>
      <c r="C60769" s="2"/>
    </row>
    <row r="60770" spans="1:3" ht="19.2">
      <c r="A60770" s="2"/>
      <c r="B60770" s="2"/>
      <c r="C60770" s="2"/>
    </row>
    <row r="60771" spans="1:3" ht="19.2">
      <c r="A60771" s="2"/>
      <c r="B60771" s="2"/>
      <c r="C60771" s="2"/>
    </row>
    <row r="60772" spans="1:3" ht="19.2">
      <c r="A60772" s="2"/>
      <c r="B60772" s="2"/>
      <c r="C60772" s="2"/>
    </row>
    <row r="60773" spans="1:3" ht="19.2">
      <c r="A60773" s="2"/>
      <c r="B60773" s="2"/>
      <c r="C60773" s="2"/>
    </row>
    <row r="60774" spans="1:3" ht="19.2">
      <c r="A60774" s="2"/>
      <c r="B60774" s="2"/>
      <c r="C60774" s="2"/>
    </row>
    <row r="60775" spans="1:3" ht="19.2">
      <c r="A60775" s="2"/>
      <c r="B60775" s="2"/>
      <c r="C60775" s="2"/>
    </row>
    <row r="60776" spans="1:3" ht="19.2">
      <c r="A60776" s="2"/>
      <c r="B60776" s="2"/>
      <c r="C60776" s="2"/>
    </row>
    <row r="60777" spans="1:3" ht="19.2">
      <c r="A60777" s="2"/>
      <c r="B60777" s="2"/>
      <c r="C60777" s="2"/>
    </row>
    <row r="60778" spans="1:3" ht="19.2">
      <c r="A60778" s="2"/>
      <c r="B60778" s="2"/>
      <c r="C60778" s="2"/>
    </row>
    <row r="60779" spans="1:3" ht="19.2">
      <c r="A60779" s="2"/>
      <c r="B60779" s="2"/>
      <c r="C60779" s="2"/>
    </row>
    <row r="60780" spans="1:3" ht="19.2">
      <c r="A60780" s="2"/>
      <c r="B60780" s="2"/>
      <c r="C60780" s="2"/>
    </row>
    <row r="60781" spans="1:3" ht="19.2">
      <c r="A60781" s="2"/>
      <c r="B60781" s="2"/>
      <c r="C60781" s="2"/>
    </row>
    <row r="60782" spans="1:3" ht="19.2">
      <c r="A60782" s="2"/>
      <c r="B60782" s="2"/>
      <c r="C60782" s="2"/>
    </row>
    <row r="60783" spans="1:3" ht="19.2">
      <c r="A60783" s="2"/>
      <c r="B60783" s="2"/>
      <c r="C60783" s="2"/>
    </row>
    <row r="60784" spans="1:3" ht="19.2">
      <c r="A60784" s="2"/>
      <c r="B60784" s="2"/>
      <c r="C60784" s="2"/>
    </row>
    <row r="60785" spans="1:3" ht="19.2">
      <c r="A60785" s="2"/>
      <c r="B60785" s="2"/>
      <c r="C60785" s="2"/>
    </row>
    <row r="60786" spans="1:3" ht="19.2">
      <c r="A60786" s="2"/>
      <c r="B60786" s="2"/>
      <c r="C60786" s="2"/>
    </row>
    <row r="60787" spans="1:3" ht="19.2">
      <c r="A60787" s="2"/>
      <c r="B60787" s="2"/>
      <c r="C60787" s="2"/>
    </row>
    <row r="60788" spans="1:3" ht="19.2">
      <c r="A60788" s="2"/>
      <c r="B60788" s="2"/>
      <c r="C60788" s="2"/>
    </row>
    <row r="60789" spans="1:3" ht="19.2">
      <c r="A60789" s="2"/>
      <c r="B60789" s="2"/>
      <c r="C60789" s="2"/>
    </row>
    <row r="60790" spans="1:3" ht="19.2">
      <c r="A60790" s="2"/>
      <c r="B60790" s="2"/>
      <c r="C60790" s="2"/>
    </row>
    <row r="60791" spans="1:3" ht="19.2">
      <c r="A60791" s="2"/>
      <c r="B60791" s="2"/>
      <c r="C60791" s="2"/>
    </row>
    <row r="60792" spans="1:3" ht="19.2">
      <c r="A60792" s="2"/>
      <c r="B60792" s="2"/>
      <c r="C60792" s="2"/>
    </row>
    <row r="60793" spans="1:3" ht="19.2">
      <c r="A60793" s="2"/>
      <c r="B60793" s="2"/>
      <c r="C60793" s="2"/>
    </row>
    <row r="60794" spans="1:3" ht="19.2">
      <c r="A60794" s="2"/>
      <c r="B60794" s="2"/>
      <c r="C60794" s="2"/>
    </row>
    <row r="60795" spans="1:3" ht="19.2">
      <c r="A60795" s="2"/>
      <c r="B60795" s="2"/>
      <c r="C60795" s="2"/>
    </row>
    <row r="60796" spans="1:3" ht="19.2">
      <c r="A60796" s="2"/>
      <c r="B60796" s="2"/>
      <c r="C60796" s="2"/>
    </row>
    <row r="60797" spans="1:3" ht="19.2">
      <c r="A60797" s="2"/>
      <c r="B60797" s="2"/>
      <c r="C60797" s="2"/>
    </row>
    <row r="60798" spans="1:3" ht="19.2">
      <c r="A60798" s="2"/>
      <c r="B60798" s="2"/>
      <c r="C60798" s="2"/>
    </row>
    <row r="60799" spans="1:3" ht="19.2">
      <c r="A60799" s="2"/>
      <c r="B60799" s="2"/>
      <c r="C60799" s="2"/>
    </row>
    <row r="60800" spans="1:3" ht="19.2">
      <c r="A60800" s="2"/>
      <c r="B60800" s="2"/>
      <c r="C60800" s="2"/>
    </row>
    <row r="60801" spans="1:3" ht="19.2">
      <c r="A60801" s="2"/>
      <c r="B60801" s="2"/>
      <c r="C60801" s="2"/>
    </row>
    <row r="60802" spans="1:3" ht="19.2">
      <c r="A60802" s="2"/>
      <c r="B60802" s="2"/>
      <c r="C60802" s="2"/>
    </row>
    <row r="60803" spans="1:3" ht="19.2">
      <c r="A60803" s="2"/>
      <c r="B60803" s="2"/>
      <c r="C60803" s="2"/>
    </row>
    <row r="60804" spans="1:3" ht="19.2">
      <c r="A60804" s="2"/>
      <c r="B60804" s="2"/>
      <c r="C60804" s="2"/>
    </row>
    <row r="60805" spans="1:3" ht="19.2">
      <c r="A60805" s="2"/>
      <c r="B60805" s="2"/>
      <c r="C60805" s="2"/>
    </row>
    <row r="60806" spans="1:3" ht="19.2">
      <c r="A60806" s="2"/>
      <c r="B60806" s="2"/>
      <c r="C60806" s="2"/>
    </row>
    <row r="60807" spans="1:3" ht="19.2">
      <c r="A60807" s="2"/>
      <c r="B60807" s="2"/>
      <c r="C60807" s="2"/>
    </row>
    <row r="60808" spans="1:3" ht="19.2">
      <c r="A60808" s="2"/>
      <c r="B60808" s="2"/>
      <c r="C60808" s="2"/>
    </row>
    <row r="60809" spans="1:3" ht="19.2">
      <c r="A60809" s="2"/>
      <c r="B60809" s="2"/>
      <c r="C60809" s="2"/>
    </row>
    <row r="60810" spans="1:3" ht="19.2">
      <c r="A60810" s="2"/>
      <c r="B60810" s="2"/>
      <c r="C60810" s="2"/>
    </row>
    <row r="60811" spans="1:3" ht="19.2">
      <c r="A60811" s="2"/>
      <c r="B60811" s="2"/>
      <c r="C60811" s="2"/>
    </row>
    <row r="60812" spans="1:3" ht="19.2">
      <c r="A60812" s="2"/>
      <c r="B60812" s="2"/>
      <c r="C60812" s="2"/>
    </row>
    <row r="60813" spans="1:3" ht="19.2">
      <c r="A60813" s="2"/>
      <c r="B60813" s="2"/>
      <c r="C60813" s="2"/>
    </row>
    <row r="60814" spans="1:3" ht="19.2">
      <c r="A60814" s="2"/>
      <c r="B60814" s="2"/>
      <c r="C60814" s="2"/>
    </row>
    <row r="60815" spans="1:3" ht="19.2">
      <c r="A60815" s="2"/>
      <c r="B60815" s="2"/>
      <c r="C60815" s="2"/>
    </row>
    <row r="60816" spans="1:3" ht="19.2">
      <c r="A60816" s="2"/>
      <c r="B60816" s="2"/>
      <c r="C60816" s="2"/>
    </row>
    <row r="60817" spans="1:3" ht="19.2">
      <c r="A60817" s="2"/>
      <c r="B60817" s="2"/>
      <c r="C60817" s="2"/>
    </row>
    <row r="60818" spans="1:3" ht="19.2">
      <c r="A60818" s="2"/>
      <c r="B60818" s="2"/>
      <c r="C60818" s="2"/>
    </row>
    <row r="60819" spans="1:3" ht="19.2">
      <c r="A60819" s="2"/>
      <c r="B60819" s="2"/>
      <c r="C60819" s="2"/>
    </row>
    <row r="60820" spans="1:3" ht="19.2">
      <c r="A60820" s="2"/>
      <c r="B60820" s="2"/>
      <c r="C60820" s="2"/>
    </row>
    <row r="60821" spans="1:3" ht="19.2">
      <c r="A60821" s="2"/>
      <c r="B60821" s="2"/>
      <c r="C60821" s="2"/>
    </row>
    <row r="60822" spans="1:3" ht="19.2">
      <c r="A60822" s="2"/>
      <c r="B60822" s="2"/>
      <c r="C60822" s="2"/>
    </row>
    <row r="60823" spans="1:3" ht="19.2">
      <c r="A60823" s="2"/>
      <c r="B60823" s="2"/>
      <c r="C60823" s="2"/>
    </row>
    <row r="60824" spans="1:3" ht="19.2">
      <c r="A60824" s="2"/>
      <c r="B60824" s="2"/>
      <c r="C60824" s="2"/>
    </row>
    <row r="60825" spans="1:3" ht="19.2">
      <c r="A60825" s="2"/>
      <c r="B60825" s="2"/>
      <c r="C60825" s="2"/>
    </row>
    <row r="60826" spans="1:3" ht="19.2">
      <c r="A60826" s="2"/>
      <c r="B60826" s="2"/>
      <c r="C60826" s="2"/>
    </row>
    <row r="60827" spans="1:3" ht="19.2">
      <c r="A60827" s="2"/>
      <c r="B60827" s="2"/>
      <c r="C60827" s="2"/>
    </row>
    <row r="60828" spans="1:3" ht="19.2">
      <c r="A60828" s="2"/>
      <c r="B60828" s="2"/>
      <c r="C60828" s="2"/>
    </row>
    <row r="60829" spans="1:3" ht="19.2">
      <c r="A60829" s="2"/>
      <c r="B60829" s="2"/>
      <c r="C60829" s="2"/>
    </row>
    <row r="60830" spans="1:3" ht="19.2">
      <c r="A60830" s="2"/>
      <c r="B60830" s="2"/>
      <c r="C60830" s="2"/>
    </row>
    <row r="60831" spans="1:3" ht="19.2">
      <c r="A60831" s="2"/>
      <c r="B60831" s="2"/>
      <c r="C60831" s="2"/>
    </row>
    <row r="60832" spans="1:3" ht="19.2">
      <c r="A60832" s="2"/>
      <c r="B60832" s="2"/>
      <c r="C60832" s="2"/>
    </row>
    <row r="60833" spans="1:3" ht="19.2">
      <c r="A60833" s="2"/>
      <c r="B60833" s="2"/>
      <c r="C60833" s="2"/>
    </row>
    <row r="60834" spans="1:3" ht="19.2">
      <c r="A60834" s="2"/>
      <c r="B60834" s="2"/>
      <c r="C60834" s="2"/>
    </row>
    <row r="60835" spans="1:3" ht="19.2">
      <c r="A60835" s="2"/>
      <c r="B60835" s="2"/>
      <c r="C60835" s="2"/>
    </row>
    <row r="60836" spans="1:3" ht="19.2">
      <c r="A60836" s="2"/>
      <c r="B60836" s="2"/>
      <c r="C60836" s="2"/>
    </row>
    <row r="60837" spans="1:3" ht="19.2">
      <c r="A60837" s="2"/>
      <c r="B60837" s="2"/>
      <c r="C60837" s="2"/>
    </row>
    <row r="60838" spans="1:3" ht="19.2">
      <c r="A60838" s="2"/>
      <c r="B60838" s="2"/>
      <c r="C60838" s="2"/>
    </row>
    <row r="60839" spans="1:3" ht="19.2">
      <c r="A60839" s="2"/>
      <c r="B60839" s="2"/>
      <c r="C60839" s="2"/>
    </row>
    <row r="60840" spans="1:3" ht="19.2">
      <c r="A60840" s="2"/>
      <c r="B60840" s="2"/>
      <c r="C60840" s="2"/>
    </row>
    <row r="60841" spans="1:3" ht="19.2">
      <c r="A60841" s="2"/>
      <c r="B60841" s="2"/>
      <c r="C60841" s="2"/>
    </row>
    <row r="60842" spans="1:3" ht="19.2">
      <c r="A60842" s="2"/>
      <c r="B60842" s="2"/>
      <c r="C60842" s="2"/>
    </row>
    <row r="60843" spans="1:3" ht="19.2">
      <c r="A60843" s="2"/>
      <c r="B60843" s="2"/>
      <c r="C60843" s="2"/>
    </row>
    <row r="60844" spans="1:3" ht="19.2">
      <c r="A60844" s="2"/>
      <c r="B60844" s="2"/>
      <c r="C60844" s="2"/>
    </row>
    <row r="60845" spans="1:3" ht="19.2">
      <c r="A60845" s="2"/>
      <c r="B60845" s="2"/>
      <c r="C60845" s="2"/>
    </row>
    <row r="60846" spans="1:3" ht="19.2">
      <c r="A60846" s="2"/>
      <c r="B60846" s="2"/>
      <c r="C60846" s="2"/>
    </row>
    <row r="60847" spans="1:3" ht="19.2">
      <c r="A60847" s="2"/>
      <c r="B60847" s="2"/>
      <c r="C60847" s="2"/>
    </row>
    <row r="60848" spans="1:3" ht="19.2">
      <c r="A60848" s="2"/>
      <c r="B60848" s="2"/>
      <c r="C60848" s="2"/>
    </row>
    <row r="60849" spans="1:3" ht="19.2">
      <c r="A60849" s="2"/>
      <c r="B60849" s="2"/>
      <c r="C60849" s="2"/>
    </row>
    <row r="60850" spans="1:3" ht="19.2">
      <c r="A60850" s="2"/>
      <c r="B60850" s="2"/>
      <c r="C60850" s="2"/>
    </row>
    <row r="60851" spans="1:3" ht="19.2">
      <c r="A60851" s="2"/>
      <c r="B60851" s="2"/>
      <c r="C60851" s="2"/>
    </row>
    <row r="60852" spans="1:3" ht="19.2">
      <c r="A60852" s="2"/>
      <c r="B60852" s="2"/>
      <c r="C60852" s="2"/>
    </row>
    <row r="60853" spans="1:3" ht="19.2">
      <c r="A60853" s="2"/>
      <c r="B60853" s="2"/>
      <c r="C60853" s="2"/>
    </row>
    <row r="60854" spans="1:3" ht="19.2">
      <c r="A60854" s="2"/>
      <c r="B60854" s="2"/>
      <c r="C60854" s="2"/>
    </row>
    <row r="60855" spans="1:3" ht="19.2">
      <c r="A60855" s="2"/>
      <c r="B60855" s="2"/>
      <c r="C60855" s="2"/>
    </row>
    <row r="60856" spans="1:3" ht="19.2">
      <c r="A60856" s="2"/>
      <c r="B60856" s="2"/>
      <c r="C60856" s="2"/>
    </row>
    <row r="60857" spans="1:3" ht="19.2">
      <c r="A60857" s="2"/>
      <c r="B60857" s="2"/>
      <c r="C60857" s="2"/>
    </row>
    <row r="60858" spans="1:3" ht="19.2">
      <c r="A60858" s="2"/>
      <c r="B60858" s="2"/>
      <c r="C60858" s="2"/>
    </row>
    <row r="60859" spans="1:3" ht="19.2">
      <c r="A60859" s="2"/>
      <c r="B60859" s="2"/>
      <c r="C60859" s="2"/>
    </row>
    <row r="60860" spans="1:3" ht="19.2">
      <c r="A60860" s="2"/>
      <c r="B60860" s="2"/>
      <c r="C60860" s="2"/>
    </row>
    <row r="60861" spans="1:3" ht="19.2">
      <c r="A60861" s="2"/>
      <c r="B60861" s="2"/>
      <c r="C60861" s="2"/>
    </row>
    <row r="60862" spans="1:3" ht="19.2">
      <c r="A60862" s="2"/>
      <c r="B60862" s="2"/>
      <c r="C60862" s="2"/>
    </row>
    <row r="60863" spans="1:3" ht="19.2">
      <c r="A60863" s="2"/>
      <c r="B60863" s="2"/>
      <c r="C60863" s="2"/>
    </row>
    <row r="60864" spans="1:3" ht="19.2">
      <c r="A60864" s="2"/>
      <c r="B60864" s="2"/>
      <c r="C60864" s="2"/>
    </row>
    <row r="60865" spans="1:3" ht="19.2">
      <c r="A60865" s="2"/>
      <c r="B60865" s="2"/>
      <c r="C60865" s="2"/>
    </row>
    <row r="60866" spans="1:3" ht="19.2">
      <c r="A60866" s="2"/>
      <c r="B60866" s="2"/>
      <c r="C60866" s="2"/>
    </row>
    <row r="60867" spans="1:3" ht="19.2">
      <c r="A60867" s="2"/>
      <c r="B60867" s="2"/>
      <c r="C60867" s="2"/>
    </row>
    <row r="60868" spans="1:3" ht="19.2">
      <c r="A60868" s="2"/>
      <c r="B60868" s="2"/>
      <c r="C60868" s="2"/>
    </row>
    <row r="60869" spans="1:3" ht="19.2">
      <c r="A60869" s="2"/>
      <c r="B60869" s="2"/>
      <c r="C60869" s="2"/>
    </row>
    <row r="60870" spans="1:3" ht="19.2">
      <c r="A60870" s="2"/>
      <c r="B60870" s="2"/>
      <c r="C60870" s="2"/>
    </row>
    <row r="60871" spans="1:3" ht="19.2">
      <c r="A60871" s="2"/>
      <c r="B60871" s="2"/>
      <c r="C60871" s="2"/>
    </row>
    <row r="60872" spans="1:3" ht="19.2">
      <c r="A60872" s="2"/>
      <c r="B60872" s="2"/>
      <c r="C60872" s="2"/>
    </row>
    <row r="60873" spans="1:3" ht="19.2">
      <c r="A60873" s="2"/>
      <c r="B60873" s="2"/>
      <c r="C60873" s="2"/>
    </row>
    <row r="60874" spans="1:3" ht="19.2">
      <c r="A60874" s="2"/>
      <c r="B60874" s="2"/>
      <c r="C60874" s="2"/>
    </row>
    <row r="60875" spans="1:3" ht="19.2">
      <c r="A60875" s="2"/>
      <c r="B60875" s="2"/>
      <c r="C60875" s="2"/>
    </row>
    <row r="60876" spans="1:3" ht="19.2">
      <c r="A60876" s="2"/>
      <c r="B60876" s="2"/>
      <c r="C60876" s="2"/>
    </row>
    <row r="60877" spans="1:3" ht="19.2">
      <c r="A60877" s="2"/>
      <c r="B60877" s="2"/>
      <c r="C60877" s="2"/>
    </row>
    <row r="60878" spans="1:3" ht="19.2">
      <c r="A60878" s="2"/>
      <c r="B60878" s="2"/>
      <c r="C60878" s="2"/>
    </row>
    <row r="60879" spans="1:3" ht="19.2">
      <c r="A60879" s="2"/>
      <c r="B60879" s="2"/>
      <c r="C60879" s="2"/>
    </row>
    <row r="60880" spans="1:3" ht="19.2">
      <c r="A60880" s="2"/>
      <c r="B60880" s="2"/>
      <c r="C60880" s="2"/>
    </row>
    <row r="60881" spans="1:3" ht="19.2">
      <c r="A60881" s="2"/>
      <c r="B60881" s="2"/>
      <c r="C60881" s="2"/>
    </row>
    <row r="60882" spans="1:3" ht="19.2">
      <c r="A60882" s="2"/>
      <c r="B60882" s="2"/>
      <c r="C60882" s="2"/>
    </row>
    <row r="60883" spans="1:3" ht="19.2">
      <c r="A60883" s="2"/>
      <c r="B60883" s="2"/>
      <c r="C60883" s="2"/>
    </row>
    <row r="60884" spans="1:3" ht="19.2">
      <c r="A60884" s="2"/>
      <c r="B60884" s="2"/>
      <c r="C60884" s="2"/>
    </row>
    <row r="60885" spans="1:3" ht="19.2">
      <c r="A60885" s="2"/>
      <c r="B60885" s="2"/>
      <c r="C60885" s="2"/>
    </row>
    <row r="60886" spans="1:3" ht="19.2">
      <c r="A60886" s="2"/>
      <c r="B60886" s="2"/>
      <c r="C60886" s="2"/>
    </row>
    <row r="60887" spans="1:3" ht="19.2">
      <c r="A60887" s="2"/>
      <c r="B60887" s="2"/>
      <c r="C60887" s="2"/>
    </row>
    <row r="60888" spans="1:3" ht="19.2">
      <c r="A60888" s="2"/>
      <c r="B60888" s="2"/>
      <c r="C60888" s="2"/>
    </row>
    <row r="60889" spans="1:3" ht="19.2">
      <c r="A60889" s="2"/>
      <c r="B60889" s="2"/>
      <c r="C60889" s="2"/>
    </row>
    <row r="60890" spans="1:3" ht="19.2">
      <c r="A60890" s="2"/>
      <c r="B60890" s="2"/>
      <c r="C60890" s="2"/>
    </row>
    <row r="60891" spans="1:3" ht="19.2">
      <c r="A60891" s="2"/>
      <c r="B60891" s="2"/>
      <c r="C60891" s="2"/>
    </row>
    <row r="60892" spans="1:3" ht="19.2">
      <c r="A60892" s="2"/>
      <c r="B60892" s="2"/>
      <c r="C60892" s="2"/>
    </row>
    <row r="60893" spans="1:3" ht="19.2">
      <c r="A60893" s="2"/>
      <c r="B60893" s="2"/>
      <c r="C60893" s="2"/>
    </row>
    <row r="60894" spans="1:3" ht="19.2">
      <c r="A60894" s="2"/>
      <c r="B60894" s="2"/>
      <c r="C60894" s="2"/>
    </row>
    <row r="60895" spans="1:3" ht="19.2">
      <c r="A60895" s="2"/>
      <c r="B60895" s="2"/>
      <c r="C60895" s="2"/>
    </row>
    <row r="60896" spans="1:3" ht="19.2">
      <c r="A60896" s="2"/>
      <c r="B60896" s="2"/>
      <c r="C60896" s="2"/>
    </row>
    <row r="60897" spans="1:3" ht="19.2">
      <c r="A60897" s="2"/>
      <c r="B60897" s="2"/>
      <c r="C60897" s="2"/>
    </row>
    <row r="60898" spans="1:3" ht="19.2">
      <c r="A60898" s="2"/>
      <c r="B60898" s="2"/>
      <c r="C60898" s="2"/>
    </row>
    <row r="60899" spans="1:3" ht="19.2">
      <c r="A60899" s="2"/>
      <c r="B60899" s="2"/>
      <c r="C60899" s="2"/>
    </row>
    <row r="60900" spans="1:3" ht="19.2">
      <c r="A60900" s="2"/>
      <c r="B60900" s="2"/>
      <c r="C60900" s="2"/>
    </row>
    <row r="60901" spans="1:3" ht="19.2">
      <c r="A60901" s="2"/>
      <c r="B60901" s="2"/>
      <c r="C60901" s="2"/>
    </row>
    <row r="60902" spans="1:3" ht="19.2">
      <c r="A60902" s="2"/>
      <c r="B60902" s="2"/>
      <c r="C60902" s="2"/>
    </row>
    <row r="60903" spans="1:3" ht="19.2">
      <c r="A60903" s="2"/>
      <c r="B60903" s="2"/>
      <c r="C60903" s="2"/>
    </row>
    <row r="60904" spans="1:3" ht="19.2">
      <c r="A60904" s="2"/>
      <c r="B60904" s="2"/>
      <c r="C60904" s="2"/>
    </row>
    <row r="60905" spans="1:3" ht="19.2">
      <c r="A60905" s="2"/>
      <c r="B60905" s="2"/>
      <c r="C60905" s="2"/>
    </row>
    <row r="60906" spans="1:3" ht="19.2">
      <c r="A60906" s="2"/>
      <c r="B60906" s="2"/>
      <c r="C60906" s="2"/>
    </row>
    <row r="60907" spans="1:3" ht="19.2">
      <c r="A60907" s="2"/>
      <c r="B60907" s="2"/>
      <c r="C60907" s="2"/>
    </row>
    <row r="60908" spans="1:3" ht="19.2">
      <c r="A60908" s="2"/>
      <c r="B60908" s="2"/>
      <c r="C60908" s="2"/>
    </row>
    <row r="60909" spans="1:3" ht="19.2">
      <c r="A60909" s="2"/>
      <c r="B60909" s="2"/>
      <c r="C60909" s="2"/>
    </row>
    <row r="60910" spans="1:3" ht="19.2">
      <c r="A60910" s="2"/>
      <c r="B60910" s="2"/>
      <c r="C60910" s="2"/>
    </row>
    <row r="60911" spans="1:3" ht="19.2">
      <c r="A60911" s="2"/>
      <c r="B60911" s="2"/>
      <c r="C60911" s="2"/>
    </row>
    <row r="60912" spans="1:3" ht="19.2">
      <c r="A60912" s="2"/>
      <c r="B60912" s="2"/>
      <c r="C60912" s="2"/>
    </row>
    <row r="60913" spans="1:3" ht="19.2">
      <c r="A60913" s="2"/>
      <c r="B60913" s="2"/>
      <c r="C60913" s="2"/>
    </row>
    <row r="60914" spans="1:3" ht="19.2">
      <c r="A60914" s="2"/>
      <c r="B60914" s="2"/>
      <c r="C60914" s="2"/>
    </row>
    <row r="60915" spans="1:3" ht="19.2">
      <c r="A60915" s="2"/>
      <c r="B60915" s="2"/>
      <c r="C60915" s="2"/>
    </row>
    <row r="60916" spans="1:3" ht="19.2">
      <c r="A60916" s="2"/>
      <c r="B60916" s="2"/>
      <c r="C60916" s="2"/>
    </row>
    <row r="60917" spans="1:3" ht="19.2">
      <c r="A60917" s="2"/>
      <c r="B60917" s="2"/>
      <c r="C60917" s="2"/>
    </row>
    <row r="60918" spans="1:3" ht="19.2">
      <c r="A60918" s="2"/>
      <c r="B60918" s="2"/>
      <c r="C60918" s="2"/>
    </row>
    <row r="60919" spans="1:3" ht="19.2">
      <c r="A60919" s="2"/>
      <c r="B60919" s="2"/>
      <c r="C60919" s="2"/>
    </row>
    <row r="60920" spans="1:3" ht="19.2">
      <c r="A60920" s="2"/>
      <c r="B60920" s="2"/>
      <c r="C60920" s="2"/>
    </row>
    <row r="60921" spans="1:3" ht="19.2">
      <c r="A60921" s="2"/>
      <c r="B60921" s="2"/>
      <c r="C60921" s="2"/>
    </row>
    <row r="60922" spans="1:3" ht="19.2">
      <c r="A60922" s="2"/>
      <c r="B60922" s="2"/>
      <c r="C60922" s="2"/>
    </row>
    <row r="60923" spans="1:3" ht="19.2">
      <c r="A60923" s="2"/>
      <c r="B60923" s="2"/>
      <c r="C60923" s="2"/>
    </row>
    <row r="60924" spans="1:3" ht="19.2">
      <c r="A60924" s="2"/>
      <c r="B60924" s="2"/>
      <c r="C60924" s="2"/>
    </row>
    <row r="60925" spans="1:3" ht="19.2">
      <c r="A60925" s="2"/>
      <c r="B60925" s="2"/>
      <c r="C60925" s="2"/>
    </row>
    <row r="60926" spans="1:3" ht="19.2">
      <c r="A60926" s="2"/>
      <c r="B60926" s="2"/>
      <c r="C60926" s="2"/>
    </row>
    <row r="60927" spans="1:3" ht="19.2">
      <c r="A60927" s="2"/>
      <c r="B60927" s="2"/>
      <c r="C60927" s="2"/>
    </row>
    <row r="60928" spans="1:3" ht="19.2">
      <c r="A60928" s="2"/>
      <c r="B60928" s="2"/>
      <c r="C60928" s="2"/>
    </row>
    <row r="60929" spans="1:3" ht="19.2">
      <c r="A60929" s="2"/>
      <c r="B60929" s="2"/>
      <c r="C60929" s="2"/>
    </row>
    <row r="60930" spans="1:3" ht="19.2">
      <c r="A60930" s="2"/>
      <c r="B60930" s="2"/>
      <c r="C60930" s="2"/>
    </row>
    <row r="60931" spans="1:3" ht="19.2">
      <c r="A60931" s="2"/>
      <c r="B60931" s="2"/>
      <c r="C60931" s="2"/>
    </row>
    <row r="60932" spans="1:3" ht="19.2">
      <c r="A60932" s="2"/>
      <c r="B60932" s="2"/>
      <c r="C60932" s="2"/>
    </row>
    <row r="60933" spans="1:3" ht="19.2">
      <c r="A60933" s="2"/>
      <c r="B60933" s="2"/>
      <c r="C60933" s="2"/>
    </row>
    <row r="60934" spans="1:3" ht="19.2">
      <c r="A60934" s="2"/>
      <c r="B60934" s="2"/>
      <c r="C60934" s="2"/>
    </row>
    <row r="60935" spans="1:3" ht="19.2">
      <c r="A60935" s="2"/>
      <c r="B60935" s="2"/>
      <c r="C60935" s="2"/>
    </row>
    <row r="60936" spans="1:3" ht="19.2">
      <c r="A60936" s="2"/>
      <c r="B60936" s="2"/>
      <c r="C60936" s="2"/>
    </row>
    <row r="60937" spans="1:3" ht="19.2">
      <c r="A60937" s="2"/>
      <c r="B60937" s="2"/>
      <c r="C60937" s="2"/>
    </row>
    <row r="60938" spans="1:3" ht="19.2">
      <c r="A60938" s="2"/>
      <c r="B60938" s="2"/>
      <c r="C60938" s="2"/>
    </row>
    <row r="60939" spans="1:3" ht="19.2">
      <c r="A60939" s="2"/>
      <c r="B60939" s="2"/>
      <c r="C60939" s="2"/>
    </row>
    <row r="60940" spans="1:3" ht="19.2">
      <c r="A60940" s="2"/>
      <c r="B60940" s="2"/>
      <c r="C60940" s="2"/>
    </row>
    <row r="60941" spans="1:3" ht="19.2">
      <c r="A60941" s="2"/>
      <c r="B60941" s="2"/>
      <c r="C60941" s="2"/>
    </row>
    <row r="60942" spans="1:3" ht="19.2">
      <c r="A60942" s="2"/>
      <c r="B60942" s="2"/>
      <c r="C60942" s="2"/>
    </row>
    <row r="60943" spans="1:3" ht="19.2">
      <c r="A60943" s="2"/>
      <c r="B60943" s="2"/>
      <c r="C60943" s="2"/>
    </row>
    <row r="60944" spans="1:3" ht="19.2">
      <c r="A60944" s="2"/>
      <c r="B60944" s="2"/>
      <c r="C60944" s="2"/>
    </row>
    <row r="60945" spans="1:3" ht="19.2">
      <c r="A60945" s="2"/>
      <c r="B60945" s="2"/>
      <c r="C60945" s="2"/>
    </row>
    <row r="60946" spans="1:3" ht="19.2">
      <c r="A60946" s="2"/>
      <c r="B60946" s="2"/>
      <c r="C60946" s="2"/>
    </row>
    <row r="60947" spans="1:3" ht="19.2">
      <c r="A60947" s="2"/>
      <c r="B60947" s="2"/>
      <c r="C60947" s="2"/>
    </row>
    <row r="60948" spans="1:3" ht="19.2">
      <c r="A60948" s="2"/>
      <c r="B60948" s="2"/>
      <c r="C60948" s="2"/>
    </row>
    <row r="60949" spans="1:3" ht="19.2">
      <c r="A60949" s="2"/>
      <c r="B60949" s="2"/>
      <c r="C60949" s="2"/>
    </row>
    <row r="60950" spans="1:3" ht="19.2">
      <c r="A60950" s="2"/>
      <c r="B60950" s="2"/>
      <c r="C60950" s="2"/>
    </row>
    <row r="60951" spans="1:3" ht="19.2">
      <c r="A60951" s="2"/>
      <c r="B60951" s="2"/>
      <c r="C60951" s="2"/>
    </row>
    <row r="60952" spans="1:3" ht="19.2">
      <c r="A60952" s="2"/>
      <c r="B60952" s="2"/>
      <c r="C60952" s="2"/>
    </row>
    <row r="60953" spans="1:3" ht="19.2">
      <c r="A60953" s="2"/>
      <c r="B60953" s="2"/>
      <c r="C60953" s="2"/>
    </row>
    <row r="60954" spans="1:3" ht="19.2">
      <c r="A60954" s="2"/>
      <c r="B60954" s="2"/>
      <c r="C60954" s="2"/>
    </row>
    <row r="60955" spans="1:3" ht="19.2">
      <c r="A60955" s="2"/>
      <c r="B60955" s="2"/>
      <c r="C60955" s="2"/>
    </row>
    <row r="60956" spans="1:3" ht="19.2">
      <c r="A60956" s="2"/>
      <c r="B60956" s="2"/>
      <c r="C60956" s="2"/>
    </row>
    <row r="60957" spans="1:3" ht="19.2">
      <c r="A60957" s="2"/>
      <c r="B60957" s="2"/>
      <c r="C60957" s="2"/>
    </row>
    <row r="60958" spans="1:3" ht="19.2">
      <c r="A60958" s="2"/>
      <c r="B60958" s="2"/>
      <c r="C60958" s="2"/>
    </row>
    <row r="60959" spans="1:3" ht="19.2">
      <c r="A60959" s="2"/>
      <c r="B60959" s="2"/>
      <c r="C60959" s="2"/>
    </row>
    <row r="60960" spans="1:3" ht="19.2">
      <c r="A60960" s="2"/>
      <c r="B60960" s="2"/>
      <c r="C60960" s="2"/>
    </row>
    <row r="60961" spans="1:3" ht="19.2">
      <c r="A60961" s="2"/>
      <c r="B60961" s="2"/>
      <c r="C60961" s="2"/>
    </row>
    <row r="60962" spans="1:3" ht="19.2">
      <c r="A60962" s="2"/>
      <c r="B60962" s="2"/>
      <c r="C60962" s="2"/>
    </row>
    <row r="60963" spans="1:3" ht="19.2">
      <c r="A60963" s="2"/>
      <c r="B60963" s="2"/>
      <c r="C60963" s="2"/>
    </row>
    <row r="60964" spans="1:3" ht="19.2">
      <c r="A60964" s="2"/>
      <c r="B60964" s="2"/>
      <c r="C60964" s="2"/>
    </row>
    <row r="60965" spans="1:3" ht="19.2">
      <c r="A60965" s="2"/>
      <c r="B60965" s="2"/>
      <c r="C60965" s="2"/>
    </row>
    <row r="60966" spans="1:3" ht="19.2">
      <c r="A60966" s="2"/>
      <c r="B60966" s="2"/>
      <c r="C60966" s="2"/>
    </row>
    <row r="60967" spans="1:3" ht="19.2">
      <c r="A60967" s="2"/>
      <c r="B60967" s="2"/>
      <c r="C60967" s="2"/>
    </row>
    <row r="60968" spans="1:3" ht="19.2">
      <c r="A60968" s="2"/>
      <c r="B60968" s="2"/>
      <c r="C60968" s="2"/>
    </row>
    <row r="60969" spans="1:3" ht="19.2">
      <c r="A60969" s="2"/>
      <c r="B60969" s="2"/>
      <c r="C60969" s="2"/>
    </row>
    <row r="60970" spans="1:3" ht="19.2">
      <c r="A60970" s="2"/>
      <c r="B60970" s="2"/>
      <c r="C60970" s="2"/>
    </row>
    <row r="60971" spans="1:3" ht="19.2">
      <c r="A60971" s="2"/>
      <c r="B60971" s="2"/>
      <c r="C60971" s="2"/>
    </row>
    <row r="60972" spans="1:3" ht="19.2">
      <c r="A60972" s="2"/>
      <c r="B60972" s="2"/>
      <c r="C60972" s="2"/>
    </row>
    <row r="60973" spans="1:3" ht="19.2">
      <c r="A60973" s="2"/>
      <c r="B60973" s="2"/>
      <c r="C60973" s="2"/>
    </row>
    <row r="60974" spans="1:3" ht="19.2">
      <c r="A60974" s="2"/>
      <c r="B60974" s="2"/>
      <c r="C60974" s="2"/>
    </row>
    <row r="60975" spans="1:3" ht="19.2">
      <c r="A60975" s="2"/>
      <c r="B60975" s="2"/>
      <c r="C60975" s="2"/>
    </row>
    <row r="60976" spans="1:3" ht="19.2">
      <c r="A60976" s="2"/>
      <c r="B60976" s="2"/>
      <c r="C60976" s="2"/>
    </row>
    <row r="60977" spans="1:3" ht="19.2">
      <c r="A60977" s="2"/>
      <c r="B60977" s="2"/>
      <c r="C60977" s="2"/>
    </row>
    <row r="60978" spans="1:3" ht="19.2">
      <c r="A60978" s="2"/>
      <c r="B60978" s="2"/>
      <c r="C60978" s="2"/>
    </row>
    <row r="60979" spans="1:3" ht="19.2">
      <c r="A60979" s="2"/>
      <c r="B60979" s="2"/>
      <c r="C60979" s="2"/>
    </row>
    <row r="60980" spans="1:3" ht="19.2">
      <c r="A60980" s="2"/>
      <c r="B60980" s="2"/>
      <c r="C60980" s="2"/>
    </row>
    <row r="60981" spans="1:3" ht="19.2">
      <c r="A60981" s="2"/>
      <c r="B60981" s="2"/>
      <c r="C60981" s="2"/>
    </row>
    <row r="60982" spans="1:3" ht="19.2">
      <c r="A60982" s="2"/>
      <c r="B60982" s="2"/>
      <c r="C60982" s="2"/>
    </row>
    <row r="60983" spans="1:3" ht="19.2">
      <c r="A60983" s="2"/>
      <c r="B60983" s="2"/>
      <c r="C60983" s="2"/>
    </row>
    <row r="60984" spans="1:3" ht="19.2">
      <c r="A60984" s="2"/>
      <c r="B60984" s="2"/>
      <c r="C60984" s="2"/>
    </row>
    <row r="60985" spans="1:3" ht="19.2">
      <c r="A60985" s="2"/>
      <c r="B60985" s="2"/>
      <c r="C60985" s="2"/>
    </row>
    <row r="60986" spans="1:3" ht="19.2">
      <c r="A60986" s="2"/>
      <c r="B60986" s="2"/>
      <c r="C60986" s="2"/>
    </row>
    <row r="60987" spans="1:3" ht="19.2">
      <c r="A60987" s="2"/>
      <c r="B60987" s="2"/>
      <c r="C60987" s="2"/>
    </row>
    <row r="60988" spans="1:3" ht="19.2">
      <c r="A60988" s="2"/>
      <c r="B60988" s="2"/>
      <c r="C60988" s="2"/>
    </row>
    <row r="60989" spans="1:3" ht="19.2">
      <c r="A60989" s="2"/>
      <c r="B60989" s="2"/>
      <c r="C60989" s="2"/>
    </row>
    <row r="60990" spans="1:3" ht="19.2">
      <c r="A60990" s="2"/>
      <c r="B60990" s="2"/>
      <c r="C60990" s="2"/>
    </row>
    <row r="60991" spans="1:3" ht="19.2">
      <c r="A60991" s="2"/>
      <c r="B60991" s="2"/>
      <c r="C60991" s="2"/>
    </row>
    <row r="60992" spans="1:3" ht="19.2">
      <c r="A60992" s="2"/>
      <c r="B60992" s="2"/>
      <c r="C60992" s="2"/>
    </row>
    <row r="60993" spans="1:3" ht="19.2">
      <c r="A60993" s="2"/>
      <c r="B60993" s="2"/>
      <c r="C60993" s="2"/>
    </row>
    <row r="60994" spans="1:3" ht="19.2">
      <c r="A60994" s="2"/>
      <c r="B60994" s="2"/>
      <c r="C60994" s="2"/>
    </row>
    <row r="60995" spans="1:3" ht="19.2">
      <c r="A60995" s="2"/>
      <c r="B60995" s="2"/>
      <c r="C60995" s="2"/>
    </row>
    <row r="60996" spans="1:3" ht="19.2">
      <c r="A60996" s="2"/>
      <c r="B60996" s="2"/>
      <c r="C60996" s="2"/>
    </row>
    <row r="60997" spans="1:3" ht="19.2">
      <c r="A60997" s="2"/>
      <c r="B60997" s="2"/>
      <c r="C60997" s="2"/>
    </row>
    <row r="60998" spans="1:3" ht="19.2">
      <c r="A60998" s="2"/>
      <c r="B60998" s="2"/>
      <c r="C60998" s="2"/>
    </row>
    <row r="60999" spans="1:3" ht="19.2">
      <c r="A60999" s="2"/>
      <c r="B60999" s="2"/>
      <c r="C60999" s="2"/>
    </row>
    <row r="61000" spans="1:3" ht="19.2">
      <c r="A61000" s="2"/>
      <c r="B61000" s="2"/>
      <c r="C61000" s="2"/>
    </row>
    <row r="61001" spans="1:3" ht="19.2">
      <c r="A61001" s="2"/>
      <c r="B61001" s="2"/>
      <c r="C61001" s="2"/>
    </row>
    <row r="61002" spans="1:3" ht="19.2">
      <c r="A61002" s="2"/>
      <c r="B61002" s="2"/>
      <c r="C61002" s="2"/>
    </row>
    <row r="61003" spans="1:3" ht="19.2">
      <c r="A61003" s="2"/>
      <c r="B61003" s="2"/>
      <c r="C61003" s="2"/>
    </row>
    <row r="61004" spans="1:3" ht="19.2">
      <c r="A61004" s="2"/>
      <c r="B61004" s="2"/>
      <c r="C61004" s="2"/>
    </row>
    <row r="61005" spans="1:3" ht="19.2">
      <c r="A61005" s="2"/>
      <c r="B61005" s="2"/>
      <c r="C61005" s="2"/>
    </row>
    <row r="61006" spans="1:3" ht="19.2">
      <c r="A61006" s="2"/>
      <c r="B61006" s="2"/>
      <c r="C61006" s="2"/>
    </row>
    <row r="61007" spans="1:3" ht="19.2">
      <c r="A61007" s="2"/>
      <c r="B61007" s="2"/>
      <c r="C61007" s="2"/>
    </row>
    <row r="61008" spans="1:3" ht="19.2">
      <c r="A61008" s="2"/>
      <c r="B61008" s="2"/>
      <c r="C61008" s="2"/>
    </row>
    <row r="61009" spans="1:3" ht="19.2">
      <c r="A61009" s="2"/>
      <c r="B61009" s="2"/>
      <c r="C61009" s="2"/>
    </row>
    <row r="61010" spans="1:3" ht="19.2">
      <c r="A61010" s="2"/>
      <c r="B61010" s="2"/>
      <c r="C61010" s="2"/>
    </row>
    <row r="61011" spans="1:3" ht="19.2">
      <c r="A61011" s="2"/>
      <c r="B61011" s="2"/>
      <c r="C61011" s="2"/>
    </row>
    <row r="61012" spans="1:3" ht="19.2">
      <c r="A61012" s="2"/>
      <c r="B61012" s="2"/>
      <c r="C61012" s="2"/>
    </row>
    <row r="61013" spans="1:3" ht="19.2">
      <c r="A61013" s="2"/>
      <c r="B61013" s="2"/>
      <c r="C61013" s="2"/>
    </row>
    <row r="61014" spans="1:3" ht="19.2">
      <c r="A61014" s="2"/>
      <c r="B61014" s="2"/>
      <c r="C61014" s="2"/>
    </row>
    <row r="61015" spans="1:3" ht="19.2">
      <c r="A61015" s="2"/>
      <c r="B61015" s="2"/>
      <c r="C61015" s="2"/>
    </row>
    <row r="61016" spans="1:3" ht="19.2">
      <c r="A61016" s="2"/>
      <c r="B61016" s="2"/>
      <c r="C61016" s="2"/>
    </row>
    <row r="61017" spans="1:3" ht="19.2">
      <c r="A61017" s="2"/>
      <c r="B61017" s="2"/>
      <c r="C61017" s="2"/>
    </row>
    <row r="61018" spans="1:3" ht="19.2">
      <c r="A61018" s="2"/>
      <c r="B61018" s="2"/>
      <c r="C61018" s="2"/>
    </row>
    <row r="61019" spans="1:3" ht="19.2">
      <c r="A61019" s="2"/>
      <c r="B61019" s="2"/>
      <c r="C61019" s="2"/>
    </row>
    <row r="61020" spans="1:3" ht="19.2">
      <c r="A61020" s="2"/>
      <c r="B61020" s="2"/>
      <c r="C61020" s="2"/>
    </row>
    <row r="61021" spans="1:3" ht="19.2">
      <c r="A61021" s="2"/>
      <c r="B61021" s="2"/>
      <c r="C61021" s="2"/>
    </row>
    <row r="61022" spans="1:3" ht="19.2">
      <c r="A61022" s="2"/>
      <c r="B61022" s="2"/>
      <c r="C61022" s="2"/>
    </row>
    <row r="61023" spans="1:3" ht="19.2">
      <c r="A61023" s="2"/>
      <c r="B61023" s="2"/>
      <c r="C61023" s="2"/>
    </row>
    <row r="61024" spans="1:3" ht="19.2">
      <c r="A61024" s="2"/>
      <c r="B61024" s="2"/>
      <c r="C61024" s="2"/>
    </row>
    <row r="61025" spans="1:3" ht="19.2">
      <c r="A61025" s="2"/>
      <c r="B61025" s="2"/>
      <c r="C61025" s="2"/>
    </row>
    <row r="61026" spans="1:3" ht="19.2">
      <c r="A61026" s="2"/>
      <c r="B61026" s="2"/>
      <c r="C61026" s="2"/>
    </row>
    <row r="61027" spans="1:3" ht="19.2">
      <c r="A61027" s="2"/>
      <c r="B61027" s="2"/>
      <c r="C61027" s="2"/>
    </row>
    <row r="61028" spans="1:3" ht="19.2">
      <c r="A61028" s="2"/>
      <c r="B61028" s="2"/>
      <c r="C61028" s="2"/>
    </row>
    <row r="61029" spans="1:3" ht="19.2">
      <c r="A61029" s="2"/>
      <c r="B61029" s="2"/>
      <c r="C61029" s="2"/>
    </row>
    <row r="61030" spans="1:3" ht="19.2">
      <c r="A61030" s="2"/>
      <c r="B61030" s="2"/>
      <c r="C61030" s="2"/>
    </row>
    <row r="61031" spans="1:3" ht="19.2">
      <c r="A61031" s="2"/>
      <c r="B61031" s="2"/>
      <c r="C61031" s="2"/>
    </row>
    <row r="61032" spans="1:3" ht="19.2">
      <c r="A61032" s="2"/>
      <c r="B61032" s="2"/>
      <c r="C61032" s="2"/>
    </row>
    <row r="61033" spans="1:3" ht="19.2">
      <c r="A61033" s="2"/>
      <c r="B61033" s="2"/>
      <c r="C61033" s="2"/>
    </row>
    <row r="61034" spans="1:3" ht="19.2">
      <c r="A61034" s="2"/>
      <c r="B61034" s="2"/>
      <c r="C61034" s="2"/>
    </row>
    <row r="61035" spans="1:3" ht="19.2">
      <c r="A61035" s="2"/>
      <c r="B61035" s="2"/>
      <c r="C61035" s="2"/>
    </row>
    <row r="61036" spans="1:3" ht="19.2">
      <c r="A61036" s="2"/>
      <c r="B61036" s="2"/>
      <c r="C61036" s="2"/>
    </row>
    <row r="61037" spans="1:3" ht="19.2">
      <c r="A61037" s="2"/>
      <c r="B61037" s="2"/>
      <c r="C61037" s="2"/>
    </row>
    <row r="61038" spans="1:3" ht="19.2">
      <c r="A61038" s="2"/>
      <c r="B61038" s="2"/>
      <c r="C61038" s="2"/>
    </row>
    <row r="61039" spans="1:3" ht="19.2">
      <c r="A61039" s="2"/>
      <c r="B61039" s="2"/>
      <c r="C61039" s="2"/>
    </row>
    <row r="61040" spans="1:3" ht="19.2">
      <c r="A61040" s="2"/>
      <c r="B61040" s="2"/>
      <c r="C61040" s="2"/>
    </row>
    <row r="61041" spans="1:3" ht="19.2">
      <c r="A61041" s="2"/>
      <c r="B61041" s="2"/>
      <c r="C61041" s="2"/>
    </row>
    <row r="61042" spans="1:3" ht="19.2">
      <c r="A61042" s="2"/>
      <c r="B61042" s="2"/>
      <c r="C61042" s="2"/>
    </row>
    <row r="61043" spans="1:3" ht="19.2">
      <c r="A61043" s="2"/>
      <c r="B61043" s="2"/>
      <c r="C61043" s="2"/>
    </row>
    <row r="61044" spans="1:3" ht="19.2">
      <c r="A61044" s="2"/>
      <c r="B61044" s="2"/>
      <c r="C61044" s="2"/>
    </row>
    <row r="61045" spans="1:3" ht="19.2">
      <c r="A61045" s="2"/>
      <c r="B61045" s="2"/>
      <c r="C61045" s="2"/>
    </row>
    <row r="61046" spans="1:3" ht="19.2">
      <c r="A61046" s="2"/>
      <c r="B61046" s="2"/>
      <c r="C61046" s="2"/>
    </row>
    <row r="61047" spans="1:3" ht="19.2">
      <c r="A61047" s="2"/>
      <c r="B61047" s="2"/>
      <c r="C61047" s="2"/>
    </row>
    <row r="61048" spans="1:3" ht="19.2">
      <c r="A61048" s="2"/>
      <c r="B61048" s="2"/>
      <c r="C61048" s="2"/>
    </row>
    <row r="61049" spans="1:3" ht="19.2">
      <c r="A61049" s="2"/>
      <c r="B61049" s="2"/>
      <c r="C61049" s="2"/>
    </row>
    <row r="61050" spans="1:3" ht="19.2">
      <c r="A61050" s="2"/>
      <c r="B61050" s="2"/>
      <c r="C61050" s="2"/>
    </row>
    <row r="61051" spans="1:3" ht="19.2">
      <c r="A61051" s="2"/>
      <c r="B61051" s="2"/>
      <c r="C61051" s="2"/>
    </row>
    <row r="61052" spans="1:3" ht="19.2">
      <c r="A61052" s="2"/>
      <c r="B61052" s="2"/>
      <c r="C61052" s="2"/>
    </row>
    <row r="61053" spans="1:3" ht="19.2">
      <c r="A61053" s="2"/>
      <c r="B61053" s="2"/>
      <c r="C61053" s="2"/>
    </row>
    <row r="61054" spans="1:3" ht="19.2">
      <c r="A61054" s="2"/>
      <c r="B61054" s="2"/>
      <c r="C61054" s="2"/>
    </row>
    <row r="61055" spans="1:3" ht="19.2">
      <c r="A61055" s="2"/>
      <c r="B61055" s="2"/>
      <c r="C61055" s="2"/>
    </row>
    <row r="61056" spans="1:3" ht="19.2">
      <c r="A61056" s="2"/>
      <c r="B61056" s="2"/>
      <c r="C61056" s="2"/>
    </row>
    <row r="61057" spans="1:3" ht="19.2">
      <c r="A61057" s="2"/>
      <c r="B61057" s="2"/>
      <c r="C61057" s="2"/>
    </row>
    <row r="61058" spans="1:3" ht="19.2">
      <c r="A61058" s="2"/>
      <c r="B61058" s="2"/>
      <c r="C61058" s="2"/>
    </row>
    <row r="61059" spans="1:3" ht="19.2">
      <c r="A61059" s="2"/>
      <c r="B61059" s="2"/>
      <c r="C61059" s="2"/>
    </row>
    <row r="61060" spans="1:3" ht="19.2">
      <c r="A61060" s="2"/>
      <c r="B61060" s="2"/>
      <c r="C61060" s="2"/>
    </row>
    <row r="61061" spans="1:3" ht="19.2">
      <c r="A61061" s="2"/>
      <c r="B61061" s="2"/>
      <c r="C61061" s="2"/>
    </row>
    <row r="61062" spans="1:3" ht="19.2">
      <c r="A61062" s="2"/>
      <c r="B61062" s="2"/>
      <c r="C61062" s="2"/>
    </row>
    <row r="61063" spans="1:3" ht="19.2">
      <c r="A61063" s="2"/>
      <c r="B61063" s="2"/>
      <c r="C61063" s="2"/>
    </row>
    <row r="61064" spans="1:3" ht="19.2">
      <c r="A61064" s="2"/>
      <c r="B61064" s="2"/>
      <c r="C61064" s="2"/>
    </row>
    <row r="61065" spans="1:3" ht="19.2">
      <c r="A61065" s="2"/>
      <c r="B61065" s="2"/>
      <c r="C61065" s="2"/>
    </row>
    <row r="61066" spans="1:3" ht="19.2">
      <c r="A61066" s="2"/>
      <c r="B61066" s="2"/>
      <c r="C61066" s="2"/>
    </row>
    <row r="61067" spans="1:3" ht="19.2">
      <c r="A61067" s="2"/>
      <c r="B61067" s="2"/>
      <c r="C61067" s="2"/>
    </row>
    <row r="61068" spans="1:3" ht="19.2">
      <c r="A61068" s="2"/>
      <c r="B61068" s="2"/>
      <c r="C61068" s="2"/>
    </row>
    <row r="61069" spans="1:3" ht="19.2">
      <c r="A61069" s="2"/>
      <c r="B61069" s="2"/>
      <c r="C61069" s="2"/>
    </row>
    <row r="61070" spans="1:3" ht="19.2">
      <c r="A61070" s="2"/>
      <c r="B61070" s="2"/>
      <c r="C61070" s="2"/>
    </row>
    <row r="61071" spans="1:3" ht="19.2">
      <c r="A61071" s="2"/>
      <c r="B61071" s="2"/>
      <c r="C61071" s="2"/>
    </row>
    <row r="61072" spans="1:3" ht="19.2">
      <c r="A61072" s="2"/>
      <c r="B61072" s="2"/>
      <c r="C61072" s="2"/>
    </row>
    <row r="61073" spans="1:3" ht="19.2">
      <c r="A61073" s="2"/>
      <c r="B61073" s="2"/>
      <c r="C61073" s="2"/>
    </row>
    <row r="61074" spans="1:3" ht="19.2">
      <c r="A61074" s="2"/>
      <c r="B61074" s="2"/>
      <c r="C61074" s="2"/>
    </row>
    <row r="61075" spans="1:3" ht="19.2">
      <c r="A61075" s="2"/>
      <c r="B61075" s="2"/>
      <c r="C61075" s="2"/>
    </row>
    <row r="61076" spans="1:3" ht="19.2">
      <c r="A61076" s="2"/>
      <c r="B61076" s="2"/>
      <c r="C61076" s="2"/>
    </row>
    <row r="61077" spans="1:3" ht="19.2">
      <c r="A61077" s="2"/>
      <c r="B61077" s="2"/>
      <c r="C61077" s="2"/>
    </row>
    <row r="61078" spans="1:3" ht="19.2">
      <c r="A61078" s="2"/>
      <c r="B61078" s="2"/>
      <c r="C61078" s="2"/>
    </row>
    <row r="61079" spans="1:3" ht="19.2">
      <c r="A61079" s="2"/>
      <c r="B61079" s="2"/>
      <c r="C61079" s="2"/>
    </row>
    <row r="61080" spans="1:3" ht="19.2">
      <c r="A61080" s="2"/>
      <c r="B61080" s="2"/>
      <c r="C61080" s="2"/>
    </row>
    <row r="61081" spans="1:3" ht="19.2">
      <c r="A61081" s="2"/>
      <c r="B61081" s="2"/>
      <c r="C61081" s="2"/>
    </row>
    <row r="61082" spans="1:3" ht="19.2">
      <c r="A61082" s="2"/>
      <c r="B61082" s="2"/>
      <c r="C61082" s="2"/>
    </row>
    <row r="61083" spans="1:3" ht="19.2">
      <c r="A61083" s="2"/>
      <c r="B61083" s="2"/>
      <c r="C61083" s="2"/>
    </row>
    <row r="61084" spans="1:3" ht="19.2">
      <c r="A61084" s="2"/>
      <c r="B61084" s="2"/>
      <c r="C61084" s="2"/>
    </row>
    <row r="61085" spans="1:3" ht="19.2">
      <c r="A61085" s="2"/>
      <c r="B61085" s="2"/>
      <c r="C61085" s="2"/>
    </row>
    <row r="61086" spans="1:3" ht="19.2">
      <c r="A61086" s="2"/>
      <c r="B61086" s="2"/>
      <c r="C61086" s="2"/>
    </row>
    <row r="61087" spans="1:3" ht="19.2">
      <c r="A61087" s="2"/>
      <c r="B61087" s="2"/>
      <c r="C61087" s="2"/>
    </row>
    <row r="61088" spans="1:3" ht="19.2">
      <c r="A61088" s="2"/>
      <c r="B61088" s="2"/>
      <c r="C61088" s="2"/>
    </row>
    <row r="61089" spans="1:3" ht="19.2">
      <c r="A61089" s="2"/>
      <c r="B61089" s="2"/>
      <c r="C61089" s="2"/>
    </row>
    <row r="61090" spans="1:3" ht="19.2">
      <c r="A61090" s="2"/>
      <c r="B61090" s="2"/>
      <c r="C61090" s="2"/>
    </row>
    <row r="61091" spans="1:3" ht="19.2">
      <c r="A61091" s="2"/>
      <c r="B61091" s="2"/>
      <c r="C61091" s="2"/>
    </row>
    <row r="61092" spans="1:3" ht="19.2">
      <c r="A61092" s="2"/>
      <c r="B61092" s="2"/>
      <c r="C61092" s="2"/>
    </row>
    <row r="61093" spans="1:3" ht="19.2">
      <c r="A61093" s="2"/>
      <c r="B61093" s="2"/>
      <c r="C61093" s="2"/>
    </row>
    <row r="61094" spans="1:3" ht="19.2">
      <c r="A61094" s="2"/>
      <c r="B61094" s="2"/>
      <c r="C61094" s="2"/>
    </row>
    <row r="61095" spans="1:3" ht="19.2">
      <c r="A61095" s="2"/>
      <c r="B61095" s="2"/>
      <c r="C61095" s="2"/>
    </row>
    <row r="61096" spans="1:3" ht="19.2">
      <c r="A61096" s="2"/>
      <c r="B61096" s="2"/>
      <c r="C61096" s="2"/>
    </row>
    <row r="61097" spans="1:3" ht="19.2">
      <c r="A61097" s="2"/>
      <c r="B61097" s="2"/>
      <c r="C61097" s="2"/>
    </row>
    <row r="61098" spans="1:3" ht="19.2">
      <c r="A61098" s="2"/>
      <c r="B61098" s="2"/>
      <c r="C61098" s="2"/>
    </row>
    <row r="61099" spans="1:3" ht="19.2">
      <c r="A61099" s="2"/>
      <c r="B61099" s="2"/>
      <c r="C61099" s="2"/>
    </row>
    <row r="61100" spans="1:3" ht="19.2">
      <c r="A61100" s="2"/>
      <c r="B61100" s="2"/>
      <c r="C61100" s="2"/>
    </row>
    <row r="61101" spans="1:3" ht="19.2">
      <c r="A61101" s="2"/>
      <c r="B61101" s="2"/>
      <c r="C61101" s="2"/>
    </row>
    <row r="61102" spans="1:3" ht="19.2">
      <c r="A61102" s="2"/>
      <c r="B61102" s="2"/>
      <c r="C61102" s="2"/>
    </row>
    <row r="61103" spans="1:3" ht="19.2">
      <c r="A61103" s="2"/>
      <c r="B61103" s="2"/>
      <c r="C61103" s="2"/>
    </row>
    <row r="61104" spans="1:3" ht="19.2">
      <c r="A61104" s="2"/>
      <c r="B61104" s="2"/>
      <c r="C61104" s="2"/>
    </row>
    <row r="61105" spans="1:3" ht="19.2">
      <c r="A61105" s="2"/>
      <c r="B61105" s="2"/>
      <c r="C61105" s="2"/>
    </row>
    <row r="61106" spans="1:3" ht="19.2">
      <c r="A61106" s="2"/>
      <c r="B61106" s="2"/>
      <c r="C61106" s="2"/>
    </row>
    <row r="61107" spans="1:3" ht="19.2">
      <c r="A61107" s="2"/>
      <c r="B61107" s="2"/>
      <c r="C61107" s="2"/>
    </row>
    <row r="61108" spans="1:3" ht="19.2">
      <c r="A61108" s="2"/>
      <c r="B61108" s="2"/>
      <c r="C61108" s="2"/>
    </row>
    <row r="61109" spans="1:3" ht="19.2">
      <c r="A61109" s="2"/>
      <c r="B61109" s="2"/>
      <c r="C61109" s="2"/>
    </row>
    <row r="61110" spans="1:3" ht="19.2">
      <c r="A61110" s="2"/>
      <c r="B61110" s="2"/>
      <c r="C61110" s="2"/>
    </row>
    <row r="61111" spans="1:3" ht="19.2">
      <c r="A61111" s="2"/>
      <c r="B61111" s="2"/>
      <c r="C61111" s="2"/>
    </row>
    <row r="61112" spans="1:3" ht="19.2">
      <c r="A61112" s="2"/>
      <c r="B61112" s="2"/>
      <c r="C61112" s="2"/>
    </row>
    <row r="61113" spans="1:3" ht="19.2">
      <c r="A61113" s="2"/>
      <c r="B61113" s="2"/>
      <c r="C61113" s="2"/>
    </row>
    <row r="61114" spans="1:3" ht="19.2">
      <c r="A61114" s="2"/>
      <c r="B61114" s="2"/>
      <c r="C61114" s="2"/>
    </row>
    <row r="61115" spans="1:3" ht="19.2">
      <c r="A61115" s="2"/>
      <c r="B61115" s="2"/>
      <c r="C61115" s="2"/>
    </row>
    <row r="61116" spans="1:3" ht="19.2">
      <c r="A61116" s="2"/>
      <c r="B61116" s="2"/>
      <c r="C61116" s="2"/>
    </row>
    <row r="61117" spans="1:3" ht="19.2">
      <c r="A61117" s="2"/>
      <c r="B61117" s="2"/>
      <c r="C61117" s="2"/>
    </row>
    <row r="61118" spans="1:3" ht="19.2">
      <c r="A61118" s="2"/>
      <c r="B61118" s="2"/>
      <c r="C61118" s="2"/>
    </row>
    <row r="61119" spans="1:3" ht="19.2">
      <c r="A61119" s="2"/>
      <c r="B61119" s="2"/>
      <c r="C61119" s="2"/>
    </row>
    <row r="61120" spans="1:3" ht="19.2">
      <c r="A61120" s="2"/>
      <c r="B61120" s="2"/>
      <c r="C61120" s="2"/>
    </row>
    <row r="61121" spans="1:3" ht="19.2">
      <c r="A61121" s="2"/>
      <c r="B61121" s="2"/>
      <c r="C61121" s="2"/>
    </row>
    <row r="61122" spans="1:3" ht="19.2">
      <c r="A61122" s="2"/>
      <c r="B61122" s="2"/>
      <c r="C61122" s="2"/>
    </row>
    <row r="61123" spans="1:3" ht="19.2">
      <c r="A61123" s="2"/>
      <c r="B61123" s="2"/>
      <c r="C61123" s="2"/>
    </row>
    <row r="61124" spans="1:3" ht="19.2">
      <c r="A61124" s="2"/>
      <c r="B61124" s="2"/>
      <c r="C61124" s="2"/>
    </row>
    <row r="61125" spans="1:3" ht="19.2">
      <c r="A61125" s="2"/>
      <c r="B61125" s="2"/>
      <c r="C61125" s="2"/>
    </row>
    <row r="61126" spans="1:3" ht="19.2">
      <c r="A61126" s="2"/>
      <c r="B61126" s="2"/>
      <c r="C61126" s="2"/>
    </row>
    <row r="61127" spans="1:3" ht="19.2">
      <c r="A61127" s="2"/>
      <c r="B61127" s="2"/>
      <c r="C61127" s="2"/>
    </row>
    <row r="61128" spans="1:3" ht="19.2">
      <c r="A61128" s="2"/>
      <c r="B61128" s="2"/>
      <c r="C61128" s="2"/>
    </row>
    <row r="61129" spans="1:3" ht="19.2">
      <c r="A61129" s="2"/>
      <c r="B61129" s="2"/>
      <c r="C61129" s="2"/>
    </row>
    <row r="61130" spans="1:3" ht="19.2">
      <c r="A61130" s="2"/>
      <c r="B61130" s="2"/>
      <c r="C61130" s="2"/>
    </row>
    <row r="61131" spans="1:3" ht="19.2">
      <c r="A61131" s="2"/>
      <c r="B61131" s="2"/>
      <c r="C61131" s="2"/>
    </row>
    <row r="61132" spans="1:3" ht="19.2">
      <c r="A61132" s="2"/>
      <c r="B61132" s="2"/>
      <c r="C61132" s="2"/>
    </row>
    <row r="61133" spans="1:3" ht="19.2">
      <c r="A61133" s="2"/>
      <c r="B61133" s="2"/>
      <c r="C61133" s="2"/>
    </row>
    <row r="61134" spans="1:3" ht="19.2">
      <c r="A61134" s="2"/>
      <c r="B61134" s="2"/>
      <c r="C61134" s="2"/>
    </row>
    <row r="61135" spans="1:3" ht="19.2">
      <c r="A61135" s="2"/>
      <c r="B61135" s="2"/>
      <c r="C61135" s="2"/>
    </row>
    <row r="61136" spans="1:3" ht="19.2">
      <c r="A61136" s="2"/>
      <c r="B61136" s="2"/>
      <c r="C61136" s="2"/>
    </row>
    <row r="61137" spans="1:3" ht="19.2">
      <c r="A61137" s="2"/>
      <c r="B61137" s="2"/>
      <c r="C61137" s="2"/>
    </row>
    <row r="61138" spans="1:3" ht="19.2">
      <c r="A61138" s="2"/>
      <c r="B61138" s="2"/>
      <c r="C61138" s="2"/>
    </row>
    <row r="61139" spans="1:3" ht="19.2">
      <c r="A61139" s="2"/>
      <c r="B61139" s="2"/>
      <c r="C61139" s="2"/>
    </row>
    <row r="61140" spans="1:3" ht="19.2">
      <c r="A61140" s="2"/>
      <c r="B61140" s="2"/>
      <c r="C61140" s="2"/>
    </row>
    <row r="61141" spans="1:3" ht="19.2">
      <c r="A61141" s="2"/>
      <c r="B61141" s="2"/>
      <c r="C61141" s="2"/>
    </row>
    <row r="61142" spans="1:3" ht="19.2">
      <c r="A61142" s="2"/>
      <c r="B61142" s="2"/>
      <c r="C61142" s="2"/>
    </row>
    <row r="61143" spans="1:3" ht="19.2">
      <c r="A61143" s="2"/>
      <c r="B61143" s="2"/>
      <c r="C61143" s="2"/>
    </row>
    <row r="61144" spans="1:3" ht="19.2">
      <c r="A61144" s="2"/>
      <c r="B61144" s="2"/>
      <c r="C61144" s="2"/>
    </row>
    <row r="61145" spans="1:3" ht="19.2">
      <c r="A61145" s="2"/>
      <c r="B61145" s="2"/>
      <c r="C61145" s="2"/>
    </row>
    <row r="61146" spans="1:3" ht="19.2">
      <c r="A61146" s="2"/>
      <c r="B61146" s="2"/>
      <c r="C61146" s="2"/>
    </row>
    <row r="61147" spans="1:3" ht="19.2">
      <c r="A61147" s="2"/>
      <c r="B61147" s="2"/>
      <c r="C61147" s="2"/>
    </row>
    <row r="61148" spans="1:3" ht="19.2">
      <c r="A61148" s="2"/>
      <c r="B61148" s="2"/>
      <c r="C61148" s="2"/>
    </row>
    <row r="61149" spans="1:3" ht="19.2">
      <c r="A61149" s="2"/>
      <c r="B61149" s="2"/>
      <c r="C61149" s="2"/>
    </row>
    <row r="61150" spans="1:3" ht="19.2">
      <c r="A61150" s="2"/>
      <c r="B61150" s="2"/>
      <c r="C61150" s="2"/>
    </row>
    <row r="61151" spans="1:3" ht="19.2">
      <c r="A61151" s="2"/>
      <c r="B61151" s="2"/>
      <c r="C61151" s="2"/>
    </row>
    <row r="61152" spans="1:3" ht="19.2">
      <c r="A61152" s="2"/>
      <c r="B61152" s="2"/>
      <c r="C61152" s="2"/>
    </row>
    <row r="61153" spans="1:3" ht="19.2">
      <c r="A61153" s="2"/>
      <c r="B61153" s="2"/>
      <c r="C61153" s="2"/>
    </row>
    <row r="61154" spans="1:3" ht="19.2">
      <c r="A61154" s="2"/>
      <c r="B61154" s="2"/>
      <c r="C61154" s="2"/>
    </row>
    <row r="61155" spans="1:3" ht="19.2">
      <c r="A61155" s="2"/>
      <c r="B61155" s="2"/>
      <c r="C61155" s="2"/>
    </row>
    <row r="61156" spans="1:3" ht="19.2">
      <c r="A61156" s="2"/>
      <c r="B61156" s="2"/>
      <c r="C61156" s="2"/>
    </row>
    <row r="61157" spans="1:3" ht="19.2">
      <c r="A61157" s="2"/>
      <c r="B61157" s="2"/>
      <c r="C61157" s="2"/>
    </row>
    <row r="61158" spans="1:3" ht="19.2">
      <c r="A61158" s="2"/>
      <c r="B61158" s="2"/>
      <c r="C61158" s="2"/>
    </row>
    <row r="61159" spans="1:3" ht="19.2">
      <c r="A61159" s="2"/>
      <c r="B61159" s="2"/>
      <c r="C61159" s="2"/>
    </row>
    <row r="61160" spans="1:3" ht="19.2">
      <c r="A61160" s="2"/>
      <c r="B61160" s="2"/>
      <c r="C61160" s="2"/>
    </row>
    <row r="61161" spans="1:3" ht="19.2">
      <c r="A61161" s="2"/>
      <c r="B61161" s="2"/>
      <c r="C61161" s="2"/>
    </row>
    <row r="61162" spans="1:3" ht="19.2">
      <c r="A61162" s="2"/>
      <c r="B61162" s="2"/>
      <c r="C61162" s="2"/>
    </row>
    <row r="61163" spans="1:3" ht="19.2">
      <c r="A61163" s="2"/>
      <c r="B61163" s="2"/>
      <c r="C61163" s="2"/>
    </row>
    <row r="61164" spans="1:3" ht="19.2">
      <c r="A61164" s="2"/>
      <c r="B61164" s="2"/>
      <c r="C61164" s="2"/>
    </row>
    <row r="61165" spans="1:3" ht="19.2">
      <c r="A61165" s="2"/>
      <c r="B61165" s="2"/>
      <c r="C61165" s="2"/>
    </row>
    <row r="61166" spans="1:3" ht="19.2">
      <c r="A61166" s="2"/>
      <c r="B61166" s="2"/>
      <c r="C61166" s="2"/>
    </row>
    <row r="61167" spans="1:3" ht="19.2">
      <c r="A61167" s="2"/>
      <c r="B61167" s="2"/>
      <c r="C61167" s="2"/>
    </row>
    <row r="61168" spans="1:3" ht="19.2">
      <c r="A61168" s="2"/>
      <c r="B61168" s="2"/>
      <c r="C61168" s="2"/>
    </row>
    <row r="61169" spans="1:3" ht="19.2">
      <c r="A61169" s="2"/>
      <c r="B61169" s="2"/>
      <c r="C61169" s="2"/>
    </row>
    <row r="61170" spans="1:3" ht="19.2">
      <c r="A61170" s="2"/>
      <c r="B61170" s="2"/>
      <c r="C61170" s="2"/>
    </row>
    <row r="61171" spans="1:3" ht="19.2">
      <c r="A61171" s="2"/>
      <c r="B61171" s="2"/>
      <c r="C61171" s="2"/>
    </row>
    <row r="61172" spans="1:3" ht="19.2">
      <c r="A61172" s="2"/>
      <c r="B61172" s="2"/>
      <c r="C61172" s="2"/>
    </row>
    <row r="61173" spans="1:3" ht="19.2">
      <c r="A61173" s="2"/>
      <c r="B61173" s="2"/>
      <c r="C61173" s="2"/>
    </row>
    <row r="61174" spans="1:3" ht="19.2">
      <c r="A61174" s="2"/>
      <c r="B61174" s="2"/>
      <c r="C61174" s="2"/>
    </row>
    <row r="61175" spans="1:3" ht="19.2">
      <c r="A61175" s="2"/>
      <c r="B61175" s="2"/>
      <c r="C61175" s="2"/>
    </row>
    <row r="61176" spans="1:3" ht="19.2">
      <c r="A61176" s="2"/>
      <c r="B61176" s="2"/>
      <c r="C61176" s="2"/>
    </row>
    <row r="61177" spans="1:3" ht="19.2">
      <c r="A61177" s="2"/>
      <c r="B61177" s="2"/>
      <c r="C61177" s="2"/>
    </row>
    <row r="61178" spans="1:3" ht="19.2">
      <c r="A61178" s="2"/>
      <c r="B61178" s="2"/>
      <c r="C61178" s="2"/>
    </row>
    <row r="61179" spans="1:3" ht="19.2">
      <c r="A61179" s="2"/>
      <c r="B61179" s="2"/>
      <c r="C61179" s="2"/>
    </row>
    <row r="61180" spans="1:3" ht="19.2">
      <c r="A61180" s="2"/>
      <c r="B61180" s="2"/>
      <c r="C61180" s="2"/>
    </row>
    <row r="61181" spans="1:3" ht="19.2">
      <c r="A61181" s="2"/>
      <c r="B61181" s="2"/>
      <c r="C61181" s="2"/>
    </row>
    <row r="61182" spans="1:3" ht="19.2">
      <c r="A61182" s="2"/>
      <c r="B61182" s="2"/>
      <c r="C61182" s="2"/>
    </row>
    <row r="61183" spans="1:3" ht="19.2">
      <c r="A61183" s="2"/>
      <c r="B61183" s="2"/>
      <c r="C61183" s="2"/>
    </row>
    <row r="61184" spans="1:3" ht="19.2">
      <c r="A61184" s="2"/>
      <c r="B61184" s="2"/>
      <c r="C61184" s="2"/>
    </row>
    <row r="61185" spans="1:3" ht="19.2">
      <c r="A61185" s="2"/>
      <c r="B61185" s="2"/>
      <c r="C61185" s="2"/>
    </row>
    <row r="61186" spans="1:3" ht="19.2">
      <c r="A61186" s="2"/>
      <c r="B61186" s="2"/>
      <c r="C61186" s="2"/>
    </row>
    <row r="61187" spans="1:3" ht="19.2">
      <c r="A61187" s="2"/>
      <c r="B61187" s="2"/>
      <c r="C61187" s="2"/>
    </row>
    <row r="61188" spans="1:3" ht="19.2">
      <c r="A61188" s="2"/>
      <c r="B61188" s="2"/>
      <c r="C61188" s="2"/>
    </row>
    <row r="61189" spans="1:3" ht="19.2">
      <c r="A61189" s="2"/>
      <c r="B61189" s="2"/>
      <c r="C61189" s="2"/>
    </row>
    <row r="61190" spans="1:3" ht="19.2">
      <c r="A61190" s="2"/>
      <c r="B61190" s="2"/>
      <c r="C61190" s="2"/>
    </row>
    <row r="61191" spans="1:3" ht="19.2">
      <c r="A61191" s="2"/>
      <c r="B61191" s="2"/>
      <c r="C61191" s="2"/>
    </row>
    <row r="61192" spans="1:3" ht="19.2">
      <c r="A61192" s="2"/>
      <c r="B61192" s="2"/>
      <c r="C61192" s="2"/>
    </row>
    <row r="61193" spans="1:3" ht="19.2">
      <c r="A61193" s="2"/>
      <c r="B61193" s="2"/>
      <c r="C61193" s="2"/>
    </row>
    <row r="61194" spans="1:3" ht="19.2">
      <c r="A61194" s="2"/>
      <c r="B61194" s="2"/>
      <c r="C61194" s="2"/>
    </row>
    <row r="61195" spans="1:3" ht="19.2">
      <c r="A61195" s="2"/>
      <c r="B61195" s="2"/>
      <c r="C61195" s="2"/>
    </row>
    <row r="61196" spans="1:3" ht="19.2">
      <c r="A61196" s="2"/>
      <c r="B61196" s="2"/>
      <c r="C61196" s="2"/>
    </row>
    <row r="61197" spans="1:3" ht="19.2">
      <c r="A61197" s="2"/>
      <c r="B61197" s="2"/>
      <c r="C61197" s="2"/>
    </row>
    <row r="61198" spans="1:3" ht="19.2">
      <c r="A61198" s="2"/>
      <c r="B61198" s="2"/>
      <c r="C61198" s="2"/>
    </row>
    <row r="61199" spans="1:3" ht="19.2">
      <c r="A61199" s="2"/>
      <c r="B61199" s="2"/>
      <c r="C61199" s="2"/>
    </row>
    <row r="61200" spans="1:3" ht="19.2">
      <c r="A61200" s="2"/>
      <c r="B61200" s="2"/>
      <c r="C61200" s="2"/>
    </row>
    <row r="61201" spans="1:3" ht="19.2">
      <c r="A61201" s="2"/>
      <c r="B61201" s="2"/>
      <c r="C61201" s="2"/>
    </row>
    <row r="61202" spans="1:3" ht="19.2">
      <c r="A61202" s="2"/>
      <c r="B61202" s="2"/>
      <c r="C61202" s="2"/>
    </row>
    <row r="61203" spans="1:3" ht="19.2">
      <c r="A61203" s="2"/>
      <c r="B61203" s="2"/>
      <c r="C61203" s="2"/>
    </row>
    <row r="61204" spans="1:3" ht="19.2">
      <c r="A61204" s="2"/>
      <c r="B61204" s="2"/>
      <c r="C61204" s="2"/>
    </row>
    <row r="61205" spans="1:3" ht="19.2">
      <c r="A61205" s="2"/>
      <c r="B61205" s="2"/>
      <c r="C61205" s="2"/>
    </row>
    <row r="61206" spans="1:3" ht="19.2">
      <c r="A61206" s="2"/>
      <c r="B61206" s="2"/>
      <c r="C61206" s="2"/>
    </row>
    <row r="61207" spans="1:3" ht="19.2">
      <c r="A61207" s="2"/>
      <c r="B61207" s="2"/>
      <c r="C61207" s="2"/>
    </row>
    <row r="61208" spans="1:3" ht="19.2">
      <c r="A61208" s="2"/>
      <c r="B61208" s="2"/>
      <c r="C61208" s="2"/>
    </row>
    <row r="61209" spans="1:3" ht="19.2">
      <c r="A61209" s="2"/>
      <c r="B61209" s="2"/>
      <c r="C61209" s="2"/>
    </row>
    <row r="61210" spans="1:3" ht="19.2">
      <c r="A61210" s="2"/>
      <c r="B61210" s="2"/>
      <c r="C61210" s="2"/>
    </row>
    <row r="61211" spans="1:3" ht="19.2">
      <c r="A61211" s="2"/>
      <c r="B61211" s="2"/>
      <c r="C61211" s="2"/>
    </row>
    <row r="61212" spans="1:3" ht="19.2">
      <c r="A61212" s="2"/>
      <c r="B61212" s="2"/>
      <c r="C61212" s="2"/>
    </row>
    <row r="61213" spans="1:3" ht="19.2">
      <c r="A61213" s="2"/>
      <c r="B61213" s="2"/>
      <c r="C61213" s="2"/>
    </row>
    <row r="61214" spans="1:3" ht="19.2">
      <c r="A61214" s="2"/>
      <c r="B61214" s="2"/>
      <c r="C61214" s="2"/>
    </row>
    <row r="61215" spans="1:3" ht="19.2">
      <c r="A61215" s="2"/>
      <c r="B61215" s="2"/>
      <c r="C61215" s="2"/>
    </row>
    <row r="61216" spans="1:3" ht="19.2">
      <c r="A61216" s="2"/>
      <c r="B61216" s="2"/>
      <c r="C61216" s="2"/>
    </row>
    <row r="61217" spans="1:3" ht="19.2">
      <c r="A61217" s="2"/>
      <c r="B61217" s="2"/>
      <c r="C61217" s="2"/>
    </row>
    <row r="61218" spans="1:3" ht="19.2">
      <c r="A61218" s="2"/>
      <c r="B61218" s="2"/>
      <c r="C61218" s="2"/>
    </row>
    <row r="61219" spans="1:3" ht="19.2">
      <c r="A61219" s="2"/>
      <c r="B61219" s="2"/>
      <c r="C61219" s="2"/>
    </row>
    <row r="61220" spans="1:3" ht="19.2">
      <c r="A61220" s="2"/>
      <c r="B61220" s="2"/>
      <c r="C61220" s="2"/>
    </row>
    <row r="61221" spans="1:3" ht="19.2">
      <c r="A61221" s="2"/>
      <c r="B61221" s="2"/>
      <c r="C61221" s="2"/>
    </row>
    <row r="61222" spans="1:3" ht="19.2">
      <c r="A61222" s="2"/>
      <c r="B61222" s="2"/>
      <c r="C61222" s="2"/>
    </row>
    <row r="61223" spans="1:3" ht="19.2">
      <c r="A61223" s="2"/>
      <c r="B61223" s="2"/>
      <c r="C61223" s="2"/>
    </row>
    <row r="61224" spans="1:3" ht="19.2">
      <c r="A61224" s="2"/>
      <c r="B61224" s="2"/>
      <c r="C61224" s="2"/>
    </row>
    <row r="61225" spans="1:3" ht="19.2">
      <c r="A61225" s="2"/>
      <c r="B61225" s="2"/>
      <c r="C61225" s="2"/>
    </row>
    <row r="61226" spans="1:3" ht="19.2">
      <c r="A61226" s="2"/>
      <c r="B61226" s="2"/>
      <c r="C61226" s="2"/>
    </row>
    <row r="61227" spans="1:3" ht="19.2">
      <c r="A61227" s="2"/>
      <c r="B61227" s="2"/>
      <c r="C61227" s="2"/>
    </row>
    <row r="61228" spans="1:3" ht="19.2">
      <c r="A61228" s="2"/>
      <c r="B61228" s="2"/>
      <c r="C61228" s="2"/>
    </row>
    <row r="61229" spans="1:3" ht="19.2">
      <c r="A61229" s="2"/>
      <c r="B61229" s="2"/>
      <c r="C61229" s="2"/>
    </row>
    <row r="61230" spans="1:3" ht="19.2">
      <c r="A61230" s="2"/>
      <c r="B61230" s="2"/>
      <c r="C61230" s="2"/>
    </row>
    <row r="61231" spans="1:3" ht="19.2">
      <c r="A61231" s="2"/>
      <c r="B61231" s="2"/>
      <c r="C61231" s="2"/>
    </row>
    <row r="61232" spans="1:3" ht="19.2">
      <c r="A61232" s="2"/>
      <c r="B61232" s="2"/>
      <c r="C61232" s="2"/>
    </row>
    <row r="61233" spans="1:3" ht="19.2">
      <c r="A61233" s="2"/>
      <c r="B61233" s="2"/>
      <c r="C61233" s="2"/>
    </row>
    <row r="61234" spans="1:3" ht="19.2">
      <c r="A61234" s="2"/>
      <c r="B61234" s="2"/>
      <c r="C61234" s="2"/>
    </row>
    <row r="61235" spans="1:3" ht="19.2">
      <c r="A61235" s="2"/>
      <c r="B61235" s="2"/>
      <c r="C61235" s="2"/>
    </row>
    <row r="61236" spans="1:3" ht="19.2">
      <c r="A61236" s="2"/>
      <c r="B61236" s="2"/>
      <c r="C61236" s="2"/>
    </row>
    <row r="61237" spans="1:3" ht="19.2">
      <c r="A61237" s="2"/>
      <c r="B61237" s="2"/>
      <c r="C61237" s="2"/>
    </row>
    <row r="61238" spans="1:3" ht="19.2">
      <c r="A61238" s="2"/>
      <c r="B61238" s="2"/>
      <c r="C61238" s="2"/>
    </row>
    <row r="61239" spans="1:3" ht="19.2">
      <c r="A61239" s="2"/>
      <c r="B61239" s="2"/>
      <c r="C61239" s="2"/>
    </row>
    <row r="61240" spans="1:3" ht="19.2">
      <c r="A61240" s="2"/>
      <c r="B61240" s="2"/>
      <c r="C61240" s="2"/>
    </row>
    <row r="61241" spans="1:3" ht="19.2">
      <c r="A61241" s="2"/>
      <c r="B61241" s="2"/>
      <c r="C61241" s="2"/>
    </row>
    <row r="61242" spans="1:3" ht="19.2">
      <c r="A61242" s="2"/>
      <c r="B61242" s="2"/>
      <c r="C61242" s="2"/>
    </row>
    <row r="61243" spans="1:3" ht="19.2">
      <c r="A61243" s="2"/>
      <c r="B61243" s="2"/>
      <c r="C61243" s="2"/>
    </row>
    <row r="61244" spans="1:3" ht="19.2">
      <c r="A61244" s="2"/>
      <c r="B61244" s="2"/>
      <c r="C61244" s="2"/>
    </row>
    <row r="61245" spans="1:3" ht="19.2">
      <c r="A61245" s="2"/>
      <c r="B61245" s="2"/>
      <c r="C61245" s="2"/>
    </row>
    <row r="61246" spans="1:3" ht="19.2">
      <c r="A61246" s="2"/>
      <c r="B61246" s="2"/>
      <c r="C61246" s="2"/>
    </row>
    <row r="61247" spans="1:3" ht="19.2">
      <c r="A61247" s="2"/>
      <c r="B61247" s="2"/>
      <c r="C61247" s="2"/>
    </row>
    <row r="61248" spans="1:3" ht="19.2">
      <c r="A61248" s="2"/>
      <c r="B61248" s="2"/>
      <c r="C61248" s="2"/>
    </row>
    <row r="61249" spans="1:3" ht="19.2">
      <c r="A61249" s="2"/>
      <c r="B61249" s="2"/>
      <c r="C61249" s="2"/>
    </row>
    <row r="61250" spans="1:3" ht="19.2">
      <c r="A61250" s="2"/>
      <c r="B61250" s="2"/>
      <c r="C61250" s="2"/>
    </row>
    <row r="61251" spans="1:3" ht="19.2">
      <c r="A61251" s="2"/>
      <c r="B61251" s="2"/>
      <c r="C61251" s="2"/>
    </row>
    <row r="61252" spans="1:3" ht="19.2">
      <c r="A61252" s="2"/>
      <c r="B61252" s="2"/>
      <c r="C61252" s="2"/>
    </row>
    <row r="61253" spans="1:3" ht="19.2">
      <c r="A61253" s="2"/>
      <c r="B61253" s="2"/>
      <c r="C61253" s="2"/>
    </row>
    <row r="61254" spans="1:3" ht="19.2">
      <c r="A61254" s="2"/>
      <c r="B61254" s="2"/>
      <c r="C61254" s="2"/>
    </row>
    <row r="61255" spans="1:3" ht="19.2">
      <c r="A61255" s="2"/>
      <c r="B61255" s="2"/>
      <c r="C61255" s="2"/>
    </row>
    <row r="61256" spans="1:3" ht="19.2">
      <c r="A61256" s="2"/>
      <c r="B61256" s="2"/>
      <c r="C61256" s="2"/>
    </row>
    <row r="61257" spans="1:3" ht="19.2">
      <c r="A61257" s="2"/>
      <c r="B61257" s="2"/>
      <c r="C61257" s="2"/>
    </row>
    <row r="61258" spans="1:3" ht="19.2">
      <c r="A61258" s="2"/>
      <c r="B61258" s="2"/>
      <c r="C61258" s="2"/>
    </row>
    <row r="61259" spans="1:3" ht="19.2">
      <c r="A61259" s="2"/>
      <c r="B61259" s="2"/>
      <c r="C61259" s="2"/>
    </row>
    <row r="61260" spans="1:3" ht="19.2">
      <c r="A61260" s="2"/>
      <c r="B61260" s="2"/>
      <c r="C61260" s="2"/>
    </row>
    <row r="61261" spans="1:3" ht="19.2">
      <c r="A61261" s="2"/>
      <c r="B61261" s="2"/>
      <c r="C61261" s="2"/>
    </row>
    <row r="61262" spans="1:3" ht="19.2">
      <c r="A61262" s="2"/>
      <c r="B61262" s="2"/>
      <c r="C61262" s="2"/>
    </row>
    <row r="61263" spans="1:3" ht="19.2">
      <c r="A61263" s="2"/>
      <c r="B61263" s="2"/>
      <c r="C61263" s="2"/>
    </row>
    <row r="61264" spans="1:3" ht="19.2">
      <c r="A61264" s="2"/>
      <c r="B61264" s="2"/>
      <c r="C61264" s="2"/>
    </row>
    <row r="61265" spans="1:3" ht="19.2">
      <c r="A61265" s="2"/>
      <c r="B61265" s="2"/>
      <c r="C61265" s="2"/>
    </row>
    <row r="61266" spans="1:3" ht="19.2">
      <c r="A61266" s="2"/>
      <c r="B61266" s="2"/>
      <c r="C61266" s="2"/>
    </row>
    <row r="61267" spans="1:3" ht="19.2">
      <c r="A61267" s="2"/>
      <c r="B61267" s="2"/>
      <c r="C61267" s="2"/>
    </row>
    <row r="61268" spans="1:3" ht="19.2">
      <c r="A61268" s="2"/>
      <c r="B61268" s="2"/>
      <c r="C61268" s="2"/>
    </row>
    <row r="61269" spans="1:3" ht="19.2">
      <c r="A61269" s="2"/>
      <c r="B61269" s="2"/>
      <c r="C61269" s="2"/>
    </row>
    <row r="61270" spans="1:3" ht="19.2">
      <c r="A61270" s="2"/>
      <c r="B61270" s="2"/>
      <c r="C61270" s="2"/>
    </row>
    <row r="61271" spans="1:3" ht="19.2">
      <c r="A61271" s="2"/>
      <c r="B61271" s="2"/>
      <c r="C61271" s="2"/>
    </row>
    <row r="61272" spans="1:3" ht="19.2">
      <c r="A61272" s="2"/>
      <c r="B61272" s="2"/>
      <c r="C61272" s="2"/>
    </row>
    <row r="61273" spans="1:3" ht="19.2">
      <c r="A61273" s="2"/>
      <c r="B61273" s="2"/>
      <c r="C61273" s="2"/>
    </row>
    <row r="61274" spans="1:3" ht="19.2">
      <c r="A61274" s="2"/>
      <c r="B61274" s="2"/>
      <c r="C61274" s="2"/>
    </row>
    <row r="61275" spans="1:3" ht="19.2">
      <c r="A61275" s="2"/>
      <c r="B61275" s="2"/>
      <c r="C61275" s="2"/>
    </row>
    <row r="61276" spans="1:3" ht="19.2">
      <c r="A61276" s="2"/>
      <c r="B61276" s="2"/>
      <c r="C61276" s="2"/>
    </row>
    <row r="61277" spans="1:3" ht="19.2">
      <c r="A61277" s="2"/>
      <c r="B61277" s="2"/>
      <c r="C61277" s="2"/>
    </row>
    <row r="61278" spans="1:3" ht="19.2">
      <c r="A61278" s="2"/>
      <c r="B61278" s="2"/>
      <c r="C61278" s="2"/>
    </row>
    <row r="61279" spans="1:3" ht="19.2">
      <c r="A61279" s="2"/>
      <c r="B61279" s="2"/>
      <c r="C61279" s="2"/>
    </row>
    <row r="61280" spans="1:3" ht="19.2">
      <c r="A61280" s="2"/>
      <c r="B61280" s="2"/>
      <c r="C61280" s="2"/>
    </row>
    <row r="61281" spans="1:3" ht="19.2">
      <c r="A61281" s="2"/>
      <c r="B61281" s="2"/>
      <c r="C61281" s="2"/>
    </row>
    <row r="61282" spans="1:3" ht="19.2">
      <c r="A61282" s="2"/>
      <c r="B61282" s="2"/>
      <c r="C61282" s="2"/>
    </row>
    <row r="61283" spans="1:3" ht="19.2">
      <c r="A61283" s="2"/>
      <c r="B61283" s="2"/>
      <c r="C61283" s="2"/>
    </row>
    <row r="61284" spans="1:3" ht="19.2">
      <c r="A61284" s="2"/>
      <c r="B61284" s="2"/>
      <c r="C61284" s="2"/>
    </row>
    <row r="61285" spans="1:3" ht="19.2">
      <c r="A61285" s="2"/>
      <c r="B61285" s="2"/>
      <c r="C61285" s="2"/>
    </row>
    <row r="61286" spans="1:3" ht="19.2">
      <c r="A61286" s="2"/>
      <c r="B61286" s="2"/>
      <c r="C61286" s="2"/>
    </row>
    <row r="61287" spans="1:3" ht="19.2">
      <c r="A61287" s="2"/>
      <c r="B61287" s="2"/>
      <c r="C61287" s="2"/>
    </row>
    <row r="61288" spans="1:3" ht="19.2">
      <c r="A61288" s="2"/>
      <c r="B61288" s="2"/>
      <c r="C61288" s="2"/>
    </row>
    <row r="61289" spans="1:3" ht="19.2">
      <c r="A61289" s="2"/>
      <c r="B61289" s="2"/>
      <c r="C61289" s="2"/>
    </row>
    <row r="61290" spans="1:3" ht="19.2">
      <c r="A61290" s="2"/>
      <c r="B61290" s="2"/>
      <c r="C61290" s="2"/>
    </row>
    <row r="61291" spans="1:3" ht="19.2">
      <c r="A61291" s="2"/>
      <c r="B61291" s="2"/>
      <c r="C61291" s="2"/>
    </row>
    <row r="61292" spans="1:3" ht="19.2">
      <c r="A61292" s="2"/>
      <c r="B61292" s="2"/>
      <c r="C61292" s="2"/>
    </row>
    <row r="61293" spans="1:3" ht="19.2">
      <c r="A61293" s="2"/>
      <c r="B61293" s="2"/>
      <c r="C61293" s="2"/>
    </row>
    <row r="61294" spans="1:3" ht="19.2">
      <c r="A61294" s="2"/>
      <c r="B61294" s="2"/>
      <c r="C61294" s="2"/>
    </row>
    <row r="61295" spans="1:3" ht="19.2">
      <c r="A61295" s="2"/>
      <c r="B61295" s="2"/>
      <c r="C61295" s="2"/>
    </row>
    <row r="61296" spans="1:3" ht="19.2">
      <c r="A61296" s="2"/>
      <c r="B61296" s="2"/>
      <c r="C61296" s="2"/>
    </row>
    <row r="61297" spans="1:3" ht="19.2">
      <c r="A61297" s="2"/>
      <c r="B61297" s="2"/>
      <c r="C61297" s="2"/>
    </row>
    <row r="61298" spans="1:3" ht="19.2">
      <c r="A61298" s="2"/>
      <c r="B61298" s="2"/>
      <c r="C61298" s="2"/>
    </row>
    <row r="61299" spans="1:3" ht="19.2">
      <c r="A61299" s="2"/>
      <c r="B61299" s="2"/>
      <c r="C61299" s="2"/>
    </row>
    <row r="61300" spans="1:3" ht="19.2">
      <c r="A61300" s="2"/>
      <c r="B61300" s="2"/>
      <c r="C61300" s="2"/>
    </row>
    <row r="61301" spans="1:3" ht="19.2">
      <c r="A61301" s="2"/>
      <c r="B61301" s="2"/>
      <c r="C61301" s="2"/>
    </row>
    <row r="61302" spans="1:3" ht="19.2">
      <c r="A61302" s="2"/>
      <c r="B61302" s="2"/>
      <c r="C61302" s="2"/>
    </row>
    <row r="61303" spans="1:3" ht="19.2">
      <c r="A61303" s="2"/>
      <c r="B61303" s="2"/>
      <c r="C61303" s="2"/>
    </row>
    <row r="61304" spans="1:3" ht="19.2">
      <c r="A61304" s="2"/>
      <c r="B61304" s="2"/>
      <c r="C61304" s="2"/>
    </row>
    <row r="61305" spans="1:3" ht="19.2">
      <c r="A61305" s="2"/>
      <c r="B61305" s="2"/>
      <c r="C61305" s="2"/>
    </row>
    <row r="61306" spans="1:3" ht="19.2">
      <c r="A61306" s="2"/>
      <c r="B61306" s="2"/>
      <c r="C61306" s="2"/>
    </row>
    <row r="61307" spans="1:3" ht="19.2">
      <c r="A61307" s="2"/>
      <c r="B61307" s="2"/>
      <c r="C61307" s="2"/>
    </row>
    <row r="61308" spans="1:3" ht="19.2">
      <c r="A61308" s="2"/>
      <c r="B61308" s="2"/>
      <c r="C61308" s="2"/>
    </row>
    <row r="61309" spans="1:3" ht="19.2">
      <c r="A61309" s="2"/>
      <c r="B61309" s="2"/>
      <c r="C61309" s="2"/>
    </row>
    <row r="61310" spans="1:3" ht="19.2">
      <c r="A61310" s="2"/>
      <c r="B61310" s="2"/>
      <c r="C61310" s="2"/>
    </row>
    <row r="61311" spans="1:3" ht="19.2">
      <c r="A61311" s="2"/>
      <c r="B61311" s="2"/>
      <c r="C61311" s="2"/>
    </row>
    <row r="61312" spans="1:3" ht="19.2">
      <c r="A61312" s="2"/>
      <c r="B61312" s="2"/>
      <c r="C61312" s="2"/>
    </row>
    <row r="61313" spans="1:3" ht="19.2">
      <c r="A61313" s="2"/>
      <c r="B61313" s="2"/>
      <c r="C61313" s="2"/>
    </row>
    <row r="61314" spans="1:3" ht="19.2">
      <c r="A61314" s="2"/>
      <c r="B61314" s="2"/>
      <c r="C61314" s="2"/>
    </row>
    <row r="61315" spans="1:3" ht="19.2">
      <c r="A61315" s="2"/>
      <c r="B61315" s="2"/>
      <c r="C61315" s="2"/>
    </row>
    <row r="61316" spans="1:3" ht="19.2">
      <c r="A61316" s="2"/>
      <c r="B61316" s="2"/>
      <c r="C61316" s="2"/>
    </row>
    <row r="61317" spans="1:3" ht="19.2">
      <c r="A61317" s="2"/>
      <c r="B61317" s="2"/>
      <c r="C61317" s="2"/>
    </row>
    <row r="61318" spans="1:3" ht="19.2">
      <c r="A61318" s="2"/>
      <c r="B61318" s="2"/>
      <c r="C61318" s="2"/>
    </row>
    <row r="61319" spans="1:3" ht="19.2">
      <c r="A61319" s="2"/>
      <c r="B61319" s="2"/>
      <c r="C61319" s="2"/>
    </row>
    <row r="61320" spans="1:3" ht="19.2">
      <c r="A61320" s="2"/>
      <c r="B61320" s="2"/>
      <c r="C61320" s="2"/>
    </row>
    <row r="61321" spans="1:3" ht="19.2">
      <c r="A61321" s="2"/>
      <c r="B61321" s="2"/>
      <c r="C61321" s="2"/>
    </row>
    <row r="61322" spans="1:3" ht="19.2">
      <c r="A61322" s="2"/>
      <c r="B61322" s="2"/>
      <c r="C61322" s="2"/>
    </row>
    <row r="61323" spans="1:3" ht="19.2">
      <c r="A61323" s="2"/>
      <c r="B61323" s="2"/>
      <c r="C61323" s="2"/>
    </row>
    <row r="61324" spans="1:3" ht="19.2">
      <c r="A61324" s="2"/>
      <c r="B61324" s="2"/>
      <c r="C61324" s="2"/>
    </row>
    <row r="61325" spans="1:3" ht="19.2">
      <c r="A61325" s="2"/>
      <c r="B61325" s="2"/>
      <c r="C61325" s="2"/>
    </row>
    <row r="61326" spans="1:3" ht="19.2">
      <c r="A61326" s="2"/>
      <c r="B61326" s="2"/>
      <c r="C61326" s="2"/>
    </row>
    <row r="61327" spans="1:3" ht="19.2">
      <c r="A61327" s="2"/>
      <c r="B61327" s="2"/>
      <c r="C61327" s="2"/>
    </row>
    <row r="61328" spans="1:3" ht="19.2">
      <c r="A61328" s="2"/>
      <c r="B61328" s="2"/>
      <c r="C61328" s="2"/>
    </row>
    <row r="61329" spans="1:3" ht="19.2">
      <c r="A61329" s="2"/>
      <c r="B61329" s="2"/>
      <c r="C61329" s="2"/>
    </row>
    <row r="61330" spans="1:3" ht="19.2">
      <c r="A61330" s="2"/>
      <c r="B61330" s="2"/>
      <c r="C61330" s="2"/>
    </row>
    <row r="61331" spans="1:3" ht="19.2">
      <c r="A61331" s="2"/>
      <c r="B61331" s="2"/>
      <c r="C61331" s="2"/>
    </row>
    <row r="61332" spans="1:3" ht="19.2">
      <c r="A61332" s="2"/>
      <c r="B61332" s="2"/>
      <c r="C61332" s="2"/>
    </row>
    <row r="61333" spans="1:3" ht="19.2">
      <c r="A61333" s="2"/>
      <c r="B61333" s="2"/>
      <c r="C61333" s="2"/>
    </row>
    <row r="61334" spans="1:3" ht="19.2">
      <c r="A61334" s="2"/>
      <c r="B61334" s="2"/>
      <c r="C61334" s="2"/>
    </row>
    <row r="61335" spans="1:3" ht="19.2">
      <c r="A61335" s="2"/>
      <c r="B61335" s="2"/>
      <c r="C61335" s="2"/>
    </row>
    <row r="61336" spans="1:3" ht="19.2">
      <c r="A61336" s="2"/>
      <c r="B61336" s="2"/>
      <c r="C61336" s="2"/>
    </row>
    <row r="61337" spans="1:3" ht="19.2">
      <c r="A61337" s="2"/>
      <c r="B61337" s="2"/>
      <c r="C61337" s="2"/>
    </row>
    <row r="61338" spans="1:3" ht="19.2">
      <c r="A61338" s="2"/>
      <c r="B61338" s="2"/>
      <c r="C61338" s="2"/>
    </row>
    <row r="61339" spans="1:3" ht="19.2">
      <c r="A61339" s="2"/>
      <c r="B61339" s="2"/>
      <c r="C61339" s="2"/>
    </row>
    <row r="61340" spans="1:3" ht="19.2">
      <c r="A61340" s="2"/>
      <c r="B61340" s="2"/>
      <c r="C61340" s="2"/>
    </row>
    <row r="61341" spans="1:3" ht="19.2">
      <c r="A61341" s="2"/>
      <c r="B61341" s="2"/>
      <c r="C61341" s="2"/>
    </row>
    <row r="61342" spans="1:3" ht="19.2">
      <c r="A61342" s="2"/>
      <c r="B61342" s="2"/>
      <c r="C61342" s="2"/>
    </row>
    <row r="61343" spans="1:3" ht="19.2">
      <c r="A61343" s="2"/>
      <c r="B61343" s="2"/>
      <c r="C61343" s="2"/>
    </row>
    <row r="61344" spans="1:3" ht="19.2">
      <c r="A61344" s="2"/>
      <c r="B61344" s="2"/>
      <c r="C61344" s="2"/>
    </row>
    <row r="61345" spans="1:3" ht="19.2">
      <c r="A61345" s="2"/>
      <c r="B61345" s="2"/>
      <c r="C61345" s="2"/>
    </row>
    <row r="61346" spans="1:3" ht="19.2">
      <c r="A61346" s="2"/>
      <c r="B61346" s="2"/>
      <c r="C61346" s="2"/>
    </row>
    <row r="61347" spans="1:3" ht="19.2">
      <c r="A61347" s="2"/>
      <c r="B61347" s="2"/>
      <c r="C61347" s="2"/>
    </row>
    <row r="61348" spans="1:3" ht="19.2">
      <c r="A61348" s="2"/>
      <c r="B61348" s="2"/>
      <c r="C61348" s="2"/>
    </row>
    <row r="61349" spans="1:3" ht="19.2">
      <c r="A61349" s="2"/>
      <c r="B61349" s="2"/>
      <c r="C61349" s="2"/>
    </row>
    <row r="61350" spans="1:3" ht="19.2">
      <c r="A61350" s="2"/>
      <c r="B61350" s="2"/>
      <c r="C61350" s="2"/>
    </row>
    <row r="61351" spans="1:3" ht="19.2">
      <c r="A61351" s="2"/>
      <c r="B61351" s="2"/>
      <c r="C61351" s="2"/>
    </row>
    <row r="61352" spans="1:3" ht="19.2">
      <c r="A61352" s="2"/>
      <c r="B61352" s="2"/>
      <c r="C61352" s="2"/>
    </row>
    <row r="61353" spans="1:3" ht="19.2">
      <c r="A61353" s="2"/>
      <c r="B61353" s="2"/>
      <c r="C61353" s="2"/>
    </row>
    <row r="61354" spans="1:3" ht="19.2">
      <c r="A61354" s="2"/>
      <c r="B61354" s="2"/>
      <c r="C61354" s="2"/>
    </row>
    <row r="61355" spans="1:3" ht="19.2">
      <c r="A61355" s="2"/>
      <c r="B61355" s="2"/>
      <c r="C61355" s="2"/>
    </row>
    <row r="61356" spans="1:3" ht="19.2">
      <c r="A61356" s="2"/>
      <c r="B61356" s="2"/>
      <c r="C61356" s="2"/>
    </row>
    <row r="61357" spans="1:3" ht="19.2">
      <c r="A61357" s="2"/>
      <c r="B61357" s="2"/>
      <c r="C61357" s="2"/>
    </row>
    <row r="61358" spans="1:3" ht="19.2">
      <c r="A61358" s="2"/>
      <c r="B61358" s="2"/>
      <c r="C61358" s="2"/>
    </row>
    <row r="61359" spans="1:3" ht="19.2">
      <c r="A61359" s="2"/>
      <c r="B61359" s="2"/>
      <c r="C61359" s="2"/>
    </row>
    <row r="61360" spans="1:3" ht="19.2">
      <c r="A61360" s="2"/>
      <c r="B61360" s="2"/>
      <c r="C61360" s="2"/>
    </row>
    <row r="61361" spans="1:3" ht="19.2">
      <c r="A61361" s="2"/>
      <c r="B61361" s="2"/>
      <c r="C61361" s="2"/>
    </row>
    <row r="61362" spans="1:3" ht="19.2">
      <c r="A61362" s="2"/>
      <c r="B61362" s="2"/>
      <c r="C61362" s="2"/>
    </row>
    <row r="61363" spans="1:3" ht="19.2">
      <c r="A61363" s="2"/>
      <c r="B61363" s="2"/>
      <c r="C61363" s="2"/>
    </row>
    <row r="61364" spans="1:3" ht="19.2">
      <c r="A61364" s="2"/>
      <c r="B61364" s="2"/>
      <c r="C61364" s="2"/>
    </row>
    <row r="61365" spans="1:3" ht="19.2">
      <c r="A61365" s="2"/>
      <c r="B61365" s="2"/>
      <c r="C61365" s="2"/>
    </row>
    <row r="61366" spans="1:3" ht="19.2">
      <c r="A61366" s="2"/>
      <c r="B61366" s="2"/>
      <c r="C61366" s="2"/>
    </row>
    <row r="61367" spans="1:3" ht="19.2">
      <c r="A61367" s="2"/>
      <c r="B61367" s="2"/>
      <c r="C61367" s="2"/>
    </row>
    <row r="61368" spans="1:3" ht="19.2">
      <c r="A61368" s="2"/>
      <c r="B61368" s="2"/>
      <c r="C61368" s="2"/>
    </row>
    <row r="61369" spans="1:3" ht="19.2">
      <c r="A61369" s="2"/>
      <c r="B61369" s="2"/>
      <c r="C61369" s="2"/>
    </row>
    <row r="61370" spans="1:3" ht="19.2">
      <c r="A61370" s="2"/>
      <c r="B61370" s="2"/>
      <c r="C61370" s="2"/>
    </row>
    <row r="61371" spans="1:3" ht="19.2">
      <c r="A61371" s="2"/>
      <c r="B61371" s="2"/>
      <c r="C61371" s="2"/>
    </row>
    <row r="61372" spans="1:3" ht="19.2">
      <c r="A61372" s="2"/>
      <c r="B61372" s="2"/>
      <c r="C61372" s="2"/>
    </row>
    <row r="61373" spans="1:3" ht="19.2">
      <c r="A61373" s="2"/>
      <c r="B61373" s="2"/>
      <c r="C61373" s="2"/>
    </row>
    <row r="61374" spans="1:3" ht="19.2">
      <c r="A61374" s="2"/>
      <c r="B61374" s="2"/>
      <c r="C61374" s="2"/>
    </row>
    <row r="61375" spans="1:3" ht="19.2">
      <c r="A61375" s="2"/>
      <c r="B61375" s="2"/>
      <c r="C61375" s="2"/>
    </row>
    <row r="61376" spans="1:3" ht="19.2">
      <c r="A61376" s="2"/>
      <c r="B61376" s="2"/>
      <c r="C61376" s="2"/>
    </row>
    <row r="61377" spans="1:3" ht="19.2">
      <c r="A61377" s="2"/>
      <c r="B61377" s="2"/>
      <c r="C61377" s="2"/>
    </row>
    <row r="61378" spans="1:3" ht="19.2">
      <c r="A61378" s="2"/>
      <c r="B61378" s="2"/>
      <c r="C61378" s="2"/>
    </row>
    <row r="61379" spans="1:3" ht="19.2">
      <c r="A61379" s="2"/>
      <c r="B61379" s="2"/>
      <c r="C61379" s="2"/>
    </row>
    <row r="61380" spans="1:3" ht="19.2">
      <c r="A61380" s="2"/>
      <c r="B61380" s="2"/>
      <c r="C61380" s="2"/>
    </row>
    <row r="61381" spans="1:3" ht="19.2">
      <c r="A61381" s="2"/>
      <c r="B61381" s="2"/>
      <c r="C61381" s="2"/>
    </row>
    <row r="61382" spans="1:3" ht="19.2">
      <c r="A61382" s="2"/>
      <c r="B61382" s="2"/>
      <c r="C61382" s="2"/>
    </row>
    <row r="61383" spans="1:3" ht="19.2">
      <c r="A61383" s="2"/>
      <c r="B61383" s="2"/>
      <c r="C61383" s="2"/>
    </row>
    <row r="61384" spans="1:3" ht="19.2">
      <c r="A61384" s="2"/>
      <c r="B61384" s="2"/>
      <c r="C61384" s="2"/>
    </row>
    <row r="61385" spans="1:3" ht="19.2">
      <c r="A61385" s="2"/>
      <c r="B61385" s="2"/>
      <c r="C61385" s="2"/>
    </row>
    <row r="61386" spans="1:3" ht="19.2">
      <c r="A61386" s="2"/>
      <c r="B61386" s="2"/>
      <c r="C61386" s="2"/>
    </row>
    <row r="61387" spans="1:3" ht="19.2">
      <c r="A61387" s="2"/>
      <c r="B61387" s="2"/>
      <c r="C61387" s="2"/>
    </row>
    <row r="61388" spans="1:3" ht="19.2">
      <c r="A61388" s="2"/>
      <c r="B61388" s="2"/>
      <c r="C61388" s="2"/>
    </row>
    <row r="61389" spans="1:3" ht="19.2">
      <c r="A61389" s="2"/>
      <c r="B61389" s="2"/>
      <c r="C61389" s="2"/>
    </row>
    <row r="61390" spans="1:3" ht="19.2">
      <c r="A61390" s="2"/>
      <c r="B61390" s="2"/>
      <c r="C61390" s="2"/>
    </row>
    <row r="61391" spans="1:3" ht="19.2">
      <c r="A61391" s="2"/>
      <c r="B61391" s="2"/>
      <c r="C61391" s="2"/>
    </row>
    <row r="61392" spans="1:3" ht="19.2">
      <c r="A61392" s="2"/>
      <c r="B61392" s="2"/>
      <c r="C61392" s="2"/>
    </row>
    <row r="61393" spans="1:3" ht="19.2">
      <c r="A61393" s="2"/>
      <c r="B61393" s="2"/>
      <c r="C61393" s="2"/>
    </row>
    <row r="61394" spans="1:3" ht="19.2">
      <c r="A61394" s="2"/>
      <c r="B61394" s="2"/>
      <c r="C61394" s="2"/>
    </row>
    <row r="61395" spans="1:3" ht="19.2">
      <c r="A61395" s="2"/>
      <c r="B61395" s="2"/>
      <c r="C61395" s="2"/>
    </row>
    <row r="61396" spans="1:3" ht="19.2">
      <c r="A61396" s="2"/>
      <c r="B61396" s="2"/>
      <c r="C61396" s="2"/>
    </row>
    <row r="61397" spans="1:3" ht="19.2">
      <c r="A61397" s="2"/>
      <c r="B61397" s="2"/>
      <c r="C61397" s="2"/>
    </row>
    <row r="61398" spans="1:3" ht="19.2">
      <c r="A61398" s="2"/>
      <c r="B61398" s="2"/>
      <c r="C61398" s="2"/>
    </row>
    <row r="61399" spans="1:3" ht="19.2">
      <c r="A61399" s="2"/>
      <c r="B61399" s="2"/>
      <c r="C61399" s="2"/>
    </row>
    <row r="61400" spans="1:3" ht="19.2">
      <c r="A61400" s="2"/>
      <c r="B61400" s="2"/>
      <c r="C61400" s="2"/>
    </row>
    <row r="61401" spans="1:3" ht="19.2">
      <c r="A61401" s="2"/>
      <c r="B61401" s="2"/>
      <c r="C61401" s="2"/>
    </row>
    <row r="61402" spans="1:3" ht="19.2">
      <c r="A61402" s="2"/>
      <c r="B61402" s="2"/>
      <c r="C61402" s="2"/>
    </row>
    <row r="61403" spans="1:3" ht="19.2">
      <c r="A61403" s="2"/>
      <c r="B61403" s="2"/>
      <c r="C61403" s="2"/>
    </row>
    <row r="61404" spans="1:3" ht="19.2">
      <c r="A61404" s="2"/>
      <c r="B61404" s="2"/>
      <c r="C61404" s="2"/>
    </row>
    <row r="61405" spans="1:3" ht="19.2">
      <c r="A61405" s="2"/>
      <c r="B61405" s="2"/>
      <c r="C61405" s="2"/>
    </row>
    <row r="61406" spans="1:3" ht="19.2">
      <c r="A61406" s="2"/>
      <c r="B61406" s="2"/>
      <c r="C61406" s="2"/>
    </row>
    <row r="61407" spans="1:3" ht="19.2">
      <c r="A61407" s="2"/>
      <c r="B61407" s="2"/>
      <c r="C61407" s="2"/>
    </row>
    <row r="61408" spans="1:3" ht="19.2">
      <c r="A61408" s="2"/>
      <c r="B61408" s="2"/>
      <c r="C61408" s="2"/>
    </row>
    <row r="61409" spans="1:3" ht="19.2">
      <c r="A61409" s="2"/>
      <c r="B61409" s="2"/>
      <c r="C61409" s="2"/>
    </row>
    <row r="61410" spans="1:3" ht="19.2">
      <c r="A61410" s="2"/>
      <c r="B61410" s="2"/>
      <c r="C61410" s="2"/>
    </row>
    <row r="61411" spans="1:3" ht="19.2">
      <c r="A61411" s="2"/>
      <c r="B61411" s="2"/>
      <c r="C61411" s="2"/>
    </row>
    <row r="61412" spans="1:3" ht="19.2">
      <c r="A61412" s="2"/>
      <c r="B61412" s="2"/>
      <c r="C61412" s="2"/>
    </row>
    <row r="61413" spans="1:3" ht="19.2">
      <c r="A61413" s="2"/>
      <c r="B61413" s="2"/>
      <c r="C61413" s="2"/>
    </row>
    <row r="61414" spans="1:3" ht="19.2">
      <c r="A61414" s="2"/>
      <c r="B61414" s="2"/>
      <c r="C61414" s="2"/>
    </row>
    <row r="61415" spans="1:3" ht="19.2">
      <c r="A61415" s="2"/>
      <c r="B61415" s="2"/>
      <c r="C61415" s="2"/>
    </row>
    <row r="61416" spans="1:3" ht="19.2">
      <c r="A61416" s="2"/>
      <c r="B61416" s="2"/>
      <c r="C61416" s="2"/>
    </row>
    <row r="61417" spans="1:3" ht="19.2">
      <c r="A61417" s="2"/>
      <c r="B61417" s="2"/>
      <c r="C61417" s="2"/>
    </row>
    <row r="61418" spans="1:3" ht="19.2">
      <c r="A61418" s="2"/>
      <c r="B61418" s="2"/>
      <c r="C61418" s="2"/>
    </row>
    <row r="61419" spans="1:3" ht="19.2">
      <c r="A61419" s="2"/>
      <c r="B61419" s="2"/>
      <c r="C61419" s="2"/>
    </row>
    <row r="61420" spans="1:3" ht="19.2">
      <c r="A61420" s="2"/>
      <c r="B61420" s="2"/>
      <c r="C61420" s="2"/>
    </row>
    <row r="61421" spans="1:3" ht="19.2">
      <c r="A61421" s="2"/>
      <c r="B61421" s="2"/>
      <c r="C61421" s="2"/>
    </row>
    <row r="61422" spans="1:3" ht="19.2">
      <c r="A61422" s="2"/>
      <c r="B61422" s="2"/>
      <c r="C61422" s="2"/>
    </row>
    <row r="61423" spans="1:3" ht="19.2">
      <c r="A61423" s="2"/>
      <c r="B61423" s="2"/>
      <c r="C61423" s="2"/>
    </row>
    <row r="61424" spans="1:3" ht="19.2">
      <c r="A61424" s="2"/>
      <c r="B61424" s="2"/>
      <c r="C61424" s="2"/>
    </row>
    <row r="61425" spans="1:3" ht="19.2">
      <c r="A61425" s="2"/>
      <c r="B61425" s="2"/>
      <c r="C61425" s="2"/>
    </row>
    <row r="61426" spans="1:3" ht="19.2">
      <c r="A61426" s="2"/>
      <c r="B61426" s="2"/>
      <c r="C61426" s="2"/>
    </row>
    <row r="61427" spans="1:3" ht="19.2">
      <c r="A61427" s="2"/>
      <c r="B61427" s="2"/>
      <c r="C61427" s="2"/>
    </row>
    <row r="61428" spans="1:3" ht="19.2">
      <c r="A61428" s="2"/>
      <c r="B61428" s="2"/>
      <c r="C61428" s="2"/>
    </row>
    <row r="61429" spans="1:3" ht="19.2">
      <c r="A61429" s="2"/>
      <c r="B61429" s="2"/>
      <c r="C61429" s="2"/>
    </row>
    <row r="61430" spans="1:3" ht="19.2">
      <c r="A61430" s="2"/>
      <c r="B61430" s="2"/>
      <c r="C61430" s="2"/>
    </row>
    <row r="61431" spans="1:3" ht="19.2">
      <c r="A61431" s="2"/>
      <c r="B61431" s="2"/>
      <c r="C61431" s="2"/>
    </row>
    <row r="61432" spans="1:3" ht="19.2">
      <c r="A61432" s="2"/>
      <c r="B61432" s="2"/>
      <c r="C61432" s="2"/>
    </row>
    <row r="61433" spans="1:3" ht="19.2">
      <c r="A61433" s="2"/>
      <c r="B61433" s="2"/>
      <c r="C61433" s="2"/>
    </row>
    <row r="61434" spans="1:3" ht="19.2">
      <c r="A61434" s="2"/>
      <c r="B61434" s="2"/>
      <c r="C61434" s="2"/>
    </row>
    <row r="61435" spans="1:3" ht="19.2">
      <c r="A61435" s="2"/>
      <c r="B61435" s="2"/>
      <c r="C61435" s="2"/>
    </row>
    <row r="61436" spans="1:3" ht="19.2">
      <c r="A61436" s="2"/>
      <c r="B61436" s="2"/>
      <c r="C61436" s="2"/>
    </row>
    <row r="61437" spans="1:3" ht="19.2">
      <c r="A61437" s="2"/>
      <c r="B61437" s="2"/>
      <c r="C61437" s="2"/>
    </row>
    <row r="61438" spans="1:3" ht="19.2">
      <c r="A61438" s="2"/>
      <c r="B61438" s="2"/>
      <c r="C61438" s="2"/>
    </row>
    <row r="61439" spans="1:3" ht="19.2">
      <c r="A61439" s="2"/>
      <c r="B61439" s="2"/>
      <c r="C61439" s="2"/>
    </row>
    <row r="61440" spans="1:3" ht="19.2">
      <c r="A61440" s="2"/>
      <c r="B61440" s="2"/>
      <c r="C61440" s="2"/>
    </row>
    <row r="61441" spans="1:3" ht="19.2">
      <c r="A61441" s="2"/>
      <c r="B61441" s="2"/>
      <c r="C61441" s="2"/>
    </row>
    <row r="61442" spans="1:3" ht="19.2">
      <c r="A61442" s="2"/>
      <c r="B61442" s="2"/>
      <c r="C61442" s="2"/>
    </row>
    <row r="61443" spans="1:3" ht="19.2">
      <c r="A61443" s="2"/>
      <c r="B61443" s="2"/>
      <c r="C61443" s="2"/>
    </row>
    <row r="61444" spans="1:3" ht="19.2">
      <c r="A61444" s="2"/>
      <c r="B61444" s="2"/>
      <c r="C61444" s="2"/>
    </row>
    <row r="61445" spans="1:3" ht="19.2">
      <c r="A61445" s="2"/>
      <c r="B61445" s="2"/>
      <c r="C61445" s="2"/>
    </row>
    <row r="61446" spans="1:3" ht="19.2">
      <c r="A61446" s="2"/>
      <c r="B61446" s="2"/>
      <c r="C61446" s="2"/>
    </row>
    <row r="61447" spans="1:3" ht="19.2">
      <c r="A61447" s="2"/>
      <c r="B61447" s="2"/>
      <c r="C61447" s="2"/>
    </row>
    <row r="61448" spans="1:3" ht="19.2">
      <c r="A61448" s="2"/>
      <c r="B61448" s="2"/>
      <c r="C61448" s="2"/>
    </row>
    <row r="61449" spans="1:3" ht="19.2">
      <c r="A61449" s="2"/>
      <c r="B61449" s="2"/>
      <c r="C61449" s="2"/>
    </row>
    <row r="61450" spans="1:3" ht="19.2">
      <c r="A61450" s="2"/>
      <c r="B61450" s="2"/>
      <c r="C61450" s="2"/>
    </row>
    <row r="61451" spans="1:3" ht="19.2">
      <c r="A61451" s="2"/>
      <c r="B61451" s="2"/>
      <c r="C61451" s="2"/>
    </row>
    <row r="61452" spans="1:3" ht="19.2">
      <c r="A61452" s="2"/>
      <c r="B61452" s="2"/>
      <c r="C61452" s="2"/>
    </row>
    <row r="61453" spans="1:3" ht="19.2">
      <c r="A61453" s="2"/>
      <c r="B61453" s="2"/>
      <c r="C61453" s="2"/>
    </row>
    <row r="61454" spans="1:3" ht="19.2">
      <c r="A61454" s="2"/>
      <c r="B61454" s="2"/>
      <c r="C61454" s="2"/>
    </row>
    <row r="61455" spans="1:3" ht="19.2">
      <c r="A61455" s="2"/>
      <c r="B61455" s="2"/>
      <c r="C61455" s="2"/>
    </row>
    <row r="61456" spans="1:3" ht="19.2">
      <c r="A61456" s="2"/>
      <c r="B61456" s="2"/>
      <c r="C61456" s="2"/>
    </row>
    <row r="61457" spans="1:3" ht="19.2">
      <c r="A61457" s="2"/>
      <c r="B61457" s="2"/>
      <c r="C61457" s="2"/>
    </row>
    <row r="61458" spans="1:3" ht="19.2">
      <c r="A61458" s="2"/>
      <c r="B61458" s="2"/>
      <c r="C61458" s="2"/>
    </row>
    <row r="61459" spans="1:3" ht="19.2">
      <c r="A61459" s="2"/>
      <c r="B61459" s="2"/>
      <c r="C61459" s="2"/>
    </row>
    <row r="61460" spans="1:3" ht="19.2">
      <c r="A61460" s="2"/>
      <c r="B61460" s="2"/>
      <c r="C61460" s="2"/>
    </row>
    <row r="61461" spans="1:3" ht="19.2">
      <c r="A61461" s="2"/>
      <c r="B61461" s="2"/>
      <c r="C61461" s="2"/>
    </row>
    <row r="61462" spans="1:3" ht="19.2">
      <c r="A61462" s="2"/>
      <c r="B61462" s="2"/>
      <c r="C61462" s="2"/>
    </row>
    <row r="61463" spans="1:3" ht="19.2">
      <c r="A61463" s="2"/>
      <c r="B61463" s="2"/>
      <c r="C61463" s="2"/>
    </row>
    <row r="61464" spans="1:3" ht="19.2">
      <c r="A61464" s="2"/>
      <c r="B61464" s="2"/>
      <c r="C61464" s="2"/>
    </row>
    <row r="61465" spans="1:3" ht="19.2">
      <c r="A61465" s="2"/>
      <c r="B61465" s="2"/>
      <c r="C61465" s="2"/>
    </row>
    <row r="61466" spans="1:3" ht="19.2">
      <c r="A61466" s="2"/>
      <c r="B61466" s="2"/>
      <c r="C61466" s="2"/>
    </row>
    <row r="61467" spans="1:3" ht="19.2">
      <c r="A61467" s="2"/>
      <c r="B61467" s="2"/>
      <c r="C61467" s="2"/>
    </row>
    <row r="61468" spans="1:3" ht="19.2">
      <c r="A61468" s="2"/>
      <c r="B61468" s="2"/>
      <c r="C61468" s="2"/>
    </row>
    <row r="61469" spans="1:3" ht="19.2">
      <c r="A61469" s="2"/>
      <c r="B61469" s="2"/>
      <c r="C61469" s="2"/>
    </row>
    <row r="61470" spans="1:3" ht="19.2">
      <c r="A61470" s="2"/>
      <c r="B61470" s="2"/>
      <c r="C61470" s="2"/>
    </row>
    <row r="61471" spans="1:3" ht="19.2">
      <c r="A61471" s="2"/>
      <c r="B61471" s="2"/>
      <c r="C61471" s="2"/>
    </row>
    <row r="61472" spans="1:3" ht="19.2">
      <c r="A61472" s="2"/>
      <c r="B61472" s="2"/>
      <c r="C61472" s="2"/>
    </row>
    <row r="61473" spans="1:3" ht="19.2">
      <c r="A61473" s="2"/>
      <c r="B61473" s="2"/>
      <c r="C61473" s="2"/>
    </row>
    <row r="61474" spans="1:3" ht="19.2">
      <c r="A61474" s="2"/>
      <c r="B61474" s="2"/>
      <c r="C61474" s="2"/>
    </row>
    <row r="61475" spans="1:3" ht="19.2">
      <c r="A61475" s="2"/>
      <c r="B61475" s="2"/>
      <c r="C61475" s="2"/>
    </row>
    <row r="61476" spans="1:3" ht="19.2">
      <c r="A61476" s="2"/>
      <c r="B61476" s="2"/>
      <c r="C61476" s="2"/>
    </row>
    <row r="61477" spans="1:3" ht="19.2">
      <c r="A61477" s="2"/>
      <c r="B61477" s="2"/>
      <c r="C61477" s="2"/>
    </row>
    <row r="61478" spans="1:3" ht="19.2">
      <c r="A61478" s="2"/>
      <c r="B61478" s="2"/>
      <c r="C61478" s="2"/>
    </row>
    <row r="61479" spans="1:3" ht="19.2">
      <c r="A61479" s="2"/>
      <c r="B61479" s="2"/>
      <c r="C61479" s="2"/>
    </row>
    <row r="61480" spans="1:3" ht="19.2">
      <c r="A61480" s="2"/>
      <c r="B61480" s="2"/>
      <c r="C61480" s="2"/>
    </row>
    <row r="61481" spans="1:3" ht="19.2">
      <c r="A61481" s="2"/>
      <c r="B61481" s="2"/>
      <c r="C61481" s="2"/>
    </row>
    <row r="61482" spans="1:3" ht="19.2">
      <c r="A61482" s="2"/>
      <c r="B61482" s="2"/>
      <c r="C61482" s="2"/>
    </row>
    <row r="61483" spans="1:3" ht="19.2">
      <c r="A61483" s="2"/>
      <c r="B61483" s="2"/>
      <c r="C61483" s="2"/>
    </row>
    <row r="61484" spans="1:3" ht="19.2">
      <c r="A61484" s="2"/>
      <c r="B61484" s="2"/>
      <c r="C61484" s="2"/>
    </row>
    <row r="61485" spans="1:3" ht="19.2">
      <c r="A61485" s="2"/>
      <c r="B61485" s="2"/>
      <c r="C61485" s="2"/>
    </row>
    <row r="61486" spans="1:3" ht="19.2">
      <c r="A61486" s="2"/>
      <c r="B61486" s="2"/>
      <c r="C61486" s="2"/>
    </row>
    <row r="61487" spans="1:3" ht="19.2">
      <c r="A61487" s="2"/>
      <c r="B61487" s="2"/>
      <c r="C61487" s="2"/>
    </row>
    <row r="61488" spans="1:3" ht="19.2">
      <c r="A61488" s="2"/>
      <c r="B61488" s="2"/>
      <c r="C61488" s="2"/>
    </row>
    <row r="61489" spans="1:3" ht="19.2">
      <c r="A61489" s="2"/>
      <c r="B61489" s="2"/>
      <c r="C61489" s="2"/>
    </row>
    <row r="61490" spans="1:3" ht="19.2">
      <c r="A61490" s="2"/>
      <c r="B61490" s="2"/>
      <c r="C61490" s="2"/>
    </row>
    <row r="61491" spans="1:3" ht="19.2">
      <c r="A61491" s="2"/>
      <c r="B61491" s="2"/>
      <c r="C61491" s="2"/>
    </row>
    <row r="61492" spans="1:3" ht="19.2">
      <c r="A61492" s="2"/>
      <c r="B61492" s="2"/>
      <c r="C61492" s="2"/>
    </row>
    <row r="61493" spans="1:3" ht="19.2">
      <c r="A61493" s="2"/>
      <c r="B61493" s="2"/>
      <c r="C61493" s="2"/>
    </row>
    <row r="61494" spans="1:3" ht="19.2">
      <c r="A61494" s="2"/>
      <c r="B61494" s="2"/>
      <c r="C61494" s="2"/>
    </row>
    <row r="61495" spans="1:3" ht="19.2">
      <c r="A61495" s="2"/>
      <c r="B61495" s="2"/>
      <c r="C61495" s="2"/>
    </row>
    <row r="61496" spans="1:3" ht="19.2">
      <c r="A61496" s="2"/>
      <c r="B61496" s="2"/>
      <c r="C61496" s="2"/>
    </row>
    <row r="61497" spans="1:3" ht="19.2">
      <c r="A61497" s="2"/>
      <c r="B61497" s="2"/>
      <c r="C61497" s="2"/>
    </row>
    <row r="61498" spans="1:3" ht="19.2">
      <c r="A61498" s="2"/>
      <c r="B61498" s="2"/>
      <c r="C61498" s="2"/>
    </row>
    <row r="61499" spans="1:3" ht="19.2">
      <c r="A61499" s="2"/>
      <c r="B61499" s="2"/>
      <c r="C61499" s="2"/>
    </row>
    <row r="61500" spans="1:3" ht="19.2">
      <c r="A61500" s="2"/>
      <c r="B61500" s="2"/>
      <c r="C61500" s="2"/>
    </row>
    <row r="61501" spans="1:3" ht="19.2">
      <c r="A61501" s="2"/>
      <c r="B61501" s="2"/>
      <c r="C61501" s="2"/>
    </row>
    <row r="61502" spans="1:3" ht="19.2">
      <c r="A61502" s="2"/>
      <c r="B61502" s="2"/>
      <c r="C61502" s="2"/>
    </row>
    <row r="61503" spans="1:3" ht="19.2">
      <c r="A61503" s="2"/>
      <c r="B61503" s="2"/>
      <c r="C61503" s="2"/>
    </row>
    <row r="61504" spans="1:3" ht="19.2">
      <c r="A61504" s="2"/>
      <c r="B61504" s="2"/>
      <c r="C61504" s="2"/>
    </row>
    <row r="61505" spans="1:3" ht="19.2">
      <c r="A61505" s="2"/>
      <c r="B61505" s="2"/>
      <c r="C61505" s="2"/>
    </row>
    <row r="61506" spans="1:3" ht="19.2">
      <c r="A61506" s="2"/>
      <c r="B61506" s="2"/>
      <c r="C61506" s="2"/>
    </row>
    <row r="61507" spans="1:3" ht="19.2">
      <c r="A61507" s="2"/>
      <c r="B61507" s="2"/>
      <c r="C61507" s="2"/>
    </row>
    <row r="61508" spans="1:3" ht="19.2">
      <c r="A61508" s="2"/>
      <c r="B61508" s="2"/>
      <c r="C61508" s="2"/>
    </row>
    <row r="61509" spans="1:3" ht="19.2">
      <c r="A61509" s="2"/>
      <c r="B61509" s="2"/>
      <c r="C61509" s="2"/>
    </row>
    <row r="61510" spans="1:3" ht="19.2">
      <c r="A61510" s="2"/>
      <c r="B61510" s="2"/>
      <c r="C61510" s="2"/>
    </row>
    <row r="61511" spans="1:3" ht="19.2">
      <c r="A61511" s="2"/>
      <c r="B61511" s="2"/>
      <c r="C61511" s="2"/>
    </row>
    <row r="61512" spans="1:3" ht="19.2">
      <c r="A61512" s="2"/>
      <c r="B61512" s="2"/>
      <c r="C61512" s="2"/>
    </row>
    <row r="61513" spans="1:3" ht="19.2">
      <c r="A61513" s="2"/>
      <c r="B61513" s="2"/>
      <c r="C61513" s="2"/>
    </row>
    <row r="61514" spans="1:3" ht="19.2">
      <c r="A61514" s="2"/>
      <c r="B61514" s="2"/>
      <c r="C61514" s="2"/>
    </row>
    <row r="61515" spans="1:3" ht="19.2">
      <c r="A61515" s="2"/>
      <c r="B61515" s="2"/>
      <c r="C61515" s="2"/>
    </row>
    <row r="61516" spans="1:3" ht="19.2">
      <c r="A61516" s="2"/>
      <c r="B61516" s="2"/>
      <c r="C61516" s="2"/>
    </row>
    <row r="61517" spans="1:3" ht="19.2">
      <c r="A61517" s="2"/>
      <c r="B61517" s="2"/>
      <c r="C61517" s="2"/>
    </row>
    <row r="61518" spans="1:3" ht="19.2">
      <c r="A61518" s="2"/>
      <c r="B61518" s="2"/>
      <c r="C61518" s="2"/>
    </row>
    <row r="61519" spans="1:3" ht="19.2">
      <c r="A61519" s="2"/>
      <c r="B61519" s="2"/>
      <c r="C61519" s="2"/>
    </row>
    <row r="61520" spans="1:3" ht="19.2">
      <c r="A61520" s="2"/>
      <c r="B61520" s="2"/>
      <c r="C61520" s="2"/>
    </row>
    <row r="61521" spans="1:3" ht="19.2">
      <c r="A61521" s="2"/>
      <c r="B61521" s="2"/>
      <c r="C61521" s="2"/>
    </row>
    <row r="61522" spans="1:3" ht="19.2">
      <c r="A61522" s="2"/>
      <c r="B61522" s="2"/>
      <c r="C61522" s="2"/>
    </row>
    <row r="61523" spans="1:3" ht="19.2">
      <c r="A61523" s="2"/>
      <c r="B61523" s="2"/>
      <c r="C61523" s="2"/>
    </row>
    <row r="61524" spans="1:3" ht="19.2">
      <c r="A61524" s="2"/>
      <c r="B61524" s="2"/>
      <c r="C61524" s="2"/>
    </row>
    <row r="61525" spans="1:3" ht="19.2">
      <c r="A61525" s="2"/>
      <c r="B61525" s="2"/>
      <c r="C61525" s="2"/>
    </row>
    <row r="61526" spans="1:3" ht="19.2">
      <c r="A61526" s="2"/>
      <c r="B61526" s="2"/>
      <c r="C61526" s="2"/>
    </row>
    <row r="61527" spans="1:3" ht="19.2">
      <c r="A61527" s="2"/>
      <c r="B61527" s="2"/>
      <c r="C61527" s="2"/>
    </row>
    <row r="61528" spans="1:3" ht="19.2">
      <c r="A61528" s="2"/>
      <c r="B61528" s="2"/>
      <c r="C61528" s="2"/>
    </row>
    <row r="61529" spans="1:3" ht="19.2">
      <c r="A61529" s="2"/>
      <c r="B61529" s="2"/>
      <c r="C61529" s="2"/>
    </row>
    <row r="61530" spans="1:3" ht="19.2">
      <c r="A61530" s="2"/>
      <c r="B61530" s="2"/>
      <c r="C61530" s="2"/>
    </row>
    <row r="61531" spans="1:3" ht="19.2">
      <c r="A61531" s="2"/>
      <c r="B61531" s="2"/>
      <c r="C61531" s="2"/>
    </row>
    <row r="61532" spans="1:3" ht="19.2">
      <c r="A61532" s="2"/>
      <c r="B61532" s="2"/>
      <c r="C61532" s="2"/>
    </row>
    <row r="61533" spans="1:3" ht="19.2">
      <c r="A61533" s="2"/>
      <c r="B61533" s="2"/>
      <c r="C61533" s="2"/>
    </row>
    <row r="61534" spans="1:3" ht="19.2">
      <c r="A61534" s="2"/>
      <c r="B61534" s="2"/>
      <c r="C61534" s="2"/>
    </row>
    <row r="61535" spans="1:3" ht="19.2">
      <c r="A61535" s="2"/>
      <c r="B61535" s="2"/>
      <c r="C61535" s="2"/>
    </row>
    <row r="61536" spans="1:3" ht="19.2">
      <c r="A61536" s="2"/>
      <c r="B61536" s="2"/>
      <c r="C61536" s="2"/>
    </row>
    <row r="61537" spans="1:3" ht="19.2">
      <c r="A61537" s="2"/>
      <c r="B61537" s="2"/>
      <c r="C61537" s="2"/>
    </row>
    <row r="61538" spans="1:3" ht="19.2">
      <c r="A61538" s="2"/>
      <c r="B61538" s="2"/>
      <c r="C61538" s="2"/>
    </row>
    <row r="61539" spans="1:3" ht="19.2">
      <c r="A61539" s="2"/>
      <c r="B61539" s="2"/>
      <c r="C61539" s="2"/>
    </row>
    <row r="61540" spans="1:3" ht="19.2">
      <c r="A61540" s="2"/>
      <c r="B61540" s="2"/>
      <c r="C61540" s="2"/>
    </row>
    <row r="61541" spans="1:3" ht="19.2">
      <c r="A61541" s="2"/>
      <c r="B61541" s="2"/>
      <c r="C61541" s="2"/>
    </row>
    <row r="61542" spans="1:3" ht="19.2">
      <c r="A61542" s="2"/>
      <c r="B61542" s="2"/>
      <c r="C61542" s="2"/>
    </row>
    <row r="61543" spans="1:3" ht="19.2">
      <c r="A61543" s="2"/>
      <c r="B61543" s="2"/>
      <c r="C61543" s="2"/>
    </row>
    <row r="61544" spans="1:3" ht="19.2">
      <c r="A61544" s="2"/>
      <c r="B61544" s="2"/>
      <c r="C61544" s="2"/>
    </row>
    <row r="61545" spans="1:3" ht="19.2">
      <c r="A61545" s="2"/>
      <c r="B61545" s="2"/>
      <c r="C61545" s="2"/>
    </row>
    <row r="61546" spans="1:3" ht="19.2">
      <c r="A61546" s="2"/>
      <c r="B61546" s="2"/>
      <c r="C61546" s="2"/>
    </row>
    <row r="61547" spans="1:3" ht="19.2">
      <c r="A61547" s="2"/>
      <c r="B61547" s="2"/>
      <c r="C61547" s="2"/>
    </row>
    <row r="61548" spans="1:3" ht="19.2">
      <c r="A61548" s="2"/>
      <c r="B61548" s="2"/>
      <c r="C61548" s="2"/>
    </row>
    <row r="61549" spans="1:3" ht="19.2">
      <c r="A61549" s="2"/>
      <c r="B61549" s="2"/>
      <c r="C61549" s="2"/>
    </row>
    <row r="61550" spans="1:3" ht="19.2">
      <c r="A61550" s="2"/>
      <c r="B61550" s="2"/>
      <c r="C61550" s="2"/>
    </row>
    <row r="61551" spans="1:3" ht="19.2">
      <c r="A61551" s="2"/>
      <c r="B61551" s="2"/>
      <c r="C61551" s="2"/>
    </row>
    <row r="61552" spans="1:3" ht="19.2">
      <c r="A61552" s="2"/>
      <c r="B61552" s="2"/>
      <c r="C61552" s="2"/>
    </row>
    <row r="61553" spans="1:3" ht="19.2">
      <c r="A61553" s="2"/>
      <c r="B61553" s="2"/>
      <c r="C61553" s="2"/>
    </row>
    <row r="61554" spans="1:3" ht="19.2">
      <c r="A61554" s="2"/>
      <c r="B61554" s="2"/>
      <c r="C61554" s="2"/>
    </row>
    <row r="61555" spans="1:3" ht="19.2">
      <c r="A61555" s="2"/>
      <c r="B61555" s="2"/>
      <c r="C61555" s="2"/>
    </row>
    <row r="61556" spans="1:3" ht="19.2">
      <c r="A61556" s="2"/>
      <c r="B61556" s="2"/>
      <c r="C61556" s="2"/>
    </row>
    <row r="61557" spans="1:3" ht="19.2">
      <c r="A61557" s="2"/>
      <c r="B61557" s="2"/>
      <c r="C61557" s="2"/>
    </row>
    <row r="61558" spans="1:3" ht="19.2">
      <c r="A61558" s="2"/>
      <c r="B61558" s="2"/>
      <c r="C61558" s="2"/>
    </row>
    <row r="61559" spans="1:3" ht="19.2">
      <c r="A61559" s="2"/>
      <c r="B61559" s="2"/>
      <c r="C61559" s="2"/>
    </row>
    <row r="61560" spans="1:3" ht="19.2">
      <c r="A61560" s="2"/>
      <c r="B61560" s="2"/>
      <c r="C61560" s="2"/>
    </row>
    <row r="61561" spans="1:3" ht="19.2">
      <c r="A61561" s="2"/>
      <c r="B61561" s="2"/>
      <c r="C61561" s="2"/>
    </row>
    <row r="61562" spans="1:3" ht="19.2">
      <c r="A61562" s="2"/>
      <c r="B61562" s="2"/>
      <c r="C61562" s="2"/>
    </row>
    <row r="61563" spans="1:3" ht="19.2">
      <c r="A61563" s="2"/>
      <c r="B61563" s="2"/>
      <c r="C61563" s="2"/>
    </row>
    <row r="61564" spans="1:3" ht="19.2">
      <c r="A61564" s="2"/>
      <c r="B61564" s="2"/>
      <c r="C61564" s="2"/>
    </row>
    <row r="61565" spans="1:3" ht="19.2">
      <c r="A61565" s="2"/>
      <c r="B61565" s="2"/>
      <c r="C61565" s="2"/>
    </row>
    <row r="61566" spans="1:3" ht="19.2">
      <c r="A61566" s="2"/>
      <c r="B61566" s="2"/>
      <c r="C61566" s="2"/>
    </row>
    <row r="61567" spans="1:3" ht="19.2">
      <c r="A61567" s="2"/>
      <c r="B61567" s="2"/>
      <c r="C61567" s="2"/>
    </row>
    <row r="61568" spans="1:3" ht="19.2">
      <c r="A61568" s="2"/>
      <c r="B61568" s="2"/>
      <c r="C61568" s="2"/>
    </row>
    <row r="61569" spans="1:3" ht="19.2">
      <c r="A61569" s="2"/>
      <c r="B61569" s="2"/>
      <c r="C61569" s="2"/>
    </row>
    <row r="61570" spans="1:3" ht="19.2">
      <c r="A61570" s="2"/>
      <c r="B61570" s="2"/>
      <c r="C61570" s="2"/>
    </row>
    <row r="61571" spans="1:3" ht="19.2">
      <c r="A61571" s="2"/>
      <c r="B61571" s="2"/>
      <c r="C61571" s="2"/>
    </row>
    <row r="61572" spans="1:3" ht="19.2">
      <c r="A61572" s="2"/>
      <c r="B61572" s="2"/>
      <c r="C61572" s="2"/>
    </row>
    <row r="61573" spans="1:3" ht="19.2">
      <c r="A61573" s="2"/>
      <c r="B61573" s="2"/>
      <c r="C61573" s="2"/>
    </row>
    <row r="61574" spans="1:3" ht="19.2">
      <c r="A61574" s="2"/>
      <c r="B61574" s="2"/>
      <c r="C61574" s="2"/>
    </row>
    <row r="61575" spans="1:3" ht="19.2">
      <c r="A61575" s="2"/>
      <c r="B61575" s="2"/>
      <c r="C61575" s="2"/>
    </row>
    <row r="61576" spans="1:3" ht="19.2">
      <c r="A61576" s="2"/>
      <c r="B61576" s="2"/>
      <c r="C61576" s="2"/>
    </row>
    <row r="61577" spans="1:3" ht="19.2">
      <c r="A61577" s="2"/>
      <c r="B61577" s="2"/>
      <c r="C61577" s="2"/>
    </row>
    <row r="61578" spans="1:3" ht="19.2">
      <c r="A61578" s="2"/>
      <c r="B61578" s="2"/>
      <c r="C61578" s="2"/>
    </row>
    <row r="61579" spans="1:3" ht="19.2">
      <c r="A61579" s="2"/>
      <c r="B61579" s="2"/>
      <c r="C61579" s="2"/>
    </row>
    <row r="61580" spans="1:3" ht="19.2">
      <c r="A61580" s="2"/>
      <c r="B61580" s="2"/>
      <c r="C61580" s="2"/>
    </row>
    <row r="61581" spans="1:3" ht="19.2">
      <c r="A61581" s="2"/>
      <c r="B61581" s="2"/>
      <c r="C61581" s="2"/>
    </row>
    <row r="61582" spans="1:3" ht="19.2">
      <c r="A61582" s="2"/>
      <c r="B61582" s="2"/>
      <c r="C61582" s="2"/>
    </row>
    <row r="61583" spans="1:3" ht="19.2">
      <c r="A61583" s="2"/>
      <c r="B61583" s="2"/>
      <c r="C61583" s="2"/>
    </row>
    <row r="61584" spans="1:3" ht="19.2">
      <c r="A61584" s="2"/>
      <c r="B61584" s="2"/>
      <c r="C61584" s="2"/>
    </row>
    <row r="61585" spans="1:3" ht="19.2">
      <c r="A61585" s="2"/>
      <c r="B61585" s="2"/>
      <c r="C61585" s="2"/>
    </row>
    <row r="61586" spans="1:3" ht="19.2">
      <c r="A61586" s="2"/>
      <c r="B61586" s="2"/>
      <c r="C61586" s="2"/>
    </row>
    <row r="61587" spans="1:3" ht="19.2">
      <c r="A61587" s="2"/>
      <c r="B61587" s="2"/>
      <c r="C61587" s="2"/>
    </row>
    <row r="61588" spans="1:3" ht="19.2">
      <c r="A61588" s="2"/>
      <c r="B61588" s="2"/>
      <c r="C61588" s="2"/>
    </row>
    <row r="61589" spans="1:3" ht="19.2">
      <c r="A61589" s="2"/>
      <c r="B61589" s="2"/>
      <c r="C61589" s="2"/>
    </row>
    <row r="61590" spans="1:3" ht="19.2">
      <c r="A61590" s="2"/>
      <c r="B61590" s="2"/>
      <c r="C61590" s="2"/>
    </row>
    <row r="61591" spans="1:3" ht="19.2">
      <c r="A61591" s="2"/>
      <c r="B61591" s="2"/>
      <c r="C61591" s="2"/>
    </row>
    <row r="61592" spans="1:3" ht="19.2">
      <c r="A61592" s="2"/>
      <c r="B61592" s="2"/>
      <c r="C61592" s="2"/>
    </row>
    <row r="61593" spans="1:3" ht="19.2">
      <c r="A61593" s="2"/>
      <c r="B61593" s="2"/>
      <c r="C61593" s="2"/>
    </row>
    <row r="61594" spans="1:3" ht="19.2">
      <c r="A61594" s="2"/>
      <c r="B61594" s="2"/>
      <c r="C61594" s="2"/>
    </row>
    <row r="61595" spans="1:3" ht="19.2">
      <c r="A61595" s="2"/>
      <c r="B61595" s="2"/>
      <c r="C61595" s="2"/>
    </row>
    <row r="61596" spans="1:3" ht="19.2">
      <c r="A61596" s="2"/>
      <c r="B61596" s="2"/>
      <c r="C61596" s="2"/>
    </row>
    <row r="61597" spans="1:3" ht="19.2">
      <c r="A61597" s="2"/>
      <c r="B61597" s="2"/>
      <c r="C61597" s="2"/>
    </row>
    <row r="61598" spans="1:3" ht="19.2">
      <c r="A61598" s="2"/>
      <c r="B61598" s="2"/>
      <c r="C61598" s="2"/>
    </row>
    <row r="61599" spans="1:3" ht="19.2">
      <c r="A61599" s="2"/>
      <c r="B61599" s="2"/>
      <c r="C61599" s="2"/>
    </row>
    <row r="61600" spans="1:3" ht="19.2">
      <c r="A61600" s="2"/>
      <c r="B61600" s="2"/>
      <c r="C61600" s="2"/>
    </row>
    <row r="61601" spans="1:3" ht="19.2">
      <c r="A61601" s="2"/>
      <c r="B61601" s="2"/>
      <c r="C61601" s="2"/>
    </row>
    <row r="61602" spans="1:3" ht="19.2">
      <c r="A61602" s="2"/>
      <c r="B61602" s="2"/>
      <c r="C61602" s="2"/>
    </row>
    <row r="61603" spans="1:3" ht="19.2">
      <c r="A61603" s="2"/>
      <c r="B61603" s="2"/>
      <c r="C61603" s="2"/>
    </row>
    <row r="61604" spans="1:3" ht="19.2">
      <c r="A61604" s="2"/>
      <c r="B61604" s="2"/>
      <c r="C61604" s="2"/>
    </row>
    <row r="61605" spans="1:3" ht="19.2">
      <c r="A61605" s="2"/>
      <c r="B61605" s="2"/>
      <c r="C61605" s="2"/>
    </row>
    <row r="61606" spans="1:3" ht="19.2">
      <c r="A61606" s="2"/>
      <c r="B61606" s="2"/>
      <c r="C61606" s="2"/>
    </row>
    <row r="61607" spans="1:3" ht="19.2">
      <c r="A61607" s="2"/>
      <c r="B61607" s="2"/>
      <c r="C61607" s="2"/>
    </row>
    <row r="61608" spans="1:3" ht="19.2">
      <c r="A61608" s="2"/>
      <c r="B61608" s="2"/>
      <c r="C61608" s="2"/>
    </row>
    <row r="61609" spans="1:3" ht="19.2">
      <c r="A61609" s="2"/>
      <c r="B61609" s="2"/>
      <c r="C61609" s="2"/>
    </row>
    <row r="61610" spans="1:3" ht="19.2">
      <c r="A61610" s="2"/>
      <c r="B61610" s="2"/>
      <c r="C61610" s="2"/>
    </row>
    <row r="61611" spans="1:3" ht="19.2">
      <c r="A61611" s="2"/>
      <c r="B61611" s="2"/>
      <c r="C61611" s="2"/>
    </row>
    <row r="61612" spans="1:3" ht="19.2">
      <c r="A61612" s="2"/>
      <c r="B61612" s="2"/>
      <c r="C61612" s="2"/>
    </row>
    <row r="61613" spans="1:3" ht="19.2">
      <c r="A61613" s="2"/>
      <c r="B61613" s="2"/>
      <c r="C61613" s="2"/>
    </row>
    <row r="61614" spans="1:3" ht="19.2">
      <c r="A61614" s="2"/>
      <c r="B61614" s="2"/>
      <c r="C61614" s="2"/>
    </row>
    <row r="61615" spans="1:3" ht="19.2">
      <c r="A61615" s="2"/>
      <c r="B61615" s="2"/>
      <c r="C61615" s="2"/>
    </row>
    <row r="61616" spans="1:3" ht="19.2">
      <c r="A61616" s="2"/>
      <c r="B61616" s="2"/>
      <c r="C61616" s="2"/>
    </row>
    <row r="61617" spans="1:3" ht="19.2">
      <c r="A61617" s="2"/>
      <c r="B61617" s="2"/>
      <c r="C61617" s="2"/>
    </row>
    <row r="61618" spans="1:3" ht="19.2">
      <c r="A61618" s="2"/>
      <c r="B61618" s="2"/>
      <c r="C61618" s="2"/>
    </row>
    <row r="61619" spans="1:3" ht="19.2">
      <c r="A61619" s="2"/>
      <c r="B61619" s="2"/>
      <c r="C61619" s="2"/>
    </row>
    <row r="61620" spans="1:3" ht="19.2">
      <c r="A61620" s="2"/>
      <c r="B61620" s="2"/>
      <c r="C61620" s="2"/>
    </row>
    <row r="61621" spans="1:3" ht="19.2">
      <c r="A61621" s="2"/>
      <c r="B61621" s="2"/>
      <c r="C61621" s="2"/>
    </row>
    <row r="61622" spans="1:3" ht="19.2">
      <c r="A61622" s="2"/>
      <c r="B61622" s="2"/>
      <c r="C61622" s="2"/>
    </row>
    <row r="61623" spans="1:3" ht="19.2">
      <c r="A61623" s="2"/>
      <c r="B61623" s="2"/>
      <c r="C61623" s="2"/>
    </row>
    <row r="61624" spans="1:3" ht="19.2">
      <c r="A61624" s="2"/>
      <c r="B61624" s="2"/>
      <c r="C61624" s="2"/>
    </row>
    <row r="61625" spans="1:3" ht="19.2">
      <c r="A61625" s="2"/>
      <c r="B61625" s="2"/>
      <c r="C61625" s="2"/>
    </row>
    <row r="61626" spans="1:3" ht="19.2">
      <c r="A61626" s="2"/>
      <c r="B61626" s="2"/>
      <c r="C61626" s="2"/>
    </row>
    <row r="61627" spans="1:3" ht="19.2">
      <c r="A61627" s="2"/>
      <c r="B61627" s="2"/>
      <c r="C61627" s="2"/>
    </row>
    <row r="61628" spans="1:3" ht="19.2">
      <c r="A61628" s="2"/>
      <c r="B61628" s="2"/>
      <c r="C61628" s="2"/>
    </row>
    <row r="61629" spans="1:3" ht="19.2">
      <c r="A61629" s="2"/>
      <c r="B61629" s="2"/>
      <c r="C61629" s="2"/>
    </row>
    <row r="61630" spans="1:3" ht="19.2">
      <c r="A61630" s="2"/>
      <c r="B61630" s="2"/>
      <c r="C61630" s="2"/>
    </row>
    <row r="61631" spans="1:3" ht="19.2">
      <c r="A61631" s="2"/>
      <c r="B61631" s="2"/>
      <c r="C61631" s="2"/>
    </row>
    <row r="61632" spans="1:3" ht="19.2">
      <c r="A61632" s="2"/>
      <c r="B61632" s="2"/>
      <c r="C61632" s="2"/>
    </row>
    <row r="61633" spans="1:3" ht="19.2">
      <c r="A61633" s="2"/>
      <c r="B61633" s="2"/>
      <c r="C61633" s="2"/>
    </row>
    <row r="61634" spans="1:3" ht="19.2">
      <c r="A61634" s="2"/>
      <c r="B61634" s="2"/>
      <c r="C61634" s="2"/>
    </row>
    <row r="61635" spans="1:3" ht="19.2">
      <c r="A61635" s="2"/>
      <c r="B61635" s="2"/>
      <c r="C61635" s="2"/>
    </row>
    <row r="61636" spans="1:3" ht="19.2">
      <c r="A61636" s="2"/>
      <c r="B61636" s="2"/>
      <c r="C61636" s="2"/>
    </row>
    <row r="61637" spans="1:3" ht="19.2">
      <c r="A61637" s="2"/>
      <c r="B61637" s="2"/>
      <c r="C61637" s="2"/>
    </row>
    <row r="61638" spans="1:3" ht="19.2">
      <c r="A61638" s="2"/>
      <c r="B61638" s="2"/>
      <c r="C61638" s="2"/>
    </row>
    <row r="61639" spans="1:3" ht="19.2">
      <c r="A61639" s="2"/>
      <c r="B61639" s="2"/>
      <c r="C61639" s="2"/>
    </row>
    <row r="61640" spans="1:3" ht="19.2">
      <c r="A61640" s="2"/>
      <c r="B61640" s="2"/>
      <c r="C61640" s="2"/>
    </row>
    <row r="61641" spans="1:3" ht="19.2">
      <c r="A61641" s="2"/>
      <c r="B61641" s="2"/>
      <c r="C61641" s="2"/>
    </row>
    <row r="61642" spans="1:3" ht="19.2">
      <c r="A61642" s="2"/>
      <c r="B61642" s="2"/>
      <c r="C61642" s="2"/>
    </row>
    <row r="61643" spans="1:3" ht="19.2">
      <c r="A61643" s="2"/>
      <c r="B61643" s="2"/>
      <c r="C61643" s="2"/>
    </row>
    <row r="61644" spans="1:3" ht="19.2">
      <c r="A61644" s="2"/>
      <c r="B61644" s="2"/>
      <c r="C61644" s="2"/>
    </row>
    <row r="61645" spans="1:3" ht="19.2">
      <c r="A61645" s="2"/>
      <c r="B61645" s="2"/>
      <c r="C61645" s="2"/>
    </row>
    <row r="61646" spans="1:3" ht="19.2">
      <c r="A61646" s="2"/>
      <c r="B61646" s="2"/>
      <c r="C61646" s="2"/>
    </row>
    <row r="61647" spans="1:3" ht="19.2">
      <c r="A61647" s="2"/>
      <c r="B61647" s="2"/>
      <c r="C61647" s="2"/>
    </row>
    <row r="61648" spans="1:3" ht="19.2">
      <c r="A61648" s="2"/>
      <c r="B61648" s="2"/>
      <c r="C61648" s="2"/>
    </row>
    <row r="61649" spans="1:3" ht="19.2">
      <c r="A61649" s="2"/>
      <c r="B61649" s="2"/>
      <c r="C61649" s="2"/>
    </row>
    <row r="61650" spans="1:3" ht="19.2">
      <c r="A61650" s="2"/>
      <c r="B61650" s="2"/>
      <c r="C61650" s="2"/>
    </row>
    <row r="61651" spans="1:3" ht="19.2">
      <c r="A61651" s="2"/>
      <c r="B61651" s="2"/>
      <c r="C61651" s="2"/>
    </row>
    <row r="61652" spans="1:3" ht="19.2">
      <c r="A61652" s="2"/>
      <c r="B61652" s="2"/>
      <c r="C61652" s="2"/>
    </row>
    <row r="61653" spans="1:3" ht="19.2">
      <c r="A61653" s="2"/>
      <c r="B61653" s="2"/>
      <c r="C61653" s="2"/>
    </row>
    <row r="61654" spans="1:3" ht="19.2">
      <c r="A61654" s="2"/>
      <c r="B61654" s="2"/>
      <c r="C61654" s="2"/>
    </row>
    <row r="61655" spans="1:3" ht="19.2">
      <c r="A61655" s="2"/>
      <c r="B61655" s="2"/>
      <c r="C61655" s="2"/>
    </row>
    <row r="61656" spans="1:3" ht="19.2">
      <c r="A61656" s="2"/>
      <c r="B61656" s="2"/>
      <c r="C61656" s="2"/>
    </row>
    <row r="61657" spans="1:3" ht="19.2">
      <c r="A61657" s="2"/>
      <c r="B61657" s="2"/>
      <c r="C61657" s="2"/>
    </row>
    <row r="61658" spans="1:3" ht="19.2">
      <c r="A61658" s="2"/>
      <c r="B61658" s="2"/>
      <c r="C61658" s="2"/>
    </row>
    <row r="61659" spans="1:3" ht="19.2">
      <c r="A61659" s="2"/>
      <c r="B61659" s="2"/>
      <c r="C61659" s="2"/>
    </row>
    <row r="61660" spans="1:3" ht="19.2">
      <c r="A61660" s="2"/>
      <c r="B61660" s="2"/>
      <c r="C61660" s="2"/>
    </row>
    <row r="61661" spans="1:3" ht="19.2">
      <c r="A61661" s="2"/>
      <c r="B61661" s="2"/>
      <c r="C61661" s="2"/>
    </row>
    <row r="61662" spans="1:3" ht="19.2">
      <c r="A61662" s="2"/>
      <c r="B61662" s="2"/>
      <c r="C61662" s="2"/>
    </row>
    <row r="61663" spans="1:3" ht="19.2">
      <c r="A61663" s="2"/>
      <c r="B61663" s="2"/>
      <c r="C61663" s="2"/>
    </row>
    <row r="61664" spans="1:3" ht="19.2">
      <c r="A61664" s="2"/>
      <c r="B61664" s="2"/>
      <c r="C61664" s="2"/>
    </row>
    <row r="61665" spans="1:3" ht="19.2">
      <c r="A61665" s="2"/>
      <c r="B61665" s="2"/>
      <c r="C61665" s="2"/>
    </row>
    <row r="61666" spans="1:3" ht="19.2">
      <c r="A61666" s="2"/>
      <c r="B61666" s="2"/>
      <c r="C61666" s="2"/>
    </row>
    <row r="61667" spans="1:3" ht="19.2">
      <c r="A61667" s="2"/>
      <c r="B61667" s="2"/>
      <c r="C61667" s="2"/>
    </row>
    <row r="61668" spans="1:3" ht="19.2">
      <c r="A61668" s="2"/>
      <c r="B61668" s="2"/>
      <c r="C61668" s="2"/>
    </row>
    <row r="61669" spans="1:3" ht="19.2">
      <c r="A61669" s="2"/>
      <c r="B61669" s="2"/>
      <c r="C61669" s="2"/>
    </row>
    <row r="61670" spans="1:3" ht="19.2">
      <c r="A61670" s="2"/>
      <c r="B61670" s="2"/>
      <c r="C61670" s="2"/>
    </row>
    <row r="61671" spans="1:3" ht="19.2">
      <c r="A61671" s="2"/>
      <c r="B61671" s="2"/>
      <c r="C61671" s="2"/>
    </row>
    <row r="61672" spans="1:3" ht="19.2">
      <c r="A61672" s="2"/>
      <c r="B61672" s="2"/>
      <c r="C61672" s="2"/>
    </row>
    <row r="61673" spans="1:3" ht="19.2">
      <c r="A61673" s="2"/>
      <c r="B61673" s="2"/>
      <c r="C61673" s="2"/>
    </row>
    <row r="61674" spans="1:3" ht="19.2">
      <c r="A61674" s="2"/>
      <c r="B61674" s="2"/>
      <c r="C61674" s="2"/>
    </row>
    <row r="61675" spans="1:3" ht="19.2">
      <c r="A61675" s="2"/>
      <c r="B61675" s="2"/>
      <c r="C61675" s="2"/>
    </row>
    <row r="61676" spans="1:3" ht="19.2">
      <c r="A61676" s="2"/>
      <c r="B61676" s="2"/>
      <c r="C61676" s="2"/>
    </row>
    <row r="61677" spans="1:3" ht="19.2">
      <c r="A61677" s="2"/>
      <c r="B61677" s="2"/>
      <c r="C61677" s="2"/>
    </row>
    <row r="61678" spans="1:3" ht="19.2">
      <c r="A61678" s="2"/>
      <c r="B61678" s="2"/>
      <c r="C61678" s="2"/>
    </row>
    <row r="61679" spans="1:3" ht="19.2">
      <c r="A61679" s="2"/>
      <c r="B61679" s="2"/>
      <c r="C61679" s="2"/>
    </row>
    <row r="61680" spans="1:3" ht="19.2">
      <c r="A61680" s="2"/>
      <c r="B61680" s="2"/>
      <c r="C61680" s="2"/>
    </row>
    <row r="61681" spans="1:3" ht="19.2">
      <c r="A61681" s="2"/>
      <c r="B61681" s="2"/>
      <c r="C61681" s="2"/>
    </row>
    <row r="61682" spans="1:3" ht="19.2">
      <c r="A61682" s="2"/>
      <c r="B61682" s="2"/>
      <c r="C61682" s="2"/>
    </row>
    <row r="61683" spans="1:3" ht="19.2">
      <c r="A61683" s="2"/>
      <c r="B61683" s="2"/>
      <c r="C61683" s="2"/>
    </row>
    <row r="61684" spans="1:3" ht="19.2">
      <c r="A61684" s="2"/>
      <c r="B61684" s="2"/>
      <c r="C61684" s="2"/>
    </row>
    <row r="61685" spans="1:3" ht="19.2">
      <c r="A61685" s="2"/>
      <c r="B61685" s="2"/>
      <c r="C61685" s="2"/>
    </row>
    <row r="61686" spans="1:3" ht="19.2">
      <c r="A61686" s="2"/>
      <c r="B61686" s="2"/>
      <c r="C61686" s="2"/>
    </row>
    <row r="61687" spans="1:3" ht="19.2">
      <c r="A61687" s="2"/>
      <c r="B61687" s="2"/>
      <c r="C61687" s="2"/>
    </row>
    <row r="61688" spans="1:3" ht="19.2">
      <c r="A61688" s="2"/>
      <c r="B61688" s="2"/>
      <c r="C61688" s="2"/>
    </row>
    <row r="61689" spans="1:3" ht="19.2">
      <c r="A61689" s="2"/>
      <c r="B61689" s="2"/>
      <c r="C61689" s="2"/>
    </row>
    <row r="61690" spans="1:3" ht="19.2">
      <c r="A61690" s="2"/>
      <c r="B61690" s="2"/>
      <c r="C61690" s="2"/>
    </row>
    <row r="61691" spans="1:3" ht="19.2">
      <c r="A61691" s="2"/>
      <c r="B61691" s="2"/>
      <c r="C61691" s="2"/>
    </row>
    <row r="61692" spans="1:3" ht="19.2">
      <c r="A61692" s="2"/>
      <c r="B61692" s="2"/>
      <c r="C61692" s="2"/>
    </row>
    <row r="61693" spans="1:3" ht="19.2">
      <c r="A61693" s="2"/>
      <c r="B61693" s="2"/>
      <c r="C61693" s="2"/>
    </row>
    <row r="61694" spans="1:3" ht="19.2">
      <c r="A61694" s="2"/>
      <c r="B61694" s="2"/>
      <c r="C61694" s="2"/>
    </row>
    <row r="61695" spans="1:3" ht="19.2">
      <c r="A61695" s="2"/>
      <c r="B61695" s="2"/>
      <c r="C61695" s="2"/>
    </row>
    <row r="61696" spans="1:3" ht="19.2">
      <c r="A61696" s="2"/>
      <c r="B61696" s="2"/>
      <c r="C61696" s="2"/>
    </row>
    <row r="61697" spans="1:3" ht="19.2">
      <c r="A61697" s="2"/>
      <c r="B61697" s="2"/>
      <c r="C61697" s="2"/>
    </row>
    <row r="61698" spans="1:3" ht="19.2">
      <c r="A61698" s="2"/>
      <c r="B61698" s="2"/>
      <c r="C61698" s="2"/>
    </row>
    <row r="61699" spans="1:3" ht="19.2">
      <c r="A61699" s="2"/>
      <c r="B61699" s="2"/>
      <c r="C61699" s="2"/>
    </row>
    <row r="61700" spans="1:3" ht="19.2">
      <c r="A61700" s="2"/>
      <c r="B61700" s="2"/>
      <c r="C61700" s="2"/>
    </row>
    <row r="61701" spans="1:3" ht="19.2">
      <c r="A61701" s="2"/>
      <c r="B61701" s="2"/>
      <c r="C61701" s="2"/>
    </row>
    <row r="61702" spans="1:3" ht="19.2">
      <c r="A61702" s="2"/>
      <c r="B61702" s="2"/>
      <c r="C61702" s="2"/>
    </row>
    <row r="61703" spans="1:3" ht="19.2">
      <c r="A61703" s="2"/>
      <c r="B61703" s="2"/>
      <c r="C61703" s="2"/>
    </row>
    <row r="61704" spans="1:3" ht="19.2">
      <c r="A61704" s="2"/>
      <c r="B61704" s="2"/>
      <c r="C61704" s="2"/>
    </row>
    <row r="61705" spans="1:3" ht="19.2">
      <c r="A61705" s="2"/>
      <c r="B61705" s="2"/>
      <c r="C61705" s="2"/>
    </row>
    <row r="61706" spans="1:3" ht="19.2">
      <c r="A61706" s="2"/>
      <c r="B61706" s="2"/>
      <c r="C61706" s="2"/>
    </row>
    <row r="61707" spans="1:3" ht="19.2">
      <c r="A61707" s="2"/>
      <c r="B61707" s="2"/>
      <c r="C61707" s="2"/>
    </row>
    <row r="61708" spans="1:3" ht="19.2">
      <c r="A61708" s="2"/>
      <c r="B61708" s="2"/>
      <c r="C61708" s="2"/>
    </row>
    <row r="61709" spans="1:3" ht="19.2">
      <c r="A61709" s="2"/>
      <c r="B61709" s="2"/>
      <c r="C61709" s="2"/>
    </row>
    <row r="61710" spans="1:3" ht="19.2">
      <c r="A61710" s="2"/>
      <c r="B61710" s="2"/>
      <c r="C61710" s="2"/>
    </row>
    <row r="61711" spans="1:3" ht="19.2">
      <c r="A61711" s="2"/>
      <c r="B61711" s="2"/>
      <c r="C61711" s="2"/>
    </row>
    <row r="61712" spans="1:3" ht="19.2">
      <c r="A61712" s="2"/>
      <c r="B61712" s="2"/>
      <c r="C61712" s="2"/>
    </row>
    <row r="61713" spans="1:3" ht="19.2">
      <c r="A61713" s="2"/>
      <c r="B61713" s="2"/>
      <c r="C61713" s="2"/>
    </row>
    <row r="61714" spans="1:3" ht="19.2">
      <c r="A61714" s="2"/>
      <c r="B61714" s="2"/>
      <c r="C61714" s="2"/>
    </row>
    <row r="61715" spans="1:3" ht="19.2">
      <c r="A61715" s="2"/>
      <c r="B61715" s="2"/>
      <c r="C61715" s="2"/>
    </row>
    <row r="61716" spans="1:3" ht="19.2">
      <c r="A61716" s="2"/>
      <c r="B61716" s="2"/>
      <c r="C61716" s="2"/>
    </row>
    <row r="61717" spans="1:3" ht="19.2">
      <c r="A61717" s="2"/>
      <c r="B61717" s="2"/>
      <c r="C61717" s="2"/>
    </row>
    <row r="61718" spans="1:3" ht="19.2">
      <c r="A61718" s="2"/>
      <c r="B61718" s="2"/>
      <c r="C61718" s="2"/>
    </row>
    <row r="61719" spans="1:3" ht="19.2">
      <c r="A61719" s="2"/>
      <c r="B61719" s="2"/>
      <c r="C61719" s="2"/>
    </row>
    <row r="61720" spans="1:3" ht="19.2">
      <c r="A61720" s="2"/>
      <c r="B61720" s="2"/>
      <c r="C61720" s="2"/>
    </row>
    <row r="61721" spans="1:3" ht="19.2">
      <c r="A61721" s="2"/>
      <c r="B61721" s="2"/>
      <c r="C61721" s="2"/>
    </row>
    <row r="61722" spans="1:3" ht="19.2">
      <c r="A61722" s="2"/>
      <c r="B61722" s="2"/>
      <c r="C61722" s="2"/>
    </row>
    <row r="61723" spans="1:3" ht="19.2">
      <c r="A61723" s="2"/>
      <c r="B61723" s="2"/>
      <c r="C61723" s="2"/>
    </row>
    <row r="61724" spans="1:3" ht="19.2">
      <c r="A61724" s="2"/>
      <c r="B61724" s="2"/>
      <c r="C61724" s="2"/>
    </row>
    <row r="61725" spans="1:3" ht="19.2">
      <c r="A61725" s="2"/>
      <c r="B61725" s="2"/>
      <c r="C61725" s="2"/>
    </row>
    <row r="61726" spans="1:3" ht="19.2">
      <c r="A61726" s="2"/>
      <c r="B61726" s="2"/>
      <c r="C61726" s="2"/>
    </row>
    <row r="61727" spans="1:3" ht="19.2">
      <c r="A61727" s="2"/>
      <c r="B61727" s="2"/>
      <c r="C61727" s="2"/>
    </row>
    <row r="61728" spans="1:3" ht="19.2">
      <c r="A61728" s="2"/>
      <c r="B61728" s="2"/>
      <c r="C61728" s="2"/>
    </row>
    <row r="61729" spans="1:3" ht="19.2">
      <c r="A61729" s="2"/>
      <c r="B61729" s="2"/>
      <c r="C61729" s="2"/>
    </row>
    <row r="61730" spans="1:3" ht="19.2">
      <c r="A61730" s="2"/>
      <c r="B61730" s="2"/>
      <c r="C61730" s="2"/>
    </row>
    <row r="61731" spans="1:3" ht="19.2">
      <c r="A61731" s="2"/>
      <c r="B61731" s="2"/>
      <c r="C61731" s="2"/>
    </row>
    <row r="61732" spans="1:3" ht="19.2">
      <c r="A61732" s="2"/>
      <c r="B61732" s="2"/>
      <c r="C61732" s="2"/>
    </row>
    <row r="61733" spans="1:3" ht="19.2">
      <c r="A61733" s="2"/>
      <c r="B61733" s="2"/>
      <c r="C61733" s="2"/>
    </row>
    <row r="61734" spans="1:3" ht="19.2">
      <c r="A61734" s="2"/>
      <c r="B61734" s="2"/>
      <c r="C61734" s="2"/>
    </row>
    <row r="61735" spans="1:3" ht="19.2">
      <c r="A61735" s="2"/>
      <c r="B61735" s="2"/>
      <c r="C61735" s="2"/>
    </row>
    <row r="61736" spans="1:3" ht="19.2">
      <c r="A61736" s="2"/>
      <c r="B61736" s="2"/>
      <c r="C61736" s="2"/>
    </row>
    <row r="61737" spans="1:3" ht="19.2">
      <c r="A61737" s="2"/>
      <c r="B61737" s="2"/>
      <c r="C61737" s="2"/>
    </row>
    <row r="61738" spans="1:3" ht="19.2">
      <c r="A61738" s="2"/>
      <c r="B61738" s="2"/>
      <c r="C61738" s="2"/>
    </row>
    <row r="61739" spans="1:3" ht="19.2">
      <c r="A61739" s="2"/>
      <c r="B61739" s="2"/>
      <c r="C61739" s="2"/>
    </row>
    <row r="61740" spans="1:3" ht="19.2">
      <c r="A61740" s="2"/>
      <c r="B61740" s="2"/>
      <c r="C61740" s="2"/>
    </row>
    <row r="61741" spans="1:3" ht="19.2">
      <c r="A61741" s="2"/>
      <c r="B61741" s="2"/>
      <c r="C61741" s="2"/>
    </row>
    <row r="61742" spans="1:3" ht="19.2">
      <c r="A61742" s="2"/>
      <c r="B61742" s="2"/>
      <c r="C61742" s="2"/>
    </row>
    <row r="61743" spans="1:3" ht="19.2">
      <c r="A61743" s="2"/>
      <c r="B61743" s="2"/>
      <c r="C61743" s="2"/>
    </row>
    <row r="61744" spans="1:3" ht="19.2">
      <c r="A61744" s="2"/>
      <c r="B61744" s="2"/>
      <c r="C61744" s="2"/>
    </row>
    <row r="61745" spans="1:3" ht="19.2">
      <c r="A61745" s="2"/>
      <c r="B61745" s="2"/>
      <c r="C61745" s="2"/>
    </row>
    <row r="61746" spans="1:3" ht="19.2">
      <c r="A61746" s="2"/>
      <c r="B61746" s="2"/>
      <c r="C61746" s="2"/>
    </row>
    <row r="61747" spans="1:3" ht="19.2">
      <c r="A61747" s="2"/>
      <c r="B61747" s="2"/>
      <c r="C61747" s="2"/>
    </row>
    <row r="61748" spans="1:3" ht="19.2">
      <c r="A61748" s="2"/>
      <c r="B61748" s="2"/>
      <c r="C61748" s="2"/>
    </row>
    <row r="61749" spans="1:3" ht="19.2">
      <c r="A61749" s="2"/>
      <c r="B61749" s="2"/>
      <c r="C61749" s="2"/>
    </row>
    <row r="61750" spans="1:3" ht="19.2">
      <c r="A61750" s="2"/>
      <c r="B61750" s="2"/>
      <c r="C61750" s="2"/>
    </row>
    <row r="61751" spans="1:3" ht="19.2">
      <c r="A61751" s="2"/>
      <c r="B61751" s="2"/>
      <c r="C61751" s="2"/>
    </row>
    <row r="61752" spans="1:3" ht="19.2">
      <c r="A61752" s="2"/>
      <c r="B61752" s="2"/>
      <c r="C61752" s="2"/>
    </row>
    <row r="61753" spans="1:3" ht="19.2">
      <c r="A61753" s="2"/>
      <c r="B61753" s="2"/>
      <c r="C61753" s="2"/>
    </row>
    <row r="61754" spans="1:3" ht="19.2">
      <c r="A61754" s="2"/>
      <c r="B61754" s="2"/>
      <c r="C61754" s="2"/>
    </row>
    <row r="61755" spans="1:3" ht="19.2">
      <c r="A61755" s="2"/>
      <c r="B61755" s="2"/>
      <c r="C61755" s="2"/>
    </row>
    <row r="61756" spans="1:3" ht="19.2">
      <c r="A61756" s="2"/>
      <c r="B61756" s="2"/>
      <c r="C61756" s="2"/>
    </row>
    <row r="61757" spans="1:3" ht="19.2">
      <c r="A61757" s="2"/>
      <c r="B61757" s="2"/>
      <c r="C61757" s="2"/>
    </row>
    <row r="61758" spans="1:3" ht="19.2">
      <c r="A61758" s="2"/>
      <c r="B61758" s="2"/>
      <c r="C61758" s="2"/>
    </row>
    <row r="61759" spans="1:3" ht="19.2">
      <c r="A61759" s="2"/>
      <c r="B61759" s="2"/>
      <c r="C61759" s="2"/>
    </row>
    <row r="61760" spans="1:3" ht="19.2">
      <c r="A61760" s="2"/>
      <c r="B61760" s="2"/>
      <c r="C61760" s="2"/>
    </row>
    <row r="61761" spans="1:3" ht="19.2">
      <c r="A61761" s="2"/>
      <c r="B61761" s="2"/>
      <c r="C61761" s="2"/>
    </row>
    <row r="61762" spans="1:3" ht="19.2">
      <c r="A61762" s="2"/>
      <c r="B61762" s="2"/>
      <c r="C61762" s="2"/>
    </row>
    <row r="61763" spans="1:3" ht="19.2">
      <c r="A61763" s="2"/>
      <c r="B61763" s="2"/>
      <c r="C61763" s="2"/>
    </row>
    <row r="61764" spans="1:3" ht="19.2">
      <c r="A61764" s="2"/>
      <c r="B61764" s="2"/>
      <c r="C61764" s="2"/>
    </row>
    <row r="61765" spans="1:3" ht="19.2">
      <c r="A61765" s="2"/>
      <c r="B61765" s="2"/>
      <c r="C61765" s="2"/>
    </row>
    <row r="61766" spans="1:3" ht="19.2">
      <c r="A61766" s="2"/>
      <c r="B61766" s="2"/>
      <c r="C61766" s="2"/>
    </row>
    <row r="61767" spans="1:3" ht="19.2">
      <c r="A61767" s="2"/>
      <c r="B61767" s="2"/>
      <c r="C61767" s="2"/>
    </row>
    <row r="61768" spans="1:3" ht="19.2">
      <c r="A61768" s="2"/>
      <c r="B61768" s="2"/>
      <c r="C61768" s="2"/>
    </row>
    <row r="61769" spans="1:3" ht="19.2">
      <c r="A61769" s="2"/>
      <c r="B61769" s="2"/>
      <c r="C61769" s="2"/>
    </row>
    <row r="61770" spans="1:3" ht="19.2">
      <c r="A61770" s="2"/>
      <c r="B61770" s="2"/>
      <c r="C61770" s="2"/>
    </row>
    <row r="61771" spans="1:3" ht="19.2">
      <c r="A61771" s="2"/>
      <c r="B61771" s="2"/>
      <c r="C61771" s="2"/>
    </row>
    <row r="61772" spans="1:3" ht="19.2">
      <c r="A61772" s="2"/>
      <c r="B61772" s="2"/>
      <c r="C61772" s="2"/>
    </row>
    <row r="61773" spans="1:3" ht="19.2">
      <c r="A61773" s="2"/>
      <c r="B61773" s="2"/>
      <c r="C61773" s="2"/>
    </row>
    <row r="61774" spans="1:3" ht="19.2">
      <c r="A61774" s="2"/>
      <c r="B61774" s="2"/>
      <c r="C61774" s="2"/>
    </row>
    <row r="61775" spans="1:3" ht="19.2">
      <c r="A61775" s="2"/>
      <c r="B61775" s="2"/>
      <c r="C61775" s="2"/>
    </row>
    <row r="61776" spans="1:3" ht="19.2">
      <c r="A61776" s="2"/>
      <c r="B61776" s="2"/>
      <c r="C61776" s="2"/>
    </row>
    <row r="61777" spans="1:3" ht="19.2">
      <c r="A61777" s="2"/>
      <c r="B61777" s="2"/>
      <c r="C61777" s="2"/>
    </row>
    <row r="61778" spans="1:3" ht="19.2">
      <c r="A61778" s="2"/>
      <c r="B61778" s="2"/>
      <c r="C61778" s="2"/>
    </row>
    <row r="61779" spans="1:3" ht="19.2">
      <c r="A61779" s="2"/>
      <c r="B61779" s="2"/>
      <c r="C61779" s="2"/>
    </row>
    <row r="61780" spans="1:3" ht="19.2">
      <c r="A61780" s="2"/>
      <c r="B61780" s="2"/>
      <c r="C61780" s="2"/>
    </row>
    <row r="61781" spans="1:3" ht="19.2">
      <c r="A61781" s="2"/>
      <c r="B61781" s="2"/>
      <c r="C61781" s="2"/>
    </row>
    <row r="61782" spans="1:3" ht="19.2">
      <c r="A61782" s="2"/>
      <c r="B61782" s="2"/>
      <c r="C61782" s="2"/>
    </row>
    <row r="61783" spans="1:3" ht="19.2">
      <c r="A61783" s="2"/>
      <c r="B61783" s="2"/>
      <c r="C61783" s="2"/>
    </row>
    <row r="61784" spans="1:3" ht="19.2">
      <c r="A61784" s="2"/>
      <c r="B61784" s="2"/>
      <c r="C61784" s="2"/>
    </row>
    <row r="61785" spans="1:3" ht="19.2">
      <c r="A61785" s="2"/>
      <c r="B61785" s="2"/>
      <c r="C61785" s="2"/>
    </row>
    <row r="61786" spans="1:3" ht="19.2">
      <c r="A61786" s="2"/>
      <c r="B61786" s="2"/>
      <c r="C61786" s="2"/>
    </row>
    <row r="61787" spans="1:3" ht="19.2">
      <c r="A61787" s="2"/>
      <c r="B61787" s="2"/>
      <c r="C61787" s="2"/>
    </row>
    <row r="61788" spans="1:3" ht="19.2">
      <c r="A61788" s="2"/>
      <c r="B61788" s="2"/>
      <c r="C61788" s="2"/>
    </row>
    <row r="61789" spans="1:3" ht="19.2">
      <c r="A61789" s="2"/>
      <c r="B61789" s="2"/>
      <c r="C61789" s="2"/>
    </row>
    <row r="61790" spans="1:3" ht="19.2">
      <c r="A61790" s="2"/>
      <c r="B61790" s="2"/>
      <c r="C61790" s="2"/>
    </row>
    <row r="61791" spans="1:3" ht="19.2">
      <c r="A61791" s="2"/>
      <c r="B61791" s="2"/>
      <c r="C61791" s="2"/>
    </row>
    <row r="61792" spans="1:3" ht="19.2">
      <c r="A61792" s="2"/>
      <c r="B61792" s="2"/>
      <c r="C61792" s="2"/>
    </row>
    <row r="61793" spans="1:3" ht="19.2">
      <c r="A61793" s="2"/>
      <c r="B61793" s="2"/>
      <c r="C61793" s="2"/>
    </row>
    <row r="61794" spans="1:3" ht="19.2">
      <c r="A61794" s="2"/>
      <c r="B61794" s="2"/>
      <c r="C61794" s="2"/>
    </row>
    <row r="61795" spans="1:3" ht="19.2">
      <c r="A61795" s="2"/>
      <c r="B61795" s="2"/>
      <c r="C61795" s="2"/>
    </row>
    <row r="61796" spans="1:3" ht="19.2">
      <c r="A61796" s="2"/>
      <c r="B61796" s="2"/>
      <c r="C61796" s="2"/>
    </row>
    <row r="61797" spans="1:3" ht="19.2">
      <c r="A61797" s="2"/>
      <c r="B61797" s="2"/>
      <c r="C61797" s="2"/>
    </row>
    <row r="61798" spans="1:3" ht="19.2">
      <c r="A61798" s="2"/>
      <c r="B61798" s="2"/>
      <c r="C61798" s="2"/>
    </row>
    <row r="61799" spans="1:3" ht="19.2">
      <c r="A61799" s="2"/>
      <c r="B61799" s="2"/>
      <c r="C61799" s="2"/>
    </row>
    <row r="61800" spans="1:3" ht="19.2">
      <c r="A61800" s="2"/>
      <c r="B61800" s="2"/>
      <c r="C61800" s="2"/>
    </row>
    <row r="61801" spans="1:3" ht="19.2">
      <c r="A61801" s="2"/>
      <c r="B61801" s="2"/>
      <c r="C61801" s="2"/>
    </row>
    <row r="61802" spans="1:3" ht="19.2">
      <c r="A61802" s="2"/>
      <c r="B61802" s="2"/>
      <c r="C61802" s="2"/>
    </row>
    <row r="61803" spans="1:3" ht="19.2">
      <c r="A61803" s="2"/>
      <c r="B61803" s="2"/>
      <c r="C61803" s="2"/>
    </row>
    <row r="61804" spans="1:3" ht="19.2">
      <c r="A61804" s="2"/>
      <c r="B61804" s="2"/>
      <c r="C61804" s="2"/>
    </row>
    <row r="61805" spans="1:3" ht="19.2">
      <c r="A61805" s="2"/>
      <c r="B61805" s="2"/>
      <c r="C61805" s="2"/>
    </row>
    <row r="61806" spans="1:3" ht="19.2">
      <c r="A61806" s="2"/>
      <c r="B61806" s="2"/>
      <c r="C61806" s="2"/>
    </row>
    <row r="61807" spans="1:3" ht="19.2">
      <c r="A61807" s="2"/>
      <c r="B61807" s="2"/>
      <c r="C61807" s="2"/>
    </row>
    <row r="61808" spans="1:3" ht="19.2">
      <c r="A61808" s="2"/>
      <c r="B61808" s="2"/>
      <c r="C61808" s="2"/>
    </row>
    <row r="61809" spans="1:3" ht="19.2">
      <c r="A61809" s="2"/>
      <c r="B61809" s="2"/>
      <c r="C61809" s="2"/>
    </row>
    <row r="61810" spans="1:3" ht="19.2">
      <c r="A61810" s="2"/>
      <c r="B61810" s="2"/>
      <c r="C61810" s="2"/>
    </row>
    <row r="61811" spans="1:3" ht="19.2">
      <c r="A61811" s="2"/>
      <c r="B61811" s="2"/>
      <c r="C61811" s="2"/>
    </row>
    <row r="61812" spans="1:3" ht="19.2">
      <c r="A61812" s="2"/>
      <c r="B61812" s="2"/>
      <c r="C61812" s="2"/>
    </row>
    <row r="61813" spans="1:3" ht="19.2">
      <c r="A61813" s="2"/>
      <c r="B61813" s="2"/>
      <c r="C61813" s="2"/>
    </row>
    <row r="61814" spans="1:3" ht="19.2">
      <c r="A61814" s="2"/>
      <c r="B61814" s="2"/>
      <c r="C61814" s="2"/>
    </row>
    <row r="61815" spans="1:3" ht="19.2">
      <c r="A61815" s="2"/>
      <c r="B61815" s="2"/>
      <c r="C61815" s="2"/>
    </row>
    <row r="61816" spans="1:3" ht="19.2">
      <c r="A61816" s="2"/>
      <c r="B61816" s="2"/>
      <c r="C61816" s="2"/>
    </row>
    <row r="61817" spans="1:3" ht="19.2">
      <c r="A61817" s="2"/>
      <c r="B61817" s="2"/>
      <c r="C61817" s="2"/>
    </row>
    <row r="61818" spans="1:3" ht="19.2">
      <c r="A61818" s="2"/>
      <c r="B61818" s="2"/>
      <c r="C61818" s="2"/>
    </row>
    <row r="61819" spans="1:3" ht="19.2">
      <c r="A61819" s="2"/>
      <c r="B61819" s="2"/>
      <c r="C61819" s="2"/>
    </row>
    <row r="61820" spans="1:3" ht="19.2">
      <c r="A61820" s="2"/>
      <c r="B61820" s="2"/>
      <c r="C61820" s="2"/>
    </row>
    <row r="61821" spans="1:3" ht="19.2">
      <c r="A61821" s="2"/>
      <c r="B61821" s="2"/>
      <c r="C61821" s="2"/>
    </row>
    <row r="61822" spans="1:3" ht="19.2">
      <c r="A61822" s="2"/>
      <c r="B61822" s="2"/>
      <c r="C61822" s="2"/>
    </row>
    <row r="61823" spans="1:3" ht="19.2">
      <c r="A61823" s="2"/>
      <c r="B61823" s="2"/>
      <c r="C61823" s="2"/>
    </row>
    <row r="61824" spans="1:3" ht="19.2">
      <c r="A61824" s="2"/>
      <c r="B61824" s="2"/>
      <c r="C61824" s="2"/>
    </row>
    <row r="61825" spans="1:3" ht="19.2">
      <c r="A61825" s="2"/>
      <c r="B61825" s="2"/>
      <c r="C61825" s="2"/>
    </row>
    <row r="61826" spans="1:3" ht="19.2">
      <c r="A61826" s="2"/>
      <c r="B61826" s="2"/>
      <c r="C61826" s="2"/>
    </row>
    <row r="61827" spans="1:3" ht="19.2">
      <c r="A61827" s="2"/>
      <c r="B61827" s="2"/>
      <c r="C61827" s="2"/>
    </row>
    <row r="61828" spans="1:3" ht="19.2">
      <c r="A61828" s="2"/>
      <c r="B61828" s="2"/>
      <c r="C61828" s="2"/>
    </row>
    <row r="61829" spans="1:3" ht="19.2">
      <c r="A61829" s="2"/>
      <c r="B61829" s="2"/>
      <c r="C61829" s="2"/>
    </row>
    <row r="61830" spans="1:3" ht="19.2">
      <c r="A61830" s="2"/>
      <c r="B61830" s="2"/>
      <c r="C61830" s="2"/>
    </row>
    <row r="61831" spans="1:3" ht="19.2">
      <c r="A61831" s="2"/>
      <c r="B61831" s="2"/>
      <c r="C61831" s="2"/>
    </row>
    <row r="61832" spans="1:3" ht="19.2">
      <c r="A61832" s="2"/>
      <c r="B61832" s="2"/>
      <c r="C61832" s="2"/>
    </row>
    <row r="61833" spans="1:3" ht="19.2">
      <c r="A61833" s="2"/>
      <c r="B61833" s="2"/>
      <c r="C61833" s="2"/>
    </row>
    <row r="61834" spans="1:3" ht="19.2">
      <c r="A61834" s="2"/>
      <c r="B61834" s="2"/>
      <c r="C61834" s="2"/>
    </row>
    <row r="61835" spans="1:3" ht="19.2">
      <c r="A61835" s="2"/>
      <c r="B61835" s="2"/>
      <c r="C61835" s="2"/>
    </row>
    <row r="61836" spans="1:3" ht="19.2">
      <c r="A61836" s="2"/>
      <c r="B61836" s="2"/>
      <c r="C61836" s="2"/>
    </row>
    <row r="61837" spans="1:3" ht="19.2">
      <c r="A61837" s="2"/>
      <c r="B61837" s="2"/>
      <c r="C61837" s="2"/>
    </row>
    <row r="61838" spans="1:3" ht="19.2">
      <c r="A61838" s="2"/>
      <c r="B61838" s="2"/>
      <c r="C61838" s="2"/>
    </row>
    <row r="61839" spans="1:3" ht="19.2">
      <c r="A61839" s="2"/>
      <c r="B61839" s="2"/>
      <c r="C61839" s="2"/>
    </row>
    <row r="61840" spans="1:3" ht="19.2">
      <c r="A61840" s="2"/>
      <c r="B61840" s="2"/>
      <c r="C61840" s="2"/>
    </row>
    <row r="61841" spans="1:3" ht="19.2">
      <c r="A61841" s="2"/>
      <c r="B61841" s="2"/>
      <c r="C61841" s="2"/>
    </row>
    <row r="61842" spans="1:3" ht="19.2">
      <c r="A61842" s="2"/>
      <c r="B61842" s="2"/>
      <c r="C61842" s="2"/>
    </row>
    <row r="61843" spans="1:3" ht="19.2">
      <c r="A61843" s="2"/>
      <c r="B61843" s="2"/>
      <c r="C61843" s="2"/>
    </row>
    <row r="61844" spans="1:3" ht="19.2">
      <c r="A61844" s="2"/>
      <c r="B61844" s="2"/>
      <c r="C61844" s="2"/>
    </row>
    <row r="61845" spans="1:3" ht="19.2">
      <c r="A61845" s="2"/>
      <c r="B61845" s="2"/>
      <c r="C61845" s="2"/>
    </row>
    <row r="61846" spans="1:3" ht="19.2">
      <c r="A61846" s="2"/>
      <c r="B61846" s="2"/>
      <c r="C61846" s="2"/>
    </row>
    <row r="61847" spans="1:3" ht="19.2">
      <c r="A61847" s="2"/>
      <c r="B61847" s="2"/>
      <c r="C61847" s="2"/>
    </row>
    <row r="61848" spans="1:3" ht="19.2">
      <c r="A61848" s="2"/>
      <c r="B61848" s="2"/>
      <c r="C61848" s="2"/>
    </row>
    <row r="61849" spans="1:3" ht="19.2">
      <c r="A61849" s="2"/>
      <c r="B61849" s="2"/>
      <c r="C61849" s="2"/>
    </row>
    <row r="61850" spans="1:3" ht="19.2">
      <c r="A61850" s="2"/>
      <c r="B61850" s="2"/>
      <c r="C61850" s="2"/>
    </row>
    <row r="61851" spans="1:3" ht="19.2">
      <c r="A61851" s="2"/>
      <c r="B61851" s="2"/>
      <c r="C61851" s="2"/>
    </row>
    <row r="61852" spans="1:3" ht="19.2">
      <c r="A61852" s="2"/>
      <c r="B61852" s="2"/>
      <c r="C61852" s="2"/>
    </row>
    <row r="61853" spans="1:3" ht="19.2">
      <c r="A61853" s="2"/>
      <c r="B61853" s="2"/>
      <c r="C61853" s="2"/>
    </row>
    <row r="61854" spans="1:3" ht="19.2">
      <c r="A61854" s="2"/>
      <c r="B61854" s="2"/>
      <c r="C61854" s="2"/>
    </row>
    <row r="61855" spans="1:3" ht="19.2">
      <c r="A61855" s="2"/>
      <c r="B61855" s="2"/>
      <c r="C61855" s="2"/>
    </row>
    <row r="61856" spans="1:3" ht="19.2">
      <c r="A61856" s="2"/>
      <c r="B61856" s="2"/>
      <c r="C61856" s="2"/>
    </row>
    <row r="61857" spans="1:3" ht="19.2">
      <c r="A61857" s="2"/>
      <c r="B61857" s="2"/>
      <c r="C61857" s="2"/>
    </row>
    <row r="61858" spans="1:3" ht="19.2">
      <c r="A61858" s="2"/>
      <c r="B61858" s="2"/>
      <c r="C61858" s="2"/>
    </row>
    <row r="61859" spans="1:3" ht="19.2">
      <c r="A61859" s="2"/>
      <c r="B61859" s="2"/>
      <c r="C61859" s="2"/>
    </row>
    <row r="61860" spans="1:3" ht="19.2">
      <c r="A61860" s="2"/>
      <c r="B61860" s="2"/>
      <c r="C61860" s="2"/>
    </row>
    <row r="61861" spans="1:3" ht="19.2">
      <c r="A61861" s="2"/>
      <c r="B61861" s="2"/>
      <c r="C61861" s="2"/>
    </row>
    <row r="61862" spans="1:3" ht="19.2">
      <c r="A61862" s="2"/>
      <c r="B61862" s="2"/>
      <c r="C61862" s="2"/>
    </row>
    <row r="61863" spans="1:3" ht="19.2">
      <c r="A61863" s="2"/>
      <c r="B61863" s="2"/>
      <c r="C61863" s="2"/>
    </row>
    <row r="61864" spans="1:3" ht="19.2">
      <c r="A61864" s="2"/>
      <c r="B61864" s="2"/>
      <c r="C61864" s="2"/>
    </row>
    <row r="61865" spans="1:3" ht="19.2">
      <c r="A61865" s="2"/>
      <c r="B61865" s="2"/>
      <c r="C61865" s="2"/>
    </row>
    <row r="61866" spans="1:3" ht="19.2">
      <c r="A61866" s="2"/>
      <c r="B61866" s="2"/>
      <c r="C61866" s="2"/>
    </row>
    <row r="61867" spans="1:3" ht="19.2">
      <c r="A61867" s="2"/>
      <c r="B61867" s="2"/>
      <c r="C61867" s="2"/>
    </row>
    <row r="61868" spans="1:3" ht="19.2">
      <c r="A61868" s="2"/>
      <c r="B61868" s="2"/>
      <c r="C61868" s="2"/>
    </row>
    <row r="61869" spans="1:3" ht="19.2">
      <c r="A61869" s="2"/>
      <c r="B61869" s="2"/>
      <c r="C61869" s="2"/>
    </row>
    <row r="61870" spans="1:3" ht="19.2">
      <c r="A61870" s="2"/>
      <c r="B61870" s="2"/>
      <c r="C61870" s="2"/>
    </row>
    <row r="61871" spans="1:3" ht="19.2">
      <c r="A61871" s="2"/>
      <c r="B61871" s="2"/>
      <c r="C61871" s="2"/>
    </row>
    <row r="61872" spans="1:3" ht="19.2">
      <c r="A61872" s="2"/>
      <c r="B61872" s="2"/>
      <c r="C61872" s="2"/>
    </row>
    <row r="61873" spans="1:3" ht="19.2">
      <c r="A61873" s="2"/>
      <c r="B61873" s="2"/>
      <c r="C61873" s="2"/>
    </row>
    <row r="61874" spans="1:3" ht="19.2">
      <c r="A61874" s="2"/>
      <c r="B61874" s="2"/>
      <c r="C61874" s="2"/>
    </row>
    <row r="61875" spans="1:3" ht="19.2">
      <c r="A61875" s="2"/>
      <c r="B61875" s="2"/>
      <c r="C61875" s="2"/>
    </row>
    <row r="61876" spans="1:3" ht="19.2">
      <c r="A61876" s="2"/>
      <c r="B61876" s="2"/>
      <c r="C61876" s="2"/>
    </row>
    <row r="61877" spans="1:3" ht="19.2">
      <c r="A61877" s="2"/>
      <c r="B61877" s="2"/>
      <c r="C61877" s="2"/>
    </row>
    <row r="61878" spans="1:3" ht="19.2">
      <c r="A61878" s="2"/>
      <c r="B61878" s="2"/>
      <c r="C61878" s="2"/>
    </row>
    <row r="61879" spans="1:3" ht="19.2">
      <c r="A61879" s="2"/>
      <c r="B61879" s="2"/>
      <c r="C61879" s="2"/>
    </row>
    <row r="61880" spans="1:3" ht="19.2">
      <c r="A61880" s="2"/>
      <c r="B61880" s="2"/>
      <c r="C61880" s="2"/>
    </row>
    <row r="61881" spans="1:3" ht="19.2">
      <c r="A61881" s="2"/>
      <c r="B61881" s="2"/>
      <c r="C61881" s="2"/>
    </row>
    <row r="61882" spans="1:3" ht="19.2">
      <c r="A61882" s="2"/>
      <c r="B61882" s="2"/>
      <c r="C61882" s="2"/>
    </row>
    <row r="61883" spans="1:3" ht="19.2">
      <c r="A61883" s="2"/>
      <c r="B61883" s="2"/>
      <c r="C61883" s="2"/>
    </row>
    <row r="61884" spans="1:3" ht="19.2">
      <c r="A61884" s="2"/>
      <c r="B61884" s="2"/>
      <c r="C61884" s="2"/>
    </row>
    <row r="61885" spans="1:3" ht="19.2">
      <c r="A61885" s="2"/>
      <c r="B61885" s="2"/>
      <c r="C61885" s="2"/>
    </row>
    <row r="61886" spans="1:3" ht="19.2">
      <c r="A61886" s="2"/>
      <c r="B61886" s="2"/>
      <c r="C61886" s="2"/>
    </row>
    <row r="61887" spans="1:3" ht="19.2">
      <c r="A61887" s="2"/>
      <c r="B61887" s="2"/>
      <c r="C61887" s="2"/>
    </row>
    <row r="61888" spans="1:3" ht="19.2">
      <c r="A61888" s="2"/>
      <c r="B61888" s="2"/>
      <c r="C61888" s="2"/>
    </row>
    <row r="61889" spans="1:3" ht="19.2">
      <c r="A61889" s="2"/>
      <c r="B61889" s="2"/>
      <c r="C61889" s="2"/>
    </row>
    <row r="61890" spans="1:3" ht="19.2">
      <c r="A61890" s="2"/>
      <c r="B61890" s="2"/>
      <c r="C61890" s="2"/>
    </row>
    <row r="61891" spans="1:3" ht="19.2">
      <c r="A61891" s="2"/>
      <c r="B61891" s="2"/>
      <c r="C61891" s="2"/>
    </row>
    <row r="61892" spans="1:3" ht="19.2">
      <c r="A61892" s="2"/>
      <c r="B61892" s="2"/>
      <c r="C61892" s="2"/>
    </row>
    <row r="61893" spans="1:3" ht="19.2">
      <c r="A61893" s="2"/>
      <c r="B61893" s="2"/>
      <c r="C61893" s="2"/>
    </row>
    <row r="61894" spans="1:3" ht="19.2">
      <c r="A61894" s="2"/>
      <c r="B61894" s="2"/>
      <c r="C61894" s="2"/>
    </row>
    <row r="61895" spans="1:3" ht="19.2">
      <c r="A61895" s="2"/>
      <c r="B61895" s="2"/>
      <c r="C61895" s="2"/>
    </row>
    <row r="61896" spans="1:3" ht="19.2">
      <c r="A61896" s="2"/>
      <c r="B61896" s="2"/>
      <c r="C61896" s="2"/>
    </row>
    <row r="61897" spans="1:3" ht="19.2">
      <c r="A61897" s="2"/>
      <c r="B61897" s="2"/>
      <c r="C61897" s="2"/>
    </row>
    <row r="61898" spans="1:3" ht="19.2">
      <c r="A61898" s="2"/>
      <c r="B61898" s="2"/>
      <c r="C61898" s="2"/>
    </row>
    <row r="61899" spans="1:3" ht="19.2">
      <c r="A61899" s="2"/>
      <c r="B61899" s="2"/>
      <c r="C61899" s="2"/>
    </row>
    <row r="61900" spans="1:3" ht="19.2">
      <c r="A61900" s="2"/>
      <c r="B61900" s="2"/>
      <c r="C61900" s="2"/>
    </row>
    <row r="61901" spans="1:3" ht="19.2">
      <c r="A61901" s="2"/>
      <c r="B61901" s="2"/>
      <c r="C61901" s="2"/>
    </row>
    <row r="61902" spans="1:3" ht="19.2">
      <c r="A61902" s="2"/>
      <c r="B61902" s="2"/>
      <c r="C61902" s="2"/>
    </row>
    <row r="61903" spans="1:3" ht="19.2">
      <c r="A61903" s="2"/>
      <c r="B61903" s="2"/>
      <c r="C61903" s="2"/>
    </row>
    <row r="61904" spans="1:3" ht="19.2">
      <c r="A61904" s="2"/>
      <c r="B61904" s="2"/>
      <c r="C61904" s="2"/>
    </row>
    <row r="61905" spans="1:3" ht="19.2">
      <c r="A61905" s="2"/>
      <c r="B61905" s="2"/>
      <c r="C61905" s="2"/>
    </row>
    <row r="61906" spans="1:3" ht="19.2">
      <c r="A61906" s="2"/>
      <c r="B61906" s="2"/>
      <c r="C61906" s="2"/>
    </row>
    <row r="61907" spans="1:3" ht="19.2">
      <c r="A61907" s="2"/>
      <c r="B61907" s="2"/>
      <c r="C61907" s="2"/>
    </row>
    <row r="61908" spans="1:3" ht="19.2">
      <c r="A61908" s="2"/>
      <c r="B61908" s="2"/>
      <c r="C61908" s="2"/>
    </row>
    <row r="61909" spans="1:3" ht="19.2">
      <c r="A61909" s="2"/>
      <c r="B61909" s="2"/>
      <c r="C61909" s="2"/>
    </row>
    <row r="61910" spans="1:3" ht="19.2">
      <c r="A61910" s="2"/>
      <c r="B61910" s="2"/>
      <c r="C61910" s="2"/>
    </row>
    <row r="61911" spans="1:3" ht="19.2">
      <c r="A61911" s="2"/>
      <c r="B61911" s="2"/>
      <c r="C61911" s="2"/>
    </row>
    <row r="61912" spans="1:3" ht="19.2">
      <c r="A61912" s="2"/>
      <c r="B61912" s="2"/>
      <c r="C61912" s="2"/>
    </row>
    <row r="61913" spans="1:3" ht="19.2">
      <c r="A61913" s="2"/>
      <c r="B61913" s="2"/>
      <c r="C61913" s="2"/>
    </row>
    <row r="61914" spans="1:3" ht="19.2">
      <c r="A61914" s="2"/>
      <c r="B61914" s="2"/>
      <c r="C61914" s="2"/>
    </row>
    <row r="61915" spans="1:3" ht="19.2">
      <c r="A61915" s="2"/>
      <c r="B61915" s="2"/>
      <c r="C61915" s="2"/>
    </row>
    <row r="61916" spans="1:3" ht="19.2">
      <c r="A61916" s="2"/>
      <c r="B61916" s="2"/>
      <c r="C61916" s="2"/>
    </row>
    <row r="61917" spans="1:3" ht="19.2">
      <c r="A61917" s="2"/>
      <c r="B61917" s="2"/>
      <c r="C61917" s="2"/>
    </row>
    <row r="61918" spans="1:3" ht="19.2">
      <c r="A61918" s="2"/>
      <c r="B61918" s="2"/>
      <c r="C61918" s="2"/>
    </row>
    <row r="61919" spans="1:3" ht="19.2">
      <c r="A61919" s="2"/>
      <c r="B61919" s="2"/>
      <c r="C61919" s="2"/>
    </row>
    <row r="61920" spans="1:3" ht="19.2">
      <c r="A61920" s="2"/>
      <c r="B61920" s="2"/>
      <c r="C61920" s="2"/>
    </row>
    <row r="61921" spans="1:3" ht="19.2">
      <c r="A61921" s="2"/>
      <c r="B61921" s="2"/>
      <c r="C61921" s="2"/>
    </row>
    <row r="61922" spans="1:3" ht="19.2">
      <c r="A61922" s="2"/>
      <c r="B61922" s="2"/>
      <c r="C61922" s="2"/>
    </row>
    <row r="61923" spans="1:3" ht="19.2">
      <c r="A61923" s="2"/>
      <c r="B61923" s="2"/>
      <c r="C61923" s="2"/>
    </row>
    <row r="61924" spans="1:3" ht="19.2">
      <c r="A61924" s="2"/>
      <c r="B61924" s="2"/>
      <c r="C61924" s="2"/>
    </row>
    <row r="61925" spans="1:3" ht="19.2">
      <c r="A61925" s="2"/>
      <c r="B61925" s="2"/>
      <c r="C61925" s="2"/>
    </row>
    <row r="61926" spans="1:3" ht="19.2">
      <c r="A61926" s="2"/>
      <c r="B61926" s="2"/>
      <c r="C61926" s="2"/>
    </row>
    <row r="61927" spans="1:3" ht="19.2">
      <c r="A61927" s="2"/>
      <c r="B61927" s="2"/>
      <c r="C61927" s="2"/>
    </row>
    <row r="61928" spans="1:3" ht="19.2">
      <c r="A61928" s="2"/>
      <c r="B61928" s="2"/>
      <c r="C61928" s="2"/>
    </row>
    <row r="61929" spans="1:3" ht="19.2">
      <c r="A61929" s="2"/>
      <c r="B61929" s="2"/>
      <c r="C61929" s="2"/>
    </row>
    <row r="61930" spans="1:3" ht="19.2">
      <c r="A61930" s="2"/>
      <c r="B61930" s="2"/>
      <c r="C61930" s="2"/>
    </row>
    <row r="61931" spans="1:3" ht="19.2">
      <c r="A61931" s="2"/>
      <c r="B61931" s="2"/>
      <c r="C61931" s="2"/>
    </row>
    <row r="61932" spans="1:3" ht="19.2">
      <c r="A61932" s="2"/>
      <c r="B61932" s="2"/>
      <c r="C61932" s="2"/>
    </row>
    <row r="61933" spans="1:3" ht="19.2">
      <c r="A61933" s="2"/>
      <c r="B61933" s="2"/>
      <c r="C61933" s="2"/>
    </row>
    <row r="61934" spans="1:3" ht="19.2">
      <c r="A61934" s="2"/>
      <c r="B61934" s="2"/>
      <c r="C61934" s="2"/>
    </row>
    <row r="61935" spans="1:3" ht="19.2">
      <c r="A61935" s="2"/>
      <c r="B61935" s="2"/>
      <c r="C61935" s="2"/>
    </row>
    <row r="61936" spans="1:3" ht="19.2">
      <c r="A61936" s="2"/>
      <c r="B61936" s="2"/>
      <c r="C61936" s="2"/>
    </row>
    <row r="61937" spans="1:3" ht="19.2">
      <c r="A61937" s="2"/>
      <c r="B61937" s="2"/>
      <c r="C61937" s="2"/>
    </row>
    <row r="61938" spans="1:3" ht="19.2">
      <c r="A61938" s="2"/>
      <c r="B61938" s="2"/>
      <c r="C61938" s="2"/>
    </row>
    <row r="61939" spans="1:3" ht="19.2">
      <c r="A61939" s="2"/>
      <c r="B61939" s="2"/>
      <c r="C61939" s="2"/>
    </row>
    <row r="61940" spans="1:3" ht="19.2">
      <c r="A61940" s="2"/>
      <c r="B61940" s="2"/>
      <c r="C61940" s="2"/>
    </row>
    <row r="61941" spans="1:3" ht="19.2">
      <c r="A61941" s="2"/>
      <c r="B61941" s="2"/>
      <c r="C61941" s="2"/>
    </row>
    <row r="61942" spans="1:3" ht="19.2">
      <c r="A61942" s="2"/>
      <c r="B61942" s="2"/>
      <c r="C61942" s="2"/>
    </row>
    <row r="61943" spans="1:3" ht="19.2">
      <c r="A61943" s="2"/>
      <c r="B61943" s="2"/>
      <c r="C61943" s="2"/>
    </row>
    <row r="61944" spans="1:3" ht="19.2">
      <c r="A61944" s="2"/>
      <c r="B61944" s="2"/>
      <c r="C61944" s="2"/>
    </row>
    <row r="61945" spans="1:3" ht="19.2">
      <c r="A61945" s="2"/>
      <c r="B61945" s="2"/>
      <c r="C61945" s="2"/>
    </row>
    <row r="61946" spans="1:3" ht="19.2">
      <c r="A61946" s="2"/>
      <c r="B61946" s="2"/>
      <c r="C61946" s="2"/>
    </row>
    <row r="61947" spans="1:3" ht="19.2">
      <c r="A61947" s="2"/>
      <c r="B61947" s="2"/>
      <c r="C61947" s="2"/>
    </row>
    <row r="61948" spans="1:3" ht="19.2">
      <c r="A61948" s="2"/>
      <c r="B61948" s="2"/>
      <c r="C61948" s="2"/>
    </row>
    <row r="61949" spans="1:3" ht="19.2">
      <c r="A61949" s="2"/>
      <c r="B61949" s="2"/>
      <c r="C61949" s="2"/>
    </row>
    <row r="61950" spans="1:3" ht="19.2">
      <c r="A61950" s="2"/>
      <c r="B61950" s="2"/>
      <c r="C61950" s="2"/>
    </row>
    <row r="61951" spans="1:3" ht="19.2">
      <c r="A61951" s="2"/>
      <c r="B61951" s="2"/>
      <c r="C61951" s="2"/>
    </row>
    <row r="61952" spans="1:3" ht="19.2">
      <c r="A61952" s="2"/>
      <c r="B61952" s="2"/>
      <c r="C61952" s="2"/>
    </row>
    <row r="61953" spans="1:3" ht="19.2">
      <c r="A61953" s="2"/>
      <c r="B61953" s="2"/>
      <c r="C61953" s="2"/>
    </row>
    <row r="61954" spans="1:3" ht="19.2">
      <c r="A61954" s="2"/>
      <c r="B61954" s="2"/>
      <c r="C61954" s="2"/>
    </row>
    <row r="61955" spans="1:3" ht="19.2">
      <c r="A61955" s="2"/>
      <c r="B61955" s="2"/>
      <c r="C61955" s="2"/>
    </row>
    <row r="61956" spans="1:3" ht="19.2">
      <c r="A61956" s="2"/>
      <c r="B61956" s="2"/>
      <c r="C61956" s="2"/>
    </row>
    <row r="61957" spans="1:3" ht="19.2">
      <c r="A61957" s="2"/>
      <c r="B61957" s="2"/>
      <c r="C61957" s="2"/>
    </row>
    <row r="61958" spans="1:3" ht="19.2">
      <c r="A61958" s="2"/>
      <c r="B61958" s="2"/>
      <c r="C61958" s="2"/>
    </row>
    <row r="61959" spans="1:3" ht="19.2">
      <c r="A61959" s="2"/>
      <c r="B61959" s="2"/>
      <c r="C61959" s="2"/>
    </row>
    <row r="61960" spans="1:3" ht="19.2">
      <c r="A61960" s="2"/>
      <c r="B61960" s="2"/>
      <c r="C61960" s="2"/>
    </row>
    <row r="61961" spans="1:3" ht="19.2">
      <c r="A61961" s="2"/>
      <c r="B61961" s="2"/>
      <c r="C61961" s="2"/>
    </row>
    <row r="61962" spans="1:3" ht="19.2">
      <c r="A61962" s="2"/>
      <c r="B61962" s="2"/>
      <c r="C61962" s="2"/>
    </row>
    <row r="61963" spans="1:3" ht="19.2">
      <c r="A61963" s="2"/>
      <c r="B61963" s="2"/>
      <c r="C61963" s="2"/>
    </row>
    <row r="61964" spans="1:3" ht="19.2">
      <c r="A61964" s="2"/>
      <c r="B61964" s="2"/>
      <c r="C61964" s="2"/>
    </row>
    <row r="61965" spans="1:3" ht="19.2">
      <c r="A61965" s="2"/>
      <c r="B61965" s="2"/>
      <c r="C61965" s="2"/>
    </row>
    <row r="61966" spans="1:3" ht="19.2">
      <c r="A61966" s="2"/>
      <c r="B61966" s="2"/>
      <c r="C61966" s="2"/>
    </row>
    <row r="61967" spans="1:3" ht="19.2">
      <c r="A61967" s="2"/>
      <c r="B61967" s="2"/>
      <c r="C61967" s="2"/>
    </row>
    <row r="61968" spans="1:3" ht="19.2">
      <c r="A61968" s="2"/>
      <c r="B61968" s="2"/>
      <c r="C61968" s="2"/>
    </row>
    <row r="61969" spans="1:3" ht="19.2">
      <c r="A61969" s="2"/>
      <c r="B61969" s="2"/>
      <c r="C61969" s="2"/>
    </row>
    <row r="61970" spans="1:3" ht="19.2">
      <c r="A61970" s="2"/>
      <c r="B61970" s="2"/>
      <c r="C61970" s="2"/>
    </row>
    <row r="61971" spans="1:3" ht="19.2">
      <c r="A61971" s="2"/>
      <c r="B61971" s="2"/>
      <c r="C61971" s="2"/>
    </row>
    <row r="61972" spans="1:3" ht="19.2">
      <c r="A61972" s="2"/>
      <c r="B61972" s="2"/>
      <c r="C61972" s="2"/>
    </row>
    <row r="61973" spans="1:3" ht="19.2">
      <c r="A61973" s="2"/>
      <c r="B61973" s="2"/>
      <c r="C61973" s="2"/>
    </row>
    <row r="61974" spans="1:3" ht="19.2">
      <c r="A61974" s="2"/>
      <c r="B61974" s="2"/>
      <c r="C61974" s="2"/>
    </row>
    <row r="61975" spans="1:3" ht="19.2">
      <c r="A61975" s="2"/>
      <c r="B61975" s="2"/>
      <c r="C61975" s="2"/>
    </row>
    <row r="61976" spans="1:3" ht="19.2">
      <c r="A61976" s="2"/>
      <c r="B61976" s="2"/>
      <c r="C61976" s="2"/>
    </row>
    <row r="61977" spans="1:3" ht="19.2">
      <c r="A61977" s="2"/>
      <c r="B61977" s="2"/>
      <c r="C61977" s="2"/>
    </row>
    <row r="61978" spans="1:3" ht="19.2">
      <c r="A61978" s="2"/>
      <c r="B61978" s="2"/>
      <c r="C61978" s="2"/>
    </row>
    <row r="61979" spans="1:3" ht="19.2">
      <c r="A61979" s="2"/>
      <c r="B61979" s="2"/>
      <c r="C61979" s="2"/>
    </row>
    <row r="61980" spans="1:3" ht="19.2">
      <c r="A61980" s="2"/>
      <c r="B61980" s="2"/>
      <c r="C61980" s="2"/>
    </row>
    <row r="61981" spans="1:3" ht="19.2">
      <c r="A61981" s="2"/>
      <c r="B61981" s="2"/>
      <c r="C61981" s="2"/>
    </row>
    <row r="61982" spans="1:3" ht="19.2">
      <c r="A61982" s="2"/>
      <c r="B61982" s="2"/>
      <c r="C61982" s="2"/>
    </row>
    <row r="61983" spans="1:3" ht="19.2">
      <c r="A61983" s="2"/>
      <c r="B61983" s="2"/>
      <c r="C61983" s="2"/>
    </row>
    <row r="61984" spans="1:3" ht="19.2">
      <c r="A61984" s="2"/>
      <c r="B61984" s="2"/>
      <c r="C61984" s="2"/>
    </row>
    <row r="61985" spans="1:3" ht="19.2">
      <c r="A61985" s="2"/>
      <c r="B61985" s="2"/>
      <c r="C61985" s="2"/>
    </row>
    <row r="61986" spans="1:3" ht="19.2">
      <c r="A61986" s="2"/>
      <c r="B61986" s="2"/>
      <c r="C61986" s="2"/>
    </row>
    <row r="61987" spans="1:3" ht="19.2">
      <c r="A61987" s="2"/>
      <c r="B61987" s="2"/>
      <c r="C61987" s="2"/>
    </row>
    <row r="61988" spans="1:3" ht="19.2">
      <c r="A61988" s="2"/>
      <c r="B61988" s="2"/>
      <c r="C61988" s="2"/>
    </row>
    <row r="61989" spans="1:3" ht="19.2">
      <c r="A61989" s="2"/>
      <c r="B61989" s="2"/>
      <c r="C61989" s="2"/>
    </row>
    <row r="61990" spans="1:3" ht="19.2">
      <c r="A61990" s="2"/>
      <c r="B61990" s="2"/>
      <c r="C61990" s="2"/>
    </row>
    <row r="61991" spans="1:3" ht="19.2">
      <c r="A61991" s="2"/>
      <c r="B61991" s="2"/>
      <c r="C61991" s="2"/>
    </row>
    <row r="61992" spans="1:3" ht="19.2">
      <c r="A61992" s="2"/>
      <c r="B61992" s="2"/>
      <c r="C61992" s="2"/>
    </row>
    <row r="61993" spans="1:3" ht="19.2">
      <c r="A61993" s="2"/>
      <c r="B61993" s="2"/>
      <c r="C61993" s="2"/>
    </row>
    <row r="61994" spans="1:3" ht="19.2">
      <c r="A61994" s="2"/>
      <c r="B61994" s="2"/>
      <c r="C61994" s="2"/>
    </row>
    <row r="61995" spans="1:3" ht="19.2">
      <c r="A61995" s="2"/>
      <c r="B61995" s="2"/>
      <c r="C61995" s="2"/>
    </row>
    <row r="61996" spans="1:3" ht="19.2">
      <c r="A61996" s="2"/>
      <c r="B61996" s="2"/>
      <c r="C61996" s="2"/>
    </row>
    <row r="61997" spans="1:3" ht="19.2">
      <c r="A61997" s="2"/>
      <c r="B61997" s="2"/>
      <c r="C61997" s="2"/>
    </row>
    <row r="61998" spans="1:3" ht="19.2">
      <c r="A61998" s="2"/>
      <c r="B61998" s="2"/>
      <c r="C61998" s="2"/>
    </row>
    <row r="61999" spans="1:3" ht="19.2">
      <c r="A61999" s="2"/>
      <c r="B61999" s="2"/>
      <c r="C61999" s="2"/>
    </row>
    <row r="62000" spans="1:3" ht="19.2">
      <c r="A62000" s="2"/>
      <c r="B62000" s="2"/>
      <c r="C62000" s="2"/>
    </row>
    <row r="62001" spans="1:3" ht="19.2">
      <c r="A62001" s="2"/>
      <c r="B62001" s="2"/>
      <c r="C62001" s="2"/>
    </row>
    <row r="62002" spans="1:3" ht="19.2">
      <c r="A62002" s="2"/>
      <c r="B62002" s="2"/>
      <c r="C62002" s="2"/>
    </row>
    <row r="62003" spans="1:3" ht="19.2">
      <c r="A62003" s="2"/>
      <c r="B62003" s="2"/>
      <c r="C62003" s="2"/>
    </row>
    <row r="62004" spans="1:3" ht="19.2">
      <c r="A62004" s="2"/>
      <c r="B62004" s="2"/>
      <c r="C62004" s="2"/>
    </row>
    <row r="62005" spans="1:3" ht="19.2">
      <c r="A62005" s="2"/>
      <c r="B62005" s="2"/>
      <c r="C62005" s="2"/>
    </row>
    <row r="62006" spans="1:3" ht="19.2">
      <c r="A62006" s="2"/>
      <c r="B62006" s="2"/>
      <c r="C62006" s="2"/>
    </row>
    <row r="62007" spans="1:3" ht="19.2">
      <c r="A62007" s="2"/>
      <c r="B62007" s="2"/>
      <c r="C62007" s="2"/>
    </row>
    <row r="62008" spans="1:3" ht="19.2">
      <c r="A62008" s="2"/>
      <c r="B62008" s="2"/>
      <c r="C62008" s="2"/>
    </row>
    <row r="62009" spans="1:3" ht="19.2">
      <c r="A62009" s="2"/>
      <c r="B62009" s="2"/>
      <c r="C62009" s="2"/>
    </row>
    <row r="62010" spans="1:3" ht="19.2">
      <c r="A62010" s="2"/>
      <c r="B62010" s="2"/>
      <c r="C62010" s="2"/>
    </row>
    <row r="62011" spans="1:3" ht="19.2">
      <c r="A62011" s="2"/>
      <c r="B62011" s="2"/>
      <c r="C62011" s="2"/>
    </row>
    <row r="62012" spans="1:3" ht="19.2">
      <c r="A62012" s="2"/>
      <c r="B62012" s="2"/>
      <c r="C62012" s="2"/>
    </row>
    <row r="62013" spans="1:3" ht="19.2">
      <c r="A62013" s="2"/>
      <c r="B62013" s="2"/>
      <c r="C62013" s="2"/>
    </row>
    <row r="62014" spans="1:3" ht="19.2">
      <c r="A62014" s="2"/>
      <c r="B62014" s="2"/>
      <c r="C62014" s="2"/>
    </row>
    <row r="62015" spans="1:3" ht="19.2">
      <c r="A62015" s="2"/>
      <c r="B62015" s="2"/>
      <c r="C62015" s="2"/>
    </row>
    <row r="62016" spans="1:3" ht="19.2">
      <c r="A62016" s="2"/>
      <c r="B62016" s="2"/>
      <c r="C62016" s="2"/>
    </row>
    <row r="62017" spans="1:3" ht="19.2">
      <c r="A62017" s="2"/>
      <c r="B62017" s="2"/>
      <c r="C62017" s="2"/>
    </row>
    <row r="62018" spans="1:3" ht="19.2">
      <c r="A62018" s="2"/>
      <c r="B62018" s="2"/>
      <c r="C62018" s="2"/>
    </row>
    <row r="62019" spans="1:3" ht="19.2">
      <c r="A62019" s="2"/>
      <c r="B62019" s="2"/>
      <c r="C62019" s="2"/>
    </row>
    <row r="62020" spans="1:3" ht="19.2">
      <c r="A62020" s="2"/>
      <c r="B62020" s="2"/>
      <c r="C62020" s="2"/>
    </row>
    <row r="62021" spans="1:3" ht="19.2">
      <c r="A62021" s="2"/>
      <c r="B62021" s="2"/>
      <c r="C62021" s="2"/>
    </row>
    <row r="62022" spans="1:3" ht="19.2">
      <c r="A62022" s="2"/>
      <c r="B62022" s="2"/>
      <c r="C62022" s="2"/>
    </row>
    <row r="62023" spans="1:3" ht="19.2">
      <c r="A62023" s="2"/>
      <c r="B62023" s="2"/>
      <c r="C62023" s="2"/>
    </row>
    <row r="62024" spans="1:3" ht="19.2">
      <c r="A62024" s="2"/>
      <c r="B62024" s="2"/>
      <c r="C62024" s="2"/>
    </row>
    <row r="62025" spans="1:3" ht="19.2">
      <c r="A62025" s="2"/>
      <c r="B62025" s="2"/>
      <c r="C62025" s="2"/>
    </row>
    <row r="62026" spans="1:3" ht="19.2">
      <c r="A62026" s="2"/>
      <c r="B62026" s="2"/>
      <c r="C62026" s="2"/>
    </row>
    <row r="62027" spans="1:3" ht="19.2">
      <c r="A62027" s="2"/>
      <c r="B62027" s="2"/>
      <c r="C62027" s="2"/>
    </row>
    <row r="62028" spans="1:3" ht="19.2">
      <c r="A62028" s="2"/>
      <c r="B62028" s="2"/>
      <c r="C62028" s="2"/>
    </row>
    <row r="62029" spans="1:3" ht="19.2">
      <c r="A62029" s="2"/>
      <c r="B62029" s="2"/>
      <c r="C62029" s="2"/>
    </row>
    <row r="62030" spans="1:3" ht="19.2">
      <c r="A62030" s="2"/>
      <c r="B62030" s="2"/>
      <c r="C62030" s="2"/>
    </row>
    <row r="62031" spans="1:3" ht="19.2">
      <c r="A62031" s="2"/>
      <c r="B62031" s="2"/>
      <c r="C62031" s="2"/>
    </row>
    <row r="62032" spans="1:3" ht="19.2">
      <c r="A62032" s="2"/>
      <c r="B62032" s="2"/>
      <c r="C62032" s="2"/>
    </row>
    <row r="62033" spans="1:3" ht="19.2">
      <c r="A62033" s="2"/>
      <c r="B62033" s="2"/>
      <c r="C62033" s="2"/>
    </row>
    <row r="62034" spans="1:3" ht="19.2">
      <c r="A62034" s="2"/>
      <c r="B62034" s="2"/>
      <c r="C62034" s="2"/>
    </row>
    <row r="62035" spans="1:3" ht="19.2">
      <c r="A62035" s="2"/>
      <c r="B62035" s="2"/>
      <c r="C62035" s="2"/>
    </row>
    <row r="62036" spans="1:3" ht="19.2">
      <c r="A62036" s="2"/>
      <c r="B62036" s="2"/>
      <c r="C62036" s="2"/>
    </row>
    <row r="62037" spans="1:3" ht="19.2">
      <c r="A62037" s="2"/>
      <c r="B62037" s="2"/>
      <c r="C62037" s="2"/>
    </row>
    <row r="62038" spans="1:3" ht="19.2">
      <c r="A62038" s="2"/>
      <c r="B62038" s="2"/>
      <c r="C62038" s="2"/>
    </row>
    <row r="62039" spans="1:3" ht="19.2">
      <c r="A62039" s="2"/>
      <c r="B62039" s="2"/>
      <c r="C62039" s="2"/>
    </row>
    <row r="62040" spans="1:3" ht="19.2">
      <c r="A62040" s="2"/>
      <c r="B62040" s="2"/>
      <c r="C62040" s="2"/>
    </row>
    <row r="62041" spans="1:3" ht="19.2">
      <c r="A62041" s="2"/>
      <c r="B62041" s="2"/>
      <c r="C62041" s="2"/>
    </row>
    <row r="62042" spans="1:3" ht="19.2">
      <c r="A62042" s="2"/>
      <c r="B62042" s="2"/>
      <c r="C62042" s="2"/>
    </row>
    <row r="62043" spans="1:3" ht="19.2">
      <c r="A62043" s="2"/>
      <c r="B62043" s="2"/>
      <c r="C62043" s="2"/>
    </row>
    <row r="62044" spans="1:3" ht="19.2">
      <c r="A62044" s="2"/>
      <c r="B62044" s="2"/>
      <c r="C62044" s="2"/>
    </row>
    <row r="62045" spans="1:3" ht="19.2">
      <c r="A62045" s="2"/>
      <c r="B62045" s="2"/>
      <c r="C62045" s="2"/>
    </row>
    <row r="62046" spans="1:3" ht="19.2">
      <c r="A62046" s="2"/>
      <c r="B62046" s="2"/>
      <c r="C62046" s="2"/>
    </row>
    <row r="62047" spans="1:3" ht="19.2">
      <c r="A62047" s="2"/>
      <c r="B62047" s="2"/>
      <c r="C62047" s="2"/>
    </row>
    <row r="62048" spans="1:3" ht="19.2">
      <c r="A62048" s="2"/>
      <c r="B62048" s="2"/>
      <c r="C62048" s="2"/>
    </row>
    <row r="62049" spans="1:3" ht="19.2">
      <c r="A62049" s="2"/>
      <c r="B62049" s="2"/>
      <c r="C62049" s="2"/>
    </row>
    <row r="62050" spans="1:3" ht="19.2">
      <c r="A62050" s="2"/>
      <c r="B62050" s="2"/>
      <c r="C62050" s="2"/>
    </row>
    <row r="62051" spans="1:3" ht="19.2">
      <c r="A62051" s="2"/>
      <c r="B62051" s="2"/>
      <c r="C62051" s="2"/>
    </row>
    <row r="62052" spans="1:3" ht="19.2">
      <c r="A62052" s="2"/>
      <c r="B62052" s="2"/>
      <c r="C62052" s="2"/>
    </row>
    <row r="62053" spans="1:3" ht="19.2">
      <c r="A62053" s="2"/>
      <c r="B62053" s="2"/>
      <c r="C62053" s="2"/>
    </row>
    <row r="62054" spans="1:3" ht="19.2">
      <c r="A62054" s="2"/>
      <c r="B62054" s="2"/>
      <c r="C62054" s="2"/>
    </row>
    <row r="62055" spans="1:3" ht="19.2">
      <c r="A62055" s="2"/>
      <c r="B62055" s="2"/>
      <c r="C62055" s="2"/>
    </row>
    <row r="62056" spans="1:3" ht="19.2">
      <c r="A62056" s="2"/>
      <c r="B62056" s="2"/>
      <c r="C62056" s="2"/>
    </row>
    <row r="62057" spans="1:3" ht="19.2">
      <c r="A62057" s="2"/>
      <c r="B62057" s="2"/>
      <c r="C62057" s="2"/>
    </row>
    <row r="62058" spans="1:3" ht="19.2">
      <c r="A62058" s="2"/>
      <c r="B62058" s="2"/>
      <c r="C62058" s="2"/>
    </row>
    <row r="62059" spans="1:3" ht="19.2">
      <c r="A62059" s="2"/>
      <c r="B62059" s="2"/>
      <c r="C62059" s="2"/>
    </row>
    <row r="62060" spans="1:3" ht="19.2">
      <c r="A62060" s="2"/>
      <c r="B62060" s="2"/>
      <c r="C62060" s="2"/>
    </row>
    <row r="62061" spans="1:3" ht="19.2">
      <c r="A62061" s="2"/>
      <c r="B62061" s="2"/>
      <c r="C62061" s="2"/>
    </row>
    <row r="62062" spans="1:3" ht="19.2">
      <c r="A62062" s="2"/>
      <c r="B62062" s="2"/>
      <c r="C62062" s="2"/>
    </row>
    <row r="62063" spans="1:3" ht="19.2">
      <c r="A62063" s="2"/>
      <c r="B62063" s="2"/>
      <c r="C62063" s="2"/>
    </row>
    <row r="62064" spans="1:3" ht="19.2">
      <c r="A62064" s="2"/>
      <c r="B62064" s="2"/>
      <c r="C62064" s="2"/>
    </row>
    <row r="62065" spans="1:3" ht="19.2">
      <c r="A62065" s="2"/>
      <c r="B62065" s="2"/>
      <c r="C62065" s="2"/>
    </row>
    <row r="62066" spans="1:3" ht="19.2">
      <c r="A62066" s="2"/>
      <c r="B62066" s="2"/>
      <c r="C62066" s="2"/>
    </row>
    <row r="62067" spans="1:3" ht="19.2">
      <c r="A62067" s="2"/>
      <c r="B62067" s="2"/>
      <c r="C62067" s="2"/>
    </row>
    <row r="62068" spans="1:3" ht="19.2">
      <c r="A62068" s="2"/>
      <c r="B62068" s="2"/>
      <c r="C62068" s="2"/>
    </row>
    <row r="62069" spans="1:3" ht="19.2">
      <c r="A62069" s="2"/>
      <c r="B62069" s="2"/>
      <c r="C62069" s="2"/>
    </row>
    <row r="62070" spans="1:3" ht="19.2">
      <c r="A62070" s="2"/>
      <c r="B62070" s="2"/>
      <c r="C62070" s="2"/>
    </row>
    <row r="62071" spans="1:3" ht="19.2">
      <c r="A62071" s="2"/>
      <c r="B62071" s="2"/>
      <c r="C62071" s="2"/>
    </row>
    <row r="62072" spans="1:3" ht="19.2">
      <c r="A62072" s="2"/>
      <c r="B62072" s="2"/>
      <c r="C62072" s="2"/>
    </row>
    <row r="62073" spans="1:3" ht="19.2">
      <c r="A62073" s="2"/>
      <c r="B62073" s="2"/>
      <c r="C62073" s="2"/>
    </row>
    <row r="62074" spans="1:3" ht="19.2">
      <c r="A62074" s="2"/>
      <c r="B62074" s="2"/>
      <c r="C62074" s="2"/>
    </row>
    <row r="62075" spans="1:3" ht="19.2">
      <c r="A62075" s="2"/>
      <c r="B62075" s="2"/>
      <c r="C62075" s="2"/>
    </row>
    <row r="62076" spans="1:3" ht="19.2">
      <c r="A62076" s="2"/>
      <c r="B62076" s="2"/>
      <c r="C62076" s="2"/>
    </row>
    <row r="62077" spans="1:3" ht="19.2">
      <c r="A62077" s="2"/>
      <c r="B62077" s="2"/>
      <c r="C62077" s="2"/>
    </row>
    <row r="62078" spans="1:3" ht="19.2">
      <c r="A62078" s="2"/>
      <c r="B62078" s="2"/>
      <c r="C62078" s="2"/>
    </row>
    <row r="62079" spans="1:3" ht="19.2">
      <c r="A62079" s="2"/>
      <c r="B62079" s="2"/>
      <c r="C62079" s="2"/>
    </row>
    <row r="62080" spans="1:3" ht="19.2">
      <c r="A62080" s="2"/>
      <c r="B62080" s="2"/>
      <c r="C62080" s="2"/>
    </row>
    <row r="62081" spans="1:3" ht="19.2">
      <c r="A62081" s="2"/>
      <c r="B62081" s="2"/>
      <c r="C62081" s="2"/>
    </row>
    <row r="62082" spans="1:3" ht="19.2">
      <c r="A62082" s="2"/>
      <c r="B62082" s="2"/>
      <c r="C62082" s="2"/>
    </row>
    <row r="62083" spans="1:3" ht="19.2">
      <c r="A62083" s="2"/>
      <c r="B62083" s="2"/>
      <c r="C62083" s="2"/>
    </row>
    <row r="62084" spans="1:3" ht="19.2">
      <c r="A62084" s="2"/>
      <c r="B62084" s="2"/>
      <c r="C62084" s="2"/>
    </row>
    <row r="62085" spans="1:3" ht="19.2">
      <c r="A62085" s="2"/>
      <c r="B62085" s="2"/>
      <c r="C62085" s="2"/>
    </row>
    <row r="62086" spans="1:3" ht="19.2">
      <c r="A62086" s="2"/>
      <c r="B62086" s="2"/>
      <c r="C62086" s="2"/>
    </row>
    <row r="62087" spans="1:3" ht="19.2">
      <c r="A62087" s="2"/>
      <c r="B62087" s="2"/>
      <c r="C62087" s="2"/>
    </row>
    <row r="62088" spans="1:3" ht="19.2">
      <c r="A62088" s="2"/>
      <c r="B62088" s="2"/>
      <c r="C62088" s="2"/>
    </row>
    <row r="62089" spans="1:3" ht="19.2">
      <c r="A62089" s="2"/>
      <c r="B62089" s="2"/>
      <c r="C62089" s="2"/>
    </row>
    <row r="62090" spans="1:3" ht="19.2">
      <c r="A62090" s="2"/>
      <c r="B62090" s="2"/>
      <c r="C62090" s="2"/>
    </row>
    <row r="62091" spans="1:3" ht="19.2">
      <c r="A62091" s="2"/>
      <c r="B62091" s="2"/>
      <c r="C62091" s="2"/>
    </row>
    <row r="62092" spans="1:3" ht="19.2">
      <c r="A62092" s="2"/>
      <c r="B62092" s="2"/>
      <c r="C62092" s="2"/>
    </row>
    <row r="62093" spans="1:3" ht="19.2">
      <c r="A62093" s="2"/>
      <c r="B62093" s="2"/>
      <c r="C62093" s="2"/>
    </row>
    <row r="62094" spans="1:3" ht="19.2">
      <c r="A62094" s="2"/>
      <c r="B62094" s="2"/>
      <c r="C62094" s="2"/>
    </row>
    <row r="62095" spans="1:3" ht="19.2">
      <c r="A62095" s="2"/>
      <c r="B62095" s="2"/>
      <c r="C62095" s="2"/>
    </row>
    <row r="62096" spans="1:3" ht="19.2">
      <c r="A62096" s="2"/>
      <c r="B62096" s="2"/>
      <c r="C62096" s="2"/>
    </row>
    <row r="62097" spans="1:3" ht="19.2">
      <c r="A62097" s="2"/>
      <c r="B62097" s="2"/>
      <c r="C62097" s="2"/>
    </row>
    <row r="62098" spans="1:3" ht="19.2">
      <c r="A62098" s="2"/>
      <c r="B62098" s="2"/>
      <c r="C62098" s="2"/>
    </row>
    <row r="62099" spans="1:3" ht="19.2">
      <c r="A62099" s="2"/>
      <c r="B62099" s="2"/>
      <c r="C62099" s="2"/>
    </row>
    <row r="62100" spans="1:3" ht="19.2">
      <c r="A62100" s="2"/>
      <c r="B62100" s="2"/>
      <c r="C62100" s="2"/>
    </row>
    <row r="62101" spans="1:3" ht="19.2">
      <c r="A62101" s="2"/>
      <c r="B62101" s="2"/>
      <c r="C62101" s="2"/>
    </row>
    <row r="62102" spans="1:3" ht="19.2">
      <c r="A62102" s="2"/>
      <c r="B62102" s="2"/>
      <c r="C62102" s="2"/>
    </row>
    <row r="62103" spans="1:3" ht="19.2">
      <c r="A62103" s="2"/>
      <c r="B62103" s="2"/>
      <c r="C62103" s="2"/>
    </row>
    <row r="62104" spans="1:3" ht="19.2">
      <c r="A62104" s="2"/>
      <c r="B62104" s="2"/>
      <c r="C62104" s="2"/>
    </row>
    <row r="62105" spans="1:3" ht="19.2">
      <c r="A62105" s="2"/>
      <c r="B62105" s="2"/>
      <c r="C62105" s="2"/>
    </row>
    <row r="62106" spans="1:3" ht="19.2">
      <c r="A62106" s="2"/>
      <c r="B62106" s="2"/>
      <c r="C62106" s="2"/>
    </row>
    <row r="62107" spans="1:3" ht="19.2">
      <c r="A62107" s="2"/>
      <c r="B62107" s="2"/>
      <c r="C62107" s="2"/>
    </row>
    <row r="62108" spans="1:3" ht="19.2">
      <c r="A62108" s="2"/>
      <c r="B62108" s="2"/>
      <c r="C62108" s="2"/>
    </row>
    <row r="62109" spans="1:3" ht="19.2">
      <c r="A62109" s="2"/>
      <c r="B62109" s="2"/>
      <c r="C62109" s="2"/>
    </row>
    <row r="62110" spans="1:3" ht="19.2">
      <c r="A62110" s="2"/>
      <c r="B62110" s="2"/>
      <c r="C62110" s="2"/>
    </row>
    <row r="62111" spans="1:3" ht="19.2">
      <c r="A62111" s="2"/>
      <c r="B62111" s="2"/>
      <c r="C62111" s="2"/>
    </row>
    <row r="62112" spans="1:3" ht="19.2">
      <c r="A62112" s="2"/>
      <c r="B62112" s="2"/>
      <c r="C62112" s="2"/>
    </row>
    <row r="62113" spans="1:3" ht="19.2">
      <c r="A62113" s="2"/>
      <c r="B62113" s="2"/>
      <c r="C62113" s="2"/>
    </row>
    <row r="62114" spans="1:3" ht="19.2">
      <c r="A62114" s="2"/>
      <c r="B62114" s="2"/>
      <c r="C62114" s="2"/>
    </row>
    <row r="62115" spans="1:3" ht="19.2">
      <c r="A62115" s="2"/>
      <c r="B62115" s="2"/>
      <c r="C62115" s="2"/>
    </row>
    <row r="62116" spans="1:3" ht="19.2">
      <c r="A62116" s="2"/>
      <c r="B62116" s="2"/>
      <c r="C62116" s="2"/>
    </row>
    <row r="62117" spans="1:3" ht="19.2">
      <c r="A62117" s="2"/>
      <c r="B62117" s="2"/>
      <c r="C62117" s="2"/>
    </row>
    <row r="62118" spans="1:3" ht="19.2">
      <c r="A62118" s="2"/>
      <c r="B62118" s="2"/>
      <c r="C62118" s="2"/>
    </row>
    <row r="62119" spans="1:3" ht="19.2">
      <c r="A62119" s="2"/>
      <c r="B62119" s="2"/>
      <c r="C62119" s="2"/>
    </row>
    <row r="62120" spans="1:3" ht="19.2">
      <c r="A62120" s="2"/>
      <c r="B62120" s="2"/>
      <c r="C62120" s="2"/>
    </row>
    <row r="62121" spans="1:3" ht="19.2">
      <c r="A62121" s="2"/>
      <c r="B62121" s="2"/>
      <c r="C62121" s="2"/>
    </row>
    <row r="62122" spans="1:3" ht="19.2">
      <c r="A62122" s="2"/>
      <c r="B62122" s="2"/>
      <c r="C62122" s="2"/>
    </row>
    <row r="62123" spans="1:3" ht="19.2">
      <c r="A62123" s="2"/>
      <c r="B62123" s="2"/>
      <c r="C62123" s="2"/>
    </row>
    <row r="62124" spans="1:3" ht="19.2">
      <c r="A62124" s="2"/>
      <c r="B62124" s="2"/>
      <c r="C62124" s="2"/>
    </row>
    <row r="62125" spans="1:3" ht="19.2">
      <c r="A62125" s="2"/>
      <c r="B62125" s="2"/>
      <c r="C62125" s="2"/>
    </row>
    <row r="62126" spans="1:3" ht="19.2">
      <c r="A62126" s="2"/>
      <c r="B62126" s="2"/>
      <c r="C62126" s="2"/>
    </row>
    <row r="62127" spans="1:3" ht="19.2">
      <c r="A62127" s="2"/>
      <c r="B62127" s="2"/>
      <c r="C62127" s="2"/>
    </row>
    <row r="62128" spans="1:3" ht="19.2">
      <c r="A62128" s="2"/>
      <c r="B62128" s="2"/>
      <c r="C62128" s="2"/>
    </row>
    <row r="62129" spans="1:3" ht="19.2">
      <c r="A62129" s="2"/>
      <c r="B62129" s="2"/>
      <c r="C62129" s="2"/>
    </row>
    <row r="62130" spans="1:3" ht="19.2">
      <c r="A62130" s="2"/>
      <c r="B62130" s="2"/>
      <c r="C62130" s="2"/>
    </row>
    <row r="62131" spans="1:3" ht="19.2">
      <c r="A62131" s="2"/>
      <c r="B62131" s="2"/>
      <c r="C62131" s="2"/>
    </row>
    <row r="62132" spans="1:3" ht="19.2">
      <c r="A62132" s="2"/>
      <c r="B62132" s="2"/>
      <c r="C62132" s="2"/>
    </row>
    <row r="62133" spans="1:3" ht="19.2">
      <c r="A62133" s="2"/>
      <c r="B62133" s="2"/>
      <c r="C62133" s="2"/>
    </row>
    <row r="62134" spans="1:3" ht="19.2">
      <c r="A62134" s="2"/>
      <c r="B62134" s="2"/>
      <c r="C62134" s="2"/>
    </row>
    <row r="62135" spans="1:3" ht="19.2">
      <c r="A62135" s="2"/>
      <c r="B62135" s="2"/>
      <c r="C62135" s="2"/>
    </row>
    <row r="62136" spans="1:3" ht="19.2">
      <c r="A62136" s="2"/>
      <c r="B62136" s="2"/>
      <c r="C62136" s="2"/>
    </row>
    <row r="62137" spans="1:3" ht="19.2">
      <c r="A62137" s="2"/>
      <c r="B62137" s="2"/>
      <c r="C62137" s="2"/>
    </row>
    <row r="62138" spans="1:3" ht="19.2">
      <c r="A62138" s="2"/>
      <c r="B62138" s="2"/>
      <c r="C62138" s="2"/>
    </row>
    <row r="62139" spans="1:3" ht="19.2">
      <c r="A62139" s="2"/>
      <c r="B62139" s="2"/>
      <c r="C62139" s="2"/>
    </row>
    <row r="62140" spans="1:3" ht="19.2">
      <c r="A62140" s="2"/>
      <c r="B62140" s="2"/>
      <c r="C62140" s="2"/>
    </row>
    <row r="62141" spans="1:3" ht="19.2">
      <c r="A62141" s="2"/>
      <c r="B62141" s="2"/>
      <c r="C62141" s="2"/>
    </row>
    <row r="62142" spans="1:3" ht="19.2">
      <c r="A62142" s="2"/>
      <c r="B62142" s="2"/>
      <c r="C62142" s="2"/>
    </row>
    <row r="62143" spans="1:3" ht="19.2">
      <c r="A62143" s="2"/>
      <c r="B62143" s="2"/>
      <c r="C62143" s="2"/>
    </row>
    <row r="62144" spans="1:3" ht="19.2">
      <c r="A62144" s="2"/>
      <c r="B62144" s="2"/>
      <c r="C62144" s="2"/>
    </row>
    <row r="62145" spans="1:3" ht="19.2">
      <c r="A62145" s="2"/>
      <c r="B62145" s="2"/>
      <c r="C62145" s="2"/>
    </row>
    <row r="62146" spans="1:3" ht="19.2">
      <c r="A62146" s="2"/>
      <c r="B62146" s="2"/>
      <c r="C62146" s="2"/>
    </row>
    <row r="62147" spans="1:3" ht="19.2">
      <c r="A62147" s="2"/>
      <c r="B62147" s="2"/>
      <c r="C62147" s="2"/>
    </row>
    <row r="62148" spans="1:3" ht="19.2">
      <c r="A62148" s="2"/>
      <c r="B62148" s="2"/>
      <c r="C62148" s="2"/>
    </row>
    <row r="62149" spans="1:3" ht="19.2">
      <c r="A62149" s="2"/>
      <c r="B62149" s="2"/>
      <c r="C62149" s="2"/>
    </row>
    <row r="62150" spans="1:3" ht="19.2">
      <c r="A62150" s="2"/>
      <c r="B62150" s="2"/>
      <c r="C62150" s="2"/>
    </row>
    <row r="62151" spans="1:3" ht="19.2">
      <c r="A62151" s="2"/>
      <c r="B62151" s="2"/>
      <c r="C62151" s="2"/>
    </row>
    <row r="62152" spans="1:3" ht="19.2">
      <c r="A62152" s="2"/>
      <c r="B62152" s="2"/>
      <c r="C62152" s="2"/>
    </row>
    <row r="62153" spans="1:3" ht="19.2">
      <c r="A62153" s="2"/>
      <c r="B62153" s="2"/>
      <c r="C62153" s="2"/>
    </row>
    <row r="62154" spans="1:3" ht="19.2">
      <c r="A62154" s="2"/>
      <c r="B62154" s="2"/>
      <c r="C62154" s="2"/>
    </row>
    <row r="62155" spans="1:3" ht="19.2">
      <c r="A62155" s="2"/>
      <c r="B62155" s="2"/>
      <c r="C62155" s="2"/>
    </row>
    <row r="62156" spans="1:3" ht="19.2">
      <c r="A62156" s="2"/>
      <c r="B62156" s="2"/>
      <c r="C62156" s="2"/>
    </row>
    <row r="62157" spans="1:3" ht="19.2">
      <c r="A62157" s="2"/>
      <c r="B62157" s="2"/>
      <c r="C62157" s="2"/>
    </row>
    <row r="62158" spans="1:3" ht="19.2">
      <c r="A62158" s="2"/>
      <c r="B62158" s="2"/>
      <c r="C62158" s="2"/>
    </row>
    <row r="62159" spans="1:3" ht="19.2">
      <c r="A62159" s="2"/>
      <c r="B62159" s="2"/>
      <c r="C62159" s="2"/>
    </row>
    <row r="62160" spans="1:3" ht="19.2">
      <c r="A62160" s="2"/>
      <c r="B62160" s="2"/>
      <c r="C62160" s="2"/>
    </row>
    <row r="62161" spans="1:3" ht="19.2">
      <c r="A62161" s="2"/>
      <c r="B62161" s="2"/>
      <c r="C62161" s="2"/>
    </row>
    <row r="62162" spans="1:3" ht="19.2">
      <c r="A62162" s="2"/>
      <c r="B62162" s="2"/>
      <c r="C62162" s="2"/>
    </row>
    <row r="62163" spans="1:3" ht="19.2">
      <c r="A62163" s="2"/>
      <c r="B62163" s="2"/>
      <c r="C62163" s="2"/>
    </row>
    <row r="62164" spans="1:3" ht="19.2">
      <c r="A62164" s="2"/>
      <c r="B62164" s="2"/>
      <c r="C62164" s="2"/>
    </row>
    <row r="62165" spans="1:3" ht="19.2">
      <c r="A62165" s="2"/>
      <c r="B62165" s="2"/>
      <c r="C62165" s="2"/>
    </row>
    <row r="62166" spans="1:3" ht="19.2">
      <c r="A62166" s="2"/>
      <c r="B62166" s="2"/>
      <c r="C62166" s="2"/>
    </row>
    <row r="62167" spans="1:3" ht="19.2">
      <c r="A62167" s="2"/>
      <c r="B62167" s="2"/>
      <c r="C62167" s="2"/>
    </row>
    <row r="62168" spans="1:3" ht="19.2">
      <c r="A62168" s="2"/>
      <c r="B62168" s="2"/>
      <c r="C62168" s="2"/>
    </row>
    <row r="62169" spans="1:3" ht="19.2">
      <c r="A62169" s="2"/>
      <c r="B62169" s="2"/>
      <c r="C62169" s="2"/>
    </row>
    <row r="62170" spans="1:3" ht="19.2">
      <c r="A62170" s="2"/>
      <c r="B62170" s="2"/>
      <c r="C62170" s="2"/>
    </row>
    <row r="62171" spans="1:3" ht="19.2">
      <c r="A62171" s="2"/>
      <c r="B62171" s="2"/>
      <c r="C62171" s="2"/>
    </row>
    <row r="62172" spans="1:3" ht="19.2">
      <c r="A62172" s="2"/>
      <c r="B62172" s="2"/>
      <c r="C62172" s="2"/>
    </row>
    <row r="62173" spans="1:3" ht="19.2">
      <c r="A62173" s="2"/>
      <c r="B62173" s="2"/>
      <c r="C62173" s="2"/>
    </row>
    <row r="62174" spans="1:3" ht="19.2">
      <c r="A62174" s="2"/>
      <c r="B62174" s="2"/>
      <c r="C62174" s="2"/>
    </row>
    <row r="62175" spans="1:3" ht="19.2">
      <c r="A62175" s="2"/>
      <c r="B62175" s="2"/>
      <c r="C62175" s="2"/>
    </row>
    <row r="62176" spans="1:3" ht="19.2">
      <c r="A62176" s="2"/>
      <c r="B62176" s="2"/>
      <c r="C62176" s="2"/>
    </row>
    <row r="62177" spans="1:3" ht="19.2">
      <c r="A62177" s="2"/>
      <c r="B62177" s="2"/>
      <c r="C62177" s="2"/>
    </row>
    <row r="62178" spans="1:3" ht="19.2">
      <c r="A62178" s="2"/>
      <c r="B62178" s="2"/>
      <c r="C62178" s="2"/>
    </row>
    <row r="62179" spans="1:3" ht="19.2">
      <c r="A62179" s="2"/>
      <c r="B62179" s="2"/>
      <c r="C62179" s="2"/>
    </row>
    <row r="62180" spans="1:3" ht="19.2">
      <c r="A62180" s="2"/>
      <c r="B62180" s="2"/>
      <c r="C62180" s="2"/>
    </row>
    <row r="62181" spans="1:3" ht="19.2">
      <c r="A62181" s="2"/>
      <c r="B62181" s="2"/>
      <c r="C62181" s="2"/>
    </row>
    <row r="62182" spans="1:3" ht="19.2">
      <c r="A62182" s="2"/>
      <c r="B62182" s="2"/>
      <c r="C62182" s="2"/>
    </row>
    <row r="62183" spans="1:3" ht="19.2">
      <c r="A62183" s="2"/>
      <c r="B62183" s="2"/>
      <c r="C62183" s="2"/>
    </row>
    <row r="62184" spans="1:3" ht="19.2">
      <c r="A62184" s="2"/>
      <c r="B62184" s="2"/>
      <c r="C62184" s="2"/>
    </row>
    <row r="62185" spans="1:3" ht="19.2">
      <c r="A62185" s="2"/>
      <c r="B62185" s="2"/>
      <c r="C62185" s="2"/>
    </row>
    <row r="62186" spans="1:3" ht="19.2">
      <c r="A62186" s="2"/>
      <c r="B62186" s="2"/>
      <c r="C62186" s="2"/>
    </row>
    <row r="62187" spans="1:3" ht="19.2">
      <c r="A62187" s="2"/>
      <c r="B62187" s="2"/>
      <c r="C62187" s="2"/>
    </row>
    <row r="62188" spans="1:3" ht="19.2">
      <c r="A62188" s="2"/>
      <c r="B62188" s="2"/>
      <c r="C62188" s="2"/>
    </row>
    <row r="62189" spans="1:3" ht="19.2">
      <c r="A62189" s="2"/>
      <c r="B62189" s="2"/>
      <c r="C62189" s="2"/>
    </row>
    <row r="62190" spans="1:3" ht="19.2">
      <c r="A62190" s="2"/>
      <c r="B62190" s="2"/>
      <c r="C62190" s="2"/>
    </row>
    <row r="62191" spans="1:3" ht="19.2">
      <c r="A62191" s="2"/>
      <c r="B62191" s="2"/>
      <c r="C62191" s="2"/>
    </row>
    <row r="62192" spans="1:3" ht="19.2">
      <c r="A62192" s="2"/>
      <c r="B62192" s="2"/>
      <c r="C62192" s="2"/>
    </row>
    <row r="62193" spans="1:3" ht="19.2">
      <c r="A62193" s="2"/>
      <c r="B62193" s="2"/>
      <c r="C62193" s="2"/>
    </row>
    <row r="62194" spans="1:3" ht="19.2">
      <c r="A62194" s="2"/>
      <c r="B62194" s="2"/>
      <c r="C62194" s="2"/>
    </row>
    <row r="62195" spans="1:3" ht="19.2">
      <c r="A62195" s="2"/>
      <c r="B62195" s="2"/>
      <c r="C62195" s="2"/>
    </row>
    <row r="62196" spans="1:3" ht="19.2">
      <c r="A62196" s="2"/>
      <c r="B62196" s="2"/>
      <c r="C62196" s="2"/>
    </row>
    <row r="62197" spans="1:3" ht="19.2">
      <c r="A62197" s="2"/>
      <c r="B62197" s="2"/>
      <c r="C62197" s="2"/>
    </row>
    <row r="62198" spans="1:3" ht="19.2">
      <c r="A62198" s="2"/>
      <c r="B62198" s="2"/>
      <c r="C62198" s="2"/>
    </row>
    <row r="62199" spans="1:3" ht="19.2">
      <c r="A62199" s="2"/>
      <c r="B62199" s="2"/>
      <c r="C62199" s="2"/>
    </row>
    <row r="62200" spans="1:3" ht="19.2">
      <c r="A62200" s="2"/>
      <c r="B62200" s="2"/>
      <c r="C62200" s="2"/>
    </row>
    <row r="62201" spans="1:3" ht="19.2">
      <c r="A62201" s="2"/>
      <c r="B62201" s="2"/>
      <c r="C62201" s="2"/>
    </row>
    <row r="62202" spans="1:3" ht="19.2">
      <c r="A62202" s="2"/>
      <c r="B62202" s="2"/>
      <c r="C62202" s="2"/>
    </row>
    <row r="62203" spans="1:3" ht="19.2">
      <c r="A62203" s="2"/>
      <c r="B62203" s="2"/>
      <c r="C62203" s="2"/>
    </row>
    <row r="62204" spans="1:3" ht="19.2">
      <c r="A62204" s="2"/>
      <c r="B62204" s="2"/>
      <c r="C62204" s="2"/>
    </row>
    <row r="62205" spans="1:3" ht="19.2">
      <c r="A62205" s="2"/>
      <c r="B62205" s="2"/>
      <c r="C62205" s="2"/>
    </row>
    <row r="62206" spans="1:3" ht="19.2">
      <c r="A62206" s="2"/>
      <c r="B62206" s="2"/>
      <c r="C62206" s="2"/>
    </row>
    <row r="62207" spans="1:3" ht="19.2">
      <c r="A62207" s="2"/>
      <c r="B62207" s="2"/>
      <c r="C62207" s="2"/>
    </row>
    <row r="62208" spans="1:3" ht="19.2">
      <c r="A62208" s="2"/>
      <c r="B62208" s="2"/>
      <c r="C62208" s="2"/>
    </row>
    <row r="62209" spans="1:3" ht="19.2">
      <c r="A62209" s="2"/>
      <c r="B62209" s="2"/>
      <c r="C62209" s="2"/>
    </row>
    <row r="62210" spans="1:3" ht="19.2">
      <c r="A62210" s="2"/>
      <c r="B62210" s="2"/>
      <c r="C62210" s="2"/>
    </row>
    <row r="62211" spans="1:3" ht="19.2">
      <c r="A62211" s="2"/>
      <c r="B62211" s="2"/>
      <c r="C62211" s="2"/>
    </row>
    <row r="62212" spans="1:3" ht="19.2">
      <c r="A62212" s="2"/>
      <c r="B62212" s="2"/>
      <c r="C62212" s="2"/>
    </row>
    <row r="62213" spans="1:3" ht="19.2">
      <c r="A62213" s="2"/>
      <c r="B62213" s="2"/>
      <c r="C62213" s="2"/>
    </row>
    <row r="62214" spans="1:3" ht="19.2">
      <c r="A62214" s="2"/>
      <c r="B62214" s="2"/>
      <c r="C62214" s="2"/>
    </row>
    <row r="62215" spans="1:3" ht="19.2">
      <c r="A62215" s="2"/>
      <c r="B62215" s="2"/>
      <c r="C62215" s="2"/>
    </row>
    <row r="62216" spans="1:3" ht="19.2">
      <c r="A62216" s="2"/>
      <c r="B62216" s="2"/>
      <c r="C62216" s="2"/>
    </row>
    <row r="62217" spans="1:3" ht="19.2">
      <c r="A62217" s="2"/>
      <c r="B62217" s="2"/>
      <c r="C62217" s="2"/>
    </row>
    <row r="62218" spans="1:3" ht="19.2">
      <c r="A62218" s="2"/>
      <c r="B62218" s="2"/>
      <c r="C62218" s="2"/>
    </row>
    <row r="62219" spans="1:3" ht="19.2">
      <c r="A62219" s="2"/>
      <c r="B62219" s="2"/>
      <c r="C62219" s="2"/>
    </row>
    <row r="62220" spans="1:3" ht="19.2">
      <c r="A62220" s="2"/>
      <c r="B62220" s="2"/>
      <c r="C62220" s="2"/>
    </row>
    <row r="62221" spans="1:3" ht="19.2">
      <c r="A62221" s="2"/>
      <c r="B62221" s="2"/>
      <c r="C62221" s="2"/>
    </row>
    <row r="62222" spans="1:3" ht="19.2">
      <c r="A62222" s="2"/>
      <c r="B62222" s="2"/>
      <c r="C62222" s="2"/>
    </row>
    <row r="62223" spans="1:3" ht="19.2">
      <c r="A62223" s="2"/>
      <c r="B62223" s="2"/>
      <c r="C62223" s="2"/>
    </row>
    <row r="62224" spans="1:3" ht="19.2">
      <c r="A62224" s="2"/>
      <c r="B62224" s="2"/>
      <c r="C62224" s="2"/>
    </row>
    <row r="62225" spans="1:3" ht="19.2">
      <c r="A62225" s="2"/>
      <c r="B62225" s="2"/>
      <c r="C62225" s="2"/>
    </row>
    <row r="62226" spans="1:3" ht="19.2">
      <c r="A62226" s="2"/>
      <c r="B62226" s="2"/>
      <c r="C62226" s="2"/>
    </row>
    <row r="62227" spans="1:3" ht="19.2">
      <c r="A62227" s="2"/>
      <c r="B62227" s="2"/>
      <c r="C62227" s="2"/>
    </row>
    <row r="62228" spans="1:3" ht="19.2">
      <c r="A62228" s="2"/>
      <c r="B62228" s="2"/>
      <c r="C62228" s="2"/>
    </row>
    <row r="62229" spans="1:3" ht="19.2">
      <c r="A62229" s="2"/>
      <c r="B62229" s="2"/>
      <c r="C62229" s="2"/>
    </row>
    <row r="62230" spans="1:3" ht="19.2">
      <c r="A62230" s="2"/>
      <c r="B62230" s="2"/>
      <c r="C62230" s="2"/>
    </row>
    <row r="62231" spans="1:3" ht="19.2">
      <c r="A62231" s="2"/>
      <c r="B62231" s="2"/>
      <c r="C62231" s="2"/>
    </row>
    <row r="62232" spans="1:3" ht="19.2">
      <c r="A62232" s="2"/>
      <c r="B62232" s="2"/>
      <c r="C62232" s="2"/>
    </row>
    <row r="62233" spans="1:3" ht="19.2">
      <c r="A62233" s="2"/>
      <c r="B62233" s="2"/>
      <c r="C62233" s="2"/>
    </row>
    <row r="62234" spans="1:3" ht="19.2">
      <c r="A62234" s="2"/>
      <c r="B62234" s="2"/>
      <c r="C62234" s="2"/>
    </row>
    <row r="62235" spans="1:3" ht="19.2">
      <c r="A62235" s="2"/>
      <c r="B62235" s="2"/>
      <c r="C62235" s="2"/>
    </row>
    <row r="62236" spans="1:3" ht="19.2">
      <c r="A62236" s="2"/>
      <c r="B62236" s="2"/>
      <c r="C62236" s="2"/>
    </row>
    <row r="62237" spans="1:3" ht="19.2">
      <c r="A62237" s="2"/>
      <c r="B62237" s="2"/>
      <c r="C62237" s="2"/>
    </row>
    <row r="62238" spans="1:3" ht="19.2">
      <c r="A62238" s="2"/>
      <c r="B62238" s="2"/>
      <c r="C62238" s="2"/>
    </row>
    <row r="62239" spans="1:3" ht="19.2">
      <c r="A62239" s="2"/>
      <c r="B62239" s="2"/>
      <c r="C62239" s="2"/>
    </row>
    <row r="62240" spans="1:3" ht="19.2">
      <c r="A62240" s="2"/>
      <c r="B62240" s="2"/>
      <c r="C62240" s="2"/>
    </row>
    <row r="62241" spans="1:3" ht="19.2">
      <c r="A62241" s="2"/>
      <c r="B62241" s="2"/>
      <c r="C62241" s="2"/>
    </row>
    <row r="62242" spans="1:3" ht="19.2">
      <c r="A62242" s="2"/>
      <c r="B62242" s="2"/>
      <c r="C62242" s="2"/>
    </row>
    <row r="62243" spans="1:3" ht="19.2">
      <c r="A62243" s="2"/>
      <c r="B62243" s="2"/>
      <c r="C62243" s="2"/>
    </row>
    <row r="62244" spans="1:3" ht="19.2">
      <c r="A62244" s="2"/>
      <c r="B62244" s="2"/>
      <c r="C62244" s="2"/>
    </row>
    <row r="62245" spans="1:3" ht="19.2">
      <c r="A62245" s="2"/>
      <c r="B62245" s="2"/>
      <c r="C62245" s="2"/>
    </row>
    <row r="62246" spans="1:3" ht="19.2">
      <c r="A62246" s="2"/>
      <c r="B62246" s="2"/>
      <c r="C62246" s="2"/>
    </row>
    <row r="62247" spans="1:3" ht="19.2">
      <c r="A62247" s="2"/>
      <c r="B62247" s="2"/>
      <c r="C62247" s="2"/>
    </row>
    <row r="62248" spans="1:3" ht="19.2">
      <c r="A62248" s="2"/>
      <c r="B62248" s="2"/>
      <c r="C62248" s="2"/>
    </row>
    <row r="62249" spans="1:3" ht="19.2">
      <c r="A62249" s="2"/>
      <c r="B62249" s="2"/>
      <c r="C62249" s="2"/>
    </row>
    <row r="62250" spans="1:3" ht="19.2">
      <c r="A62250" s="2"/>
      <c r="B62250" s="2"/>
      <c r="C62250" s="2"/>
    </row>
    <row r="62251" spans="1:3" ht="19.2">
      <c r="A62251" s="2"/>
      <c r="B62251" s="2"/>
      <c r="C62251" s="2"/>
    </row>
    <row r="62252" spans="1:3" ht="19.2">
      <c r="A62252" s="2"/>
      <c r="B62252" s="2"/>
      <c r="C62252" s="2"/>
    </row>
    <row r="62253" spans="1:3" ht="19.2">
      <c r="A62253" s="2"/>
      <c r="B62253" s="2"/>
      <c r="C62253" s="2"/>
    </row>
    <row r="62254" spans="1:3" ht="19.2">
      <c r="A62254" s="2"/>
      <c r="B62254" s="2"/>
      <c r="C62254" s="2"/>
    </row>
    <row r="62255" spans="1:3" ht="19.2">
      <c r="A62255" s="2"/>
      <c r="B62255" s="2"/>
      <c r="C62255" s="2"/>
    </row>
    <row r="62256" spans="1:3" ht="19.2">
      <c r="A62256" s="2"/>
      <c r="B62256" s="2"/>
      <c r="C62256" s="2"/>
    </row>
    <row r="62257" spans="1:3" ht="19.2">
      <c r="A62257" s="2"/>
      <c r="B62257" s="2"/>
      <c r="C62257" s="2"/>
    </row>
    <row r="62258" spans="1:3" ht="19.2">
      <c r="A62258" s="2"/>
      <c r="B62258" s="2"/>
      <c r="C62258" s="2"/>
    </row>
    <row r="62259" spans="1:3" ht="19.2">
      <c r="A62259" s="2"/>
      <c r="B62259" s="2"/>
      <c r="C62259" s="2"/>
    </row>
    <row r="62260" spans="1:3" ht="19.2">
      <c r="A62260" s="2"/>
      <c r="B62260" s="2"/>
      <c r="C62260" s="2"/>
    </row>
    <row r="62261" spans="1:3" ht="19.2">
      <c r="A62261" s="2"/>
      <c r="B62261" s="2"/>
      <c r="C62261" s="2"/>
    </row>
    <row r="62262" spans="1:3" ht="19.2">
      <c r="A62262" s="2"/>
      <c r="B62262" s="2"/>
      <c r="C62262" s="2"/>
    </row>
    <row r="62263" spans="1:3" ht="19.2">
      <c r="A62263" s="2"/>
      <c r="B62263" s="2"/>
      <c r="C62263" s="2"/>
    </row>
    <row r="62264" spans="1:3" ht="19.2">
      <c r="A62264" s="2"/>
      <c r="B62264" s="2"/>
      <c r="C62264" s="2"/>
    </row>
    <row r="62265" spans="1:3" ht="19.2">
      <c r="A62265" s="2"/>
      <c r="B62265" s="2"/>
      <c r="C62265" s="2"/>
    </row>
    <row r="62266" spans="1:3" ht="19.2">
      <c r="A62266" s="2"/>
      <c r="B62266" s="2"/>
      <c r="C62266" s="2"/>
    </row>
    <row r="62267" spans="1:3" ht="19.2">
      <c r="A62267" s="2"/>
      <c r="B62267" s="2"/>
      <c r="C62267" s="2"/>
    </row>
    <row r="62268" spans="1:3" ht="19.2">
      <c r="A62268" s="2"/>
      <c r="B62268" s="2"/>
      <c r="C62268" s="2"/>
    </row>
    <row r="62269" spans="1:3" ht="19.2">
      <c r="A62269" s="2"/>
      <c r="B62269" s="2"/>
      <c r="C62269" s="2"/>
    </row>
    <row r="62270" spans="1:3" ht="19.2">
      <c r="A62270" s="2"/>
      <c r="B62270" s="2"/>
      <c r="C62270" s="2"/>
    </row>
    <row r="62271" spans="1:3" ht="19.2">
      <c r="A62271" s="2"/>
      <c r="B62271" s="2"/>
      <c r="C62271" s="2"/>
    </row>
    <row r="62272" spans="1:3" ht="19.2">
      <c r="A62272" s="2"/>
      <c r="B62272" s="2"/>
      <c r="C62272" s="2"/>
    </row>
    <row r="62273" spans="1:3" ht="19.2">
      <c r="A62273" s="2"/>
      <c r="B62273" s="2"/>
      <c r="C62273" s="2"/>
    </row>
    <row r="62274" spans="1:3" ht="19.2">
      <c r="A62274" s="2"/>
      <c r="B62274" s="2"/>
      <c r="C62274" s="2"/>
    </row>
    <row r="62275" spans="1:3" ht="19.2">
      <c r="A62275" s="2"/>
      <c r="B62275" s="2"/>
      <c r="C62275" s="2"/>
    </row>
    <row r="62276" spans="1:3" ht="19.2">
      <c r="A62276" s="2"/>
      <c r="B62276" s="2"/>
      <c r="C62276" s="2"/>
    </row>
    <row r="62277" spans="1:3" ht="19.2">
      <c r="A62277" s="2"/>
      <c r="B62277" s="2"/>
      <c r="C62277" s="2"/>
    </row>
    <row r="62278" spans="1:3" ht="19.2">
      <c r="A62278" s="2"/>
      <c r="B62278" s="2"/>
      <c r="C62278" s="2"/>
    </row>
    <row r="62279" spans="1:3" ht="19.2">
      <c r="A62279" s="2"/>
      <c r="B62279" s="2"/>
      <c r="C62279" s="2"/>
    </row>
    <row r="62280" spans="1:3" ht="19.2">
      <c r="A62280" s="2"/>
      <c r="B62280" s="2"/>
      <c r="C62280" s="2"/>
    </row>
    <row r="62281" spans="1:3" ht="19.2">
      <c r="A62281" s="2"/>
      <c r="B62281" s="2"/>
      <c r="C62281" s="2"/>
    </row>
    <row r="62282" spans="1:3" ht="19.2">
      <c r="A62282" s="2"/>
      <c r="B62282" s="2"/>
      <c r="C62282" s="2"/>
    </row>
    <row r="62283" spans="1:3" ht="19.2">
      <c r="A62283" s="2"/>
      <c r="B62283" s="2"/>
      <c r="C62283" s="2"/>
    </row>
    <row r="62284" spans="1:3" ht="19.2">
      <c r="A62284" s="2"/>
      <c r="B62284" s="2"/>
      <c r="C62284" s="2"/>
    </row>
    <row r="62285" spans="1:3" ht="19.2">
      <c r="A62285" s="2"/>
      <c r="B62285" s="2"/>
      <c r="C62285" s="2"/>
    </row>
    <row r="62286" spans="1:3" ht="19.2">
      <c r="A62286" s="2"/>
      <c r="B62286" s="2"/>
      <c r="C62286" s="2"/>
    </row>
    <row r="62287" spans="1:3" ht="19.2">
      <c r="A62287" s="2"/>
      <c r="B62287" s="2"/>
      <c r="C62287" s="2"/>
    </row>
    <row r="62288" spans="1:3" ht="19.2">
      <c r="A62288" s="2"/>
      <c r="B62288" s="2"/>
      <c r="C62288" s="2"/>
    </row>
    <row r="62289" spans="1:3" ht="19.2">
      <c r="A62289" s="2"/>
      <c r="B62289" s="2"/>
      <c r="C62289" s="2"/>
    </row>
    <row r="62290" spans="1:3" ht="19.2">
      <c r="A62290" s="2"/>
      <c r="B62290" s="2"/>
      <c r="C62290" s="2"/>
    </row>
    <row r="62291" spans="1:3" ht="19.2">
      <c r="A62291" s="2"/>
      <c r="B62291" s="2"/>
      <c r="C62291" s="2"/>
    </row>
    <row r="62292" spans="1:3" ht="19.2">
      <c r="A62292" s="2"/>
      <c r="B62292" s="2"/>
      <c r="C62292" s="2"/>
    </row>
    <row r="62293" spans="1:3" ht="19.2">
      <c r="A62293" s="2"/>
      <c r="B62293" s="2"/>
      <c r="C62293" s="2"/>
    </row>
    <row r="62294" spans="1:3" ht="19.2">
      <c r="A62294" s="2"/>
      <c r="B62294" s="2"/>
      <c r="C62294" s="2"/>
    </row>
    <row r="62295" spans="1:3" ht="19.2">
      <c r="A62295" s="2"/>
      <c r="B62295" s="2"/>
      <c r="C62295" s="2"/>
    </row>
    <row r="62296" spans="1:3" ht="19.2">
      <c r="A62296" s="2"/>
      <c r="B62296" s="2"/>
      <c r="C62296" s="2"/>
    </row>
    <row r="62297" spans="1:3" ht="19.2">
      <c r="A62297" s="2"/>
      <c r="B62297" s="2"/>
      <c r="C62297" s="2"/>
    </row>
    <row r="62298" spans="1:3" ht="19.2">
      <c r="A62298" s="2"/>
      <c r="B62298" s="2"/>
      <c r="C62298" s="2"/>
    </row>
    <row r="62299" spans="1:3" ht="19.2">
      <c r="A62299" s="2"/>
      <c r="B62299" s="2"/>
      <c r="C62299" s="2"/>
    </row>
    <row r="62300" spans="1:3" ht="19.2">
      <c r="A62300" s="2"/>
      <c r="B62300" s="2"/>
      <c r="C62300" s="2"/>
    </row>
    <row r="62301" spans="1:3" ht="19.2">
      <c r="A62301" s="2"/>
      <c r="B62301" s="2"/>
      <c r="C62301" s="2"/>
    </row>
    <row r="62302" spans="1:3" ht="19.2">
      <c r="A62302" s="2"/>
      <c r="B62302" s="2"/>
      <c r="C62302" s="2"/>
    </row>
    <row r="62303" spans="1:3" ht="19.2">
      <c r="A62303" s="2"/>
      <c r="B62303" s="2"/>
      <c r="C62303" s="2"/>
    </row>
    <row r="62304" spans="1:3" ht="19.2">
      <c r="A62304" s="2"/>
      <c r="B62304" s="2"/>
      <c r="C62304" s="2"/>
    </row>
    <row r="62305" spans="1:3" ht="19.2">
      <c r="A62305" s="2"/>
      <c r="B62305" s="2"/>
      <c r="C62305" s="2"/>
    </row>
    <row r="62306" spans="1:3" ht="19.2">
      <c r="A62306" s="2"/>
      <c r="B62306" s="2"/>
      <c r="C62306" s="2"/>
    </row>
    <row r="62307" spans="1:3" ht="19.2">
      <c r="A62307" s="2"/>
      <c r="B62307" s="2"/>
      <c r="C62307" s="2"/>
    </row>
    <row r="62308" spans="1:3" ht="19.2">
      <c r="A62308" s="2"/>
      <c r="B62308" s="2"/>
      <c r="C62308" s="2"/>
    </row>
    <row r="62309" spans="1:3" ht="19.2">
      <c r="A62309" s="2"/>
      <c r="B62309" s="2"/>
      <c r="C62309" s="2"/>
    </row>
    <row r="62310" spans="1:3" ht="19.2">
      <c r="A62310" s="2"/>
      <c r="B62310" s="2"/>
      <c r="C62310" s="2"/>
    </row>
    <row r="62311" spans="1:3" ht="19.2">
      <c r="A62311" s="2"/>
      <c r="B62311" s="2"/>
      <c r="C62311" s="2"/>
    </row>
    <row r="62312" spans="1:3" ht="19.2">
      <c r="A62312" s="2"/>
      <c r="B62312" s="2"/>
      <c r="C62312" s="2"/>
    </row>
    <row r="62313" spans="1:3" ht="19.2">
      <c r="A62313" s="2"/>
      <c r="B62313" s="2"/>
      <c r="C62313" s="2"/>
    </row>
    <row r="62314" spans="1:3" ht="19.2">
      <c r="A62314" s="2"/>
      <c r="B62314" s="2"/>
      <c r="C62314" s="2"/>
    </row>
    <row r="62315" spans="1:3" ht="19.2">
      <c r="A62315" s="2"/>
      <c r="B62315" s="2"/>
      <c r="C62315" s="2"/>
    </row>
    <row r="62316" spans="1:3" ht="19.2">
      <c r="A62316" s="2"/>
      <c r="B62316" s="2"/>
      <c r="C62316" s="2"/>
    </row>
    <row r="62317" spans="1:3" ht="19.2">
      <c r="A62317" s="2"/>
      <c r="B62317" s="2"/>
      <c r="C62317" s="2"/>
    </row>
    <row r="62318" spans="1:3" ht="19.2">
      <c r="A62318" s="2"/>
      <c r="B62318" s="2"/>
      <c r="C62318" s="2"/>
    </row>
    <row r="62319" spans="1:3" ht="19.2">
      <c r="A62319" s="2"/>
      <c r="B62319" s="2"/>
      <c r="C62319" s="2"/>
    </row>
    <row r="62320" spans="1:3" ht="19.2">
      <c r="A62320" s="2"/>
      <c r="B62320" s="2"/>
      <c r="C62320" s="2"/>
    </row>
    <row r="62321" spans="1:3" ht="19.2">
      <c r="A62321" s="2"/>
      <c r="B62321" s="2"/>
      <c r="C62321" s="2"/>
    </row>
    <row r="62322" spans="1:3" ht="19.2">
      <c r="A62322" s="2"/>
      <c r="B62322" s="2"/>
      <c r="C62322" s="2"/>
    </row>
    <row r="62323" spans="1:3" ht="19.2">
      <c r="A62323" s="2"/>
      <c r="B62323" s="2"/>
      <c r="C62323" s="2"/>
    </row>
    <row r="62324" spans="1:3" ht="19.2">
      <c r="A62324" s="2"/>
      <c r="B62324" s="2"/>
      <c r="C62324" s="2"/>
    </row>
    <row r="62325" spans="1:3" ht="19.2">
      <c r="A62325" s="2"/>
      <c r="B62325" s="2"/>
      <c r="C62325" s="2"/>
    </row>
    <row r="62326" spans="1:3" ht="19.2">
      <c r="A62326" s="2"/>
      <c r="B62326" s="2"/>
      <c r="C62326" s="2"/>
    </row>
    <row r="62327" spans="1:3" ht="19.2">
      <c r="A62327" s="2"/>
      <c r="B62327" s="2"/>
      <c r="C62327" s="2"/>
    </row>
    <row r="62328" spans="1:3" ht="19.2">
      <c r="A62328" s="2"/>
      <c r="B62328" s="2"/>
      <c r="C62328" s="2"/>
    </row>
    <row r="62329" spans="1:3" ht="19.2">
      <c r="A62329" s="2"/>
      <c r="B62329" s="2"/>
      <c r="C62329" s="2"/>
    </row>
    <row r="62330" spans="1:3" ht="19.2">
      <c r="A62330" s="2"/>
      <c r="B62330" s="2"/>
      <c r="C62330" s="2"/>
    </row>
    <row r="62331" spans="1:3" ht="19.2">
      <c r="A62331" s="2"/>
      <c r="B62331" s="2"/>
      <c r="C62331" s="2"/>
    </row>
    <row r="62332" spans="1:3" ht="19.2">
      <c r="A62332" s="2"/>
      <c r="B62332" s="2"/>
      <c r="C62332" s="2"/>
    </row>
    <row r="62333" spans="1:3" ht="19.2">
      <c r="A62333" s="2"/>
      <c r="B62333" s="2"/>
      <c r="C62333" s="2"/>
    </row>
    <row r="62334" spans="1:3" ht="19.2">
      <c r="A62334" s="2"/>
      <c r="B62334" s="2"/>
      <c r="C62334" s="2"/>
    </row>
    <row r="62335" spans="1:3" ht="19.2">
      <c r="A62335" s="2"/>
      <c r="B62335" s="2"/>
      <c r="C62335" s="2"/>
    </row>
    <row r="62336" spans="1:3" ht="19.2">
      <c r="A62336" s="2"/>
      <c r="B62336" s="2"/>
      <c r="C62336" s="2"/>
    </row>
    <row r="62337" spans="1:3" ht="19.2">
      <c r="A62337" s="2"/>
      <c r="B62337" s="2"/>
      <c r="C62337" s="2"/>
    </row>
    <row r="62338" spans="1:3" ht="19.2">
      <c r="A62338" s="2"/>
      <c r="B62338" s="2"/>
      <c r="C62338" s="2"/>
    </row>
    <row r="62339" spans="1:3" ht="19.2">
      <c r="A62339" s="2"/>
      <c r="B62339" s="2"/>
      <c r="C62339" s="2"/>
    </row>
    <row r="62340" spans="1:3" ht="19.2">
      <c r="A62340" s="2"/>
      <c r="B62340" s="2"/>
      <c r="C62340" s="2"/>
    </row>
    <row r="62341" spans="1:3" ht="19.2">
      <c r="A62341" s="2"/>
      <c r="B62341" s="2"/>
      <c r="C62341" s="2"/>
    </row>
    <row r="62342" spans="1:3" ht="19.2">
      <c r="A62342" s="2"/>
      <c r="B62342" s="2"/>
      <c r="C62342" s="2"/>
    </row>
    <row r="62343" spans="1:3" ht="19.2">
      <c r="A62343" s="2"/>
      <c r="B62343" s="2"/>
      <c r="C62343" s="2"/>
    </row>
    <row r="62344" spans="1:3" ht="19.2">
      <c r="A62344" s="2"/>
      <c r="B62344" s="2"/>
      <c r="C62344" s="2"/>
    </row>
    <row r="62345" spans="1:3" ht="19.2">
      <c r="A62345" s="2"/>
      <c r="B62345" s="2"/>
      <c r="C62345" s="2"/>
    </row>
    <row r="62346" spans="1:3" ht="19.2">
      <c r="A62346" s="2"/>
      <c r="B62346" s="2"/>
      <c r="C62346" s="2"/>
    </row>
    <row r="62347" spans="1:3" ht="19.2">
      <c r="A62347" s="2"/>
      <c r="B62347" s="2"/>
      <c r="C62347" s="2"/>
    </row>
    <row r="62348" spans="1:3" ht="19.2">
      <c r="A62348" s="2"/>
      <c r="B62348" s="2"/>
      <c r="C62348" s="2"/>
    </row>
    <row r="62349" spans="1:3" ht="19.2">
      <c r="A62349" s="2"/>
      <c r="B62349" s="2"/>
      <c r="C62349" s="2"/>
    </row>
    <row r="62350" spans="1:3" ht="19.2">
      <c r="A62350" s="2"/>
      <c r="B62350" s="2"/>
      <c r="C62350" s="2"/>
    </row>
    <row r="62351" spans="1:3" ht="19.2">
      <c r="A62351" s="2"/>
      <c r="B62351" s="2"/>
      <c r="C62351" s="2"/>
    </row>
    <row r="62352" spans="1:3" ht="19.2">
      <c r="A62352" s="2"/>
      <c r="B62352" s="2"/>
      <c r="C62352" s="2"/>
    </row>
    <row r="62353" spans="1:3" ht="19.2">
      <c r="A62353" s="2"/>
      <c r="B62353" s="2"/>
      <c r="C62353" s="2"/>
    </row>
    <row r="62354" spans="1:3" ht="19.2">
      <c r="A62354" s="2"/>
      <c r="B62354" s="2"/>
      <c r="C62354" s="2"/>
    </row>
    <row r="62355" spans="1:3" ht="19.2">
      <c r="A62355" s="2"/>
      <c r="B62355" s="2"/>
      <c r="C62355" s="2"/>
    </row>
    <row r="62356" spans="1:3" ht="19.2">
      <c r="A62356" s="2"/>
      <c r="B62356" s="2"/>
      <c r="C62356" s="2"/>
    </row>
    <row r="62357" spans="1:3" ht="19.2">
      <c r="A62357" s="2"/>
      <c r="B62357" s="2"/>
      <c r="C62357" s="2"/>
    </row>
    <row r="62358" spans="1:3" ht="19.2">
      <c r="A62358" s="2"/>
      <c r="B62358" s="2"/>
      <c r="C62358" s="2"/>
    </row>
    <row r="62359" spans="1:3" ht="19.2">
      <c r="A62359" s="2"/>
      <c r="B62359" s="2"/>
      <c r="C62359" s="2"/>
    </row>
    <row r="62360" spans="1:3" ht="19.2">
      <c r="A62360" s="2"/>
      <c r="B62360" s="2"/>
      <c r="C62360" s="2"/>
    </row>
    <row r="62361" spans="1:3" ht="19.2">
      <c r="A62361" s="2"/>
      <c r="B62361" s="2"/>
      <c r="C62361" s="2"/>
    </row>
    <row r="62362" spans="1:3" ht="19.2">
      <c r="A62362" s="2"/>
      <c r="B62362" s="2"/>
      <c r="C62362" s="2"/>
    </row>
    <row r="62363" spans="1:3" ht="19.2">
      <c r="A62363" s="2"/>
      <c r="B62363" s="2"/>
      <c r="C62363" s="2"/>
    </row>
    <row r="62364" spans="1:3" ht="19.2">
      <c r="A62364" s="2"/>
      <c r="B62364" s="2"/>
      <c r="C62364" s="2"/>
    </row>
    <row r="62365" spans="1:3" ht="19.2">
      <c r="A62365" s="2"/>
      <c r="B62365" s="2"/>
      <c r="C62365" s="2"/>
    </row>
    <row r="62366" spans="1:3" ht="19.2">
      <c r="A62366" s="2"/>
      <c r="B62366" s="2"/>
      <c r="C62366" s="2"/>
    </row>
    <row r="62367" spans="1:3" ht="19.2">
      <c r="A62367" s="2"/>
      <c r="B62367" s="2"/>
      <c r="C62367" s="2"/>
    </row>
    <row r="62368" spans="1:3" ht="19.2">
      <c r="A62368" s="2"/>
      <c r="B62368" s="2"/>
      <c r="C62368" s="2"/>
    </row>
    <row r="62369" spans="1:3" ht="19.2">
      <c r="A62369" s="2"/>
      <c r="B62369" s="2"/>
      <c r="C62369" s="2"/>
    </row>
    <row r="62370" spans="1:3" ht="19.2">
      <c r="A62370" s="2"/>
      <c r="B62370" s="2"/>
      <c r="C62370" s="2"/>
    </row>
    <row r="62371" spans="1:3" ht="19.2">
      <c r="A62371" s="2"/>
      <c r="B62371" s="2"/>
      <c r="C62371" s="2"/>
    </row>
    <row r="62372" spans="1:3" ht="19.2">
      <c r="A62372" s="2"/>
      <c r="B62372" s="2"/>
      <c r="C62372" s="2"/>
    </row>
    <row r="62373" spans="1:3" ht="19.2">
      <c r="A62373" s="2"/>
      <c r="B62373" s="2"/>
      <c r="C62373" s="2"/>
    </row>
    <row r="62374" spans="1:3" ht="19.2">
      <c r="A62374" s="2"/>
      <c r="B62374" s="2"/>
      <c r="C62374" s="2"/>
    </row>
    <row r="62375" spans="1:3" ht="19.2">
      <c r="A62375" s="2"/>
      <c r="B62375" s="2"/>
      <c r="C62375" s="2"/>
    </row>
    <row r="62376" spans="1:3" ht="19.2">
      <c r="A62376" s="2"/>
      <c r="B62376" s="2"/>
      <c r="C62376" s="2"/>
    </row>
    <row r="62377" spans="1:3" ht="19.2">
      <c r="A62377" s="2"/>
      <c r="B62377" s="2"/>
      <c r="C62377" s="2"/>
    </row>
    <row r="62378" spans="1:3" ht="19.2">
      <c r="A62378" s="2"/>
      <c r="B62378" s="2"/>
      <c r="C62378" s="2"/>
    </row>
    <row r="62379" spans="1:3" ht="19.2">
      <c r="A62379" s="2"/>
      <c r="B62379" s="2"/>
      <c r="C62379" s="2"/>
    </row>
    <row r="62380" spans="1:3" ht="19.2">
      <c r="A62380" s="2"/>
      <c r="B62380" s="2"/>
      <c r="C62380" s="2"/>
    </row>
    <row r="62381" spans="1:3" ht="19.2">
      <c r="A62381" s="2"/>
      <c r="B62381" s="2"/>
      <c r="C62381" s="2"/>
    </row>
    <row r="62382" spans="1:3" ht="19.2">
      <c r="A62382" s="2"/>
      <c r="B62382" s="2"/>
      <c r="C62382" s="2"/>
    </row>
    <row r="62383" spans="1:3" ht="19.2">
      <c r="A62383" s="2"/>
      <c r="B62383" s="2"/>
      <c r="C62383" s="2"/>
    </row>
    <row r="62384" spans="1:3" ht="19.2">
      <c r="A62384" s="2"/>
      <c r="B62384" s="2"/>
      <c r="C62384" s="2"/>
    </row>
    <row r="62385" spans="1:3" ht="19.2">
      <c r="A62385" s="2"/>
      <c r="B62385" s="2"/>
      <c r="C62385" s="2"/>
    </row>
    <row r="62386" spans="1:3" ht="19.2">
      <c r="A62386" s="2"/>
      <c r="B62386" s="2"/>
      <c r="C62386" s="2"/>
    </row>
    <row r="62387" spans="1:3" ht="19.2">
      <c r="A62387" s="2"/>
      <c r="B62387" s="2"/>
      <c r="C62387" s="2"/>
    </row>
    <row r="62388" spans="1:3" ht="19.2">
      <c r="A62388" s="2"/>
      <c r="B62388" s="2"/>
      <c r="C62388" s="2"/>
    </row>
    <row r="62389" spans="1:3" ht="19.2">
      <c r="A62389" s="2"/>
      <c r="B62389" s="2"/>
      <c r="C62389" s="2"/>
    </row>
    <row r="62390" spans="1:3" ht="19.2">
      <c r="A62390" s="2"/>
      <c r="B62390" s="2"/>
      <c r="C62390" s="2"/>
    </row>
    <row r="62391" spans="1:3" ht="19.2">
      <c r="A62391" s="2"/>
      <c r="B62391" s="2"/>
      <c r="C62391" s="2"/>
    </row>
    <row r="62392" spans="1:3" ht="19.2">
      <c r="A62392" s="2"/>
      <c r="B62392" s="2"/>
      <c r="C62392" s="2"/>
    </row>
    <row r="62393" spans="1:3" ht="19.2">
      <c r="A62393" s="2"/>
      <c r="B62393" s="2"/>
      <c r="C62393" s="2"/>
    </row>
    <row r="62394" spans="1:3" ht="19.2">
      <c r="A62394" s="2"/>
      <c r="B62394" s="2"/>
      <c r="C62394" s="2"/>
    </row>
    <row r="62395" spans="1:3" ht="19.2">
      <c r="A62395" s="2"/>
      <c r="B62395" s="2"/>
      <c r="C62395" s="2"/>
    </row>
    <row r="62396" spans="1:3" ht="19.2">
      <c r="A62396" s="2"/>
      <c r="B62396" s="2"/>
      <c r="C62396" s="2"/>
    </row>
    <row r="62397" spans="1:3" ht="19.2">
      <c r="A62397" s="2"/>
      <c r="B62397" s="2"/>
      <c r="C62397" s="2"/>
    </row>
    <row r="62398" spans="1:3" ht="19.2">
      <c r="A62398" s="2"/>
      <c r="B62398" s="2"/>
      <c r="C62398" s="2"/>
    </row>
    <row r="62399" spans="1:3" ht="19.2">
      <c r="A62399" s="2"/>
      <c r="B62399" s="2"/>
      <c r="C62399" s="2"/>
    </row>
    <row r="62400" spans="1:3" ht="19.2">
      <c r="A62400" s="2"/>
      <c r="B62400" s="2"/>
      <c r="C62400" s="2"/>
    </row>
    <row r="62401" spans="1:3" ht="19.2">
      <c r="A62401" s="2"/>
      <c r="B62401" s="2"/>
      <c r="C62401" s="2"/>
    </row>
    <row r="62402" spans="1:3" ht="19.2">
      <c r="A62402" s="2"/>
      <c r="B62402" s="2"/>
      <c r="C62402" s="2"/>
    </row>
    <row r="62403" spans="1:3" ht="19.2">
      <c r="A62403" s="2"/>
      <c r="B62403" s="2"/>
      <c r="C62403" s="2"/>
    </row>
    <row r="62404" spans="1:3" ht="19.2">
      <c r="A62404" s="2"/>
      <c r="B62404" s="2"/>
      <c r="C62404" s="2"/>
    </row>
    <row r="62405" spans="1:3" ht="19.2">
      <c r="A62405" s="2"/>
      <c r="B62405" s="2"/>
      <c r="C62405" s="2"/>
    </row>
    <row r="62406" spans="1:3" ht="19.2">
      <c r="A62406" s="2"/>
      <c r="B62406" s="2"/>
      <c r="C62406" s="2"/>
    </row>
    <row r="62407" spans="1:3" ht="19.2">
      <c r="A62407" s="2"/>
      <c r="B62407" s="2"/>
      <c r="C62407" s="2"/>
    </row>
    <row r="62408" spans="1:3" ht="19.2">
      <c r="A62408" s="2"/>
      <c r="B62408" s="2"/>
      <c r="C62408" s="2"/>
    </row>
    <row r="62409" spans="1:3" ht="19.2">
      <c r="A62409" s="2"/>
      <c r="B62409" s="2"/>
      <c r="C62409" s="2"/>
    </row>
    <row r="62410" spans="1:3" ht="19.2">
      <c r="A62410" s="2"/>
      <c r="B62410" s="2"/>
      <c r="C62410" s="2"/>
    </row>
    <row r="62411" spans="1:3" ht="19.2">
      <c r="A62411" s="2"/>
      <c r="B62411" s="2"/>
      <c r="C62411" s="2"/>
    </row>
    <row r="62412" spans="1:3" ht="19.2">
      <c r="A62412" s="2"/>
      <c r="B62412" s="2"/>
      <c r="C62412" s="2"/>
    </row>
    <row r="62413" spans="1:3" ht="19.2">
      <c r="A62413" s="2"/>
      <c r="B62413" s="2"/>
      <c r="C62413" s="2"/>
    </row>
    <row r="62414" spans="1:3" ht="19.2">
      <c r="A62414" s="2"/>
      <c r="B62414" s="2"/>
      <c r="C62414" s="2"/>
    </row>
    <row r="62415" spans="1:3" ht="19.2">
      <c r="A62415" s="2"/>
      <c r="B62415" s="2"/>
      <c r="C62415" s="2"/>
    </row>
    <row r="62416" spans="1:3" ht="19.2">
      <c r="A62416" s="2"/>
      <c r="B62416" s="2"/>
      <c r="C62416" s="2"/>
    </row>
    <row r="62417" spans="1:3" ht="19.2">
      <c r="A62417" s="2"/>
      <c r="B62417" s="2"/>
      <c r="C62417" s="2"/>
    </row>
    <row r="62418" spans="1:3" ht="19.2">
      <c r="A62418" s="2"/>
      <c r="B62418" s="2"/>
      <c r="C62418" s="2"/>
    </row>
    <row r="62419" spans="1:3" ht="19.2">
      <c r="A62419" s="2"/>
      <c r="B62419" s="2"/>
      <c r="C62419" s="2"/>
    </row>
    <row r="62420" spans="1:3" ht="19.2">
      <c r="A62420" s="2"/>
      <c r="B62420" s="2"/>
      <c r="C62420" s="2"/>
    </row>
    <row r="62421" spans="1:3" ht="19.2">
      <c r="A62421" s="2"/>
      <c r="B62421" s="2"/>
      <c r="C62421" s="2"/>
    </row>
    <row r="62422" spans="1:3" ht="19.2">
      <c r="A62422" s="2"/>
      <c r="B62422" s="2"/>
      <c r="C62422" s="2"/>
    </row>
    <row r="62423" spans="1:3" ht="19.2">
      <c r="A62423" s="2"/>
      <c r="B62423" s="2"/>
      <c r="C62423" s="2"/>
    </row>
    <row r="62424" spans="1:3" ht="19.2">
      <c r="A62424" s="2"/>
      <c r="B62424" s="2"/>
      <c r="C62424" s="2"/>
    </row>
    <row r="62425" spans="1:3" ht="19.2">
      <c r="A62425" s="2"/>
      <c r="B62425" s="2"/>
      <c r="C62425" s="2"/>
    </row>
    <row r="62426" spans="1:3" ht="19.2">
      <c r="A62426" s="2"/>
      <c r="B62426" s="2"/>
      <c r="C62426" s="2"/>
    </row>
    <row r="62427" spans="1:3" ht="19.2">
      <c r="A62427" s="2"/>
      <c r="B62427" s="2"/>
      <c r="C62427" s="2"/>
    </row>
    <row r="62428" spans="1:3" ht="19.2">
      <c r="A62428" s="2"/>
      <c r="B62428" s="2"/>
      <c r="C62428" s="2"/>
    </row>
    <row r="62429" spans="1:3" ht="19.2">
      <c r="A62429" s="2"/>
      <c r="B62429" s="2"/>
      <c r="C62429" s="2"/>
    </row>
    <row r="62430" spans="1:3" ht="19.2">
      <c r="A62430" s="2"/>
      <c r="B62430" s="2"/>
      <c r="C62430" s="2"/>
    </row>
    <row r="62431" spans="1:3" ht="19.2">
      <c r="A62431" s="2"/>
      <c r="B62431" s="2"/>
      <c r="C62431" s="2"/>
    </row>
    <row r="62432" spans="1:3" ht="19.2">
      <c r="A62432" s="2"/>
      <c r="B62432" s="2"/>
      <c r="C62432" s="2"/>
    </row>
    <row r="62433" spans="1:3" ht="19.2">
      <c r="A62433" s="2"/>
      <c r="B62433" s="2"/>
      <c r="C62433" s="2"/>
    </row>
    <row r="62434" spans="1:3" ht="19.2">
      <c r="A62434" s="2"/>
      <c r="B62434" s="2"/>
      <c r="C62434" s="2"/>
    </row>
    <row r="62435" spans="1:3" ht="19.2">
      <c r="A62435" s="2"/>
      <c r="B62435" s="2"/>
      <c r="C62435" s="2"/>
    </row>
    <row r="62436" spans="1:3" ht="19.2">
      <c r="A62436" s="2"/>
      <c r="B62436" s="2"/>
      <c r="C62436" s="2"/>
    </row>
    <row r="62437" spans="1:3" ht="19.2">
      <c r="A62437" s="2"/>
      <c r="B62437" s="2"/>
      <c r="C62437" s="2"/>
    </row>
    <row r="62438" spans="1:3" ht="19.2">
      <c r="A62438" s="2"/>
      <c r="B62438" s="2"/>
      <c r="C62438" s="2"/>
    </row>
    <row r="62439" spans="1:3" ht="19.2">
      <c r="A62439" s="2"/>
      <c r="B62439" s="2"/>
      <c r="C62439" s="2"/>
    </row>
    <row r="62440" spans="1:3" ht="19.2">
      <c r="A62440" s="2"/>
      <c r="B62440" s="2"/>
      <c r="C62440" s="2"/>
    </row>
    <row r="62441" spans="1:3" ht="19.2">
      <c r="A62441" s="2"/>
      <c r="B62441" s="2"/>
      <c r="C62441" s="2"/>
    </row>
    <row r="62442" spans="1:3" ht="19.2">
      <c r="A62442" s="2"/>
      <c r="B62442" s="2"/>
      <c r="C62442" s="2"/>
    </row>
    <row r="62443" spans="1:3" ht="19.2">
      <c r="A62443" s="2"/>
      <c r="B62443" s="2"/>
      <c r="C62443" s="2"/>
    </row>
    <row r="62444" spans="1:3" ht="19.2">
      <c r="A62444" s="2"/>
      <c r="B62444" s="2"/>
      <c r="C62444" s="2"/>
    </row>
    <row r="62445" spans="1:3" ht="19.2">
      <c r="A62445" s="2"/>
      <c r="B62445" s="2"/>
      <c r="C62445" s="2"/>
    </row>
    <row r="62446" spans="1:3" ht="19.2">
      <c r="A62446" s="2"/>
      <c r="B62446" s="2"/>
      <c r="C62446" s="2"/>
    </row>
    <row r="62447" spans="1:3" ht="19.2">
      <c r="A62447" s="2"/>
      <c r="B62447" s="2"/>
      <c r="C62447" s="2"/>
    </row>
    <row r="62448" spans="1:3" ht="19.2">
      <c r="A62448" s="2"/>
      <c r="B62448" s="2"/>
      <c r="C62448" s="2"/>
    </row>
    <row r="62449" spans="1:3" ht="19.2">
      <c r="A62449" s="2"/>
      <c r="B62449" s="2"/>
      <c r="C62449" s="2"/>
    </row>
    <row r="62450" spans="1:3" ht="19.2">
      <c r="A62450" s="2"/>
      <c r="B62450" s="2"/>
      <c r="C62450" s="2"/>
    </row>
    <row r="62451" spans="1:3" ht="19.2">
      <c r="A62451" s="2"/>
      <c r="B62451" s="2"/>
      <c r="C62451" s="2"/>
    </row>
    <row r="62452" spans="1:3" ht="19.2">
      <c r="A62452" s="2"/>
      <c r="B62452" s="2"/>
      <c r="C62452" s="2"/>
    </row>
    <row r="62453" spans="1:3" ht="19.2">
      <c r="A62453" s="2"/>
      <c r="B62453" s="2"/>
      <c r="C62453" s="2"/>
    </row>
    <row r="62454" spans="1:3" ht="19.2">
      <c r="A62454" s="2"/>
      <c r="B62454" s="2"/>
      <c r="C62454" s="2"/>
    </row>
    <row r="62455" spans="1:3" ht="19.2">
      <c r="A62455" s="2"/>
      <c r="B62455" s="2"/>
      <c r="C62455" s="2"/>
    </row>
    <row r="62456" spans="1:3" ht="19.2">
      <c r="A62456" s="2"/>
      <c r="B62456" s="2"/>
      <c r="C62456" s="2"/>
    </row>
    <row r="62457" spans="1:3" ht="19.2">
      <c r="A62457" s="2"/>
      <c r="B62457" s="2"/>
      <c r="C62457" s="2"/>
    </row>
    <row r="62458" spans="1:3" ht="19.2">
      <c r="A62458" s="2"/>
      <c r="B62458" s="2"/>
      <c r="C62458" s="2"/>
    </row>
    <row r="62459" spans="1:3" ht="19.2">
      <c r="A62459" s="2"/>
      <c r="B62459" s="2"/>
      <c r="C62459" s="2"/>
    </row>
    <row r="62460" spans="1:3" ht="19.2">
      <c r="A62460" s="2"/>
      <c r="B62460" s="2"/>
      <c r="C62460" s="2"/>
    </row>
    <row r="62461" spans="1:3" ht="19.2">
      <c r="A62461" s="2"/>
      <c r="B62461" s="2"/>
      <c r="C62461" s="2"/>
    </row>
    <row r="62462" spans="1:3" ht="19.2">
      <c r="A62462" s="2"/>
      <c r="B62462" s="2"/>
      <c r="C62462" s="2"/>
    </row>
    <row r="62463" spans="1:3" ht="19.2">
      <c r="A62463" s="2"/>
      <c r="B62463" s="2"/>
      <c r="C62463" s="2"/>
    </row>
    <row r="62464" spans="1:3" ht="19.2">
      <c r="A62464" s="2"/>
      <c r="B62464" s="2"/>
      <c r="C62464" s="2"/>
    </row>
    <row r="62465" spans="1:3" ht="19.2">
      <c r="A62465" s="2"/>
      <c r="B62465" s="2"/>
      <c r="C62465" s="2"/>
    </row>
    <row r="62466" spans="1:3" ht="19.2">
      <c r="A62466" s="2"/>
      <c r="B62466" s="2"/>
      <c r="C62466" s="2"/>
    </row>
    <row r="62467" spans="1:3" ht="19.2">
      <c r="A62467" s="2"/>
      <c r="B62467" s="2"/>
      <c r="C62467" s="2"/>
    </row>
    <row r="62468" spans="1:3" ht="19.2">
      <c r="A62468" s="2"/>
      <c r="B62468" s="2"/>
      <c r="C62468" s="2"/>
    </row>
    <row r="62469" spans="1:3" ht="19.2">
      <c r="A62469" s="2"/>
      <c r="B62469" s="2"/>
      <c r="C62469" s="2"/>
    </row>
    <row r="62470" spans="1:3" ht="19.2">
      <c r="A62470" s="2"/>
      <c r="B62470" s="2"/>
      <c r="C62470" s="2"/>
    </row>
    <row r="62471" spans="1:3" ht="19.2">
      <c r="A62471" s="2"/>
      <c r="B62471" s="2"/>
      <c r="C62471" s="2"/>
    </row>
    <row r="62472" spans="1:3" ht="19.2">
      <c r="A62472" s="2"/>
      <c r="B62472" s="2"/>
      <c r="C62472" s="2"/>
    </row>
    <row r="62473" spans="1:3" ht="19.2">
      <c r="A62473" s="2"/>
      <c r="B62473" s="2"/>
      <c r="C62473" s="2"/>
    </row>
    <row r="62474" spans="1:3" ht="19.2">
      <c r="A62474" s="2"/>
      <c r="B62474" s="2"/>
      <c r="C62474" s="2"/>
    </row>
    <row r="62475" spans="1:3" ht="19.2">
      <c r="A62475" s="2"/>
      <c r="B62475" s="2"/>
      <c r="C62475" s="2"/>
    </row>
    <row r="62476" spans="1:3" ht="19.2">
      <c r="A62476" s="2"/>
      <c r="B62476" s="2"/>
      <c r="C62476" s="2"/>
    </row>
    <row r="62477" spans="1:3" ht="19.2">
      <c r="A62477" s="2"/>
      <c r="B62477" s="2"/>
      <c r="C62477" s="2"/>
    </row>
    <row r="62478" spans="1:3" ht="19.2">
      <c r="A62478" s="2"/>
      <c r="B62478" s="2"/>
      <c r="C62478" s="2"/>
    </row>
    <row r="62479" spans="1:3" ht="19.2">
      <c r="A62479" s="2"/>
      <c r="B62479" s="2"/>
      <c r="C62479" s="2"/>
    </row>
    <row r="62480" spans="1:3" ht="19.2">
      <c r="A62480" s="2"/>
      <c r="B62480" s="2"/>
      <c r="C62480" s="2"/>
    </row>
    <row r="62481" spans="1:3" ht="19.2">
      <c r="A62481" s="2"/>
      <c r="B62481" s="2"/>
      <c r="C62481" s="2"/>
    </row>
    <row r="62482" spans="1:3" ht="19.2">
      <c r="A62482" s="2"/>
      <c r="B62482" s="2"/>
      <c r="C62482" s="2"/>
    </row>
    <row r="62483" spans="1:3" ht="19.2">
      <c r="A62483" s="2"/>
      <c r="B62483" s="2"/>
      <c r="C62483" s="2"/>
    </row>
    <row r="62484" spans="1:3" ht="19.2">
      <c r="A62484" s="2"/>
      <c r="B62484" s="2"/>
      <c r="C62484" s="2"/>
    </row>
    <row r="62485" spans="1:3" ht="19.2">
      <c r="A62485" s="2"/>
      <c r="B62485" s="2"/>
      <c r="C62485" s="2"/>
    </row>
    <row r="62486" spans="1:3" ht="19.2">
      <c r="A62486" s="2"/>
      <c r="B62486" s="2"/>
      <c r="C62486" s="2"/>
    </row>
    <row r="62487" spans="1:3" ht="19.2">
      <c r="A62487" s="2"/>
      <c r="B62487" s="2"/>
      <c r="C62487" s="2"/>
    </row>
    <row r="62488" spans="1:3" ht="19.2">
      <c r="A62488" s="2"/>
      <c r="B62488" s="2"/>
      <c r="C62488" s="2"/>
    </row>
    <row r="62489" spans="1:3" ht="19.2">
      <c r="A62489" s="2"/>
      <c r="B62489" s="2"/>
      <c r="C62489" s="2"/>
    </row>
    <row r="62490" spans="1:3" ht="19.2">
      <c r="A62490" s="2"/>
      <c r="B62490" s="2"/>
      <c r="C62490" s="2"/>
    </row>
    <row r="62491" spans="1:3" ht="19.2">
      <c r="A62491" s="2"/>
      <c r="B62491" s="2"/>
      <c r="C62491" s="2"/>
    </row>
    <row r="62492" spans="1:3" ht="19.2">
      <c r="A62492" s="2"/>
      <c r="B62492" s="2"/>
      <c r="C62492" s="2"/>
    </row>
    <row r="62493" spans="1:3" ht="19.2">
      <c r="A62493" s="2"/>
      <c r="B62493" s="2"/>
      <c r="C62493" s="2"/>
    </row>
    <row r="62494" spans="1:3" ht="19.2">
      <c r="A62494" s="2"/>
      <c r="B62494" s="2"/>
      <c r="C62494" s="2"/>
    </row>
    <row r="62495" spans="1:3" ht="19.2">
      <c r="A62495" s="2"/>
      <c r="B62495" s="2"/>
      <c r="C62495" s="2"/>
    </row>
    <row r="62496" spans="1:3" ht="19.2">
      <c r="A62496" s="2"/>
      <c r="B62496" s="2"/>
      <c r="C62496" s="2"/>
    </row>
    <row r="62497" spans="1:3" ht="19.2">
      <c r="A62497" s="2"/>
      <c r="B62497" s="2"/>
      <c r="C62497" s="2"/>
    </row>
    <row r="62498" spans="1:3" ht="19.2">
      <c r="A62498" s="2"/>
      <c r="B62498" s="2"/>
      <c r="C62498" s="2"/>
    </row>
    <row r="62499" spans="1:3" ht="19.2">
      <c r="A62499" s="2"/>
      <c r="B62499" s="2"/>
      <c r="C62499" s="2"/>
    </row>
    <row r="62500" spans="1:3" ht="19.2">
      <c r="A62500" s="2"/>
      <c r="B62500" s="2"/>
      <c r="C62500" s="2"/>
    </row>
    <row r="62501" spans="1:3" ht="19.2">
      <c r="A62501" s="2"/>
      <c r="B62501" s="2"/>
      <c r="C62501" s="2"/>
    </row>
    <row r="62502" spans="1:3" ht="19.2">
      <c r="A62502" s="2"/>
      <c r="B62502" s="2"/>
      <c r="C62502" s="2"/>
    </row>
    <row r="62503" spans="1:3" ht="19.2">
      <c r="A62503" s="2"/>
      <c r="B62503" s="2"/>
      <c r="C62503" s="2"/>
    </row>
    <row r="62504" spans="1:3" ht="19.2">
      <c r="A62504" s="2"/>
      <c r="B62504" s="2"/>
      <c r="C62504" s="2"/>
    </row>
    <row r="62505" spans="1:3" ht="19.2">
      <c r="A62505" s="2"/>
      <c r="B62505" s="2"/>
      <c r="C62505" s="2"/>
    </row>
    <row r="62506" spans="1:3" ht="19.2">
      <c r="A62506" s="2"/>
      <c r="B62506" s="2"/>
      <c r="C62506" s="2"/>
    </row>
    <row r="62507" spans="1:3" ht="19.2">
      <c r="A62507" s="2"/>
      <c r="B62507" s="2"/>
      <c r="C62507" s="2"/>
    </row>
    <row r="62508" spans="1:3" ht="19.2">
      <c r="A62508" s="2"/>
      <c r="B62508" s="2"/>
      <c r="C62508" s="2"/>
    </row>
    <row r="62509" spans="1:3" ht="19.2">
      <c r="A62509" s="2"/>
      <c r="B62509" s="2"/>
      <c r="C62509" s="2"/>
    </row>
    <row r="62510" spans="1:3" ht="19.2">
      <c r="A62510" s="2"/>
      <c r="B62510" s="2"/>
      <c r="C62510" s="2"/>
    </row>
    <row r="62511" spans="1:3" ht="19.2">
      <c r="A62511" s="2"/>
      <c r="B62511" s="2"/>
      <c r="C62511" s="2"/>
    </row>
    <row r="62512" spans="1:3" ht="19.2">
      <c r="A62512" s="2"/>
      <c r="B62512" s="2"/>
      <c r="C62512" s="2"/>
    </row>
    <row r="62513" spans="1:3" ht="19.2">
      <c r="A62513" s="2"/>
      <c r="B62513" s="2"/>
      <c r="C62513" s="2"/>
    </row>
    <row r="62514" spans="1:3" ht="19.2">
      <c r="A62514" s="2"/>
      <c r="B62514" s="2"/>
      <c r="C62514" s="2"/>
    </row>
    <row r="62515" spans="1:3" ht="19.2">
      <c r="A62515" s="2"/>
      <c r="B62515" s="2"/>
      <c r="C62515" s="2"/>
    </row>
    <row r="62516" spans="1:3" ht="19.2">
      <c r="A62516" s="2"/>
      <c r="B62516" s="2"/>
      <c r="C62516" s="2"/>
    </row>
    <row r="62517" spans="1:3" ht="19.2">
      <c r="A62517" s="2"/>
      <c r="B62517" s="2"/>
      <c r="C62517" s="2"/>
    </row>
    <row r="62518" spans="1:3" ht="19.2">
      <c r="A62518" s="2"/>
      <c r="B62518" s="2"/>
      <c r="C62518" s="2"/>
    </row>
    <row r="62519" spans="1:3" ht="19.2">
      <c r="A62519" s="2"/>
      <c r="B62519" s="2"/>
      <c r="C62519" s="2"/>
    </row>
    <row r="62520" spans="1:3" ht="19.2">
      <c r="A62520" s="2"/>
      <c r="B62520" s="2"/>
      <c r="C62520" s="2"/>
    </row>
    <row r="62521" spans="1:3" ht="19.2">
      <c r="A62521" s="2"/>
      <c r="B62521" s="2"/>
      <c r="C62521" s="2"/>
    </row>
    <row r="62522" spans="1:3" ht="19.2">
      <c r="A62522" s="2"/>
      <c r="B62522" s="2"/>
      <c r="C62522" s="2"/>
    </row>
    <row r="62523" spans="1:3" ht="19.2">
      <c r="A62523" s="2"/>
      <c r="B62523" s="2"/>
      <c r="C62523" s="2"/>
    </row>
    <row r="62524" spans="1:3" ht="19.2">
      <c r="A62524" s="2"/>
      <c r="B62524" s="2"/>
      <c r="C62524" s="2"/>
    </row>
    <row r="62525" spans="1:3" ht="19.2">
      <c r="A62525" s="2"/>
      <c r="B62525" s="2"/>
      <c r="C62525" s="2"/>
    </row>
    <row r="62526" spans="1:3" ht="19.2">
      <c r="A62526" s="2"/>
      <c r="B62526" s="2"/>
      <c r="C62526" s="2"/>
    </row>
    <row r="62527" spans="1:3" ht="19.2">
      <c r="A62527" s="2"/>
      <c r="B62527" s="2"/>
      <c r="C62527" s="2"/>
    </row>
    <row r="62528" spans="1:3" ht="19.2">
      <c r="A62528" s="2"/>
      <c r="B62528" s="2"/>
      <c r="C62528" s="2"/>
    </row>
    <row r="62529" spans="1:3" ht="19.2">
      <c r="A62529" s="2"/>
      <c r="B62529" s="2"/>
      <c r="C62529" s="2"/>
    </row>
    <row r="62530" spans="1:3" ht="19.2">
      <c r="A62530" s="2"/>
      <c r="B62530" s="2"/>
      <c r="C62530" s="2"/>
    </row>
    <row r="62531" spans="1:3" ht="19.2">
      <c r="A62531" s="2"/>
      <c r="B62531" s="2"/>
      <c r="C62531" s="2"/>
    </row>
    <row r="62532" spans="1:3" ht="19.2">
      <c r="A62532" s="2"/>
      <c r="B62532" s="2"/>
      <c r="C62532" s="2"/>
    </row>
    <row r="62533" spans="1:3" ht="19.2">
      <c r="A62533" s="2"/>
      <c r="B62533" s="2"/>
      <c r="C62533" s="2"/>
    </row>
    <row r="62534" spans="1:3" ht="19.2">
      <c r="A62534" s="2"/>
      <c r="B62534" s="2"/>
      <c r="C62534" s="2"/>
    </row>
    <row r="62535" spans="1:3" ht="19.2">
      <c r="A62535" s="2"/>
      <c r="B62535" s="2"/>
      <c r="C62535" s="2"/>
    </row>
    <row r="62536" spans="1:3" ht="19.2">
      <c r="A62536" s="2"/>
      <c r="B62536" s="2"/>
      <c r="C62536" s="2"/>
    </row>
    <row r="62537" spans="1:3" ht="19.2">
      <c r="A62537" s="2"/>
      <c r="B62537" s="2"/>
      <c r="C62537" s="2"/>
    </row>
    <row r="62538" spans="1:3" ht="19.2">
      <c r="A62538" s="2"/>
      <c r="B62538" s="2"/>
      <c r="C62538" s="2"/>
    </row>
    <row r="62539" spans="1:3" ht="19.2">
      <c r="A62539" s="2"/>
      <c r="B62539" s="2"/>
      <c r="C62539" s="2"/>
    </row>
    <row r="62540" spans="1:3" ht="19.2">
      <c r="A62540" s="2"/>
      <c r="B62540" s="2"/>
      <c r="C62540" s="2"/>
    </row>
    <row r="62541" spans="1:3" ht="19.2">
      <c r="A62541" s="2"/>
      <c r="B62541" s="2"/>
      <c r="C62541" s="2"/>
    </row>
    <row r="62542" spans="1:3" ht="19.2">
      <c r="A62542" s="2"/>
      <c r="B62542" s="2"/>
      <c r="C62542" s="2"/>
    </row>
    <row r="62543" spans="1:3" ht="19.2">
      <c r="A62543" s="2"/>
      <c r="B62543" s="2"/>
      <c r="C62543" s="2"/>
    </row>
    <row r="62544" spans="1:3" ht="19.2">
      <c r="A62544" s="2"/>
      <c r="B62544" s="2"/>
      <c r="C62544" s="2"/>
    </row>
    <row r="62545" spans="1:3" ht="19.2">
      <c r="A62545" s="2"/>
      <c r="B62545" s="2"/>
      <c r="C62545" s="2"/>
    </row>
    <row r="62546" spans="1:3" ht="19.2">
      <c r="A62546" s="2"/>
      <c r="B62546" s="2"/>
      <c r="C62546" s="2"/>
    </row>
    <row r="62547" spans="1:3" ht="19.2">
      <c r="A62547" s="2"/>
      <c r="B62547" s="2"/>
      <c r="C62547" s="2"/>
    </row>
    <row r="62548" spans="1:3" ht="19.2">
      <c r="A62548" s="2"/>
      <c r="B62548" s="2"/>
      <c r="C62548" s="2"/>
    </row>
    <row r="62549" spans="1:3" ht="19.2">
      <c r="A62549" s="2"/>
      <c r="B62549" s="2"/>
      <c r="C62549" s="2"/>
    </row>
    <row r="62550" spans="1:3" ht="19.2">
      <c r="A62550" s="2"/>
      <c r="B62550" s="2"/>
      <c r="C62550" s="2"/>
    </row>
    <row r="62551" spans="1:3" ht="19.2">
      <c r="A62551" s="2"/>
      <c r="B62551" s="2"/>
      <c r="C62551" s="2"/>
    </row>
    <row r="62552" spans="1:3" ht="19.2">
      <c r="A62552" s="2"/>
      <c r="B62552" s="2"/>
      <c r="C62552" s="2"/>
    </row>
    <row r="62553" spans="1:3" ht="19.2">
      <c r="A62553" s="2"/>
      <c r="B62553" s="2"/>
      <c r="C62553" s="2"/>
    </row>
    <row r="62554" spans="1:3" ht="19.2">
      <c r="A62554" s="2"/>
      <c r="B62554" s="2"/>
      <c r="C62554" s="2"/>
    </row>
    <row r="62555" spans="1:3" ht="19.2">
      <c r="A62555" s="2"/>
      <c r="B62555" s="2"/>
      <c r="C62555" s="2"/>
    </row>
    <row r="62556" spans="1:3" ht="19.2">
      <c r="A62556" s="2"/>
      <c r="B62556" s="2"/>
      <c r="C62556" s="2"/>
    </row>
    <row r="62557" spans="1:3" ht="19.2">
      <c r="A62557" s="2"/>
      <c r="B62557" s="2"/>
      <c r="C62557" s="2"/>
    </row>
    <row r="62558" spans="1:3" ht="19.2">
      <c r="A62558" s="2"/>
      <c r="B62558" s="2"/>
      <c r="C62558" s="2"/>
    </row>
    <row r="62559" spans="1:3" ht="19.2">
      <c r="A62559" s="2"/>
      <c r="B62559" s="2"/>
      <c r="C62559" s="2"/>
    </row>
    <row r="62560" spans="1:3" ht="19.2">
      <c r="A62560" s="2"/>
      <c r="B62560" s="2"/>
      <c r="C62560" s="2"/>
    </row>
    <row r="62561" spans="1:3" ht="19.2">
      <c r="A62561" s="2"/>
      <c r="B62561" s="2"/>
      <c r="C62561" s="2"/>
    </row>
    <row r="62562" spans="1:3" ht="19.2">
      <c r="A62562" s="2"/>
      <c r="B62562" s="2"/>
      <c r="C62562" s="2"/>
    </row>
    <row r="62563" spans="1:3" ht="19.2">
      <c r="A62563" s="2"/>
      <c r="B62563" s="2"/>
      <c r="C62563" s="2"/>
    </row>
    <row r="62564" spans="1:3" ht="19.2">
      <c r="A62564" s="2"/>
      <c r="B62564" s="2"/>
      <c r="C62564" s="2"/>
    </row>
    <row r="62565" spans="1:3" ht="19.2">
      <c r="A62565" s="2"/>
      <c r="B62565" s="2"/>
      <c r="C62565" s="2"/>
    </row>
    <row r="62566" spans="1:3" ht="19.2">
      <c r="A62566" s="2"/>
      <c r="B62566" s="2"/>
      <c r="C62566" s="2"/>
    </row>
    <row r="62567" spans="1:3" ht="19.2">
      <c r="A62567" s="2"/>
      <c r="B62567" s="2"/>
      <c r="C62567" s="2"/>
    </row>
    <row r="62568" spans="1:3" ht="19.2">
      <c r="A62568" s="2"/>
      <c r="B62568" s="2"/>
      <c r="C62568" s="2"/>
    </row>
    <row r="62569" spans="1:3" ht="19.2">
      <c r="A62569" s="2"/>
      <c r="B62569" s="2"/>
      <c r="C62569" s="2"/>
    </row>
    <row r="62570" spans="1:3" ht="19.2">
      <c r="A62570" s="2"/>
      <c r="B62570" s="2"/>
      <c r="C62570" s="2"/>
    </row>
    <row r="62571" spans="1:3" ht="19.2">
      <c r="A62571" s="2"/>
      <c r="B62571" s="2"/>
      <c r="C62571" s="2"/>
    </row>
    <row r="62572" spans="1:3" ht="19.2">
      <c r="A62572" s="2"/>
      <c r="B62572" s="2"/>
      <c r="C62572" s="2"/>
    </row>
    <row r="62573" spans="1:3" ht="19.2">
      <c r="A62573" s="2"/>
      <c r="B62573" s="2"/>
      <c r="C62573" s="2"/>
    </row>
    <row r="62574" spans="1:3" ht="19.2">
      <c r="A62574" s="2"/>
      <c r="B62574" s="2"/>
      <c r="C62574" s="2"/>
    </row>
    <row r="62575" spans="1:3" ht="19.2">
      <c r="A62575" s="2"/>
      <c r="B62575" s="2"/>
      <c r="C62575" s="2"/>
    </row>
    <row r="62576" spans="1:3" ht="19.2">
      <c r="A62576" s="2"/>
      <c r="B62576" s="2"/>
      <c r="C62576" s="2"/>
    </row>
    <row r="62577" spans="1:3" ht="19.2">
      <c r="A62577" s="2"/>
      <c r="B62577" s="2"/>
      <c r="C62577" s="2"/>
    </row>
    <row r="62578" spans="1:3" ht="19.2">
      <c r="A62578" s="2"/>
      <c r="B62578" s="2"/>
      <c r="C62578" s="2"/>
    </row>
    <row r="62579" spans="1:3" ht="19.2">
      <c r="A62579" s="2"/>
      <c r="B62579" s="2"/>
      <c r="C62579" s="2"/>
    </row>
    <row r="62580" spans="1:3" ht="19.2">
      <c r="A62580" s="2"/>
      <c r="B62580" s="2"/>
      <c r="C62580" s="2"/>
    </row>
    <row r="62581" spans="1:3" ht="19.2">
      <c r="A62581" s="2"/>
      <c r="B62581" s="2"/>
      <c r="C62581" s="2"/>
    </row>
    <row r="62582" spans="1:3" ht="19.2">
      <c r="A62582" s="2"/>
      <c r="B62582" s="2"/>
      <c r="C62582" s="2"/>
    </row>
    <row r="62583" spans="1:3" ht="19.2">
      <c r="A62583" s="2"/>
      <c r="B62583" s="2"/>
      <c r="C62583" s="2"/>
    </row>
    <row r="62584" spans="1:3" ht="19.2">
      <c r="A62584" s="2"/>
      <c r="B62584" s="2"/>
      <c r="C62584" s="2"/>
    </row>
    <row r="62585" spans="1:3" ht="19.2">
      <c r="A62585" s="2"/>
      <c r="B62585" s="2"/>
      <c r="C62585" s="2"/>
    </row>
    <row r="62586" spans="1:3" ht="19.2">
      <c r="A62586" s="2"/>
      <c r="B62586" s="2"/>
      <c r="C62586" s="2"/>
    </row>
    <row r="62587" spans="1:3" ht="19.2">
      <c r="A62587" s="2"/>
      <c r="B62587" s="2"/>
      <c r="C62587" s="2"/>
    </row>
    <row r="62588" spans="1:3" ht="19.2">
      <c r="A62588" s="2"/>
      <c r="B62588" s="2"/>
      <c r="C62588" s="2"/>
    </row>
    <row r="62589" spans="1:3" ht="19.2">
      <c r="A62589" s="2"/>
      <c r="B62589" s="2"/>
      <c r="C62589" s="2"/>
    </row>
    <row r="62590" spans="1:3" ht="19.2">
      <c r="A62590" s="2"/>
      <c r="B62590" s="2"/>
      <c r="C62590" s="2"/>
    </row>
    <row r="62591" spans="1:3" ht="19.2">
      <c r="A62591" s="2"/>
      <c r="B62591" s="2"/>
      <c r="C62591" s="2"/>
    </row>
    <row r="62592" spans="1:3" ht="19.2">
      <c r="A62592" s="2"/>
      <c r="B62592" s="2"/>
      <c r="C62592" s="2"/>
    </row>
    <row r="62593" spans="1:3" ht="19.2">
      <c r="A62593" s="2"/>
      <c r="B62593" s="2"/>
      <c r="C62593" s="2"/>
    </row>
    <row r="62594" spans="1:3" ht="19.2">
      <c r="A62594" s="2"/>
      <c r="B62594" s="2"/>
      <c r="C62594" s="2"/>
    </row>
    <row r="62595" spans="1:3" ht="19.2">
      <c r="A62595" s="2"/>
      <c r="B62595" s="2"/>
      <c r="C62595" s="2"/>
    </row>
    <row r="62596" spans="1:3" ht="19.2">
      <c r="A62596" s="2"/>
      <c r="B62596" s="2"/>
      <c r="C62596" s="2"/>
    </row>
    <row r="62597" spans="1:3" ht="19.2">
      <c r="A62597" s="2"/>
      <c r="B62597" s="2"/>
      <c r="C62597" s="2"/>
    </row>
    <row r="62598" spans="1:3" ht="19.2">
      <c r="A62598" s="2"/>
      <c r="B62598" s="2"/>
      <c r="C62598" s="2"/>
    </row>
    <row r="62599" spans="1:3" ht="19.2">
      <c r="A62599" s="2"/>
      <c r="B62599" s="2"/>
      <c r="C62599" s="2"/>
    </row>
    <row r="62600" spans="1:3" ht="19.2">
      <c r="A62600" s="2"/>
      <c r="B62600" s="2"/>
      <c r="C62600" s="2"/>
    </row>
    <row r="62601" spans="1:3" ht="19.2">
      <c r="A62601" s="2"/>
      <c r="B62601" s="2"/>
      <c r="C62601" s="2"/>
    </row>
    <row r="62602" spans="1:3" ht="19.2">
      <c r="A62602" s="2"/>
      <c r="B62602" s="2"/>
      <c r="C62602" s="2"/>
    </row>
    <row r="62603" spans="1:3" ht="19.2">
      <c r="A62603" s="2"/>
      <c r="B62603" s="2"/>
      <c r="C62603" s="2"/>
    </row>
    <row r="62604" spans="1:3" ht="19.2">
      <c r="A62604" s="2"/>
      <c r="B62604" s="2"/>
      <c r="C62604" s="2"/>
    </row>
    <row r="62605" spans="1:3" ht="19.2">
      <c r="A62605" s="2"/>
      <c r="B62605" s="2"/>
      <c r="C62605" s="2"/>
    </row>
    <row r="62606" spans="1:3" ht="19.2">
      <c r="A62606" s="2"/>
      <c r="B62606" s="2"/>
      <c r="C62606" s="2"/>
    </row>
    <row r="62607" spans="1:3" ht="19.2">
      <c r="A62607" s="2"/>
      <c r="B62607" s="2"/>
      <c r="C62607" s="2"/>
    </row>
    <row r="62608" spans="1:3" ht="19.2">
      <c r="A62608" s="2"/>
      <c r="B62608" s="2"/>
      <c r="C62608" s="2"/>
    </row>
    <row r="62609" spans="1:3" ht="19.2">
      <c r="A62609" s="2"/>
      <c r="B62609" s="2"/>
      <c r="C62609" s="2"/>
    </row>
    <row r="62610" spans="1:3" ht="19.2">
      <c r="A62610" s="2"/>
      <c r="B62610" s="2"/>
      <c r="C62610" s="2"/>
    </row>
    <row r="62611" spans="1:3" ht="19.2">
      <c r="A62611" s="2"/>
      <c r="B62611" s="2"/>
      <c r="C62611" s="2"/>
    </row>
    <row r="62612" spans="1:3" ht="19.2">
      <c r="A62612" s="2"/>
      <c r="B62612" s="2"/>
      <c r="C62612" s="2"/>
    </row>
    <row r="62613" spans="1:3" ht="19.2">
      <c r="A62613" s="2"/>
      <c r="B62613" s="2"/>
      <c r="C62613" s="2"/>
    </row>
    <row r="62614" spans="1:3" ht="19.2">
      <c r="A62614" s="2"/>
      <c r="B62614" s="2"/>
      <c r="C62614" s="2"/>
    </row>
    <row r="62615" spans="1:3" ht="19.2">
      <c r="A62615" s="2"/>
      <c r="B62615" s="2"/>
      <c r="C62615" s="2"/>
    </row>
    <row r="62616" spans="1:3" ht="19.2">
      <c r="A62616" s="2"/>
      <c r="B62616" s="2"/>
      <c r="C62616" s="2"/>
    </row>
    <row r="62617" spans="1:3" ht="19.2">
      <c r="A62617" s="2"/>
      <c r="B62617" s="2"/>
      <c r="C62617" s="2"/>
    </row>
    <row r="62618" spans="1:3" ht="19.2">
      <c r="A62618" s="2"/>
      <c r="B62618" s="2"/>
      <c r="C62618" s="2"/>
    </row>
    <row r="62619" spans="1:3" ht="19.2">
      <c r="A62619" s="2"/>
      <c r="B62619" s="2"/>
      <c r="C62619" s="2"/>
    </row>
    <row r="62620" spans="1:3" ht="19.2">
      <c r="A62620" s="2"/>
      <c r="B62620" s="2"/>
      <c r="C62620" s="2"/>
    </row>
    <row r="62621" spans="1:3" ht="19.2">
      <c r="A62621" s="2"/>
      <c r="B62621" s="2"/>
      <c r="C62621" s="2"/>
    </row>
    <row r="62622" spans="1:3" ht="19.2">
      <c r="A62622" s="2"/>
      <c r="B62622" s="2"/>
      <c r="C62622" s="2"/>
    </row>
    <row r="62623" spans="1:3" ht="19.2">
      <c r="A62623" s="2"/>
      <c r="B62623" s="2"/>
      <c r="C62623" s="2"/>
    </row>
    <row r="62624" spans="1:3" ht="19.2">
      <c r="A62624" s="2"/>
      <c r="B62624" s="2"/>
      <c r="C62624" s="2"/>
    </row>
    <row r="62625" spans="1:3" ht="19.2">
      <c r="A62625" s="2"/>
      <c r="B62625" s="2"/>
      <c r="C62625" s="2"/>
    </row>
    <row r="62626" spans="1:3" ht="19.2">
      <c r="A62626" s="2"/>
      <c r="B62626" s="2"/>
      <c r="C62626" s="2"/>
    </row>
    <row r="62627" spans="1:3" ht="19.2">
      <c r="A62627" s="2"/>
      <c r="B62627" s="2"/>
      <c r="C62627" s="2"/>
    </row>
    <row r="62628" spans="1:3" ht="19.2">
      <c r="A62628" s="2"/>
      <c r="B62628" s="2"/>
      <c r="C62628" s="2"/>
    </row>
    <row r="62629" spans="1:3" ht="19.2">
      <c r="A62629" s="2"/>
      <c r="B62629" s="2"/>
      <c r="C62629" s="2"/>
    </row>
    <row r="62630" spans="1:3" ht="19.2">
      <c r="A62630" s="2"/>
      <c r="B62630" s="2"/>
      <c r="C62630" s="2"/>
    </row>
    <row r="62631" spans="1:3" ht="19.2">
      <c r="A62631" s="2"/>
      <c r="B62631" s="2"/>
      <c r="C62631" s="2"/>
    </row>
    <row r="62632" spans="1:3" ht="19.2">
      <c r="A62632" s="2"/>
      <c r="B62632" s="2"/>
      <c r="C62632" s="2"/>
    </row>
    <row r="62633" spans="1:3" ht="19.2">
      <c r="A62633" s="2"/>
      <c r="B62633" s="2"/>
      <c r="C62633" s="2"/>
    </row>
    <row r="62634" spans="1:3" ht="19.2">
      <c r="A62634" s="2"/>
      <c r="B62634" s="2"/>
      <c r="C62634" s="2"/>
    </row>
    <row r="62635" spans="1:3" ht="19.2">
      <c r="A62635" s="2"/>
      <c r="B62635" s="2"/>
      <c r="C62635" s="2"/>
    </row>
    <row r="62636" spans="1:3" ht="19.2">
      <c r="A62636" s="2"/>
      <c r="B62636" s="2"/>
      <c r="C62636" s="2"/>
    </row>
    <row r="62637" spans="1:3" ht="19.2">
      <c r="A62637" s="2"/>
      <c r="B62637" s="2"/>
      <c r="C62637" s="2"/>
    </row>
    <row r="62638" spans="1:3" ht="19.2">
      <c r="A62638" s="2"/>
      <c r="B62638" s="2"/>
      <c r="C62638" s="2"/>
    </row>
    <row r="62639" spans="1:3" ht="19.2">
      <c r="A62639" s="2"/>
      <c r="B62639" s="2"/>
      <c r="C62639" s="2"/>
    </row>
    <row r="62640" spans="1:3" ht="19.2">
      <c r="A62640" s="2"/>
      <c r="B62640" s="2"/>
      <c r="C62640" s="2"/>
    </row>
    <row r="62641" spans="1:3" ht="19.2">
      <c r="A62641" s="2"/>
      <c r="B62641" s="2"/>
      <c r="C62641" s="2"/>
    </row>
    <row r="62642" spans="1:3" ht="19.2">
      <c r="A62642" s="2"/>
      <c r="B62642" s="2"/>
      <c r="C62642" s="2"/>
    </row>
    <row r="62643" spans="1:3" ht="19.2">
      <c r="A62643" s="2"/>
      <c r="B62643" s="2"/>
      <c r="C62643" s="2"/>
    </row>
    <row r="62644" spans="1:3" ht="19.2">
      <c r="A62644" s="2"/>
      <c r="B62644" s="2"/>
      <c r="C62644" s="2"/>
    </row>
    <row r="62645" spans="1:3" ht="19.2">
      <c r="A62645" s="2"/>
      <c r="B62645" s="2"/>
      <c r="C62645" s="2"/>
    </row>
    <row r="62646" spans="1:3" ht="19.2">
      <c r="A62646" s="2"/>
      <c r="B62646" s="2"/>
      <c r="C62646" s="2"/>
    </row>
    <row r="62647" spans="1:3" ht="19.2">
      <c r="A62647" s="2"/>
      <c r="B62647" s="2"/>
      <c r="C62647" s="2"/>
    </row>
    <row r="62648" spans="1:3" ht="19.2">
      <c r="A62648" s="2"/>
      <c r="B62648" s="2"/>
      <c r="C62648" s="2"/>
    </row>
    <row r="62649" spans="1:3" ht="19.2">
      <c r="A62649" s="2"/>
      <c r="B62649" s="2"/>
      <c r="C62649" s="2"/>
    </row>
    <row r="62650" spans="1:3" ht="19.2">
      <c r="A62650" s="2"/>
      <c r="B62650" s="2"/>
      <c r="C62650" s="2"/>
    </row>
    <row r="62651" spans="1:3" ht="19.2">
      <c r="A62651" s="2"/>
      <c r="B62651" s="2"/>
      <c r="C62651" s="2"/>
    </row>
    <row r="62652" spans="1:3" ht="19.2">
      <c r="A62652" s="2"/>
      <c r="B62652" s="2"/>
      <c r="C62652" s="2"/>
    </row>
    <row r="62653" spans="1:3" ht="19.2">
      <c r="A62653" s="2"/>
      <c r="B62653" s="2"/>
      <c r="C62653" s="2"/>
    </row>
    <row r="62654" spans="1:3" ht="19.2">
      <c r="A62654" s="2"/>
      <c r="B62654" s="2"/>
      <c r="C62654" s="2"/>
    </row>
    <row r="62655" spans="1:3" ht="19.2">
      <c r="A62655" s="2"/>
      <c r="B62655" s="2"/>
      <c r="C62655" s="2"/>
    </row>
    <row r="62656" spans="1:3" ht="19.2">
      <c r="A62656" s="2"/>
      <c r="B62656" s="2"/>
      <c r="C62656" s="2"/>
    </row>
    <row r="62657" spans="1:3" ht="19.2">
      <c r="A62657" s="2"/>
      <c r="B62657" s="2"/>
      <c r="C62657" s="2"/>
    </row>
    <row r="62658" spans="1:3" ht="19.2">
      <c r="A62658" s="2"/>
      <c r="B62658" s="2"/>
      <c r="C62658" s="2"/>
    </row>
    <row r="62659" spans="1:3" ht="19.2">
      <c r="A62659" s="2"/>
      <c r="B62659" s="2"/>
      <c r="C62659" s="2"/>
    </row>
    <row r="62660" spans="1:3" ht="19.2">
      <c r="A62660" s="2"/>
      <c r="B62660" s="2"/>
      <c r="C62660" s="2"/>
    </row>
    <row r="62661" spans="1:3" ht="19.2">
      <c r="A62661" s="2"/>
      <c r="B62661" s="2"/>
      <c r="C62661" s="2"/>
    </row>
    <row r="62662" spans="1:3" ht="19.2">
      <c r="A62662" s="2"/>
      <c r="B62662" s="2"/>
      <c r="C62662" s="2"/>
    </row>
    <row r="62663" spans="1:3" ht="19.2">
      <c r="A62663" s="2"/>
      <c r="B62663" s="2"/>
      <c r="C62663" s="2"/>
    </row>
    <row r="62664" spans="1:3" ht="19.2">
      <c r="A62664" s="2"/>
      <c r="B62664" s="2"/>
      <c r="C62664" s="2"/>
    </row>
    <row r="62665" spans="1:3" ht="19.2">
      <c r="A62665" s="2"/>
      <c r="B62665" s="2"/>
      <c r="C62665" s="2"/>
    </row>
    <row r="62666" spans="1:3" ht="19.2">
      <c r="A62666" s="2"/>
      <c r="B62666" s="2"/>
      <c r="C62666" s="2"/>
    </row>
    <row r="62667" spans="1:3" ht="19.2">
      <c r="A62667" s="2"/>
      <c r="B62667" s="2"/>
      <c r="C62667" s="2"/>
    </row>
    <row r="62668" spans="1:3" ht="19.2">
      <c r="A62668" s="2"/>
      <c r="B62668" s="2"/>
      <c r="C62668" s="2"/>
    </row>
    <row r="62669" spans="1:3" ht="19.2">
      <c r="A62669" s="2"/>
      <c r="B62669" s="2"/>
      <c r="C62669" s="2"/>
    </row>
    <row r="62670" spans="1:3" ht="19.2">
      <c r="A62670" s="2"/>
      <c r="B62670" s="2"/>
      <c r="C62670" s="2"/>
    </row>
    <row r="62671" spans="1:3" ht="19.2">
      <c r="A62671" s="2"/>
      <c r="B62671" s="2"/>
      <c r="C62671" s="2"/>
    </row>
    <row r="62672" spans="1:3" ht="19.2">
      <c r="A62672" s="2"/>
      <c r="B62672" s="2"/>
      <c r="C62672" s="2"/>
    </row>
    <row r="62673" spans="1:3" ht="19.2">
      <c r="A62673" s="2"/>
      <c r="B62673" s="2"/>
      <c r="C62673" s="2"/>
    </row>
    <row r="62674" spans="1:3" ht="19.2">
      <c r="A62674" s="2"/>
      <c r="B62674" s="2"/>
      <c r="C62674" s="2"/>
    </row>
    <row r="62675" spans="1:3" ht="19.2">
      <c r="A62675" s="2"/>
      <c r="B62675" s="2"/>
      <c r="C62675" s="2"/>
    </row>
    <row r="62676" spans="1:3" ht="19.2">
      <c r="A62676" s="2"/>
      <c r="B62676" s="2"/>
      <c r="C62676" s="2"/>
    </row>
    <row r="62677" spans="1:3" ht="19.2">
      <c r="A62677" s="2"/>
      <c r="B62677" s="2"/>
      <c r="C62677" s="2"/>
    </row>
    <row r="62678" spans="1:3" ht="19.2">
      <c r="A62678" s="2"/>
      <c r="B62678" s="2"/>
      <c r="C62678" s="2"/>
    </row>
    <row r="62679" spans="1:3" ht="19.2">
      <c r="A62679" s="2"/>
      <c r="B62679" s="2"/>
      <c r="C62679" s="2"/>
    </row>
    <row r="62680" spans="1:3" ht="19.2">
      <c r="A62680" s="2"/>
      <c r="B62680" s="2"/>
      <c r="C62680" s="2"/>
    </row>
    <row r="62681" spans="1:3" ht="19.2">
      <c r="A62681" s="2"/>
      <c r="B62681" s="2"/>
      <c r="C62681" s="2"/>
    </row>
    <row r="62682" spans="1:3" ht="19.2">
      <c r="A62682" s="2"/>
      <c r="B62682" s="2"/>
      <c r="C62682" s="2"/>
    </row>
    <row r="62683" spans="1:3" ht="19.2">
      <c r="A62683" s="2"/>
      <c r="B62683" s="2"/>
      <c r="C62683" s="2"/>
    </row>
    <row r="62684" spans="1:3" ht="19.2">
      <c r="A62684" s="2"/>
      <c r="B62684" s="2"/>
      <c r="C62684" s="2"/>
    </row>
    <row r="62685" spans="1:3" ht="19.2">
      <c r="A62685" s="2"/>
      <c r="B62685" s="2"/>
      <c r="C62685" s="2"/>
    </row>
    <row r="62686" spans="1:3" ht="19.2">
      <c r="A62686" s="2"/>
      <c r="B62686" s="2"/>
      <c r="C62686" s="2"/>
    </row>
    <row r="62687" spans="1:3" ht="19.2">
      <c r="A62687" s="2"/>
      <c r="B62687" s="2"/>
      <c r="C62687" s="2"/>
    </row>
    <row r="62688" spans="1:3" ht="19.2">
      <c r="A62688" s="2"/>
      <c r="B62688" s="2"/>
      <c r="C62688" s="2"/>
    </row>
    <row r="62689" spans="1:3" ht="19.2">
      <c r="A62689" s="2"/>
      <c r="B62689" s="2"/>
      <c r="C62689" s="2"/>
    </row>
    <row r="62690" spans="1:3" ht="19.2">
      <c r="A62690" s="2"/>
      <c r="B62690" s="2"/>
      <c r="C62690" s="2"/>
    </row>
    <row r="62691" spans="1:3" ht="19.2">
      <c r="A62691" s="2"/>
      <c r="B62691" s="2"/>
      <c r="C62691" s="2"/>
    </row>
    <row r="62692" spans="1:3" ht="19.2">
      <c r="A62692" s="2"/>
      <c r="B62692" s="2"/>
      <c r="C62692" s="2"/>
    </row>
    <row r="62693" spans="1:3" ht="19.2">
      <c r="A62693" s="2"/>
      <c r="B62693" s="2"/>
      <c r="C62693" s="2"/>
    </row>
    <row r="62694" spans="1:3" ht="19.2">
      <c r="A62694" s="2"/>
      <c r="B62694" s="2"/>
      <c r="C62694" s="2"/>
    </row>
    <row r="62695" spans="1:3" ht="19.2">
      <c r="A62695" s="2"/>
      <c r="B62695" s="2"/>
      <c r="C62695" s="2"/>
    </row>
    <row r="62696" spans="1:3" ht="19.2">
      <c r="A62696" s="2"/>
      <c r="B62696" s="2"/>
      <c r="C62696" s="2"/>
    </row>
    <row r="62697" spans="1:3" ht="19.2">
      <c r="A62697" s="2"/>
      <c r="B62697" s="2"/>
      <c r="C62697" s="2"/>
    </row>
    <row r="62698" spans="1:3" ht="19.2">
      <c r="A62698" s="2"/>
      <c r="B62698" s="2"/>
      <c r="C62698" s="2"/>
    </row>
    <row r="62699" spans="1:3" ht="19.2">
      <c r="A62699" s="2"/>
      <c r="B62699" s="2"/>
      <c r="C62699" s="2"/>
    </row>
    <row r="62700" spans="1:3" ht="19.2">
      <c r="A62700" s="2"/>
      <c r="B62700" s="2"/>
      <c r="C62700" s="2"/>
    </row>
    <row r="62701" spans="1:3" ht="19.2">
      <c r="A62701" s="2"/>
      <c r="B62701" s="2"/>
      <c r="C62701" s="2"/>
    </row>
    <row r="62702" spans="1:3" ht="19.2">
      <c r="A62702" s="2"/>
      <c r="B62702" s="2"/>
      <c r="C62702" s="2"/>
    </row>
    <row r="62703" spans="1:3" ht="19.2">
      <c r="A62703" s="2"/>
      <c r="B62703" s="2"/>
      <c r="C62703" s="2"/>
    </row>
    <row r="62704" spans="1:3" ht="19.2">
      <c r="A62704" s="2"/>
      <c r="B62704" s="2"/>
      <c r="C62704" s="2"/>
    </row>
    <row r="62705" spans="1:3" ht="19.2">
      <c r="A62705" s="2"/>
      <c r="B62705" s="2"/>
      <c r="C62705" s="2"/>
    </row>
    <row r="62706" spans="1:3" ht="19.2">
      <c r="A62706" s="2"/>
      <c r="B62706" s="2"/>
      <c r="C62706" s="2"/>
    </row>
    <row r="62707" spans="1:3" ht="19.2">
      <c r="A62707" s="2"/>
      <c r="B62707" s="2"/>
      <c r="C62707" s="2"/>
    </row>
    <row r="62708" spans="1:3" ht="19.2">
      <c r="A62708" s="2"/>
      <c r="B62708" s="2"/>
      <c r="C62708" s="2"/>
    </row>
    <row r="62709" spans="1:3" ht="19.2">
      <c r="A62709" s="2"/>
      <c r="B62709" s="2"/>
      <c r="C62709" s="2"/>
    </row>
    <row r="62710" spans="1:3" ht="19.2">
      <c r="A62710" s="2"/>
      <c r="B62710" s="2"/>
      <c r="C62710" s="2"/>
    </row>
    <row r="62711" spans="1:3" ht="19.2">
      <c r="A62711" s="2"/>
      <c r="B62711" s="2"/>
      <c r="C62711" s="2"/>
    </row>
    <row r="62712" spans="1:3" ht="19.2">
      <c r="A62712" s="2"/>
      <c r="B62712" s="2"/>
      <c r="C62712" s="2"/>
    </row>
    <row r="62713" spans="1:3" ht="19.2">
      <c r="A62713" s="2"/>
      <c r="B62713" s="2"/>
      <c r="C62713" s="2"/>
    </row>
    <row r="62714" spans="1:3" ht="19.2">
      <c r="A62714" s="2"/>
      <c r="B62714" s="2"/>
      <c r="C62714" s="2"/>
    </row>
    <row r="62715" spans="1:3" ht="19.2">
      <c r="A62715" s="2"/>
      <c r="B62715" s="2"/>
      <c r="C62715" s="2"/>
    </row>
    <row r="62716" spans="1:3" ht="19.2">
      <c r="A62716" s="2"/>
      <c r="B62716" s="2"/>
      <c r="C62716" s="2"/>
    </row>
    <row r="62717" spans="1:3" ht="19.2">
      <c r="A62717" s="2"/>
      <c r="B62717" s="2"/>
      <c r="C62717" s="2"/>
    </row>
    <row r="62718" spans="1:3" ht="19.2">
      <c r="A62718" s="2"/>
      <c r="B62718" s="2"/>
      <c r="C62718" s="2"/>
    </row>
    <row r="62719" spans="1:3" ht="19.2">
      <c r="A62719" s="2"/>
      <c r="B62719" s="2"/>
      <c r="C62719" s="2"/>
    </row>
    <row r="62720" spans="1:3" ht="19.2">
      <c r="A62720" s="2"/>
      <c r="B62720" s="2"/>
      <c r="C62720" s="2"/>
    </row>
    <row r="62721" spans="1:3" ht="19.2">
      <c r="A62721" s="2"/>
      <c r="B62721" s="2"/>
      <c r="C62721" s="2"/>
    </row>
    <row r="62722" spans="1:3" ht="19.2">
      <c r="A62722" s="2"/>
      <c r="B62722" s="2"/>
      <c r="C62722" s="2"/>
    </row>
    <row r="62723" spans="1:3" ht="19.2">
      <c r="A62723" s="2"/>
      <c r="B62723" s="2"/>
      <c r="C62723" s="2"/>
    </row>
    <row r="62724" spans="1:3" ht="19.2">
      <c r="A62724" s="2"/>
      <c r="B62724" s="2"/>
      <c r="C62724" s="2"/>
    </row>
    <row r="62725" spans="1:3" ht="19.2">
      <c r="A62725" s="2"/>
      <c r="B62725" s="2"/>
      <c r="C62725" s="2"/>
    </row>
    <row r="62726" spans="1:3" ht="19.2">
      <c r="A62726" s="2"/>
      <c r="B62726" s="2"/>
      <c r="C62726" s="2"/>
    </row>
    <row r="62727" spans="1:3" ht="19.2">
      <c r="A62727" s="2"/>
      <c r="B62727" s="2"/>
      <c r="C62727" s="2"/>
    </row>
    <row r="62728" spans="1:3" ht="19.2">
      <c r="A62728" s="2"/>
      <c r="B62728" s="2"/>
      <c r="C62728" s="2"/>
    </row>
    <row r="62729" spans="1:3" ht="19.2">
      <c r="A62729" s="2"/>
      <c r="B62729" s="2"/>
      <c r="C62729" s="2"/>
    </row>
    <row r="62730" spans="1:3" ht="19.2">
      <c r="A62730" s="2"/>
      <c r="B62730" s="2"/>
      <c r="C62730" s="2"/>
    </row>
    <row r="62731" spans="1:3" ht="19.2">
      <c r="A62731" s="2"/>
      <c r="B62731" s="2"/>
      <c r="C62731" s="2"/>
    </row>
    <row r="62732" spans="1:3" ht="19.2">
      <c r="A62732" s="2"/>
      <c r="B62732" s="2"/>
      <c r="C62732" s="2"/>
    </row>
    <row r="62733" spans="1:3" ht="19.2">
      <c r="A62733" s="2"/>
      <c r="B62733" s="2"/>
      <c r="C62733" s="2"/>
    </row>
    <row r="62734" spans="1:3" ht="19.2">
      <c r="A62734" s="2"/>
      <c r="B62734" s="2"/>
      <c r="C62734" s="2"/>
    </row>
    <row r="62735" spans="1:3" ht="19.2">
      <c r="A62735" s="2"/>
      <c r="B62735" s="2"/>
      <c r="C62735" s="2"/>
    </row>
    <row r="62736" spans="1:3" ht="19.2">
      <c r="A62736" s="2"/>
      <c r="B62736" s="2"/>
      <c r="C62736" s="2"/>
    </row>
    <row r="62737" spans="1:3" ht="19.2">
      <c r="A62737" s="2"/>
      <c r="B62737" s="2"/>
      <c r="C62737" s="2"/>
    </row>
    <row r="62738" spans="1:3" ht="19.2">
      <c r="A62738" s="2"/>
      <c r="B62738" s="2"/>
      <c r="C62738" s="2"/>
    </row>
    <row r="62739" spans="1:3" ht="19.2">
      <c r="A62739" s="2"/>
      <c r="B62739" s="2"/>
      <c r="C62739" s="2"/>
    </row>
    <row r="62740" spans="1:3" ht="19.2">
      <c r="A62740" s="2"/>
      <c r="B62740" s="2"/>
      <c r="C62740" s="2"/>
    </row>
    <row r="62741" spans="1:3" ht="19.2">
      <c r="A62741" s="2"/>
      <c r="B62741" s="2"/>
      <c r="C62741" s="2"/>
    </row>
    <row r="62742" spans="1:3" ht="19.2">
      <c r="A62742" s="2"/>
      <c r="B62742" s="2"/>
      <c r="C62742" s="2"/>
    </row>
    <row r="62743" spans="1:3" ht="19.2">
      <c r="A62743" s="2"/>
      <c r="B62743" s="2"/>
      <c r="C62743" s="2"/>
    </row>
    <row r="62744" spans="1:3" ht="19.2">
      <c r="A62744" s="2"/>
      <c r="B62744" s="2"/>
      <c r="C62744" s="2"/>
    </row>
    <row r="62745" spans="1:3" ht="19.2">
      <c r="A62745" s="2"/>
      <c r="B62745" s="2"/>
      <c r="C62745" s="2"/>
    </row>
    <row r="62746" spans="1:3" ht="19.2">
      <c r="A62746" s="2"/>
      <c r="B62746" s="2"/>
      <c r="C62746" s="2"/>
    </row>
    <row r="62747" spans="1:3" ht="19.2">
      <c r="A62747" s="2"/>
      <c r="B62747" s="2"/>
      <c r="C62747" s="2"/>
    </row>
    <row r="62748" spans="1:3" ht="19.2">
      <c r="A62748" s="2"/>
      <c r="B62748" s="2"/>
      <c r="C62748" s="2"/>
    </row>
    <row r="62749" spans="1:3" ht="19.2">
      <c r="A62749" s="2"/>
      <c r="B62749" s="2"/>
      <c r="C62749" s="2"/>
    </row>
    <row r="62750" spans="1:3" ht="19.2">
      <c r="A62750" s="2"/>
      <c r="B62750" s="2"/>
      <c r="C62750" s="2"/>
    </row>
    <row r="62751" spans="1:3" ht="19.2">
      <c r="A62751" s="2"/>
      <c r="B62751" s="2"/>
      <c r="C62751" s="2"/>
    </row>
    <row r="62752" spans="1:3" ht="19.2">
      <c r="A62752" s="2"/>
      <c r="B62752" s="2"/>
      <c r="C62752" s="2"/>
    </row>
    <row r="62753" spans="1:3" ht="19.2">
      <c r="A62753" s="2"/>
      <c r="B62753" s="2"/>
      <c r="C62753" s="2"/>
    </row>
    <row r="62754" spans="1:3" ht="19.2">
      <c r="A62754" s="2"/>
      <c r="B62754" s="2"/>
      <c r="C62754" s="2"/>
    </row>
    <row r="62755" spans="1:3" ht="19.2">
      <c r="A62755" s="2"/>
      <c r="B62755" s="2"/>
      <c r="C62755" s="2"/>
    </row>
    <row r="62756" spans="1:3" ht="19.2">
      <c r="A62756" s="2"/>
      <c r="B62756" s="2"/>
      <c r="C62756" s="2"/>
    </row>
    <row r="62757" spans="1:3" ht="19.2">
      <c r="A62757" s="2"/>
      <c r="B62757" s="2"/>
      <c r="C62757" s="2"/>
    </row>
    <row r="62758" spans="1:3" ht="19.2">
      <c r="A62758" s="2"/>
      <c r="B62758" s="2"/>
      <c r="C62758" s="2"/>
    </row>
    <row r="62759" spans="1:3" ht="19.2">
      <c r="A62759" s="2"/>
      <c r="B62759" s="2"/>
      <c r="C62759" s="2"/>
    </row>
    <row r="62760" spans="1:3" ht="19.2">
      <c r="A62760" s="2"/>
      <c r="B62760" s="2"/>
      <c r="C62760" s="2"/>
    </row>
    <row r="62761" spans="1:3" ht="19.2">
      <c r="A62761" s="2"/>
      <c r="B62761" s="2"/>
      <c r="C62761" s="2"/>
    </row>
    <row r="62762" spans="1:3" ht="19.2">
      <c r="A62762" s="2"/>
      <c r="B62762" s="2"/>
      <c r="C62762" s="2"/>
    </row>
    <row r="62763" spans="1:3" ht="19.2">
      <c r="A62763" s="2"/>
      <c r="B62763" s="2"/>
      <c r="C62763" s="2"/>
    </row>
    <row r="62764" spans="1:3" ht="19.2">
      <c r="A62764" s="2"/>
      <c r="B62764" s="2"/>
      <c r="C62764" s="2"/>
    </row>
    <row r="62765" spans="1:3" ht="19.2">
      <c r="A62765" s="2"/>
      <c r="B62765" s="2"/>
      <c r="C62765" s="2"/>
    </row>
    <row r="62766" spans="1:3" ht="19.2">
      <c r="A62766" s="2"/>
      <c r="B62766" s="2"/>
      <c r="C62766" s="2"/>
    </row>
    <row r="62767" spans="1:3" ht="19.2">
      <c r="A62767" s="2"/>
      <c r="B62767" s="2"/>
      <c r="C62767" s="2"/>
    </row>
    <row r="62768" spans="1:3" ht="19.2">
      <c r="A62768" s="2"/>
      <c r="B62768" s="2"/>
      <c r="C62768" s="2"/>
    </row>
    <row r="62769" spans="1:3" ht="19.2">
      <c r="A62769" s="2"/>
      <c r="B62769" s="2"/>
      <c r="C62769" s="2"/>
    </row>
    <row r="62770" spans="1:3" ht="19.2">
      <c r="A62770" s="2"/>
      <c r="B62770" s="2"/>
      <c r="C62770" s="2"/>
    </row>
    <row r="62771" spans="1:3" ht="19.2">
      <c r="A62771" s="2"/>
      <c r="B62771" s="2"/>
      <c r="C62771" s="2"/>
    </row>
    <row r="62772" spans="1:3" ht="19.2">
      <c r="A62772" s="2"/>
      <c r="B62772" s="2"/>
      <c r="C62772" s="2"/>
    </row>
    <row r="62773" spans="1:3" ht="19.2">
      <c r="A62773" s="2"/>
      <c r="B62773" s="2"/>
      <c r="C62773" s="2"/>
    </row>
    <row r="62774" spans="1:3" ht="19.2">
      <c r="A62774" s="2"/>
      <c r="B62774" s="2"/>
      <c r="C62774" s="2"/>
    </row>
    <row r="62775" spans="1:3" ht="19.2">
      <c r="A62775" s="2"/>
      <c r="B62775" s="2"/>
      <c r="C62775" s="2"/>
    </row>
    <row r="62776" spans="1:3" ht="19.2">
      <c r="A62776" s="2"/>
      <c r="B62776" s="2"/>
      <c r="C62776" s="2"/>
    </row>
    <row r="62777" spans="1:3" ht="19.2">
      <c r="A62777" s="2"/>
      <c r="B62777" s="2"/>
      <c r="C62777" s="2"/>
    </row>
    <row r="62778" spans="1:3" ht="19.2">
      <c r="A62778" s="2"/>
      <c r="B62778" s="2"/>
      <c r="C62778" s="2"/>
    </row>
    <row r="62779" spans="1:3" ht="19.2">
      <c r="A62779" s="2"/>
      <c r="B62779" s="2"/>
      <c r="C62779" s="2"/>
    </row>
    <row r="62780" spans="1:3" ht="19.2">
      <c r="A62780" s="2"/>
      <c r="B62780" s="2"/>
      <c r="C62780" s="2"/>
    </row>
    <row r="62781" spans="1:3" ht="19.2">
      <c r="A62781" s="2"/>
      <c r="B62781" s="2"/>
      <c r="C62781" s="2"/>
    </row>
    <row r="62782" spans="1:3" ht="19.2">
      <c r="A62782" s="2"/>
      <c r="B62782" s="2"/>
      <c r="C62782" s="2"/>
    </row>
    <row r="62783" spans="1:3" ht="19.2">
      <c r="A62783" s="2"/>
      <c r="B62783" s="2"/>
      <c r="C62783" s="2"/>
    </row>
    <row r="62784" spans="1:3" ht="19.2">
      <c r="A62784" s="2"/>
      <c r="B62784" s="2"/>
      <c r="C62784" s="2"/>
    </row>
    <row r="62785" spans="1:3" ht="19.2">
      <c r="A62785" s="2"/>
      <c r="B62785" s="2"/>
      <c r="C62785" s="2"/>
    </row>
    <row r="62786" spans="1:3" ht="19.2">
      <c r="A62786" s="2"/>
      <c r="B62786" s="2"/>
      <c r="C62786" s="2"/>
    </row>
    <row r="62787" spans="1:3" ht="19.2">
      <c r="A62787" s="2"/>
      <c r="B62787" s="2"/>
      <c r="C62787" s="2"/>
    </row>
    <row r="62788" spans="1:3" ht="19.2">
      <c r="A62788" s="2"/>
      <c r="B62788" s="2"/>
      <c r="C62788" s="2"/>
    </row>
    <row r="62789" spans="1:3" ht="19.2">
      <c r="A62789" s="2"/>
      <c r="B62789" s="2"/>
      <c r="C62789" s="2"/>
    </row>
    <row r="62790" spans="1:3" ht="19.2">
      <c r="A62790" s="2"/>
      <c r="B62790" s="2"/>
      <c r="C62790" s="2"/>
    </row>
    <row r="62791" spans="1:3" ht="19.2">
      <c r="A62791" s="2"/>
      <c r="B62791" s="2"/>
      <c r="C62791" s="2"/>
    </row>
    <row r="62792" spans="1:3" ht="19.2">
      <c r="A62792" s="2"/>
      <c r="B62792" s="2"/>
      <c r="C62792" s="2"/>
    </row>
    <row r="62793" spans="1:3" ht="19.2">
      <c r="A62793" s="2"/>
      <c r="B62793" s="2"/>
      <c r="C62793" s="2"/>
    </row>
    <row r="62794" spans="1:3" ht="19.2">
      <c r="A62794" s="2"/>
      <c r="B62794" s="2"/>
      <c r="C62794" s="2"/>
    </row>
    <row r="62795" spans="1:3" ht="19.2">
      <c r="A62795" s="2"/>
      <c r="B62795" s="2"/>
      <c r="C62795" s="2"/>
    </row>
    <row r="62796" spans="1:3" ht="19.2">
      <c r="A62796" s="2"/>
      <c r="B62796" s="2"/>
      <c r="C62796" s="2"/>
    </row>
    <row r="62797" spans="1:3" ht="19.2">
      <c r="A62797" s="2"/>
      <c r="B62797" s="2"/>
      <c r="C62797" s="2"/>
    </row>
    <row r="62798" spans="1:3" ht="19.2">
      <c r="A62798" s="2"/>
      <c r="B62798" s="2"/>
      <c r="C62798" s="2"/>
    </row>
    <row r="62799" spans="1:3" ht="19.2">
      <c r="A62799" s="2"/>
      <c r="B62799" s="2"/>
      <c r="C62799" s="2"/>
    </row>
    <row r="62800" spans="1:3" ht="19.2">
      <c r="A62800" s="2"/>
      <c r="B62800" s="2"/>
      <c r="C62800" s="2"/>
    </row>
    <row r="62801" spans="1:3" ht="19.2">
      <c r="A62801" s="2"/>
      <c r="B62801" s="2"/>
      <c r="C62801" s="2"/>
    </row>
    <row r="62802" spans="1:3" ht="19.2">
      <c r="A62802" s="2"/>
      <c r="B62802" s="2"/>
      <c r="C62802" s="2"/>
    </row>
    <row r="62803" spans="1:3" ht="19.2">
      <c r="A62803" s="2"/>
      <c r="B62803" s="2"/>
      <c r="C62803" s="2"/>
    </row>
    <row r="62804" spans="1:3" ht="19.2">
      <c r="A62804" s="2"/>
      <c r="B62804" s="2"/>
      <c r="C62804" s="2"/>
    </row>
    <row r="62805" spans="1:3" ht="19.2">
      <c r="A62805" s="2"/>
      <c r="B62805" s="2"/>
      <c r="C62805" s="2"/>
    </row>
    <row r="62806" spans="1:3" ht="19.2">
      <c r="A62806" s="2"/>
      <c r="B62806" s="2"/>
      <c r="C62806" s="2"/>
    </row>
    <row r="62807" spans="1:3" ht="19.2">
      <c r="A62807" s="2"/>
      <c r="B62807" s="2"/>
      <c r="C62807" s="2"/>
    </row>
    <row r="62808" spans="1:3" ht="19.2">
      <c r="A62808" s="2"/>
      <c r="B62808" s="2"/>
      <c r="C62808" s="2"/>
    </row>
    <row r="62809" spans="1:3" ht="19.2">
      <c r="A62809" s="2"/>
      <c r="B62809" s="2"/>
      <c r="C62809" s="2"/>
    </row>
    <row r="62810" spans="1:3" ht="19.2">
      <c r="A62810" s="2"/>
      <c r="B62810" s="2"/>
      <c r="C62810" s="2"/>
    </row>
    <row r="62811" spans="1:3" ht="19.2">
      <c r="A62811" s="2"/>
      <c r="B62811" s="2"/>
      <c r="C62811" s="2"/>
    </row>
    <row r="62812" spans="1:3" ht="19.2">
      <c r="A62812" s="2"/>
      <c r="B62812" s="2"/>
      <c r="C62812" s="2"/>
    </row>
    <row r="62813" spans="1:3" ht="19.2">
      <c r="A62813" s="2"/>
      <c r="B62813" s="2"/>
      <c r="C62813" s="2"/>
    </row>
    <row r="62814" spans="1:3" ht="19.2">
      <c r="A62814" s="2"/>
      <c r="B62814" s="2"/>
      <c r="C62814" s="2"/>
    </row>
    <row r="62815" spans="1:3" ht="19.2">
      <c r="A62815" s="2"/>
      <c r="B62815" s="2"/>
      <c r="C62815" s="2"/>
    </row>
    <row r="62816" spans="1:3" ht="19.2">
      <c r="A62816" s="2"/>
      <c r="B62816" s="2"/>
      <c r="C62816" s="2"/>
    </row>
    <row r="62817" spans="1:3" ht="19.2">
      <c r="A62817" s="2"/>
      <c r="B62817" s="2"/>
      <c r="C62817" s="2"/>
    </row>
    <row r="62818" spans="1:3" ht="19.2">
      <c r="A62818" s="2"/>
      <c r="B62818" s="2"/>
      <c r="C62818" s="2"/>
    </row>
    <row r="62819" spans="1:3" ht="19.2">
      <c r="A62819" s="2"/>
      <c r="B62819" s="2"/>
      <c r="C62819" s="2"/>
    </row>
    <row r="62820" spans="1:3" ht="19.2">
      <c r="A62820" s="2"/>
      <c r="B62820" s="2"/>
      <c r="C62820" s="2"/>
    </row>
    <row r="62821" spans="1:3" ht="19.2">
      <c r="A62821" s="2"/>
      <c r="B62821" s="2"/>
      <c r="C62821" s="2"/>
    </row>
    <row r="62822" spans="1:3" ht="19.2">
      <c r="A62822" s="2"/>
      <c r="B62822" s="2"/>
      <c r="C62822" s="2"/>
    </row>
    <row r="62823" spans="1:3" ht="19.2">
      <c r="A62823" s="2"/>
      <c r="B62823" s="2"/>
      <c r="C62823" s="2"/>
    </row>
    <row r="62824" spans="1:3" ht="19.2">
      <c r="A62824" s="2"/>
      <c r="B62824" s="2"/>
      <c r="C62824" s="2"/>
    </row>
    <row r="62825" spans="1:3" ht="19.2">
      <c r="A62825" s="2"/>
      <c r="B62825" s="2"/>
      <c r="C62825" s="2"/>
    </row>
    <row r="62826" spans="1:3" ht="19.2">
      <c r="A62826" s="2"/>
      <c r="B62826" s="2"/>
      <c r="C62826" s="2"/>
    </row>
    <row r="62827" spans="1:3" ht="19.2">
      <c r="A62827" s="2"/>
      <c r="B62827" s="2"/>
      <c r="C62827" s="2"/>
    </row>
    <row r="62828" spans="1:3" ht="19.2">
      <c r="A62828" s="2"/>
      <c r="B62828" s="2"/>
      <c r="C62828" s="2"/>
    </row>
    <row r="62829" spans="1:3" ht="19.2">
      <c r="A62829" s="2"/>
      <c r="B62829" s="2"/>
      <c r="C62829" s="2"/>
    </row>
    <row r="62830" spans="1:3" ht="19.2">
      <c r="A62830" s="2"/>
      <c r="B62830" s="2"/>
      <c r="C62830" s="2"/>
    </row>
    <row r="62831" spans="1:3" ht="19.2">
      <c r="A62831" s="2"/>
      <c r="B62831" s="2"/>
      <c r="C62831" s="2"/>
    </row>
    <row r="62832" spans="1:3" ht="19.2">
      <c r="A62832" s="2"/>
      <c r="B62832" s="2"/>
      <c r="C62832" s="2"/>
    </row>
    <row r="62833" spans="1:3" ht="19.2">
      <c r="A62833" s="2"/>
      <c r="B62833" s="2"/>
      <c r="C62833" s="2"/>
    </row>
    <row r="62834" spans="1:3" ht="19.2">
      <c r="A62834" s="2"/>
      <c r="B62834" s="2"/>
      <c r="C62834" s="2"/>
    </row>
    <row r="62835" spans="1:3" ht="19.2">
      <c r="A62835" s="2"/>
      <c r="B62835" s="2"/>
      <c r="C62835" s="2"/>
    </row>
    <row r="62836" spans="1:3" ht="19.2">
      <c r="A62836" s="2"/>
      <c r="B62836" s="2"/>
      <c r="C62836" s="2"/>
    </row>
    <row r="62837" spans="1:3" ht="19.2">
      <c r="A62837" s="2"/>
      <c r="B62837" s="2"/>
      <c r="C62837" s="2"/>
    </row>
    <row r="62838" spans="1:3" ht="19.2">
      <c r="A62838" s="2"/>
      <c r="B62838" s="2"/>
      <c r="C62838" s="2"/>
    </row>
    <row r="62839" spans="1:3" ht="19.2">
      <c r="A62839" s="2"/>
      <c r="B62839" s="2"/>
      <c r="C62839" s="2"/>
    </row>
    <row r="62840" spans="1:3" ht="19.2">
      <c r="A62840" s="2"/>
      <c r="B62840" s="2"/>
      <c r="C62840" s="2"/>
    </row>
    <row r="62841" spans="1:3" ht="19.2">
      <c r="A62841" s="2"/>
      <c r="B62841" s="2"/>
      <c r="C62841" s="2"/>
    </row>
    <row r="62842" spans="1:3" ht="19.2">
      <c r="A62842" s="2"/>
      <c r="B62842" s="2"/>
      <c r="C62842" s="2"/>
    </row>
    <row r="62843" spans="1:3" ht="19.2">
      <c r="A62843" s="2"/>
      <c r="B62843" s="2"/>
      <c r="C62843" s="2"/>
    </row>
    <row r="62844" spans="1:3" ht="19.2">
      <c r="A62844" s="2"/>
      <c r="B62844" s="2"/>
      <c r="C62844" s="2"/>
    </row>
    <row r="62845" spans="1:3" ht="19.2">
      <c r="A62845" s="2"/>
      <c r="B62845" s="2"/>
      <c r="C62845" s="2"/>
    </row>
    <row r="62846" spans="1:3" ht="19.2">
      <c r="A62846" s="2"/>
      <c r="B62846" s="2"/>
      <c r="C62846" s="2"/>
    </row>
    <row r="62847" spans="1:3" ht="19.2">
      <c r="A62847" s="2"/>
      <c r="B62847" s="2"/>
      <c r="C62847" s="2"/>
    </row>
    <row r="62848" spans="1:3" ht="19.2">
      <c r="A62848" s="2"/>
      <c r="B62848" s="2"/>
      <c r="C62848" s="2"/>
    </row>
    <row r="62849" spans="1:3" ht="19.2">
      <c r="A62849" s="2"/>
      <c r="B62849" s="2"/>
      <c r="C62849" s="2"/>
    </row>
    <row r="62850" spans="1:3" ht="19.2">
      <c r="A62850" s="2"/>
      <c r="B62850" s="2"/>
      <c r="C62850" s="2"/>
    </row>
    <row r="62851" spans="1:3" ht="19.2">
      <c r="A62851" s="2"/>
      <c r="B62851" s="2"/>
      <c r="C62851" s="2"/>
    </row>
    <row r="62852" spans="1:3" ht="19.2">
      <c r="A62852" s="2"/>
      <c r="B62852" s="2"/>
      <c r="C62852" s="2"/>
    </row>
    <row r="62853" spans="1:3" ht="19.2">
      <c r="A62853" s="2"/>
      <c r="B62853" s="2"/>
      <c r="C62853" s="2"/>
    </row>
    <row r="62854" spans="1:3" ht="19.2">
      <c r="A62854" s="2"/>
      <c r="B62854" s="2"/>
      <c r="C62854" s="2"/>
    </row>
    <row r="62855" spans="1:3" ht="19.2">
      <c r="A62855" s="2"/>
      <c r="B62855" s="2"/>
      <c r="C62855" s="2"/>
    </row>
    <row r="62856" spans="1:3" ht="19.2">
      <c r="A62856" s="2"/>
      <c r="B62856" s="2"/>
      <c r="C62856" s="2"/>
    </row>
    <row r="62857" spans="1:3" ht="19.2">
      <c r="A62857" s="2"/>
      <c r="B62857" s="2"/>
      <c r="C62857" s="2"/>
    </row>
    <row r="62858" spans="1:3" ht="19.2">
      <c r="A62858" s="2"/>
      <c r="B62858" s="2"/>
      <c r="C62858" s="2"/>
    </row>
    <row r="62859" spans="1:3" ht="19.2">
      <c r="A62859" s="2"/>
      <c r="B62859" s="2"/>
      <c r="C62859" s="2"/>
    </row>
    <row r="62860" spans="1:3" ht="19.2">
      <c r="A62860" s="2"/>
      <c r="B62860" s="2"/>
      <c r="C62860" s="2"/>
    </row>
    <row r="62861" spans="1:3" ht="19.2">
      <c r="A62861" s="2"/>
      <c r="B62861" s="2"/>
      <c r="C62861" s="2"/>
    </row>
    <row r="62862" spans="1:3" ht="19.2">
      <c r="A62862" s="2"/>
      <c r="B62862" s="2"/>
      <c r="C62862" s="2"/>
    </row>
    <row r="62863" spans="1:3" ht="19.2">
      <c r="A62863" s="2"/>
      <c r="B62863" s="2"/>
      <c r="C62863" s="2"/>
    </row>
    <row r="62864" spans="1:3" ht="19.2">
      <c r="A62864" s="2"/>
      <c r="B62864" s="2"/>
      <c r="C62864" s="2"/>
    </row>
    <row r="62865" spans="1:3" ht="19.2">
      <c r="A62865" s="2"/>
      <c r="B62865" s="2"/>
      <c r="C62865" s="2"/>
    </row>
    <row r="62866" spans="1:3" ht="19.2">
      <c r="A62866" s="2"/>
      <c r="B62866" s="2"/>
      <c r="C62866" s="2"/>
    </row>
    <row r="62867" spans="1:3" ht="19.2">
      <c r="A62867" s="2"/>
      <c r="B62867" s="2"/>
      <c r="C62867" s="2"/>
    </row>
    <row r="62868" spans="1:3" ht="19.2">
      <c r="A62868" s="2"/>
      <c r="B62868" s="2"/>
      <c r="C62868" s="2"/>
    </row>
    <row r="62869" spans="1:3" ht="19.2">
      <c r="A62869" s="2"/>
      <c r="B62869" s="2"/>
      <c r="C62869" s="2"/>
    </row>
    <row r="62870" spans="1:3" ht="19.2">
      <c r="A62870" s="2"/>
      <c r="B62870" s="2"/>
      <c r="C62870" s="2"/>
    </row>
    <row r="62871" spans="1:3" ht="19.2">
      <c r="A62871" s="2"/>
      <c r="B62871" s="2"/>
      <c r="C62871" s="2"/>
    </row>
    <row r="62872" spans="1:3" ht="19.2">
      <c r="A62872" s="2"/>
      <c r="B62872" s="2"/>
      <c r="C62872" s="2"/>
    </row>
    <row r="62873" spans="1:3" ht="19.2">
      <c r="A62873" s="2"/>
      <c r="B62873" s="2"/>
      <c r="C62873" s="2"/>
    </row>
    <row r="62874" spans="1:3" ht="19.2">
      <c r="A62874" s="2"/>
      <c r="B62874" s="2"/>
      <c r="C62874" s="2"/>
    </row>
    <row r="62875" spans="1:3" ht="19.2">
      <c r="A62875" s="2"/>
      <c r="B62875" s="2"/>
      <c r="C62875" s="2"/>
    </row>
    <row r="62876" spans="1:3" ht="19.2">
      <c r="A62876" s="2"/>
      <c r="B62876" s="2"/>
      <c r="C62876" s="2"/>
    </row>
    <row r="62877" spans="1:3" ht="19.2">
      <c r="A62877" s="2"/>
      <c r="B62877" s="2"/>
      <c r="C62877" s="2"/>
    </row>
    <row r="62878" spans="1:3" ht="19.2">
      <c r="A62878" s="2"/>
      <c r="B62878" s="2"/>
      <c r="C62878" s="2"/>
    </row>
    <row r="62879" spans="1:3" ht="19.2">
      <c r="A62879" s="2"/>
      <c r="B62879" s="2"/>
      <c r="C62879" s="2"/>
    </row>
    <row r="62880" spans="1:3" ht="19.2">
      <c r="A62880" s="2"/>
      <c r="B62880" s="2"/>
      <c r="C62880" s="2"/>
    </row>
    <row r="62881" spans="1:3" ht="19.2">
      <c r="A62881" s="2"/>
      <c r="B62881" s="2"/>
      <c r="C62881" s="2"/>
    </row>
    <row r="62882" spans="1:3" ht="19.2">
      <c r="A62882" s="2"/>
      <c r="B62882" s="2"/>
      <c r="C62882" s="2"/>
    </row>
    <row r="62883" spans="1:3" ht="19.2">
      <c r="A62883" s="2"/>
      <c r="B62883" s="2"/>
      <c r="C62883" s="2"/>
    </row>
    <row r="62884" spans="1:3" ht="19.2">
      <c r="A62884" s="2"/>
      <c r="B62884" s="2"/>
      <c r="C62884" s="2"/>
    </row>
    <row r="62885" spans="1:3" ht="19.2">
      <c r="A62885" s="2"/>
      <c r="B62885" s="2"/>
      <c r="C62885" s="2"/>
    </row>
    <row r="62886" spans="1:3" ht="19.2">
      <c r="A62886" s="2"/>
      <c r="B62886" s="2"/>
      <c r="C62886" s="2"/>
    </row>
    <row r="62887" spans="1:3" ht="19.2">
      <c r="A62887" s="2"/>
      <c r="B62887" s="2"/>
      <c r="C62887" s="2"/>
    </row>
    <row r="62888" spans="1:3" ht="19.2">
      <c r="A62888" s="2"/>
      <c r="B62888" s="2"/>
      <c r="C62888" s="2"/>
    </row>
    <row r="62889" spans="1:3" ht="19.2">
      <c r="A62889" s="2"/>
      <c r="B62889" s="2"/>
      <c r="C62889" s="2"/>
    </row>
    <row r="62890" spans="1:3" ht="19.2">
      <c r="A62890" s="2"/>
      <c r="B62890" s="2"/>
      <c r="C62890" s="2"/>
    </row>
    <row r="62891" spans="1:3" ht="19.2">
      <c r="A62891" s="2"/>
      <c r="B62891" s="2"/>
      <c r="C62891" s="2"/>
    </row>
    <row r="62892" spans="1:3" ht="19.2">
      <c r="A62892" s="2"/>
      <c r="B62892" s="2"/>
      <c r="C62892" s="2"/>
    </row>
    <row r="62893" spans="1:3" ht="19.2">
      <c r="A62893" s="2"/>
      <c r="B62893" s="2"/>
      <c r="C62893" s="2"/>
    </row>
    <row r="62894" spans="1:3" ht="19.2">
      <c r="A62894" s="2"/>
      <c r="B62894" s="2"/>
      <c r="C62894" s="2"/>
    </row>
    <row r="62895" spans="1:3" ht="19.2">
      <c r="A62895" s="2"/>
      <c r="B62895" s="2"/>
      <c r="C62895" s="2"/>
    </row>
    <row r="62896" spans="1:3" ht="19.2">
      <c r="A62896" s="2"/>
      <c r="B62896" s="2"/>
      <c r="C62896" s="2"/>
    </row>
    <row r="62897" spans="1:3" ht="19.2">
      <c r="A62897" s="2"/>
      <c r="B62897" s="2"/>
      <c r="C62897" s="2"/>
    </row>
    <row r="62898" spans="1:3" ht="19.2">
      <c r="A62898" s="2"/>
      <c r="B62898" s="2"/>
      <c r="C62898" s="2"/>
    </row>
    <row r="62899" spans="1:3" ht="19.2">
      <c r="A62899" s="2"/>
      <c r="B62899" s="2"/>
      <c r="C62899" s="2"/>
    </row>
    <row r="62900" spans="1:3" ht="19.2">
      <c r="A62900" s="2"/>
      <c r="B62900" s="2"/>
      <c r="C62900" s="2"/>
    </row>
    <row r="62901" spans="1:3" ht="19.2">
      <c r="A62901" s="2"/>
      <c r="B62901" s="2"/>
      <c r="C62901" s="2"/>
    </row>
    <row r="62902" spans="1:3" ht="19.2">
      <c r="A62902" s="2"/>
      <c r="B62902" s="2"/>
      <c r="C62902" s="2"/>
    </row>
    <row r="62903" spans="1:3" ht="19.2">
      <c r="A62903" s="2"/>
      <c r="B62903" s="2"/>
      <c r="C62903" s="2"/>
    </row>
    <row r="62904" spans="1:3" ht="19.2">
      <c r="A62904" s="2"/>
      <c r="B62904" s="2"/>
      <c r="C62904" s="2"/>
    </row>
    <row r="62905" spans="1:3" ht="19.2">
      <c r="A62905" s="2"/>
      <c r="B62905" s="2"/>
      <c r="C62905" s="2"/>
    </row>
    <row r="62906" spans="1:3" ht="19.2">
      <c r="A62906" s="2"/>
      <c r="B62906" s="2"/>
      <c r="C62906" s="2"/>
    </row>
    <row r="62907" spans="1:3" ht="19.2">
      <c r="A62907" s="2"/>
      <c r="B62907" s="2"/>
      <c r="C62907" s="2"/>
    </row>
    <row r="62908" spans="1:3" ht="19.2">
      <c r="A62908" s="2"/>
      <c r="B62908" s="2"/>
      <c r="C62908" s="2"/>
    </row>
    <row r="62909" spans="1:3" ht="19.2">
      <c r="A62909" s="2"/>
      <c r="B62909" s="2"/>
      <c r="C62909" s="2"/>
    </row>
    <row r="62910" spans="1:3" ht="19.2">
      <c r="A62910" s="2"/>
      <c r="B62910" s="2"/>
      <c r="C62910" s="2"/>
    </row>
    <row r="62911" spans="1:3" ht="19.2">
      <c r="A62911" s="2"/>
      <c r="B62911" s="2"/>
      <c r="C62911" s="2"/>
    </row>
    <row r="62912" spans="1:3" ht="19.2">
      <c r="A62912" s="2"/>
      <c r="B62912" s="2"/>
      <c r="C62912" s="2"/>
    </row>
    <row r="62913" spans="1:3" ht="19.2">
      <c r="A62913" s="2"/>
      <c r="B62913" s="2"/>
      <c r="C62913" s="2"/>
    </row>
    <row r="62914" spans="1:3" ht="19.2">
      <c r="A62914" s="2"/>
      <c r="B62914" s="2"/>
      <c r="C62914" s="2"/>
    </row>
    <row r="62915" spans="1:3" ht="19.2">
      <c r="A62915" s="2"/>
      <c r="B62915" s="2"/>
      <c r="C62915" s="2"/>
    </row>
    <row r="62916" spans="1:3" ht="19.2">
      <c r="A62916" s="2"/>
      <c r="B62916" s="2"/>
      <c r="C62916" s="2"/>
    </row>
    <row r="62917" spans="1:3" ht="19.2">
      <c r="A62917" s="2"/>
      <c r="B62917" s="2"/>
      <c r="C62917" s="2"/>
    </row>
    <row r="62918" spans="1:3" ht="19.2">
      <c r="A62918" s="2"/>
      <c r="B62918" s="2"/>
      <c r="C62918" s="2"/>
    </row>
    <row r="62919" spans="1:3" ht="19.2">
      <c r="A62919" s="2"/>
      <c r="B62919" s="2"/>
      <c r="C62919" s="2"/>
    </row>
    <row r="62920" spans="1:3" ht="19.2">
      <c r="A62920" s="2"/>
      <c r="B62920" s="2"/>
      <c r="C62920" s="2"/>
    </row>
    <row r="62921" spans="1:3" ht="19.2">
      <c r="A62921" s="2"/>
      <c r="B62921" s="2"/>
      <c r="C62921" s="2"/>
    </row>
    <row r="62922" spans="1:3" ht="19.2">
      <c r="A62922" s="2"/>
      <c r="B62922" s="2"/>
      <c r="C62922" s="2"/>
    </row>
    <row r="62923" spans="1:3" ht="19.2">
      <c r="A62923" s="2"/>
      <c r="B62923" s="2"/>
      <c r="C62923" s="2"/>
    </row>
    <row r="62924" spans="1:3" ht="19.2">
      <c r="A62924" s="2"/>
      <c r="B62924" s="2"/>
      <c r="C62924" s="2"/>
    </row>
    <row r="62925" spans="1:3" ht="19.2">
      <c r="A62925" s="2"/>
      <c r="B62925" s="2"/>
      <c r="C62925" s="2"/>
    </row>
    <row r="62926" spans="1:3" ht="19.2">
      <c r="A62926" s="2"/>
      <c r="B62926" s="2"/>
      <c r="C62926" s="2"/>
    </row>
    <row r="62927" spans="1:3" ht="19.2">
      <c r="A62927" s="2"/>
      <c r="B62927" s="2"/>
      <c r="C62927" s="2"/>
    </row>
    <row r="62928" spans="1:3" ht="19.2">
      <c r="A62928" s="2"/>
      <c r="B62928" s="2"/>
      <c r="C62928" s="2"/>
    </row>
    <row r="62929" spans="1:3" ht="19.2">
      <c r="A62929" s="2"/>
      <c r="B62929" s="2"/>
      <c r="C62929" s="2"/>
    </row>
    <row r="62930" spans="1:3" ht="19.2">
      <c r="A62930" s="2"/>
      <c r="B62930" s="2"/>
      <c r="C62930" s="2"/>
    </row>
    <row r="62931" spans="1:3" ht="19.2">
      <c r="A62931" s="2"/>
      <c r="B62931" s="2"/>
      <c r="C62931" s="2"/>
    </row>
    <row r="62932" spans="1:3" ht="19.2">
      <c r="A62932" s="2"/>
      <c r="B62932" s="2"/>
      <c r="C62932" s="2"/>
    </row>
    <row r="62933" spans="1:3" ht="19.2">
      <c r="A62933" s="2"/>
      <c r="B62933" s="2"/>
      <c r="C62933" s="2"/>
    </row>
    <row r="62934" spans="1:3" ht="19.2">
      <c r="A62934" s="2"/>
      <c r="B62934" s="2"/>
      <c r="C62934" s="2"/>
    </row>
    <row r="62935" spans="1:3" ht="19.2">
      <c r="A62935" s="2"/>
      <c r="B62935" s="2"/>
      <c r="C62935" s="2"/>
    </row>
    <row r="62936" spans="1:3" ht="19.2">
      <c r="A62936" s="2"/>
      <c r="B62936" s="2"/>
      <c r="C62936" s="2"/>
    </row>
    <row r="62937" spans="1:3" ht="19.2">
      <c r="A62937" s="2"/>
      <c r="B62937" s="2"/>
      <c r="C62937" s="2"/>
    </row>
    <row r="62938" spans="1:3" ht="19.2">
      <c r="A62938" s="2"/>
      <c r="B62938" s="2"/>
      <c r="C62938" s="2"/>
    </row>
    <row r="62939" spans="1:3" ht="19.2">
      <c r="A62939" s="2"/>
      <c r="B62939" s="2"/>
      <c r="C62939" s="2"/>
    </row>
    <row r="62940" spans="1:3" ht="19.2">
      <c r="A62940" s="2"/>
      <c r="B62940" s="2"/>
      <c r="C62940" s="2"/>
    </row>
    <row r="62941" spans="1:3" ht="19.2">
      <c r="A62941" s="2"/>
      <c r="B62941" s="2"/>
      <c r="C62941" s="2"/>
    </row>
    <row r="62942" spans="1:3" ht="19.2">
      <c r="A62942" s="2"/>
      <c r="B62942" s="2"/>
      <c r="C62942" s="2"/>
    </row>
    <row r="62943" spans="1:3" ht="19.2">
      <c r="A62943" s="2"/>
      <c r="B62943" s="2"/>
      <c r="C62943" s="2"/>
    </row>
    <row r="62944" spans="1:3" ht="19.2">
      <c r="A62944" s="2"/>
      <c r="B62944" s="2"/>
      <c r="C62944" s="2"/>
    </row>
    <row r="62945" spans="1:3" ht="19.2">
      <c r="A62945" s="2"/>
      <c r="B62945" s="2"/>
      <c r="C62945" s="2"/>
    </row>
    <row r="62946" spans="1:3" ht="19.2">
      <c r="A62946" s="2"/>
      <c r="B62946" s="2"/>
      <c r="C62946" s="2"/>
    </row>
    <row r="62947" spans="1:3" ht="19.2">
      <c r="A62947" s="2"/>
      <c r="B62947" s="2"/>
      <c r="C62947" s="2"/>
    </row>
    <row r="62948" spans="1:3" ht="19.2">
      <c r="A62948" s="2"/>
      <c r="B62948" s="2"/>
      <c r="C62948" s="2"/>
    </row>
    <row r="62949" spans="1:3" ht="19.2">
      <c r="A62949" s="2"/>
      <c r="B62949" s="2"/>
      <c r="C62949" s="2"/>
    </row>
    <row r="62950" spans="1:3" ht="19.2">
      <c r="A62950" s="2"/>
      <c r="B62950" s="2"/>
      <c r="C62950" s="2"/>
    </row>
    <row r="62951" spans="1:3" ht="19.2">
      <c r="A62951" s="2"/>
      <c r="B62951" s="2"/>
      <c r="C62951" s="2"/>
    </row>
    <row r="62952" spans="1:3" ht="19.2">
      <c r="A62952" s="2"/>
      <c r="B62952" s="2"/>
      <c r="C62952" s="2"/>
    </row>
    <row r="62953" spans="1:3" ht="19.2">
      <c r="A62953" s="2"/>
      <c r="B62953" s="2"/>
      <c r="C62953" s="2"/>
    </row>
    <row r="62954" spans="1:3" ht="19.2">
      <c r="A62954" s="2"/>
      <c r="B62954" s="2"/>
      <c r="C62954" s="2"/>
    </row>
    <row r="62955" spans="1:3" ht="19.2">
      <c r="A62955" s="2"/>
      <c r="B62955" s="2"/>
      <c r="C62955" s="2"/>
    </row>
    <row r="62956" spans="1:3" ht="19.2">
      <c r="A62956" s="2"/>
      <c r="B62956" s="2"/>
      <c r="C62956" s="2"/>
    </row>
    <row r="62957" spans="1:3" ht="19.2">
      <c r="A62957" s="2"/>
      <c r="B62957" s="2"/>
      <c r="C62957" s="2"/>
    </row>
    <row r="62958" spans="1:3" ht="19.2">
      <c r="A62958" s="2"/>
      <c r="B62958" s="2"/>
      <c r="C62958" s="2"/>
    </row>
    <row r="62959" spans="1:3" ht="19.2">
      <c r="A62959" s="2"/>
      <c r="B62959" s="2"/>
      <c r="C62959" s="2"/>
    </row>
    <row r="62960" spans="1:3" ht="19.2">
      <c r="A62960" s="2"/>
      <c r="B62960" s="2"/>
      <c r="C62960" s="2"/>
    </row>
    <row r="62961" spans="1:3" ht="19.2">
      <c r="A62961" s="2"/>
      <c r="B62961" s="2"/>
      <c r="C62961" s="2"/>
    </row>
    <row r="62962" spans="1:3" ht="19.2">
      <c r="A62962" s="2"/>
      <c r="B62962" s="2"/>
      <c r="C62962" s="2"/>
    </row>
    <row r="62963" spans="1:3" ht="19.2">
      <c r="A62963" s="2"/>
      <c r="B62963" s="2"/>
      <c r="C62963" s="2"/>
    </row>
    <row r="62964" spans="1:3" ht="19.2">
      <c r="A62964" s="2"/>
      <c r="B62964" s="2"/>
      <c r="C62964" s="2"/>
    </row>
    <row r="62965" spans="1:3" ht="19.2">
      <c r="A62965" s="2"/>
      <c r="B62965" s="2"/>
      <c r="C62965" s="2"/>
    </row>
    <row r="62966" spans="1:3" ht="19.2">
      <c r="A62966" s="2"/>
      <c r="B62966" s="2"/>
      <c r="C62966" s="2"/>
    </row>
    <row r="62967" spans="1:3" ht="19.2">
      <c r="A62967" s="2"/>
      <c r="B62967" s="2"/>
      <c r="C62967" s="2"/>
    </row>
    <row r="62968" spans="1:3" ht="19.2">
      <c r="A62968" s="2"/>
      <c r="B62968" s="2"/>
      <c r="C62968" s="2"/>
    </row>
    <row r="62969" spans="1:3" ht="19.2">
      <c r="A62969" s="2"/>
      <c r="B62969" s="2"/>
      <c r="C62969" s="2"/>
    </row>
    <row r="62970" spans="1:3" ht="19.2">
      <c r="A62970" s="2"/>
      <c r="B62970" s="2"/>
      <c r="C62970" s="2"/>
    </row>
    <row r="62971" spans="1:3" ht="19.2">
      <c r="A62971" s="2"/>
      <c r="B62971" s="2"/>
      <c r="C62971" s="2"/>
    </row>
    <row r="62972" spans="1:3" ht="19.2">
      <c r="A62972" s="2"/>
      <c r="B62972" s="2"/>
      <c r="C62972" s="2"/>
    </row>
    <row r="62973" spans="1:3" ht="19.2">
      <c r="A62973" s="2"/>
      <c r="B62973" s="2"/>
      <c r="C62973" s="2"/>
    </row>
    <row r="62974" spans="1:3" ht="19.2">
      <c r="A62974" s="2"/>
      <c r="B62974" s="2"/>
      <c r="C62974" s="2"/>
    </row>
    <row r="62975" spans="1:3" ht="19.2">
      <c r="A62975" s="2"/>
      <c r="B62975" s="2"/>
      <c r="C62975" s="2"/>
    </row>
    <row r="62976" spans="1:3" ht="19.2">
      <c r="A62976" s="2"/>
      <c r="B62976" s="2"/>
      <c r="C62976" s="2"/>
    </row>
    <row r="62977" spans="1:3" ht="19.2">
      <c r="A62977" s="2"/>
      <c r="B62977" s="2"/>
      <c r="C62977" s="2"/>
    </row>
    <row r="62978" spans="1:3" ht="19.2">
      <c r="A62978" s="2"/>
      <c r="B62978" s="2"/>
      <c r="C62978" s="2"/>
    </row>
    <row r="62979" spans="1:3" ht="19.2">
      <c r="A62979" s="2"/>
      <c r="B62979" s="2"/>
      <c r="C62979" s="2"/>
    </row>
    <row r="62980" spans="1:3" ht="19.2">
      <c r="A62980" s="2"/>
      <c r="B62980" s="2"/>
      <c r="C62980" s="2"/>
    </row>
    <row r="62981" spans="1:3" ht="19.2">
      <c r="A62981" s="2"/>
      <c r="B62981" s="2"/>
      <c r="C62981" s="2"/>
    </row>
    <row r="62982" spans="1:3" ht="19.2">
      <c r="A62982" s="2"/>
      <c r="B62982" s="2"/>
      <c r="C62982" s="2"/>
    </row>
    <row r="62983" spans="1:3" ht="19.2">
      <c r="A62983" s="2"/>
      <c r="B62983" s="2"/>
      <c r="C62983" s="2"/>
    </row>
    <row r="62984" spans="1:3" ht="19.2">
      <c r="A62984" s="2"/>
      <c r="B62984" s="2"/>
      <c r="C62984" s="2"/>
    </row>
    <row r="62985" spans="1:3" ht="19.2">
      <c r="A62985" s="2"/>
      <c r="B62985" s="2"/>
      <c r="C62985" s="2"/>
    </row>
    <row r="62986" spans="1:3" ht="19.2">
      <c r="A62986" s="2"/>
      <c r="B62986" s="2"/>
      <c r="C62986" s="2"/>
    </row>
    <row r="62987" spans="1:3" ht="19.2">
      <c r="A62987" s="2"/>
      <c r="B62987" s="2"/>
      <c r="C62987" s="2"/>
    </row>
    <row r="62988" spans="1:3" ht="19.2">
      <c r="A62988" s="2"/>
      <c r="B62988" s="2"/>
      <c r="C62988" s="2"/>
    </row>
    <row r="62989" spans="1:3" ht="19.2">
      <c r="A62989" s="2"/>
      <c r="B62989" s="2"/>
      <c r="C62989" s="2"/>
    </row>
    <row r="62990" spans="1:3" ht="19.2">
      <c r="A62990" s="2"/>
      <c r="B62990" s="2"/>
      <c r="C62990" s="2"/>
    </row>
    <row r="62991" spans="1:3" ht="19.2">
      <c r="A62991" s="2"/>
      <c r="B62991" s="2"/>
      <c r="C62991" s="2"/>
    </row>
    <row r="62992" spans="1:3" ht="19.2">
      <c r="A62992" s="2"/>
      <c r="B62992" s="2"/>
      <c r="C62992" s="2"/>
    </row>
    <row r="62993" spans="1:3" ht="19.2">
      <c r="A62993" s="2"/>
      <c r="B62993" s="2"/>
      <c r="C62993" s="2"/>
    </row>
    <row r="62994" spans="1:3" ht="19.2">
      <c r="A62994" s="2"/>
      <c r="B62994" s="2"/>
      <c r="C62994" s="2"/>
    </row>
    <row r="62995" spans="1:3" ht="19.2">
      <c r="A62995" s="2"/>
      <c r="B62995" s="2"/>
      <c r="C62995" s="2"/>
    </row>
    <row r="62996" spans="1:3" ht="19.2">
      <c r="A62996" s="2"/>
      <c r="B62996" s="2"/>
      <c r="C62996" s="2"/>
    </row>
    <row r="62997" spans="1:3" ht="19.2">
      <c r="A62997" s="2"/>
      <c r="B62997" s="2"/>
      <c r="C62997" s="2"/>
    </row>
    <row r="62998" spans="1:3" ht="19.2">
      <c r="A62998" s="2"/>
      <c r="B62998" s="2"/>
      <c r="C62998" s="2"/>
    </row>
    <row r="62999" spans="1:3" ht="19.2">
      <c r="A62999" s="2"/>
      <c r="B62999" s="2"/>
      <c r="C62999" s="2"/>
    </row>
    <row r="63000" spans="1:3" ht="19.2">
      <c r="A63000" s="2"/>
      <c r="B63000" s="2"/>
      <c r="C63000" s="2"/>
    </row>
    <row r="63001" spans="1:3" ht="19.2">
      <c r="A63001" s="2"/>
      <c r="B63001" s="2"/>
      <c r="C63001" s="2"/>
    </row>
    <row r="63002" spans="1:3" ht="19.2">
      <c r="A63002" s="2"/>
      <c r="B63002" s="2"/>
      <c r="C63002" s="2"/>
    </row>
    <row r="63003" spans="1:3" ht="19.2">
      <c r="A63003" s="2"/>
      <c r="B63003" s="2"/>
      <c r="C63003" s="2"/>
    </row>
    <row r="63004" spans="1:3" ht="19.2">
      <c r="A63004" s="2"/>
      <c r="B63004" s="2"/>
      <c r="C63004" s="2"/>
    </row>
    <row r="63005" spans="1:3" ht="19.2">
      <c r="A63005" s="2"/>
      <c r="B63005" s="2"/>
      <c r="C63005" s="2"/>
    </row>
    <row r="63006" spans="1:3" ht="19.2">
      <c r="A63006" s="2"/>
      <c r="B63006" s="2"/>
      <c r="C63006" s="2"/>
    </row>
    <row r="63007" spans="1:3" ht="19.2">
      <c r="A63007" s="2"/>
      <c r="B63007" s="2"/>
      <c r="C63007" s="2"/>
    </row>
    <row r="63008" spans="1:3" ht="19.2">
      <c r="A63008" s="2"/>
      <c r="B63008" s="2"/>
      <c r="C63008" s="2"/>
    </row>
    <row r="63009" spans="1:3" ht="19.2">
      <c r="A63009" s="2"/>
      <c r="B63009" s="2"/>
      <c r="C63009" s="2"/>
    </row>
    <row r="63010" spans="1:3" ht="19.2">
      <c r="A63010" s="2"/>
      <c r="B63010" s="2"/>
      <c r="C63010" s="2"/>
    </row>
    <row r="63011" spans="1:3" ht="19.2">
      <c r="A63011" s="2"/>
      <c r="B63011" s="2"/>
      <c r="C63011" s="2"/>
    </row>
    <row r="63012" spans="1:3" ht="19.2">
      <c r="A63012" s="2"/>
      <c r="B63012" s="2"/>
      <c r="C63012" s="2"/>
    </row>
    <row r="63013" spans="1:3" ht="19.2">
      <c r="A63013" s="2"/>
      <c r="B63013" s="2"/>
      <c r="C63013" s="2"/>
    </row>
    <row r="63014" spans="1:3" ht="19.2">
      <c r="A63014" s="2"/>
      <c r="B63014" s="2"/>
      <c r="C63014" s="2"/>
    </row>
    <row r="63015" spans="1:3" ht="19.2">
      <c r="A63015" s="2"/>
      <c r="B63015" s="2"/>
      <c r="C63015" s="2"/>
    </row>
    <row r="63016" spans="1:3" ht="19.2">
      <c r="A63016" s="2"/>
      <c r="B63016" s="2"/>
      <c r="C63016" s="2"/>
    </row>
    <row r="63017" spans="1:3" ht="19.2">
      <c r="A63017" s="2"/>
      <c r="B63017" s="2"/>
      <c r="C63017" s="2"/>
    </row>
    <row r="63018" spans="1:3" ht="19.2">
      <c r="A63018" s="2"/>
      <c r="B63018" s="2"/>
      <c r="C63018" s="2"/>
    </row>
    <row r="63019" spans="1:3" ht="19.2">
      <c r="A63019" s="2"/>
      <c r="B63019" s="2"/>
      <c r="C63019" s="2"/>
    </row>
    <row r="63020" spans="1:3" ht="19.2">
      <c r="A63020" s="2"/>
      <c r="B63020" s="2"/>
      <c r="C63020" s="2"/>
    </row>
    <row r="63021" spans="1:3" ht="19.2">
      <c r="A63021" s="2"/>
      <c r="B63021" s="2"/>
      <c r="C63021" s="2"/>
    </row>
    <row r="63022" spans="1:3" ht="19.2">
      <c r="A63022" s="2"/>
      <c r="B63022" s="2"/>
      <c r="C63022" s="2"/>
    </row>
    <row r="63023" spans="1:3" ht="19.2">
      <c r="A63023" s="2"/>
      <c r="B63023" s="2"/>
      <c r="C63023" s="2"/>
    </row>
    <row r="63024" spans="1:3" ht="19.2">
      <c r="A63024" s="2"/>
      <c r="B63024" s="2"/>
      <c r="C63024" s="2"/>
    </row>
    <row r="63025" spans="1:3" ht="19.2">
      <c r="A63025" s="2"/>
      <c r="B63025" s="2"/>
      <c r="C63025" s="2"/>
    </row>
    <row r="63026" spans="1:3" ht="19.2">
      <c r="A63026" s="2"/>
      <c r="B63026" s="2"/>
      <c r="C63026" s="2"/>
    </row>
    <row r="63027" spans="1:3" ht="19.2">
      <c r="A63027" s="2"/>
      <c r="B63027" s="2"/>
      <c r="C63027" s="2"/>
    </row>
    <row r="63028" spans="1:3" ht="19.2">
      <c r="A63028" s="2"/>
      <c r="B63028" s="2"/>
      <c r="C63028" s="2"/>
    </row>
    <row r="63029" spans="1:3" ht="19.2">
      <c r="A63029" s="2"/>
      <c r="B63029" s="2"/>
      <c r="C63029" s="2"/>
    </row>
    <row r="63030" spans="1:3" ht="19.2">
      <c r="A63030" s="2"/>
      <c r="B63030" s="2"/>
      <c r="C63030" s="2"/>
    </row>
    <row r="63031" spans="1:3" ht="19.2">
      <c r="A63031" s="2"/>
      <c r="B63031" s="2"/>
      <c r="C63031" s="2"/>
    </row>
    <row r="63032" spans="1:3" ht="19.2">
      <c r="A63032" s="2"/>
      <c r="B63032" s="2"/>
      <c r="C63032" s="2"/>
    </row>
    <row r="63033" spans="1:3" ht="19.2">
      <c r="A63033" s="2"/>
      <c r="B63033" s="2"/>
      <c r="C63033" s="2"/>
    </row>
    <row r="63034" spans="1:3" ht="19.2">
      <c r="A63034" s="2"/>
      <c r="B63034" s="2"/>
      <c r="C63034" s="2"/>
    </row>
    <row r="63035" spans="1:3" ht="19.2">
      <c r="A63035" s="2"/>
      <c r="B63035" s="2"/>
      <c r="C63035" s="2"/>
    </row>
    <row r="63036" spans="1:3" ht="19.2">
      <c r="A63036" s="2"/>
      <c r="B63036" s="2"/>
      <c r="C63036" s="2"/>
    </row>
    <row r="63037" spans="1:3" ht="19.2">
      <c r="A63037" s="2"/>
      <c r="B63037" s="2"/>
      <c r="C63037" s="2"/>
    </row>
    <row r="63038" spans="1:3" ht="19.2">
      <c r="A63038" s="2"/>
      <c r="B63038" s="2"/>
      <c r="C63038" s="2"/>
    </row>
    <row r="63039" spans="1:3" ht="19.2">
      <c r="A63039" s="2"/>
      <c r="B63039" s="2"/>
      <c r="C63039" s="2"/>
    </row>
    <row r="63040" spans="1:3" ht="19.2">
      <c r="A63040" s="2"/>
      <c r="B63040" s="2"/>
      <c r="C63040" s="2"/>
    </row>
    <row r="63041" spans="1:3" ht="19.2">
      <c r="A63041" s="2"/>
      <c r="B63041" s="2"/>
      <c r="C63041" s="2"/>
    </row>
    <row r="63042" spans="1:3" ht="19.2">
      <c r="A63042" s="2"/>
      <c r="B63042" s="2"/>
      <c r="C63042" s="2"/>
    </row>
    <row r="63043" spans="1:3" ht="19.2">
      <c r="A63043" s="2"/>
      <c r="B63043" s="2"/>
      <c r="C63043" s="2"/>
    </row>
    <row r="63044" spans="1:3" ht="19.2">
      <c r="A63044" s="2"/>
      <c r="B63044" s="2"/>
      <c r="C63044" s="2"/>
    </row>
    <row r="63045" spans="1:3" ht="19.2">
      <c r="A63045" s="2"/>
      <c r="B63045" s="2"/>
      <c r="C63045" s="2"/>
    </row>
    <row r="63046" spans="1:3" ht="19.2">
      <c r="A63046" s="2"/>
      <c r="B63046" s="2"/>
      <c r="C63046" s="2"/>
    </row>
    <row r="63047" spans="1:3" ht="19.2">
      <c r="A63047" s="2"/>
      <c r="B63047" s="2"/>
      <c r="C63047" s="2"/>
    </row>
    <row r="63048" spans="1:3" ht="19.2">
      <c r="A63048" s="2"/>
      <c r="B63048" s="2"/>
      <c r="C63048" s="2"/>
    </row>
    <row r="63049" spans="1:3" ht="19.2">
      <c r="A63049" s="2"/>
      <c r="B63049" s="2"/>
      <c r="C63049" s="2"/>
    </row>
    <row r="63050" spans="1:3" ht="19.2">
      <c r="A63050" s="2"/>
      <c r="B63050" s="2"/>
      <c r="C63050" s="2"/>
    </row>
    <row r="63051" spans="1:3" ht="19.2">
      <c r="A63051" s="2"/>
      <c r="B63051" s="2"/>
      <c r="C63051" s="2"/>
    </row>
    <row r="63052" spans="1:3" ht="19.2">
      <c r="A63052" s="2"/>
      <c r="B63052" s="2"/>
      <c r="C63052" s="2"/>
    </row>
    <row r="63053" spans="1:3" ht="19.2">
      <c r="A63053" s="2"/>
      <c r="B63053" s="2"/>
      <c r="C63053" s="2"/>
    </row>
    <row r="63054" spans="1:3" ht="19.2">
      <c r="A63054" s="2"/>
      <c r="B63054" s="2"/>
      <c r="C63054" s="2"/>
    </row>
    <row r="63055" spans="1:3" ht="19.2">
      <c r="A63055" s="2"/>
      <c r="B63055" s="2"/>
      <c r="C63055" s="2"/>
    </row>
    <row r="63056" spans="1:3" ht="19.2">
      <c r="A63056" s="2"/>
      <c r="B63056" s="2"/>
      <c r="C63056" s="2"/>
    </row>
    <row r="63057" spans="1:3" ht="19.2">
      <c r="A63057" s="2"/>
      <c r="B63057" s="2"/>
      <c r="C63057" s="2"/>
    </row>
    <row r="63058" spans="1:3" ht="19.2">
      <c r="A63058" s="2"/>
      <c r="B63058" s="2"/>
      <c r="C63058" s="2"/>
    </row>
    <row r="63059" spans="1:3" ht="19.2">
      <c r="A63059" s="2"/>
      <c r="B63059" s="2"/>
      <c r="C63059" s="2"/>
    </row>
    <row r="63060" spans="1:3" ht="19.2">
      <c r="A63060" s="2"/>
      <c r="B63060" s="2"/>
      <c r="C63060" s="2"/>
    </row>
    <row r="63061" spans="1:3" ht="19.2">
      <c r="A63061" s="2"/>
      <c r="B63061" s="2"/>
      <c r="C63061" s="2"/>
    </row>
    <row r="63062" spans="1:3" ht="19.2">
      <c r="A63062" s="2"/>
      <c r="B63062" s="2"/>
      <c r="C63062" s="2"/>
    </row>
    <row r="63063" spans="1:3" ht="19.2">
      <c r="A63063" s="2"/>
      <c r="B63063" s="2"/>
      <c r="C63063" s="2"/>
    </row>
    <row r="63064" spans="1:3" ht="19.2">
      <c r="A63064" s="2"/>
      <c r="B63064" s="2"/>
      <c r="C63064" s="2"/>
    </row>
    <row r="63065" spans="1:3" ht="19.2">
      <c r="A63065" s="2"/>
      <c r="B63065" s="2"/>
      <c r="C63065" s="2"/>
    </row>
    <row r="63066" spans="1:3" ht="19.2">
      <c r="A63066" s="2"/>
      <c r="B63066" s="2"/>
      <c r="C63066" s="2"/>
    </row>
    <row r="63067" spans="1:3" ht="19.2">
      <c r="A63067" s="2"/>
      <c r="B63067" s="2"/>
      <c r="C63067" s="2"/>
    </row>
    <row r="63068" spans="1:3" ht="19.2">
      <c r="A63068" s="2"/>
      <c r="B63068" s="2"/>
      <c r="C63068" s="2"/>
    </row>
    <row r="63069" spans="1:3" ht="19.2">
      <c r="A63069" s="2"/>
      <c r="B63069" s="2"/>
      <c r="C63069" s="2"/>
    </row>
    <row r="63070" spans="1:3" ht="19.2">
      <c r="A63070" s="2"/>
      <c r="B63070" s="2"/>
      <c r="C63070" s="2"/>
    </row>
    <row r="63071" spans="1:3" ht="19.2">
      <c r="A63071" s="2"/>
      <c r="B63071" s="2"/>
      <c r="C63071" s="2"/>
    </row>
    <row r="63072" spans="1:3" ht="19.2">
      <c r="A63072" s="2"/>
      <c r="B63072" s="2"/>
      <c r="C63072" s="2"/>
    </row>
    <row r="63073" spans="1:3" ht="19.2">
      <c r="A63073" s="2"/>
      <c r="B63073" s="2"/>
      <c r="C63073" s="2"/>
    </row>
    <row r="63074" spans="1:3" ht="19.2">
      <c r="A63074" s="2"/>
      <c r="B63074" s="2"/>
      <c r="C63074" s="2"/>
    </row>
    <row r="63075" spans="1:3" ht="19.2">
      <c r="A63075" s="2"/>
      <c r="B63075" s="2"/>
      <c r="C63075" s="2"/>
    </row>
    <row r="63076" spans="1:3" ht="19.2">
      <c r="A63076" s="2"/>
      <c r="B63076" s="2"/>
      <c r="C63076" s="2"/>
    </row>
    <row r="63077" spans="1:3" ht="19.2">
      <c r="A63077" s="2"/>
      <c r="B63077" s="2"/>
      <c r="C63077" s="2"/>
    </row>
    <row r="63078" spans="1:3" ht="19.2">
      <c r="A63078" s="2"/>
      <c r="B63078" s="2"/>
      <c r="C63078" s="2"/>
    </row>
    <row r="63079" spans="1:3" ht="19.2">
      <c r="A63079" s="2"/>
      <c r="B63079" s="2"/>
      <c r="C63079" s="2"/>
    </row>
    <row r="63080" spans="1:3" ht="19.2">
      <c r="A63080" s="2"/>
      <c r="B63080" s="2"/>
      <c r="C63080" s="2"/>
    </row>
    <row r="63081" spans="1:3" ht="19.2">
      <c r="A63081" s="2"/>
      <c r="B63081" s="2"/>
      <c r="C63081" s="2"/>
    </row>
    <row r="63082" spans="1:3" ht="19.2">
      <c r="A63082" s="2"/>
      <c r="B63082" s="2"/>
      <c r="C63082" s="2"/>
    </row>
    <row r="63083" spans="1:3" ht="19.2">
      <c r="A63083" s="2"/>
      <c r="B63083" s="2"/>
      <c r="C63083" s="2"/>
    </row>
    <row r="63084" spans="1:3" ht="19.2">
      <c r="A63084" s="2"/>
      <c r="B63084" s="2"/>
      <c r="C63084" s="2"/>
    </row>
    <row r="63085" spans="1:3" ht="19.2">
      <c r="A63085" s="2"/>
      <c r="B63085" s="2"/>
      <c r="C63085" s="2"/>
    </row>
    <row r="63086" spans="1:3" ht="19.2">
      <c r="A63086" s="2"/>
      <c r="B63086" s="2"/>
      <c r="C63086" s="2"/>
    </row>
    <row r="63087" spans="1:3" ht="19.2">
      <c r="A63087" s="2"/>
      <c r="B63087" s="2"/>
      <c r="C63087" s="2"/>
    </row>
    <row r="63088" spans="1:3" ht="19.2">
      <c r="A63088" s="2"/>
      <c r="B63088" s="2"/>
      <c r="C63088" s="2"/>
    </row>
    <row r="63089" spans="1:3" ht="19.2">
      <c r="A63089" s="2"/>
      <c r="B63089" s="2"/>
      <c r="C63089" s="2"/>
    </row>
    <row r="63090" spans="1:3" ht="19.2">
      <c r="A63090" s="2"/>
      <c r="B63090" s="2"/>
      <c r="C63090" s="2"/>
    </row>
    <row r="63091" spans="1:3" ht="19.2">
      <c r="A63091" s="2"/>
      <c r="B63091" s="2"/>
      <c r="C63091" s="2"/>
    </row>
    <row r="63092" spans="1:3" ht="19.2">
      <c r="A63092" s="2"/>
      <c r="B63092" s="2"/>
      <c r="C63092" s="2"/>
    </row>
    <row r="63093" spans="1:3" ht="19.2">
      <c r="A63093" s="2"/>
      <c r="B63093" s="2"/>
      <c r="C63093" s="2"/>
    </row>
    <row r="63094" spans="1:3" ht="19.2">
      <c r="A63094" s="2"/>
      <c r="B63094" s="2"/>
      <c r="C63094" s="2"/>
    </row>
    <row r="63095" spans="1:3" ht="19.2">
      <c r="A63095" s="2"/>
      <c r="B63095" s="2"/>
      <c r="C63095" s="2"/>
    </row>
    <row r="63096" spans="1:3" ht="19.2">
      <c r="A63096" s="2"/>
      <c r="B63096" s="2"/>
      <c r="C63096" s="2"/>
    </row>
    <row r="63097" spans="1:3" ht="19.2">
      <c r="A63097" s="2"/>
      <c r="B63097" s="2"/>
      <c r="C63097" s="2"/>
    </row>
    <row r="63098" spans="1:3" ht="19.2">
      <c r="A63098" s="2"/>
      <c r="B63098" s="2"/>
      <c r="C63098" s="2"/>
    </row>
    <row r="63099" spans="1:3" ht="19.2">
      <c r="A63099" s="2"/>
      <c r="B63099" s="2"/>
      <c r="C63099" s="2"/>
    </row>
    <row r="63100" spans="1:3" ht="19.2">
      <c r="A63100" s="2"/>
      <c r="B63100" s="2"/>
      <c r="C63100" s="2"/>
    </row>
    <row r="63101" spans="1:3" ht="19.2">
      <c r="A63101" s="2"/>
      <c r="B63101" s="2"/>
      <c r="C63101" s="2"/>
    </row>
    <row r="63102" spans="1:3" ht="19.2">
      <c r="A63102" s="2"/>
      <c r="B63102" s="2"/>
      <c r="C63102" s="2"/>
    </row>
    <row r="63103" spans="1:3" ht="19.2">
      <c r="A63103" s="2"/>
      <c r="B63103" s="2"/>
      <c r="C63103" s="2"/>
    </row>
    <row r="63104" spans="1:3" ht="19.2">
      <c r="A63104" s="2"/>
      <c r="B63104" s="2"/>
      <c r="C63104" s="2"/>
    </row>
    <row r="63105" spans="1:3" ht="19.2">
      <c r="A63105" s="2"/>
      <c r="B63105" s="2"/>
      <c r="C63105" s="2"/>
    </row>
    <row r="63106" spans="1:3" ht="19.2">
      <c r="A63106" s="2"/>
      <c r="B63106" s="2"/>
      <c r="C63106" s="2"/>
    </row>
    <row r="63107" spans="1:3" ht="19.2">
      <c r="A63107" s="2"/>
      <c r="B63107" s="2"/>
      <c r="C63107" s="2"/>
    </row>
    <row r="63108" spans="1:3" ht="19.2">
      <c r="A63108" s="2"/>
      <c r="B63108" s="2"/>
      <c r="C63108" s="2"/>
    </row>
    <row r="63109" spans="1:3" ht="19.2">
      <c r="A63109" s="2"/>
      <c r="B63109" s="2"/>
      <c r="C63109" s="2"/>
    </row>
    <row r="63110" spans="1:3" ht="19.2">
      <c r="A63110" s="2"/>
      <c r="B63110" s="2"/>
      <c r="C63110" s="2"/>
    </row>
    <row r="63111" spans="1:3" ht="19.2">
      <c r="A63111" s="2"/>
      <c r="B63111" s="2"/>
      <c r="C63111" s="2"/>
    </row>
    <row r="63112" spans="1:3" ht="19.2">
      <c r="A63112" s="2"/>
      <c r="B63112" s="2"/>
      <c r="C63112" s="2"/>
    </row>
    <row r="63113" spans="1:3" ht="19.2">
      <c r="A63113" s="2"/>
      <c r="B63113" s="2"/>
      <c r="C63113" s="2"/>
    </row>
    <row r="63114" spans="1:3" ht="19.2">
      <c r="A63114" s="2"/>
      <c r="B63114" s="2"/>
      <c r="C63114" s="2"/>
    </row>
    <row r="63115" spans="1:3" ht="19.2">
      <c r="A63115" s="2"/>
      <c r="B63115" s="2"/>
      <c r="C63115" s="2"/>
    </row>
    <row r="63116" spans="1:3" ht="19.2">
      <c r="A63116" s="2"/>
      <c r="B63116" s="2"/>
      <c r="C63116" s="2"/>
    </row>
    <row r="63117" spans="1:3" ht="19.2">
      <c r="A63117" s="2"/>
      <c r="B63117" s="2"/>
      <c r="C63117" s="2"/>
    </row>
    <row r="63118" spans="1:3" ht="19.2">
      <c r="A63118" s="2"/>
      <c r="B63118" s="2"/>
      <c r="C63118" s="2"/>
    </row>
    <row r="63119" spans="1:3" ht="19.2">
      <c r="A63119" s="2"/>
      <c r="B63119" s="2"/>
      <c r="C63119" s="2"/>
    </row>
    <row r="63120" spans="1:3" ht="19.2">
      <c r="A63120" s="2"/>
      <c r="B63120" s="2"/>
      <c r="C63120" s="2"/>
    </row>
    <row r="63121" spans="1:3" ht="19.2">
      <c r="A63121" s="2"/>
      <c r="B63121" s="2"/>
      <c r="C63121" s="2"/>
    </row>
    <row r="63122" spans="1:3" ht="19.2">
      <c r="A63122" s="2"/>
      <c r="B63122" s="2"/>
      <c r="C63122" s="2"/>
    </row>
    <row r="63123" spans="1:3" ht="19.2">
      <c r="A63123" s="2"/>
      <c r="B63123" s="2"/>
      <c r="C63123" s="2"/>
    </row>
    <row r="63124" spans="1:3" ht="19.2">
      <c r="A63124" s="2"/>
      <c r="B63124" s="2"/>
      <c r="C63124" s="2"/>
    </row>
    <row r="63125" spans="1:3" ht="19.2">
      <c r="A63125" s="2"/>
      <c r="B63125" s="2"/>
      <c r="C63125" s="2"/>
    </row>
    <row r="63126" spans="1:3" ht="19.2">
      <c r="A63126" s="2"/>
      <c r="B63126" s="2"/>
      <c r="C63126" s="2"/>
    </row>
    <row r="63127" spans="1:3" ht="19.2">
      <c r="A63127" s="2"/>
      <c r="B63127" s="2"/>
      <c r="C63127" s="2"/>
    </row>
    <row r="63128" spans="1:3" ht="19.2">
      <c r="A63128" s="2"/>
      <c r="B63128" s="2"/>
      <c r="C63128" s="2"/>
    </row>
    <row r="63129" spans="1:3" ht="19.2">
      <c r="A63129" s="2"/>
      <c r="B63129" s="2"/>
      <c r="C63129" s="2"/>
    </row>
    <row r="63130" spans="1:3" ht="19.2">
      <c r="A63130" s="2"/>
      <c r="B63130" s="2"/>
      <c r="C63130" s="2"/>
    </row>
    <row r="63131" spans="1:3" ht="19.2">
      <c r="A63131" s="2"/>
      <c r="B63131" s="2"/>
      <c r="C63131" s="2"/>
    </row>
    <row r="63132" spans="1:3" ht="19.2">
      <c r="A63132" s="2"/>
      <c r="B63132" s="2"/>
      <c r="C63132" s="2"/>
    </row>
    <row r="63133" spans="1:3" ht="19.2">
      <c r="A63133" s="2"/>
      <c r="B63133" s="2"/>
      <c r="C63133" s="2"/>
    </row>
    <row r="63134" spans="1:3" ht="19.2">
      <c r="A63134" s="2"/>
      <c r="B63134" s="2"/>
      <c r="C63134" s="2"/>
    </row>
    <row r="63135" spans="1:3" ht="19.2">
      <c r="A63135" s="2"/>
      <c r="B63135" s="2"/>
      <c r="C63135" s="2"/>
    </row>
    <row r="63136" spans="1:3" ht="19.2">
      <c r="A63136" s="2"/>
      <c r="B63136" s="2"/>
      <c r="C63136" s="2"/>
    </row>
    <row r="63137" spans="1:3" ht="19.2">
      <c r="A63137" s="2"/>
      <c r="B63137" s="2"/>
      <c r="C63137" s="2"/>
    </row>
    <row r="63138" spans="1:3" ht="19.2">
      <c r="A63138" s="2"/>
      <c r="B63138" s="2"/>
      <c r="C63138" s="2"/>
    </row>
    <row r="63139" spans="1:3" ht="19.2">
      <c r="A63139" s="2"/>
      <c r="B63139" s="2"/>
      <c r="C63139" s="2"/>
    </row>
    <row r="63140" spans="1:3" ht="19.2">
      <c r="A63140" s="2"/>
      <c r="B63140" s="2"/>
      <c r="C63140" s="2"/>
    </row>
    <row r="63141" spans="1:3" ht="19.2">
      <c r="A63141" s="2"/>
      <c r="B63141" s="2"/>
      <c r="C63141" s="2"/>
    </row>
    <row r="63142" spans="1:3" ht="19.2">
      <c r="A63142" s="2"/>
      <c r="B63142" s="2"/>
      <c r="C63142" s="2"/>
    </row>
    <row r="63143" spans="1:3" ht="19.2">
      <c r="A63143" s="2"/>
      <c r="B63143" s="2"/>
      <c r="C63143" s="2"/>
    </row>
    <row r="63144" spans="1:3" ht="19.2">
      <c r="A63144" s="2"/>
      <c r="B63144" s="2"/>
      <c r="C63144" s="2"/>
    </row>
    <row r="63145" spans="1:3" ht="19.2">
      <c r="A63145" s="2"/>
      <c r="B63145" s="2"/>
      <c r="C63145" s="2"/>
    </row>
    <row r="63146" spans="1:3" ht="19.2">
      <c r="A63146" s="2"/>
      <c r="B63146" s="2"/>
      <c r="C63146" s="2"/>
    </row>
    <row r="63147" spans="1:3" ht="19.2">
      <c r="A63147" s="2"/>
      <c r="B63147" s="2"/>
      <c r="C63147" s="2"/>
    </row>
    <row r="63148" spans="1:3" ht="19.2">
      <c r="A63148" s="2"/>
      <c r="B63148" s="2"/>
      <c r="C63148" s="2"/>
    </row>
    <row r="63149" spans="1:3" ht="19.2">
      <c r="A63149" s="2"/>
      <c r="B63149" s="2"/>
      <c r="C63149" s="2"/>
    </row>
    <row r="63150" spans="1:3" ht="19.2">
      <c r="A63150" s="2"/>
      <c r="B63150" s="2"/>
      <c r="C63150" s="2"/>
    </row>
    <row r="63151" spans="1:3" ht="19.2">
      <c r="A63151" s="2"/>
      <c r="B63151" s="2"/>
      <c r="C63151" s="2"/>
    </row>
    <row r="63152" spans="1:3" ht="19.2">
      <c r="A63152" s="2"/>
      <c r="B63152" s="2"/>
      <c r="C63152" s="2"/>
    </row>
    <row r="63153" spans="1:3" ht="19.2">
      <c r="A63153" s="2"/>
      <c r="B63153" s="2"/>
      <c r="C63153" s="2"/>
    </row>
    <row r="63154" spans="1:3" ht="19.2">
      <c r="A63154" s="2"/>
      <c r="B63154" s="2"/>
      <c r="C63154" s="2"/>
    </row>
    <row r="63155" spans="1:3" ht="19.2">
      <c r="A63155" s="2"/>
      <c r="B63155" s="2"/>
      <c r="C63155" s="2"/>
    </row>
    <row r="63156" spans="1:3" ht="19.2">
      <c r="A63156" s="2"/>
      <c r="B63156" s="2"/>
      <c r="C63156" s="2"/>
    </row>
    <row r="63157" spans="1:3" ht="19.2">
      <c r="A63157" s="2"/>
      <c r="B63157" s="2"/>
      <c r="C63157" s="2"/>
    </row>
    <row r="63158" spans="1:3" ht="19.2">
      <c r="A63158" s="2"/>
      <c r="B63158" s="2"/>
      <c r="C63158" s="2"/>
    </row>
    <row r="63159" spans="1:3" ht="19.2">
      <c r="A63159" s="2"/>
      <c r="B63159" s="2"/>
      <c r="C63159" s="2"/>
    </row>
    <row r="63160" spans="1:3" ht="19.2">
      <c r="A63160" s="2"/>
      <c r="B63160" s="2"/>
      <c r="C63160" s="2"/>
    </row>
    <row r="63161" spans="1:3" ht="19.2">
      <c r="A63161" s="2"/>
      <c r="B63161" s="2"/>
      <c r="C63161" s="2"/>
    </row>
    <row r="63162" spans="1:3" ht="19.2">
      <c r="A63162" s="2"/>
      <c r="B63162" s="2"/>
      <c r="C63162" s="2"/>
    </row>
    <row r="63163" spans="1:3" ht="19.2">
      <c r="A63163" s="2"/>
      <c r="B63163" s="2"/>
      <c r="C63163" s="2"/>
    </row>
    <row r="63164" spans="1:3" ht="19.2">
      <c r="A63164" s="2"/>
      <c r="B63164" s="2"/>
      <c r="C63164" s="2"/>
    </row>
    <row r="63165" spans="1:3" ht="19.2">
      <c r="A63165" s="2"/>
      <c r="B63165" s="2"/>
      <c r="C63165" s="2"/>
    </row>
    <row r="63166" spans="1:3" ht="19.2">
      <c r="A63166" s="2"/>
      <c r="B63166" s="2"/>
      <c r="C63166" s="2"/>
    </row>
    <row r="63167" spans="1:3" ht="19.2">
      <c r="A63167" s="2"/>
      <c r="B63167" s="2"/>
      <c r="C63167" s="2"/>
    </row>
    <row r="63168" spans="1:3" ht="19.2">
      <c r="A63168" s="2"/>
      <c r="B63168" s="2"/>
      <c r="C63168" s="2"/>
    </row>
    <row r="63169" spans="1:3" ht="19.2">
      <c r="A63169" s="2"/>
      <c r="B63169" s="2"/>
      <c r="C63169" s="2"/>
    </row>
    <row r="63170" spans="1:3" ht="19.2">
      <c r="A63170" s="2"/>
      <c r="B63170" s="2"/>
      <c r="C63170" s="2"/>
    </row>
    <row r="63171" spans="1:3" ht="19.2">
      <c r="A63171" s="2"/>
      <c r="B63171" s="2"/>
      <c r="C63171" s="2"/>
    </row>
    <row r="63172" spans="1:3" ht="19.2">
      <c r="A63172" s="2"/>
      <c r="B63172" s="2"/>
      <c r="C63172" s="2"/>
    </row>
    <row r="63173" spans="1:3" ht="19.2">
      <c r="A63173" s="2"/>
      <c r="B63173" s="2"/>
      <c r="C63173" s="2"/>
    </row>
    <row r="63174" spans="1:3" ht="19.2">
      <c r="A63174" s="2"/>
      <c r="B63174" s="2"/>
      <c r="C63174" s="2"/>
    </row>
    <row r="63175" spans="1:3" ht="19.2">
      <c r="A63175" s="2"/>
      <c r="B63175" s="2"/>
      <c r="C63175" s="2"/>
    </row>
    <row r="63176" spans="1:3" ht="19.2">
      <c r="A63176" s="2"/>
      <c r="B63176" s="2"/>
      <c r="C63176" s="2"/>
    </row>
    <row r="63177" spans="1:3" ht="19.2">
      <c r="A63177" s="2"/>
      <c r="B63177" s="2"/>
      <c r="C63177" s="2"/>
    </row>
    <row r="63178" spans="1:3" ht="19.2">
      <c r="A63178" s="2"/>
      <c r="B63178" s="2"/>
      <c r="C63178" s="2"/>
    </row>
    <row r="63179" spans="1:3" ht="19.2">
      <c r="A63179" s="2"/>
      <c r="B63179" s="2"/>
      <c r="C63179" s="2"/>
    </row>
    <row r="63180" spans="1:3" ht="19.2">
      <c r="A63180" s="2"/>
      <c r="B63180" s="2"/>
      <c r="C63180" s="2"/>
    </row>
    <row r="63181" spans="1:3" ht="19.2">
      <c r="A63181" s="2"/>
      <c r="B63181" s="2"/>
      <c r="C63181" s="2"/>
    </row>
    <row r="63182" spans="1:3" ht="19.2">
      <c r="A63182" s="2"/>
      <c r="B63182" s="2"/>
      <c r="C63182" s="2"/>
    </row>
    <row r="63183" spans="1:3" ht="19.2">
      <c r="A63183" s="2"/>
      <c r="B63183" s="2"/>
      <c r="C63183" s="2"/>
    </row>
    <row r="63184" spans="1:3" ht="19.2">
      <c r="A63184" s="2"/>
      <c r="B63184" s="2"/>
      <c r="C63184" s="2"/>
    </row>
    <row r="63185" spans="1:3" ht="19.2">
      <c r="A63185" s="2"/>
      <c r="B63185" s="2"/>
      <c r="C63185" s="2"/>
    </row>
    <row r="63186" spans="1:3" ht="19.2">
      <c r="A63186" s="2"/>
      <c r="B63186" s="2"/>
      <c r="C63186" s="2"/>
    </row>
    <row r="63187" spans="1:3" ht="19.2">
      <c r="A63187" s="2"/>
      <c r="B63187" s="2"/>
      <c r="C63187" s="2"/>
    </row>
    <row r="63188" spans="1:3" ht="19.2">
      <c r="A63188" s="2"/>
      <c r="B63188" s="2"/>
      <c r="C63188" s="2"/>
    </row>
    <row r="63189" spans="1:3" ht="19.2">
      <c r="A63189" s="2"/>
      <c r="B63189" s="2"/>
      <c r="C63189" s="2"/>
    </row>
    <row r="63190" spans="1:3" ht="19.2">
      <c r="A63190" s="2"/>
      <c r="B63190" s="2"/>
      <c r="C63190" s="2"/>
    </row>
    <row r="63191" spans="1:3" ht="19.2">
      <c r="A63191" s="2"/>
      <c r="B63191" s="2"/>
      <c r="C63191" s="2"/>
    </row>
    <row r="63192" spans="1:3" ht="19.2">
      <c r="A63192" s="2"/>
      <c r="B63192" s="2"/>
      <c r="C63192" s="2"/>
    </row>
    <row r="63193" spans="1:3" ht="19.2">
      <c r="A63193" s="2"/>
      <c r="B63193" s="2"/>
      <c r="C63193" s="2"/>
    </row>
    <row r="63194" spans="1:3" ht="19.2">
      <c r="A63194" s="2"/>
      <c r="B63194" s="2"/>
      <c r="C63194" s="2"/>
    </row>
    <row r="63195" spans="1:3" ht="19.2">
      <c r="A63195" s="2"/>
      <c r="B63195" s="2"/>
      <c r="C63195" s="2"/>
    </row>
    <row r="63196" spans="1:3" ht="19.2">
      <c r="A63196" s="2"/>
      <c r="B63196" s="2"/>
      <c r="C63196" s="2"/>
    </row>
    <row r="63197" spans="1:3" ht="19.2">
      <c r="A63197" s="2"/>
      <c r="B63197" s="2"/>
      <c r="C63197" s="2"/>
    </row>
    <row r="63198" spans="1:3" ht="19.2">
      <c r="A63198" s="2"/>
      <c r="B63198" s="2"/>
      <c r="C63198" s="2"/>
    </row>
    <row r="63199" spans="1:3" ht="19.2">
      <c r="A63199" s="2"/>
      <c r="B63199" s="2"/>
      <c r="C63199" s="2"/>
    </row>
    <row r="63200" spans="1:3" ht="19.2">
      <c r="A63200" s="2"/>
      <c r="B63200" s="2"/>
      <c r="C63200" s="2"/>
    </row>
    <row r="63201" spans="1:3" ht="19.2">
      <c r="A63201" s="2"/>
      <c r="B63201" s="2"/>
      <c r="C63201" s="2"/>
    </row>
    <row r="63202" spans="1:3" ht="19.2">
      <c r="A63202" s="2"/>
      <c r="B63202" s="2"/>
      <c r="C63202" s="2"/>
    </row>
    <row r="63203" spans="1:3" ht="19.2">
      <c r="A63203" s="2"/>
      <c r="B63203" s="2"/>
      <c r="C63203" s="2"/>
    </row>
    <row r="63204" spans="1:3" ht="19.2">
      <c r="A63204" s="2"/>
      <c r="B63204" s="2"/>
      <c r="C63204" s="2"/>
    </row>
    <row r="63205" spans="1:3" ht="19.2">
      <c r="A63205" s="2"/>
      <c r="B63205" s="2"/>
      <c r="C63205" s="2"/>
    </row>
    <row r="63206" spans="1:3" ht="19.2">
      <c r="A63206" s="2"/>
      <c r="B63206" s="2"/>
      <c r="C63206" s="2"/>
    </row>
    <row r="63207" spans="1:3" ht="19.2">
      <c r="A63207" s="2"/>
      <c r="B63207" s="2"/>
      <c r="C63207" s="2"/>
    </row>
    <row r="63208" spans="1:3" ht="19.2">
      <c r="A63208" s="2"/>
      <c r="B63208" s="2"/>
      <c r="C63208" s="2"/>
    </row>
    <row r="63209" spans="1:3" ht="19.2">
      <c r="A63209" s="2"/>
      <c r="B63209" s="2"/>
      <c r="C63209" s="2"/>
    </row>
    <row r="63210" spans="1:3" ht="19.2">
      <c r="A63210" s="2"/>
      <c r="B63210" s="2"/>
      <c r="C63210" s="2"/>
    </row>
    <row r="63211" spans="1:3" ht="19.2">
      <c r="A63211" s="2"/>
      <c r="B63211" s="2"/>
      <c r="C63211" s="2"/>
    </row>
    <row r="63212" spans="1:3" ht="19.2">
      <c r="A63212" s="2"/>
      <c r="B63212" s="2"/>
      <c r="C63212" s="2"/>
    </row>
    <row r="63213" spans="1:3" ht="19.2">
      <c r="A63213" s="2"/>
      <c r="B63213" s="2"/>
      <c r="C63213" s="2"/>
    </row>
    <row r="63214" spans="1:3" ht="19.2">
      <c r="A63214" s="2"/>
      <c r="B63214" s="2"/>
      <c r="C63214" s="2"/>
    </row>
    <row r="63215" spans="1:3" ht="19.2">
      <c r="A63215" s="2"/>
      <c r="B63215" s="2"/>
      <c r="C63215" s="2"/>
    </row>
    <row r="63216" spans="1:3" ht="19.2">
      <c r="A63216" s="2"/>
      <c r="B63216" s="2"/>
      <c r="C63216" s="2"/>
    </row>
    <row r="63217" spans="1:3" ht="19.2">
      <c r="A63217" s="2"/>
      <c r="B63217" s="2"/>
      <c r="C63217" s="2"/>
    </row>
    <row r="63218" spans="1:3" ht="19.2">
      <c r="A63218" s="2"/>
      <c r="B63218" s="2"/>
      <c r="C63218" s="2"/>
    </row>
    <row r="63219" spans="1:3" ht="19.2">
      <c r="A63219" s="2"/>
      <c r="B63219" s="2"/>
      <c r="C63219" s="2"/>
    </row>
    <row r="63220" spans="1:3" ht="19.2">
      <c r="A63220" s="2"/>
      <c r="B63220" s="2"/>
      <c r="C63220" s="2"/>
    </row>
    <row r="63221" spans="1:3" ht="19.2">
      <c r="A63221" s="2"/>
      <c r="B63221" s="2"/>
      <c r="C63221" s="2"/>
    </row>
    <row r="63222" spans="1:3" ht="19.2">
      <c r="A63222" s="2"/>
      <c r="B63222" s="2"/>
      <c r="C63222" s="2"/>
    </row>
    <row r="63223" spans="1:3" ht="19.2">
      <c r="A63223" s="2"/>
      <c r="B63223" s="2"/>
      <c r="C63223" s="2"/>
    </row>
    <row r="63224" spans="1:3" ht="19.2">
      <c r="A63224" s="2"/>
      <c r="B63224" s="2"/>
      <c r="C63224" s="2"/>
    </row>
    <row r="63225" spans="1:3" ht="19.2">
      <c r="A63225" s="2"/>
      <c r="B63225" s="2"/>
      <c r="C63225" s="2"/>
    </row>
    <row r="63226" spans="1:3" ht="19.2">
      <c r="A63226" s="2"/>
      <c r="B63226" s="2"/>
      <c r="C63226" s="2"/>
    </row>
    <row r="63227" spans="1:3" ht="19.2">
      <c r="A63227" s="2"/>
      <c r="B63227" s="2"/>
      <c r="C63227" s="2"/>
    </row>
    <row r="63228" spans="1:3" ht="19.2">
      <c r="A63228" s="2"/>
      <c r="B63228" s="2"/>
      <c r="C63228" s="2"/>
    </row>
    <row r="63229" spans="1:3" ht="19.2">
      <c r="A63229" s="2"/>
      <c r="B63229" s="2"/>
      <c r="C63229" s="2"/>
    </row>
    <row r="63230" spans="1:3" ht="19.2">
      <c r="A63230" s="2"/>
      <c r="B63230" s="2"/>
      <c r="C63230" s="2"/>
    </row>
    <row r="63231" spans="1:3" ht="19.2">
      <c r="A63231" s="2"/>
      <c r="B63231" s="2"/>
      <c r="C63231" s="2"/>
    </row>
    <row r="63232" spans="1:3" ht="19.2">
      <c r="A63232" s="2"/>
      <c r="B63232" s="2"/>
      <c r="C63232" s="2"/>
    </row>
    <row r="63233" spans="1:3" ht="19.2">
      <c r="A63233" s="2"/>
      <c r="B63233" s="2"/>
      <c r="C63233" s="2"/>
    </row>
    <row r="63234" spans="1:3" ht="19.2">
      <c r="A63234" s="2"/>
      <c r="B63234" s="2"/>
      <c r="C63234" s="2"/>
    </row>
    <row r="63235" spans="1:3" ht="19.2">
      <c r="A63235" s="2"/>
      <c r="B63235" s="2"/>
      <c r="C63235" s="2"/>
    </row>
    <row r="63236" spans="1:3" ht="19.2">
      <c r="A63236" s="2"/>
      <c r="B63236" s="2"/>
      <c r="C63236" s="2"/>
    </row>
    <row r="63237" spans="1:3" ht="19.2">
      <c r="A63237" s="2"/>
      <c r="B63237" s="2"/>
      <c r="C63237" s="2"/>
    </row>
    <row r="63238" spans="1:3" ht="19.2">
      <c r="A63238" s="2"/>
      <c r="B63238" s="2"/>
      <c r="C63238" s="2"/>
    </row>
    <row r="63239" spans="1:3" ht="19.2">
      <c r="A63239" s="2"/>
      <c r="B63239" s="2"/>
      <c r="C63239" s="2"/>
    </row>
    <row r="63240" spans="1:3" ht="19.2">
      <c r="A63240" s="2"/>
      <c r="B63240" s="2"/>
      <c r="C63240" s="2"/>
    </row>
    <row r="63241" spans="1:3" ht="19.2">
      <c r="A63241" s="2"/>
      <c r="B63241" s="2"/>
      <c r="C63241" s="2"/>
    </row>
    <row r="63242" spans="1:3" ht="19.2">
      <c r="A63242" s="2"/>
      <c r="B63242" s="2"/>
      <c r="C63242" s="2"/>
    </row>
    <row r="63243" spans="1:3" ht="19.2">
      <c r="A63243" s="2"/>
      <c r="B63243" s="2"/>
      <c r="C63243" s="2"/>
    </row>
    <row r="63244" spans="1:3" ht="19.2">
      <c r="A63244" s="2"/>
      <c r="B63244" s="2"/>
      <c r="C63244" s="2"/>
    </row>
    <row r="63245" spans="1:3" ht="19.2">
      <c r="A63245" s="2"/>
      <c r="B63245" s="2"/>
      <c r="C63245" s="2"/>
    </row>
    <row r="63246" spans="1:3" ht="19.2">
      <c r="A63246" s="2"/>
      <c r="B63246" s="2"/>
      <c r="C63246" s="2"/>
    </row>
    <row r="63247" spans="1:3" ht="19.2">
      <c r="A63247" s="2"/>
      <c r="B63247" s="2"/>
      <c r="C63247" s="2"/>
    </row>
    <row r="63248" spans="1:3" ht="19.2">
      <c r="A63248" s="2"/>
      <c r="B63248" s="2"/>
      <c r="C63248" s="2"/>
    </row>
    <row r="63249" spans="1:3" ht="19.2">
      <c r="A63249" s="2"/>
      <c r="B63249" s="2"/>
      <c r="C63249" s="2"/>
    </row>
    <row r="63250" spans="1:3" ht="19.2">
      <c r="A63250" s="2"/>
      <c r="B63250" s="2"/>
      <c r="C63250" s="2"/>
    </row>
    <row r="63251" spans="1:3" ht="19.2">
      <c r="A63251" s="2"/>
      <c r="B63251" s="2"/>
      <c r="C63251" s="2"/>
    </row>
    <row r="63252" spans="1:3" ht="19.2">
      <c r="A63252" s="2"/>
      <c r="B63252" s="2"/>
      <c r="C63252" s="2"/>
    </row>
    <row r="63253" spans="1:3" ht="19.2">
      <c r="A63253" s="2"/>
      <c r="B63253" s="2"/>
      <c r="C63253" s="2"/>
    </row>
    <row r="63254" spans="1:3" ht="19.2">
      <c r="A63254" s="2"/>
      <c r="B63254" s="2"/>
      <c r="C63254" s="2"/>
    </row>
    <row r="63255" spans="1:3" ht="19.2">
      <c r="A63255" s="2"/>
      <c r="B63255" s="2"/>
      <c r="C63255" s="2"/>
    </row>
    <row r="63256" spans="1:3" ht="19.2">
      <c r="A63256" s="2"/>
      <c r="B63256" s="2"/>
      <c r="C63256" s="2"/>
    </row>
    <row r="63257" spans="1:3" ht="19.2">
      <c r="A63257" s="2"/>
      <c r="B63257" s="2"/>
      <c r="C63257" s="2"/>
    </row>
    <row r="63258" spans="1:3" ht="19.2">
      <c r="A63258" s="2"/>
      <c r="B63258" s="2"/>
      <c r="C63258" s="2"/>
    </row>
    <row r="63259" spans="1:3" ht="19.2">
      <c r="A63259" s="2"/>
      <c r="B63259" s="2"/>
      <c r="C63259" s="2"/>
    </row>
    <row r="63260" spans="1:3" ht="19.2">
      <c r="A63260" s="2"/>
      <c r="B63260" s="2"/>
      <c r="C63260" s="2"/>
    </row>
    <row r="63261" spans="1:3" ht="19.2">
      <c r="A63261" s="2"/>
      <c r="B63261" s="2"/>
      <c r="C63261" s="2"/>
    </row>
    <row r="63262" spans="1:3" ht="19.2">
      <c r="A63262" s="2"/>
      <c r="B63262" s="2"/>
      <c r="C63262" s="2"/>
    </row>
    <row r="63263" spans="1:3" ht="19.2">
      <c r="A63263" s="2"/>
      <c r="B63263" s="2"/>
      <c r="C63263" s="2"/>
    </row>
    <row r="63264" spans="1:3" ht="19.2">
      <c r="A63264" s="2"/>
      <c r="B63264" s="2"/>
      <c r="C63264" s="2"/>
    </row>
    <row r="63265" spans="1:3" ht="19.2">
      <c r="A63265" s="2"/>
      <c r="B63265" s="2"/>
      <c r="C63265" s="2"/>
    </row>
    <row r="63266" spans="1:3" ht="19.2">
      <c r="A63266" s="2"/>
      <c r="B63266" s="2"/>
      <c r="C63266" s="2"/>
    </row>
    <row r="63267" spans="1:3" ht="19.2">
      <c r="A63267" s="2"/>
      <c r="B63267" s="2"/>
      <c r="C63267" s="2"/>
    </row>
    <row r="63268" spans="1:3" ht="19.2">
      <c r="A63268" s="2"/>
      <c r="B63268" s="2"/>
      <c r="C63268" s="2"/>
    </row>
    <row r="63269" spans="1:3" ht="19.2">
      <c r="A63269" s="2"/>
      <c r="B63269" s="2"/>
      <c r="C63269" s="2"/>
    </row>
    <row r="63270" spans="1:3" ht="19.2">
      <c r="A63270" s="2"/>
      <c r="B63270" s="2"/>
      <c r="C63270" s="2"/>
    </row>
    <row r="63271" spans="1:3" ht="19.2">
      <c r="A63271" s="2"/>
      <c r="B63271" s="2"/>
      <c r="C63271" s="2"/>
    </row>
    <row r="63272" spans="1:3" ht="19.2">
      <c r="A63272" s="2"/>
      <c r="B63272" s="2"/>
      <c r="C63272" s="2"/>
    </row>
    <row r="63273" spans="1:3" ht="19.2">
      <c r="A63273" s="2"/>
      <c r="B63273" s="2"/>
      <c r="C63273" s="2"/>
    </row>
    <row r="63274" spans="1:3" ht="19.2">
      <c r="A63274" s="2"/>
      <c r="B63274" s="2"/>
      <c r="C63274" s="2"/>
    </row>
    <row r="63275" spans="1:3" ht="19.2">
      <c r="A63275" s="2"/>
      <c r="B63275" s="2"/>
      <c r="C63275" s="2"/>
    </row>
    <row r="63276" spans="1:3" ht="19.2">
      <c r="A63276" s="2"/>
      <c r="B63276" s="2"/>
      <c r="C63276" s="2"/>
    </row>
    <row r="63277" spans="1:3" ht="19.2">
      <c r="A63277" s="2"/>
      <c r="B63277" s="2"/>
      <c r="C63277" s="2"/>
    </row>
    <row r="63278" spans="1:3" ht="19.2">
      <c r="A63278" s="2"/>
      <c r="B63278" s="2"/>
      <c r="C63278" s="2"/>
    </row>
    <row r="63279" spans="1:3" ht="19.2">
      <c r="A63279" s="2"/>
      <c r="B63279" s="2"/>
      <c r="C63279" s="2"/>
    </row>
    <row r="63280" spans="1:3" ht="19.2">
      <c r="A63280" s="2"/>
      <c r="B63280" s="2"/>
      <c r="C63280" s="2"/>
    </row>
    <row r="63281" spans="1:3" ht="19.2">
      <c r="A63281" s="2"/>
      <c r="B63281" s="2"/>
      <c r="C63281" s="2"/>
    </row>
    <row r="63282" spans="1:3" ht="19.2">
      <c r="A63282" s="2"/>
      <c r="B63282" s="2"/>
      <c r="C63282" s="2"/>
    </row>
    <row r="63283" spans="1:3" ht="19.2">
      <c r="A63283" s="2"/>
      <c r="B63283" s="2"/>
      <c r="C63283" s="2"/>
    </row>
    <row r="63284" spans="1:3" ht="19.2">
      <c r="A63284" s="2"/>
      <c r="B63284" s="2"/>
      <c r="C63284" s="2"/>
    </row>
    <row r="63285" spans="1:3" ht="19.2">
      <c r="A63285" s="2"/>
      <c r="B63285" s="2"/>
      <c r="C63285" s="2"/>
    </row>
    <row r="63286" spans="1:3" ht="19.2">
      <c r="A63286" s="2"/>
      <c r="B63286" s="2"/>
      <c r="C63286" s="2"/>
    </row>
    <row r="63287" spans="1:3" ht="19.2">
      <c r="A63287" s="2"/>
      <c r="B63287" s="2"/>
      <c r="C63287" s="2"/>
    </row>
    <row r="63288" spans="1:3" ht="19.2">
      <c r="A63288" s="2"/>
      <c r="B63288" s="2"/>
      <c r="C63288" s="2"/>
    </row>
    <row r="63289" spans="1:3" ht="19.2">
      <c r="A63289" s="2"/>
      <c r="B63289" s="2"/>
      <c r="C63289" s="2"/>
    </row>
    <row r="63290" spans="1:3" ht="19.2">
      <c r="A63290" s="2"/>
      <c r="B63290" s="2"/>
      <c r="C63290" s="2"/>
    </row>
    <row r="63291" spans="1:3" ht="19.2">
      <c r="A63291" s="2"/>
      <c r="B63291" s="2"/>
      <c r="C63291" s="2"/>
    </row>
    <row r="63292" spans="1:3" ht="19.2">
      <c r="A63292" s="2"/>
      <c r="B63292" s="2"/>
      <c r="C63292" s="2"/>
    </row>
    <row r="63293" spans="1:3" ht="19.2">
      <c r="A63293" s="2"/>
      <c r="B63293" s="2"/>
      <c r="C63293" s="2"/>
    </row>
    <row r="63294" spans="1:3" ht="19.2">
      <c r="A63294" s="2"/>
      <c r="B63294" s="2"/>
      <c r="C63294" s="2"/>
    </row>
    <row r="63295" spans="1:3" ht="19.2">
      <c r="A63295" s="2"/>
      <c r="B63295" s="2"/>
      <c r="C63295" s="2"/>
    </row>
    <row r="63296" spans="1:3" ht="19.2">
      <c r="A63296" s="2"/>
      <c r="B63296" s="2"/>
      <c r="C63296" s="2"/>
    </row>
    <row r="63297" spans="1:3" ht="19.2">
      <c r="A63297" s="2"/>
      <c r="B63297" s="2"/>
      <c r="C63297" s="2"/>
    </row>
    <row r="63298" spans="1:3" ht="19.2">
      <c r="A63298" s="2"/>
      <c r="B63298" s="2"/>
      <c r="C63298" s="2"/>
    </row>
    <row r="63299" spans="1:3" ht="19.2">
      <c r="A63299" s="2"/>
      <c r="B63299" s="2"/>
      <c r="C63299" s="2"/>
    </row>
    <row r="63300" spans="1:3" ht="19.2">
      <c r="A63300" s="2"/>
      <c r="B63300" s="2"/>
      <c r="C63300" s="2"/>
    </row>
    <row r="63301" spans="1:3" ht="19.2">
      <c r="A63301" s="2"/>
      <c r="B63301" s="2"/>
      <c r="C63301" s="2"/>
    </row>
    <row r="63302" spans="1:3" ht="19.2">
      <c r="A63302" s="2"/>
      <c r="B63302" s="2"/>
      <c r="C63302" s="2"/>
    </row>
    <row r="63303" spans="1:3" ht="19.2">
      <c r="A63303" s="2"/>
      <c r="B63303" s="2"/>
      <c r="C63303" s="2"/>
    </row>
    <row r="63304" spans="1:3" ht="19.2">
      <c r="A63304" s="2"/>
      <c r="B63304" s="2"/>
      <c r="C63304" s="2"/>
    </row>
    <row r="63305" spans="1:3" ht="19.2">
      <c r="A63305" s="2"/>
      <c r="B63305" s="2"/>
      <c r="C63305" s="2"/>
    </row>
    <row r="63306" spans="1:3" ht="19.2">
      <c r="A63306" s="2"/>
      <c r="B63306" s="2"/>
      <c r="C63306" s="2"/>
    </row>
    <row r="63307" spans="1:3" ht="19.2">
      <c r="A63307" s="2"/>
      <c r="B63307" s="2"/>
      <c r="C63307" s="2"/>
    </row>
    <row r="63308" spans="1:3" ht="19.2">
      <c r="A63308" s="2"/>
      <c r="B63308" s="2"/>
      <c r="C63308" s="2"/>
    </row>
    <row r="63309" spans="1:3" ht="19.2">
      <c r="A63309" s="2"/>
      <c r="B63309" s="2"/>
      <c r="C63309" s="2"/>
    </row>
    <row r="63310" spans="1:3" ht="19.2">
      <c r="A63310" s="2"/>
      <c r="B63310" s="2"/>
      <c r="C63310" s="2"/>
    </row>
    <row r="63311" spans="1:3" ht="19.2">
      <c r="A63311" s="2"/>
      <c r="B63311" s="2"/>
      <c r="C63311" s="2"/>
    </row>
    <row r="63312" spans="1:3" ht="19.2">
      <c r="A63312" s="2"/>
      <c r="B63312" s="2"/>
      <c r="C63312" s="2"/>
    </row>
    <row r="63313" spans="1:3" ht="19.2">
      <c r="A63313" s="2"/>
      <c r="B63313" s="2"/>
      <c r="C63313" s="2"/>
    </row>
    <row r="63314" spans="1:3" ht="19.2">
      <c r="A63314" s="2"/>
      <c r="B63314" s="2"/>
      <c r="C63314" s="2"/>
    </row>
    <row r="63315" spans="1:3" ht="19.2">
      <c r="A63315" s="2"/>
      <c r="B63315" s="2"/>
      <c r="C63315" s="2"/>
    </row>
    <row r="63316" spans="1:3" ht="19.2">
      <c r="A63316" s="2"/>
      <c r="B63316" s="2"/>
      <c r="C63316" s="2"/>
    </row>
    <row r="63317" spans="1:3" ht="19.2">
      <c r="A63317" s="2"/>
      <c r="B63317" s="2"/>
      <c r="C63317" s="2"/>
    </row>
    <row r="63318" spans="1:3" ht="19.2">
      <c r="A63318" s="2"/>
      <c r="B63318" s="2"/>
      <c r="C63318" s="2"/>
    </row>
    <row r="63319" spans="1:3" ht="19.2">
      <c r="A63319" s="2"/>
      <c r="B63319" s="2"/>
      <c r="C63319" s="2"/>
    </row>
    <row r="63320" spans="1:3" ht="19.2">
      <c r="A63320" s="2"/>
      <c r="B63320" s="2"/>
      <c r="C63320" s="2"/>
    </row>
    <row r="63321" spans="1:3" ht="19.2">
      <c r="A63321" s="2"/>
      <c r="B63321" s="2"/>
      <c r="C63321" s="2"/>
    </row>
    <row r="63322" spans="1:3" ht="19.2">
      <c r="A63322" s="2"/>
      <c r="B63322" s="2"/>
      <c r="C63322" s="2"/>
    </row>
    <row r="63323" spans="1:3" ht="19.2">
      <c r="A63323" s="2"/>
      <c r="B63323" s="2"/>
      <c r="C63323" s="2"/>
    </row>
    <row r="63324" spans="1:3" ht="19.2">
      <c r="A63324" s="2"/>
      <c r="B63324" s="2"/>
      <c r="C63324" s="2"/>
    </row>
    <row r="63325" spans="1:3" ht="19.2">
      <c r="A63325" s="2"/>
      <c r="B63325" s="2"/>
      <c r="C63325" s="2"/>
    </row>
    <row r="63326" spans="1:3" ht="19.2">
      <c r="A63326" s="2"/>
      <c r="B63326" s="2"/>
      <c r="C63326" s="2"/>
    </row>
    <row r="63327" spans="1:3" ht="19.2">
      <c r="A63327" s="2"/>
      <c r="B63327" s="2"/>
      <c r="C63327" s="2"/>
    </row>
    <row r="63328" spans="1:3" ht="19.2">
      <c r="A63328" s="2"/>
      <c r="B63328" s="2"/>
      <c r="C63328" s="2"/>
    </row>
    <row r="63329" spans="1:3" ht="19.2">
      <c r="A63329" s="2"/>
      <c r="B63329" s="2"/>
      <c r="C63329" s="2"/>
    </row>
    <row r="63330" spans="1:3" ht="19.2">
      <c r="A63330" s="2"/>
      <c r="B63330" s="2"/>
      <c r="C63330" s="2"/>
    </row>
    <row r="63331" spans="1:3" ht="19.2">
      <c r="A63331" s="2"/>
      <c r="B63331" s="2"/>
      <c r="C63331" s="2"/>
    </row>
    <row r="63332" spans="1:3" ht="19.2">
      <c r="A63332" s="2"/>
      <c r="B63332" s="2"/>
      <c r="C63332" s="2"/>
    </row>
    <row r="63333" spans="1:3" ht="19.2">
      <c r="A63333" s="2"/>
      <c r="B63333" s="2"/>
      <c r="C63333" s="2"/>
    </row>
    <row r="63334" spans="1:3" ht="19.2">
      <c r="A63334" s="2"/>
      <c r="B63334" s="2"/>
      <c r="C63334" s="2"/>
    </row>
    <row r="63335" spans="1:3" ht="19.2">
      <c r="A63335" s="2"/>
      <c r="B63335" s="2"/>
      <c r="C63335" s="2"/>
    </row>
    <row r="63336" spans="1:3" ht="19.2">
      <c r="A63336" s="2"/>
      <c r="B63336" s="2"/>
      <c r="C63336" s="2"/>
    </row>
    <row r="63337" spans="1:3" ht="19.2">
      <c r="A63337" s="2"/>
      <c r="B63337" s="2"/>
      <c r="C63337" s="2"/>
    </row>
    <row r="63338" spans="1:3" ht="19.2">
      <c r="A63338" s="2"/>
      <c r="B63338" s="2"/>
      <c r="C63338" s="2"/>
    </row>
    <row r="63339" spans="1:3" ht="19.2">
      <c r="A63339" s="2"/>
      <c r="B63339" s="2"/>
      <c r="C63339" s="2"/>
    </row>
    <row r="63340" spans="1:3" ht="19.2">
      <c r="A63340" s="2"/>
      <c r="B63340" s="2"/>
      <c r="C63340" s="2"/>
    </row>
    <row r="63341" spans="1:3" ht="19.2">
      <c r="A63341" s="2"/>
      <c r="B63341" s="2"/>
      <c r="C63341" s="2"/>
    </row>
    <row r="63342" spans="1:3" ht="19.2">
      <c r="A63342" s="2"/>
      <c r="B63342" s="2"/>
      <c r="C63342" s="2"/>
    </row>
    <row r="63343" spans="1:3" ht="19.2">
      <c r="A63343" s="2"/>
      <c r="B63343" s="2"/>
      <c r="C63343" s="2"/>
    </row>
    <row r="63344" spans="1:3" ht="19.2">
      <c r="A63344" s="2"/>
      <c r="B63344" s="2"/>
      <c r="C63344" s="2"/>
    </row>
    <row r="63345" spans="1:3" ht="19.2">
      <c r="A63345" s="2"/>
      <c r="B63345" s="2"/>
      <c r="C63345" s="2"/>
    </row>
    <row r="63346" spans="1:3" ht="19.2">
      <c r="A63346" s="2"/>
      <c r="B63346" s="2"/>
      <c r="C63346" s="2"/>
    </row>
    <row r="63347" spans="1:3" ht="19.2">
      <c r="A63347" s="2"/>
      <c r="B63347" s="2"/>
      <c r="C63347" s="2"/>
    </row>
    <row r="63348" spans="1:3" ht="19.2">
      <c r="A63348" s="2"/>
      <c r="B63348" s="2"/>
      <c r="C63348" s="2"/>
    </row>
    <row r="63349" spans="1:3" ht="19.2">
      <c r="A63349" s="2"/>
      <c r="B63349" s="2"/>
      <c r="C63349" s="2"/>
    </row>
    <row r="63350" spans="1:3" ht="19.2">
      <c r="A63350" s="2"/>
      <c r="B63350" s="2"/>
      <c r="C63350" s="2"/>
    </row>
    <row r="63351" spans="1:3" ht="19.2">
      <c r="A63351" s="2"/>
      <c r="B63351" s="2"/>
      <c r="C63351" s="2"/>
    </row>
    <row r="63352" spans="1:3" ht="19.2">
      <c r="A63352" s="2"/>
      <c r="B63352" s="2"/>
      <c r="C63352" s="2"/>
    </row>
    <row r="63353" spans="1:3" ht="19.2">
      <c r="A63353" s="2"/>
      <c r="B63353" s="2"/>
      <c r="C63353" s="2"/>
    </row>
    <row r="63354" spans="1:3" ht="19.2">
      <c r="A63354" s="2"/>
      <c r="B63354" s="2"/>
      <c r="C63354" s="2"/>
    </row>
    <row r="63355" spans="1:3" ht="19.2">
      <c r="A63355" s="2"/>
      <c r="B63355" s="2"/>
      <c r="C63355" s="2"/>
    </row>
    <row r="63356" spans="1:3" ht="19.2">
      <c r="A63356" s="2"/>
      <c r="B63356" s="2"/>
      <c r="C63356" s="2"/>
    </row>
    <row r="63357" spans="1:3" ht="19.2">
      <c r="A63357" s="2"/>
      <c r="B63357" s="2"/>
      <c r="C63357" s="2"/>
    </row>
    <row r="63358" spans="1:3" ht="19.2">
      <c r="A63358" s="2"/>
      <c r="B63358" s="2"/>
      <c r="C63358" s="2"/>
    </row>
    <row r="63359" spans="1:3" ht="19.2">
      <c r="A63359" s="2"/>
      <c r="B63359" s="2"/>
      <c r="C63359" s="2"/>
    </row>
    <row r="63360" spans="1:3" ht="19.2">
      <c r="A63360" s="2"/>
      <c r="B63360" s="2"/>
      <c r="C63360" s="2"/>
    </row>
    <row r="63361" spans="1:3" ht="19.2">
      <c r="A63361" s="2"/>
      <c r="B63361" s="2"/>
      <c r="C63361" s="2"/>
    </row>
    <row r="63362" spans="1:3" ht="19.2">
      <c r="A63362" s="2"/>
      <c r="B63362" s="2"/>
      <c r="C63362" s="2"/>
    </row>
    <row r="63363" spans="1:3" ht="19.2">
      <c r="A63363" s="2"/>
      <c r="B63363" s="2"/>
      <c r="C63363" s="2"/>
    </row>
    <row r="63364" spans="1:3" ht="19.2">
      <c r="A63364" s="2"/>
      <c r="B63364" s="2"/>
      <c r="C63364" s="2"/>
    </row>
    <row r="63365" spans="1:3" ht="19.2">
      <c r="A63365" s="2"/>
      <c r="B63365" s="2"/>
      <c r="C63365" s="2"/>
    </row>
    <row r="63366" spans="1:3" ht="19.2">
      <c r="A63366" s="2"/>
      <c r="B63366" s="2"/>
      <c r="C63366" s="2"/>
    </row>
    <row r="63367" spans="1:3" ht="19.2">
      <c r="A63367" s="2"/>
      <c r="B63367" s="2"/>
      <c r="C63367" s="2"/>
    </row>
    <row r="63368" spans="1:3" ht="19.2">
      <c r="A63368" s="2"/>
      <c r="B63368" s="2"/>
      <c r="C63368" s="2"/>
    </row>
    <row r="63369" spans="1:3" ht="19.2">
      <c r="A63369" s="2"/>
      <c r="B63369" s="2"/>
      <c r="C63369" s="2"/>
    </row>
    <row r="63370" spans="1:3" ht="19.2">
      <c r="A63370" s="2"/>
      <c r="B63370" s="2"/>
      <c r="C63370" s="2"/>
    </row>
    <row r="63371" spans="1:3" ht="19.2">
      <c r="A63371" s="2"/>
      <c r="B63371" s="2"/>
      <c r="C63371" s="2"/>
    </row>
    <row r="63372" spans="1:3" ht="19.2">
      <c r="A63372" s="2"/>
      <c r="B63372" s="2"/>
      <c r="C63372" s="2"/>
    </row>
    <row r="63373" spans="1:3" ht="19.2">
      <c r="A63373" s="2"/>
      <c r="B63373" s="2"/>
      <c r="C63373" s="2"/>
    </row>
    <row r="63374" spans="1:3" ht="19.2">
      <c r="A63374" s="2"/>
      <c r="B63374" s="2"/>
      <c r="C63374" s="2"/>
    </row>
    <row r="63375" spans="1:3" ht="19.2">
      <c r="A63375" s="2"/>
      <c r="B63375" s="2"/>
      <c r="C63375" s="2"/>
    </row>
    <row r="63376" spans="1:3" ht="19.2">
      <c r="A63376" s="2"/>
      <c r="B63376" s="2"/>
      <c r="C63376" s="2"/>
    </row>
    <row r="63377" spans="1:3" ht="19.2">
      <c r="A63377" s="2"/>
      <c r="B63377" s="2"/>
      <c r="C63377" s="2"/>
    </row>
    <row r="63378" spans="1:3" ht="19.2">
      <c r="A63378" s="2"/>
      <c r="B63378" s="2"/>
      <c r="C63378" s="2"/>
    </row>
    <row r="63379" spans="1:3" ht="19.2">
      <c r="A63379" s="2"/>
      <c r="B63379" s="2"/>
      <c r="C63379" s="2"/>
    </row>
    <row r="63380" spans="1:3" ht="19.2">
      <c r="A63380" s="2"/>
      <c r="B63380" s="2"/>
      <c r="C63380" s="2"/>
    </row>
    <row r="63381" spans="1:3" ht="19.2">
      <c r="A63381" s="2"/>
      <c r="B63381" s="2"/>
      <c r="C63381" s="2"/>
    </row>
    <row r="63382" spans="1:3" ht="19.2">
      <c r="A63382" s="2"/>
      <c r="B63382" s="2"/>
      <c r="C63382" s="2"/>
    </row>
    <row r="63383" spans="1:3" ht="19.2">
      <c r="A63383" s="2"/>
      <c r="B63383" s="2"/>
      <c r="C63383" s="2"/>
    </row>
    <row r="63384" spans="1:3" ht="19.2">
      <c r="A63384" s="2"/>
      <c r="B63384" s="2"/>
      <c r="C63384" s="2"/>
    </row>
    <row r="63385" spans="1:3" ht="19.2">
      <c r="A63385" s="2"/>
      <c r="B63385" s="2"/>
      <c r="C63385" s="2"/>
    </row>
    <row r="63386" spans="1:3" ht="19.2">
      <c r="A63386" s="2"/>
      <c r="B63386" s="2"/>
      <c r="C63386" s="2"/>
    </row>
    <row r="63387" spans="1:3" ht="19.2">
      <c r="A63387" s="2"/>
      <c r="B63387" s="2"/>
      <c r="C63387" s="2"/>
    </row>
    <row r="63388" spans="1:3" ht="19.2">
      <c r="A63388" s="2"/>
      <c r="B63388" s="2"/>
      <c r="C63388" s="2"/>
    </row>
    <row r="63389" spans="1:3" ht="19.2">
      <c r="A63389" s="2"/>
      <c r="B63389" s="2"/>
      <c r="C63389" s="2"/>
    </row>
    <row r="63390" spans="1:3" ht="19.2">
      <c r="A63390" s="2"/>
      <c r="B63390" s="2"/>
      <c r="C63390" s="2"/>
    </row>
    <row r="63391" spans="1:3" ht="19.2">
      <c r="A63391" s="2"/>
      <c r="B63391" s="2"/>
      <c r="C63391" s="2"/>
    </row>
    <row r="63392" spans="1:3" ht="19.2">
      <c r="A63392" s="2"/>
      <c r="B63392" s="2"/>
      <c r="C63392" s="2"/>
    </row>
    <row r="63393" spans="1:3" ht="19.2">
      <c r="A63393" s="2"/>
      <c r="B63393" s="2"/>
      <c r="C63393" s="2"/>
    </row>
    <row r="63394" spans="1:3" ht="19.2">
      <c r="A63394" s="2"/>
      <c r="B63394" s="2"/>
      <c r="C63394" s="2"/>
    </row>
    <row r="63395" spans="1:3" ht="19.2">
      <c r="A63395" s="2"/>
      <c r="B63395" s="2"/>
      <c r="C63395" s="2"/>
    </row>
    <row r="63396" spans="1:3" ht="19.2">
      <c r="A63396" s="2"/>
      <c r="B63396" s="2"/>
      <c r="C63396" s="2"/>
    </row>
    <row r="63397" spans="1:3" ht="19.2">
      <c r="A63397" s="2"/>
      <c r="B63397" s="2"/>
      <c r="C63397" s="2"/>
    </row>
    <row r="63398" spans="1:3" ht="19.2">
      <c r="A63398" s="2"/>
      <c r="B63398" s="2"/>
      <c r="C63398" s="2"/>
    </row>
    <row r="63399" spans="1:3" ht="19.2">
      <c r="A63399" s="2"/>
      <c r="B63399" s="2"/>
      <c r="C63399" s="2"/>
    </row>
    <row r="63400" spans="1:3" ht="19.2">
      <c r="A63400" s="2"/>
      <c r="B63400" s="2"/>
      <c r="C63400" s="2"/>
    </row>
    <row r="63401" spans="1:3" ht="19.2">
      <c r="A63401" s="2"/>
      <c r="B63401" s="2"/>
      <c r="C63401" s="2"/>
    </row>
    <row r="63402" spans="1:3" ht="19.2">
      <c r="A63402" s="2"/>
      <c r="B63402" s="2"/>
      <c r="C63402" s="2"/>
    </row>
    <row r="63403" spans="1:3" ht="19.2">
      <c r="A63403" s="2"/>
      <c r="B63403" s="2"/>
      <c r="C63403" s="2"/>
    </row>
    <row r="63404" spans="1:3" ht="19.2">
      <c r="A63404" s="2"/>
      <c r="B63404" s="2"/>
      <c r="C63404" s="2"/>
    </row>
    <row r="63405" spans="1:3" ht="19.2">
      <c r="A63405" s="2"/>
      <c r="B63405" s="2"/>
      <c r="C63405" s="2"/>
    </row>
    <row r="63406" spans="1:3" ht="19.2">
      <c r="A63406" s="2"/>
      <c r="B63406" s="2"/>
      <c r="C63406" s="2"/>
    </row>
    <row r="63407" spans="1:3" ht="19.2">
      <c r="A63407" s="2"/>
      <c r="B63407" s="2"/>
      <c r="C63407" s="2"/>
    </row>
    <row r="63408" spans="1:3" ht="19.2">
      <c r="A63408" s="2"/>
      <c r="B63408" s="2"/>
      <c r="C63408" s="2"/>
    </row>
    <row r="63409" spans="1:3" ht="19.2">
      <c r="A63409" s="2"/>
      <c r="B63409" s="2"/>
      <c r="C63409" s="2"/>
    </row>
    <row r="63410" spans="1:3" ht="19.2">
      <c r="A63410" s="2"/>
      <c r="B63410" s="2"/>
      <c r="C63410" s="2"/>
    </row>
    <row r="63411" spans="1:3" ht="19.2">
      <c r="A63411" s="2"/>
      <c r="B63411" s="2"/>
      <c r="C63411" s="2"/>
    </row>
    <row r="63412" spans="1:3" ht="19.2">
      <c r="A63412" s="2"/>
      <c r="B63412" s="2"/>
      <c r="C63412" s="2"/>
    </row>
    <row r="63413" spans="1:3" ht="19.2">
      <c r="A63413" s="2"/>
      <c r="B63413" s="2"/>
      <c r="C63413" s="2"/>
    </row>
    <row r="63414" spans="1:3" ht="19.2">
      <c r="A63414" s="2"/>
      <c r="B63414" s="2"/>
      <c r="C63414" s="2"/>
    </row>
    <row r="63415" spans="1:3" ht="19.2">
      <c r="A63415" s="2"/>
      <c r="B63415" s="2"/>
      <c r="C63415" s="2"/>
    </row>
    <row r="63416" spans="1:3" ht="19.2">
      <c r="A63416" s="2"/>
      <c r="B63416" s="2"/>
      <c r="C63416" s="2"/>
    </row>
    <row r="63417" spans="1:3" ht="19.2">
      <c r="A63417" s="2"/>
      <c r="B63417" s="2"/>
      <c r="C63417" s="2"/>
    </row>
    <row r="63418" spans="1:3" ht="19.2">
      <c r="A63418" s="2"/>
      <c r="B63418" s="2"/>
      <c r="C63418" s="2"/>
    </row>
    <row r="63419" spans="1:3" ht="19.2">
      <c r="A63419" s="2"/>
      <c r="B63419" s="2"/>
      <c r="C63419" s="2"/>
    </row>
    <row r="63420" spans="1:3" ht="19.2">
      <c r="A63420" s="2"/>
      <c r="B63420" s="2"/>
      <c r="C63420" s="2"/>
    </row>
    <row r="63421" spans="1:3" ht="19.2">
      <c r="A63421" s="2"/>
      <c r="B63421" s="2"/>
      <c r="C63421" s="2"/>
    </row>
    <row r="63422" spans="1:3" ht="19.2">
      <c r="A63422" s="2"/>
      <c r="B63422" s="2"/>
      <c r="C63422" s="2"/>
    </row>
    <row r="63423" spans="1:3" ht="19.2">
      <c r="A63423" s="2"/>
      <c r="B63423" s="2"/>
      <c r="C63423" s="2"/>
    </row>
    <row r="63424" spans="1:3" ht="19.2">
      <c r="A63424" s="2"/>
      <c r="B63424" s="2"/>
      <c r="C63424" s="2"/>
    </row>
    <row r="63425" spans="1:3" ht="19.2">
      <c r="A63425" s="2"/>
      <c r="B63425" s="2"/>
      <c r="C63425" s="2"/>
    </row>
    <row r="63426" spans="1:3" ht="19.2">
      <c r="A63426" s="2"/>
      <c r="B63426" s="2"/>
      <c r="C63426" s="2"/>
    </row>
    <row r="63427" spans="1:3" ht="19.2">
      <c r="A63427" s="2"/>
      <c r="B63427" s="2"/>
      <c r="C63427" s="2"/>
    </row>
    <row r="63428" spans="1:3" ht="19.2">
      <c r="A63428" s="2"/>
      <c r="B63428" s="2"/>
      <c r="C63428" s="2"/>
    </row>
    <row r="63429" spans="1:3" ht="19.2">
      <c r="A63429" s="2"/>
      <c r="B63429" s="2"/>
      <c r="C63429" s="2"/>
    </row>
    <row r="63430" spans="1:3" ht="19.2">
      <c r="A63430" s="2"/>
      <c r="B63430" s="2"/>
      <c r="C63430" s="2"/>
    </row>
    <row r="63431" spans="1:3" ht="19.2">
      <c r="A63431" s="2"/>
      <c r="B63431" s="2"/>
      <c r="C63431" s="2"/>
    </row>
    <row r="63432" spans="1:3" ht="19.2">
      <c r="A63432" s="2"/>
      <c r="B63432" s="2"/>
      <c r="C63432" s="2"/>
    </row>
    <row r="63433" spans="1:3" ht="19.2">
      <c r="A63433" s="2"/>
      <c r="B63433" s="2"/>
      <c r="C63433" s="2"/>
    </row>
    <row r="63434" spans="1:3" ht="19.2">
      <c r="A63434" s="2"/>
      <c r="B63434" s="2"/>
      <c r="C63434" s="2"/>
    </row>
    <row r="63435" spans="1:3" ht="19.2">
      <c r="A63435" s="2"/>
      <c r="B63435" s="2"/>
      <c r="C63435" s="2"/>
    </row>
    <row r="63436" spans="1:3" ht="19.2">
      <c r="A63436" s="2"/>
      <c r="B63436" s="2"/>
      <c r="C63436" s="2"/>
    </row>
    <row r="63437" spans="1:3" ht="19.2">
      <c r="A63437" s="2"/>
      <c r="B63437" s="2"/>
      <c r="C63437" s="2"/>
    </row>
    <row r="63438" spans="1:3" ht="19.2">
      <c r="A63438" s="2"/>
      <c r="B63438" s="2"/>
      <c r="C63438" s="2"/>
    </row>
    <row r="63439" spans="1:3" ht="19.2">
      <c r="A63439" s="2"/>
      <c r="B63439" s="2"/>
      <c r="C63439" s="2"/>
    </row>
    <row r="63440" spans="1:3" ht="19.2">
      <c r="A63440" s="2"/>
      <c r="B63440" s="2"/>
      <c r="C63440" s="2"/>
    </row>
    <row r="63441" spans="1:3" ht="19.2">
      <c r="A63441" s="2"/>
      <c r="B63441" s="2"/>
      <c r="C63441" s="2"/>
    </row>
    <row r="63442" spans="1:3" ht="19.2">
      <c r="A63442" s="2"/>
      <c r="B63442" s="2"/>
      <c r="C63442" s="2"/>
    </row>
    <row r="63443" spans="1:3" ht="19.2">
      <c r="A63443" s="2"/>
      <c r="B63443" s="2"/>
      <c r="C63443" s="2"/>
    </row>
    <row r="63444" spans="1:3" ht="19.2">
      <c r="A63444" s="2"/>
      <c r="B63444" s="2"/>
      <c r="C63444" s="2"/>
    </row>
    <row r="63445" spans="1:3" ht="19.2">
      <c r="A63445" s="2"/>
      <c r="B63445" s="2"/>
      <c r="C63445" s="2"/>
    </row>
    <row r="63446" spans="1:3" ht="19.2">
      <c r="A63446" s="2"/>
      <c r="B63446" s="2"/>
      <c r="C63446" s="2"/>
    </row>
    <row r="63447" spans="1:3" ht="19.2">
      <c r="A63447" s="2"/>
      <c r="B63447" s="2"/>
      <c r="C63447" s="2"/>
    </row>
    <row r="63448" spans="1:3" ht="19.2">
      <c r="A63448" s="2"/>
      <c r="B63448" s="2"/>
      <c r="C63448" s="2"/>
    </row>
    <row r="63449" spans="1:3" ht="19.2">
      <c r="A63449" s="2"/>
      <c r="B63449" s="2"/>
      <c r="C63449" s="2"/>
    </row>
    <row r="63450" spans="1:3" ht="19.2">
      <c r="A63450" s="2"/>
      <c r="B63450" s="2"/>
      <c r="C63450" s="2"/>
    </row>
    <row r="63451" spans="1:3" ht="19.2">
      <c r="A63451" s="2"/>
      <c r="B63451" s="2"/>
      <c r="C63451" s="2"/>
    </row>
    <row r="63452" spans="1:3" ht="19.2">
      <c r="A63452" s="2"/>
      <c r="B63452" s="2"/>
      <c r="C63452" s="2"/>
    </row>
    <row r="63453" spans="1:3" ht="19.2">
      <c r="A63453" s="2"/>
      <c r="B63453" s="2"/>
      <c r="C63453" s="2"/>
    </row>
    <row r="63454" spans="1:3" ht="19.2">
      <c r="A63454" s="2"/>
      <c r="B63454" s="2"/>
      <c r="C63454" s="2"/>
    </row>
    <row r="63455" spans="1:3" ht="19.2">
      <c r="A63455" s="2"/>
      <c r="B63455" s="2"/>
      <c r="C63455" s="2"/>
    </row>
    <row r="63456" spans="1:3" ht="19.2">
      <c r="A63456" s="2"/>
      <c r="B63456" s="2"/>
      <c r="C63456" s="2"/>
    </row>
    <row r="63457" spans="1:3" ht="19.2">
      <c r="A63457" s="2"/>
      <c r="B63457" s="2"/>
      <c r="C63457" s="2"/>
    </row>
    <row r="63458" spans="1:3" ht="19.2">
      <c r="A63458" s="2"/>
      <c r="B63458" s="2"/>
      <c r="C63458" s="2"/>
    </row>
    <row r="63459" spans="1:3" ht="19.2">
      <c r="A63459" s="2"/>
      <c r="B63459" s="2"/>
      <c r="C63459" s="2"/>
    </row>
    <row r="63460" spans="1:3" ht="19.2">
      <c r="A63460" s="2"/>
      <c r="B63460" s="2"/>
      <c r="C63460" s="2"/>
    </row>
    <row r="63461" spans="1:3" ht="19.2">
      <c r="A63461" s="2"/>
      <c r="B63461" s="2"/>
      <c r="C63461" s="2"/>
    </row>
    <row r="63462" spans="1:3" ht="19.2">
      <c r="A63462" s="2"/>
      <c r="B63462" s="2"/>
      <c r="C63462" s="2"/>
    </row>
    <row r="63463" spans="1:3" ht="19.2">
      <c r="A63463" s="2"/>
      <c r="B63463" s="2"/>
      <c r="C63463" s="2"/>
    </row>
    <row r="63464" spans="1:3" ht="19.2">
      <c r="A63464" s="2"/>
      <c r="B63464" s="2"/>
      <c r="C63464" s="2"/>
    </row>
    <row r="63465" spans="1:3" ht="19.2">
      <c r="A63465" s="2"/>
      <c r="B63465" s="2"/>
      <c r="C63465" s="2"/>
    </row>
    <row r="63466" spans="1:3" ht="19.2">
      <c r="A63466" s="2"/>
      <c r="B63466" s="2"/>
      <c r="C63466" s="2"/>
    </row>
    <row r="63467" spans="1:3" ht="19.2">
      <c r="A63467" s="2"/>
      <c r="B63467" s="2"/>
      <c r="C63467" s="2"/>
    </row>
    <row r="63468" spans="1:3" ht="19.2">
      <c r="A63468" s="2"/>
      <c r="B63468" s="2"/>
      <c r="C63468" s="2"/>
    </row>
    <row r="63469" spans="1:3" ht="19.2">
      <c r="A63469" s="2"/>
      <c r="B63469" s="2"/>
      <c r="C63469" s="2"/>
    </row>
    <row r="63470" spans="1:3" ht="19.2">
      <c r="A63470" s="2"/>
      <c r="B63470" s="2"/>
      <c r="C63470" s="2"/>
    </row>
    <row r="63471" spans="1:3" ht="19.2">
      <c r="A63471" s="2"/>
      <c r="B63471" s="2"/>
      <c r="C63471" s="2"/>
    </row>
    <row r="63472" spans="1:3" ht="19.2">
      <c r="A63472" s="2"/>
      <c r="B63472" s="2"/>
      <c r="C63472" s="2"/>
    </row>
    <row r="63473" spans="1:3" ht="19.2">
      <c r="A63473" s="2"/>
      <c r="B63473" s="2"/>
      <c r="C63473" s="2"/>
    </row>
    <row r="63474" spans="1:3" ht="19.2">
      <c r="A63474" s="2"/>
      <c r="B63474" s="2"/>
      <c r="C63474" s="2"/>
    </row>
    <row r="63475" spans="1:3" ht="19.2">
      <c r="A63475" s="2"/>
      <c r="B63475" s="2"/>
      <c r="C63475" s="2"/>
    </row>
    <row r="63476" spans="1:3" ht="19.2">
      <c r="A63476" s="2"/>
      <c r="B63476" s="2"/>
      <c r="C63476" s="2"/>
    </row>
    <row r="63477" spans="1:3" ht="19.2">
      <c r="A63477" s="2"/>
      <c r="B63477" s="2"/>
      <c r="C63477" s="2"/>
    </row>
    <row r="63478" spans="1:3" ht="19.2">
      <c r="A63478" s="2"/>
      <c r="B63478" s="2"/>
      <c r="C63478" s="2"/>
    </row>
    <row r="63479" spans="1:3" ht="19.2">
      <c r="A63479" s="2"/>
      <c r="B63479" s="2"/>
      <c r="C63479" s="2"/>
    </row>
    <row r="63480" spans="1:3" ht="19.2">
      <c r="A63480" s="2"/>
      <c r="B63480" s="2"/>
      <c r="C63480" s="2"/>
    </row>
    <row r="63481" spans="1:3" ht="19.2">
      <c r="A63481" s="2"/>
      <c r="B63481" s="2"/>
      <c r="C63481" s="2"/>
    </row>
    <row r="63482" spans="1:3" ht="19.2">
      <c r="A63482" s="2"/>
      <c r="B63482" s="2"/>
      <c r="C63482" s="2"/>
    </row>
    <row r="63483" spans="1:3" ht="19.2">
      <c r="A63483" s="2"/>
      <c r="B63483" s="2"/>
      <c r="C63483" s="2"/>
    </row>
    <row r="63484" spans="1:3" ht="19.2">
      <c r="A63484" s="2"/>
      <c r="B63484" s="2"/>
      <c r="C63484" s="2"/>
    </row>
    <row r="63485" spans="1:3" ht="19.2">
      <c r="A63485" s="2"/>
      <c r="B63485" s="2"/>
      <c r="C63485" s="2"/>
    </row>
    <row r="63486" spans="1:3" ht="19.2">
      <c r="A63486" s="2"/>
      <c r="B63486" s="2"/>
      <c r="C63486" s="2"/>
    </row>
    <row r="63487" spans="1:3" ht="19.2">
      <c r="A63487" s="2"/>
      <c r="B63487" s="2"/>
      <c r="C63487" s="2"/>
    </row>
    <row r="63488" spans="1:3" ht="19.2">
      <c r="A63488" s="2"/>
      <c r="B63488" s="2"/>
      <c r="C63488" s="2"/>
    </row>
    <row r="63489" spans="1:3" ht="19.2">
      <c r="A63489" s="2"/>
      <c r="B63489" s="2"/>
      <c r="C63489" s="2"/>
    </row>
    <row r="63490" spans="1:3" ht="19.2">
      <c r="A63490" s="2"/>
      <c r="B63490" s="2"/>
      <c r="C63490" s="2"/>
    </row>
    <row r="63491" spans="1:3" ht="19.2">
      <c r="A63491" s="2"/>
      <c r="B63491" s="2"/>
      <c r="C63491" s="2"/>
    </row>
    <row r="63492" spans="1:3" ht="19.2">
      <c r="A63492" s="2"/>
      <c r="B63492" s="2"/>
      <c r="C63492" s="2"/>
    </row>
    <row r="63493" spans="1:3" ht="19.2">
      <c r="A63493" s="2"/>
      <c r="B63493" s="2"/>
      <c r="C63493" s="2"/>
    </row>
    <row r="63494" spans="1:3" ht="19.2">
      <c r="A63494" s="2"/>
      <c r="B63494" s="2"/>
      <c r="C63494" s="2"/>
    </row>
    <row r="63495" spans="1:3" ht="19.2">
      <c r="A63495" s="2"/>
      <c r="B63495" s="2"/>
      <c r="C63495" s="2"/>
    </row>
    <row r="63496" spans="1:3" ht="19.2">
      <c r="A63496" s="2"/>
      <c r="B63496" s="2"/>
      <c r="C63496" s="2"/>
    </row>
    <row r="63497" spans="1:3" ht="19.2">
      <c r="A63497" s="2"/>
      <c r="B63497" s="2"/>
      <c r="C63497" s="2"/>
    </row>
    <row r="63498" spans="1:3" ht="19.2">
      <c r="A63498" s="2"/>
      <c r="B63498" s="2"/>
      <c r="C63498" s="2"/>
    </row>
    <row r="63499" spans="1:3" ht="19.2">
      <c r="A63499" s="2"/>
      <c r="B63499" s="2"/>
      <c r="C63499" s="2"/>
    </row>
    <row r="63500" spans="1:3" ht="19.2">
      <c r="A63500" s="2"/>
      <c r="B63500" s="2"/>
      <c r="C63500" s="2"/>
    </row>
    <row r="63501" spans="1:3" ht="19.2">
      <c r="A63501" s="2"/>
      <c r="B63501" s="2"/>
      <c r="C63501" s="2"/>
    </row>
    <row r="63502" spans="1:3" ht="19.2">
      <c r="A63502" s="2"/>
      <c r="B63502" s="2"/>
      <c r="C63502" s="2"/>
    </row>
    <row r="63503" spans="1:3" ht="19.2">
      <c r="A63503" s="2"/>
      <c r="B63503" s="2"/>
      <c r="C63503" s="2"/>
    </row>
    <row r="63504" spans="1:3" ht="19.2">
      <c r="A63504" s="2"/>
      <c r="B63504" s="2"/>
      <c r="C63504" s="2"/>
    </row>
    <row r="63505" spans="1:3" ht="19.2">
      <c r="A63505" s="2"/>
      <c r="B63505" s="2"/>
      <c r="C63505" s="2"/>
    </row>
    <row r="63506" spans="1:3" ht="19.2">
      <c r="A63506" s="2"/>
      <c r="B63506" s="2"/>
      <c r="C63506" s="2"/>
    </row>
    <row r="63507" spans="1:3" ht="19.2">
      <c r="A63507" s="2"/>
      <c r="B63507" s="2"/>
      <c r="C63507" s="2"/>
    </row>
    <row r="63508" spans="1:3" ht="19.2">
      <c r="A63508" s="2"/>
      <c r="B63508" s="2"/>
      <c r="C63508" s="2"/>
    </row>
    <row r="63509" spans="1:3" ht="19.2">
      <c r="A63509" s="2"/>
      <c r="B63509" s="2"/>
      <c r="C63509" s="2"/>
    </row>
    <row r="63510" spans="1:3" ht="19.2">
      <c r="A63510" s="2"/>
      <c r="B63510" s="2"/>
      <c r="C63510" s="2"/>
    </row>
    <row r="63511" spans="1:3" ht="19.2">
      <c r="A63511" s="2"/>
      <c r="B63511" s="2"/>
      <c r="C63511" s="2"/>
    </row>
    <row r="63512" spans="1:3" ht="19.2">
      <c r="A63512" s="2"/>
      <c r="B63512" s="2"/>
      <c r="C63512" s="2"/>
    </row>
    <row r="63513" spans="1:3" ht="19.2">
      <c r="A63513" s="2"/>
      <c r="B63513" s="2"/>
      <c r="C63513" s="2"/>
    </row>
    <row r="63514" spans="1:3" ht="19.2">
      <c r="A63514" s="2"/>
      <c r="B63514" s="2"/>
      <c r="C63514" s="2"/>
    </row>
    <row r="63515" spans="1:3" ht="19.2">
      <c r="A63515" s="2"/>
      <c r="B63515" s="2"/>
      <c r="C63515" s="2"/>
    </row>
    <row r="63516" spans="1:3" ht="19.2">
      <c r="A63516" s="2"/>
      <c r="B63516" s="2"/>
      <c r="C63516" s="2"/>
    </row>
    <row r="63517" spans="1:3" ht="19.2">
      <c r="A63517" s="2"/>
      <c r="B63517" s="2"/>
      <c r="C63517" s="2"/>
    </row>
    <row r="63518" spans="1:3" ht="19.2">
      <c r="A63518" s="2"/>
      <c r="B63518" s="2"/>
      <c r="C63518" s="2"/>
    </row>
    <row r="63519" spans="1:3" ht="19.2">
      <c r="A63519" s="2"/>
      <c r="B63519" s="2"/>
      <c r="C63519" s="2"/>
    </row>
    <row r="63520" spans="1:3" ht="19.2">
      <c r="A63520" s="2"/>
      <c r="B63520" s="2"/>
      <c r="C63520" s="2"/>
    </row>
    <row r="63521" spans="1:3" ht="19.2">
      <c r="A63521" s="2"/>
      <c r="B63521" s="2"/>
      <c r="C63521" s="2"/>
    </row>
    <row r="63522" spans="1:3" ht="19.2">
      <c r="A63522" s="2"/>
      <c r="B63522" s="2"/>
      <c r="C63522" s="2"/>
    </row>
    <row r="63523" spans="1:3" ht="19.2">
      <c r="A63523" s="2"/>
      <c r="B63523" s="2"/>
      <c r="C63523" s="2"/>
    </row>
    <row r="63524" spans="1:3" ht="19.2">
      <c r="A63524" s="2"/>
      <c r="B63524" s="2"/>
      <c r="C63524" s="2"/>
    </row>
    <row r="63525" spans="1:3" ht="19.2">
      <c r="A63525" s="2"/>
      <c r="B63525" s="2"/>
      <c r="C63525" s="2"/>
    </row>
    <row r="63526" spans="1:3" ht="19.2">
      <c r="A63526" s="2"/>
      <c r="B63526" s="2"/>
      <c r="C63526" s="2"/>
    </row>
    <row r="63527" spans="1:3" ht="19.2">
      <c r="A63527" s="2"/>
      <c r="B63527" s="2"/>
      <c r="C63527" s="2"/>
    </row>
    <row r="63528" spans="1:3" ht="19.2">
      <c r="A63528" s="2"/>
      <c r="B63528" s="2"/>
      <c r="C63528" s="2"/>
    </row>
    <row r="63529" spans="1:3" ht="19.2">
      <c r="A63529" s="2"/>
      <c r="B63529" s="2"/>
      <c r="C63529" s="2"/>
    </row>
    <row r="63530" spans="1:3" ht="19.2">
      <c r="A63530" s="2"/>
      <c r="B63530" s="2"/>
      <c r="C63530" s="2"/>
    </row>
    <row r="63531" spans="1:3" ht="19.2">
      <c r="A63531" s="2"/>
      <c r="B63531" s="2"/>
      <c r="C63531" s="2"/>
    </row>
    <row r="63532" spans="1:3" ht="19.2">
      <c r="A63532" s="2"/>
      <c r="B63532" s="2"/>
      <c r="C63532" s="2"/>
    </row>
    <row r="63533" spans="1:3" ht="19.2">
      <c r="A63533" s="2"/>
      <c r="B63533" s="2"/>
      <c r="C63533" s="2"/>
    </row>
    <row r="63534" spans="1:3" ht="19.2">
      <c r="A63534" s="2"/>
      <c r="B63534" s="2"/>
      <c r="C63534" s="2"/>
    </row>
    <row r="63535" spans="1:3" ht="19.2">
      <c r="A63535" s="2"/>
      <c r="B63535" s="2"/>
      <c r="C63535" s="2"/>
    </row>
    <row r="63536" spans="1:3" ht="19.2">
      <c r="A63536" s="2"/>
      <c r="B63536" s="2"/>
      <c r="C63536" s="2"/>
    </row>
    <row r="63537" spans="1:3" ht="19.2">
      <c r="A63537" s="2"/>
      <c r="B63537" s="2"/>
      <c r="C63537" s="2"/>
    </row>
    <row r="63538" spans="1:3" ht="19.2">
      <c r="A63538" s="2"/>
      <c r="B63538" s="2"/>
      <c r="C63538" s="2"/>
    </row>
    <row r="63539" spans="1:3" ht="19.2">
      <c r="A63539" s="2"/>
      <c r="B63539" s="2"/>
      <c r="C63539" s="2"/>
    </row>
    <row r="63540" spans="1:3" ht="19.2">
      <c r="A63540" s="2"/>
      <c r="B63540" s="2"/>
      <c r="C63540" s="2"/>
    </row>
    <row r="63541" spans="1:3" ht="19.2">
      <c r="A63541" s="2"/>
      <c r="B63541" s="2"/>
      <c r="C63541" s="2"/>
    </row>
    <row r="63542" spans="1:3" ht="19.2">
      <c r="A63542" s="2"/>
      <c r="B63542" s="2"/>
      <c r="C63542" s="2"/>
    </row>
    <row r="63543" spans="1:3" ht="19.2">
      <c r="A63543" s="2"/>
      <c r="B63543" s="2"/>
      <c r="C63543" s="2"/>
    </row>
    <row r="63544" spans="1:3" ht="19.2">
      <c r="A63544" s="2"/>
      <c r="B63544" s="2"/>
      <c r="C63544" s="2"/>
    </row>
    <row r="63545" spans="1:3" ht="19.2">
      <c r="A63545" s="2"/>
      <c r="B63545" s="2"/>
      <c r="C63545" s="2"/>
    </row>
    <row r="63546" spans="1:3" ht="19.2">
      <c r="A63546" s="2"/>
      <c r="B63546" s="2"/>
      <c r="C63546" s="2"/>
    </row>
    <row r="63547" spans="1:3" ht="19.2">
      <c r="A63547" s="2"/>
      <c r="B63547" s="2"/>
      <c r="C63547" s="2"/>
    </row>
    <row r="63548" spans="1:3" ht="19.2">
      <c r="A63548" s="2"/>
      <c r="B63548" s="2"/>
      <c r="C63548" s="2"/>
    </row>
    <row r="63549" spans="1:3" ht="19.2">
      <c r="A63549" s="2"/>
      <c r="B63549" s="2"/>
      <c r="C63549" s="2"/>
    </row>
    <row r="63550" spans="1:3" ht="19.2">
      <c r="A63550" s="2"/>
      <c r="B63550" s="2"/>
      <c r="C63550" s="2"/>
    </row>
    <row r="63551" spans="1:3" ht="19.2">
      <c r="A63551" s="2"/>
      <c r="B63551" s="2"/>
      <c r="C63551" s="2"/>
    </row>
    <row r="63552" spans="1:3" ht="19.2">
      <c r="A63552" s="2"/>
      <c r="B63552" s="2"/>
      <c r="C63552" s="2"/>
    </row>
    <row r="63553" spans="1:3" ht="19.2">
      <c r="A63553" s="2"/>
      <c r="B63553" s="2"/>
      <c r="C63553" s="2"/>
    </row>
    <row r="63554" spans="1:3" ht="19.2">
      <c r="A63554" s="2"/>
      <c r="B63554" s="2"/>
      <c r="C63554" s="2"/>
    </row>
    <row r="63555" spans="1:3" ht="19.2">
      <c r="A63555" s="2"/>
      <c r="B63555" s="2"/>
      <c r="C63555" s="2"/>
    </row>
    <row r="63556" spans="1:3" ht="19.2">
      <c r="A63556" s="2"/>
      <c r="B63556" s="2"/>
      <c r="C63556" s="2"/>
    </row>
    <row r="63557" spans="1:3" ht="19.2">
      <c r="A63557" s="2"/>
      <c r="B63557" s="2"/>
      <c r="C63557" s="2"/>
    </row>
    <row r="63558" spans="1:3" ht="19.2">
      <c r="A63558" s="2"/>
      <c r="B63558" s="2"/>
      <c r="C63558" s="2"/>
    </row>
    <row r="63559" spans="1:3" ht="19.2">
      <c r="A63559" s="2"/>
      <c r="B63559" s="2"/>
      <c r="C63559" s="2"/>
    </row>
    <row r="63560" spans="1:3" ht="19.2">
      <c r="A63560" s="2"/>
      <c r="B63560" s="2"/>
      <c r="C63560" s="2"/>
    </row>
    <row r="63561" spans="1:3" ht="19.2">
      <c r="A63561" s="2"/>
      <c r="B63561" s="2"/>
      <c r="C63561" s="2"/>
    </row>
    <row r="63562" spans="1:3" ht="19.2">
      <c r="A63562" s="2"/>
      <c r="B63562" s="2"/>
      <c r="C63562" s="2"/>
    </row>
    <row r="63563" spans="1:3" ht="19.2">
      <c r="A63563" s="2"/>
      <c r="B63563" s="2"/>
      <c r="C63563" s="2"/>
    </row>
    <row r="63564" spans="1:3" ht="19.2">
      <c r="A63564" s="2"/>
      <c r="B63564" s="2"/>
      <c r="C63564" s="2"/>
    </row>
    <row r="63565" spans="1:3" ht="19.2">
      <c r="A63565" s="2"/>
      <c r="B63565" s="2"/>
      <c r="C63565" s="2"/>
    </row>
    <row r="63566" spans="1:3" ht="19.2">
      <c r="A63566" s="2"/>
      <c r="B63566" s="2"/>
      <c r="C63566" s="2"/>
    </row>
    <row r="63567" spans="1:3" ht="19.2">
      <c r="A63567" s="2"/>
      <c r="B63567" s="2"/>
      <c r="C63567" s="2"/>
    </row>
    <row r="63568" spans="1:3" ht="19.2">
      <c r="A63568" s="2"/>
      <c r="B63568" s="2"/>
      <c r="C63568" s="2"/>
    </row>
    <row r="63569" spans="1:3" ht="19.2">
      <c r="A63569" s="2"/>
      <c r="B63569" s="2"/>
      <c r="C63569" s="2"/>
    </row>
    <row r="63570" spans="1:3" ht="19.2">
      <c r="A63570" s="2"/>
      <c r="B63570" s="2"/>
      <c r="C63570" s="2"/>
    </row>
    <row r="63571" spans="1:3" ht="19.2">
      <c r="A63571" s="2"/>
      <c r="B63571" s="2"/>
      <c r="C63571" s="2"/>
    </row>
    <row r="63572" spans="1:3" ht="19.2">
      <c r="A63572" s="2"/>
      <c r="B63572" s="2"/>
      <c r="C63572" s="2"/>
    </row>
    <row r="63573" spans="1:3" ht="19.2">
      <c r="A63573" s="2"/>
      <c r="B63573" s="2"/>
      <c r="C63573" s="2"/>
    </row>
    <row r="63574" spans="1:3" ht="19.2">
      <c r="A63574" s="2"/>
      <c r="B63574" s="2"/>
      <c r="C63574" s="2"/>
    </row>
    <row r="63575" spans="1:3" ht="19.2">
      <c r="A63575" s="2"/>
      <c r="B63575" s="2"/>
      <c r="C63575" s="2"/>
    </row>
    <row r="63576" spans="1:3" ht="19.2">
      <c r="A63576" s="2"/>
      <c r="B63576" s="2"/>
      <c r="C63576" s="2"/>
    </row>
    <row r="63577" spans="1:3" ht="19.2">
      <c r="A63577" s="2"/>
      <c r="B63577" s="2"/>
      <c r="C63577" s="2"/>
    </row>
    <row r="63578" spans="1:3" ht="19.2">
      <c r="A63578" s="2"/>
      <c r="B63578" s="2"/>
      <c r="C63578" s="2"/>
    </row>
    <row r="63579" spans="1:3" ht="19.2">
      <c r="A63579" s="2"/>
      <c r="B63579" s="2"/>
      <c r="C63579" s="2"/>
    </row>
    <row r="63580" spans="1:3" ht="19.2">
      <c r="A63580" s="2"/>
      <c r="B63580" s="2"/>
      <c r="C63580" s="2"/>
    </row>
    <row r="63581" spans="1:3" ht="19.2">
      <c r="A63581" s="2"/>
      <c r="B63581" s="2"/>
      <c r="C63581" s="2"/>
    </row>
    <row r="63582" spans="1:3" ht="19.2">
      <c r="A63582" s="2"/>
      <c r="B63582" s="2"/>
      <c r="C63582" s="2"/>
    </row>
    <row r="63583" spans="1:3" ht="19.2">
      <c r="A63583" s="2"/>
      <c r="B63583" s="2"/>
      <c r="C63583" s="2"/>
    </row>
    <row r="63584" spans="1:3" ht="19.2">
      <c r="A63584" s="2"/>
      <c r="B63584" s="2"/>
      <c r="C63584" s="2"/>
    </row>
    <row r="63585" spans="1:3" ht="19.2">
      <c r="A63585" s="2"/>
      <c r="B63585" s="2"/>
      <c r="C63585" s="2"/>
    </row>
    <row r="63586" spans="1:3" ht="19.2">
      <c r="A63586" s="2"/>
      <c r="B63586" s="2"/>
      <c r="C63586" s="2"/>
    </row>
    <row r="63587" spans="1:3" ht="19.2">
      <c r="A63587" s="2"/>
      <c r="B63587" s="2"/>
      <c r="C63587" s="2"/>
    </row>
    <row r="63588" spans="1:3" ht="19.2">
      <c r="A63588" s="2"/>
      <c r="B63588" s="2"/>
      <c r="C63588" s="2"/>
    </row>
    <row r="63589" spans="1:3" ht="19.2">
      <c r="A63589" s="2"/>
      <c r="B63589" s="2"/>
      <c r="C63589" s="2"/>
    </row>
    <row r="63590" spans="1:3" ht="19.2">
      <c r="A63590" s="2"/>
      <c r="B63590" s="2"/>
      <c r="C63590" s="2"/>
    </row>
    <row r="63591" spans="1:3" ht="19.2">
      <c r="A63591" s="2"/>
      <c r="B63591" s="2"/>
      <c r="C63591" s="2"/>
    </row>
    <row r="63592" spans="1:3" ht="19.2">
      <c r="A63592" s="2"/>
      <c r="B63592" s="2"/>
      <c r="C63592" s="2"/>
    </row>
    <row r="63593" spans="1:3" ht="19.2">
      <c r="A63593" s="2"/>
      <c r="B63593" s="2"/>
      <c r="C63593" s="2"/>
    </row>
    <row r="63594" spans="1:3" ht="19.2">
      <c r="A63594" s="2"/>
      <c r="B63594" s="2"/>
      <c r="C63594" s="2"/>
    </row>
    <row r="63595" spans="1:3" ht="19.2">
      <c r="A63595" s="2"/>
      <c r="B63595" s="2"/>
      <c r="C63595" s="2"/>
    </row>
    <row r="63596" spans="1:3" ht="19.2">
      <c r="A63596" s="2"/>
      <c r="B63596" s="2"/>
      <c r="C63596" s="2"/>
    </row>
    <row r="63597" spans="1:3" ht="19.2">
      <c r="A63597" s="2"/>
      <c r="B63597" s="2"/>
      <c r="C63597" s="2"/>
    </row>
    <row r="63598" spans="1:3" ht="19.2">
      <c r="A63598" s="2"/>
      <c r="B63598" s="2"/>
      <c r="C63598" s="2"/>
    </row>
    <row r="63599" spans="1:3" ht="19.2">
      <c r="A63599" s="2"/>
      <c r="B63599" s="2"/>
      <c r="C63599" s="2"/>
    </row>
    <row r="63600" spans="1:3" ht="19.2">
      <c r="A63600" s="2"/>
      <c r="B63600" s="2"/>
      <c r="C63600" s="2"/>
    </row>
    <row r="63601" spans="1:3" ht="19.2">
      <c r="A63601" s="2"/>
      <c r="B63601" s="2"/>
      <c r="C63601" s="2"/>
    </row>
    <row r="63602" spans="1:3" ht="19.2">
      <c r="A63602" s="2"/>
      <c r="B63602" s="2"/>
      <c r="C63602" s="2"/>
    </row>
    <row r="63603" spans="1:3" ht="19.2">
      <c r="A63603" s="2"/>
      <c r="B63603" s="2"/>
      <c r="C63603" s="2"/>
    </row>
    <row r="63604" spans="1:3" ht="19.2">
      <c r="A63604" s="2"/>
      <c r="B63604" s="2"/>
      <c r="C63604" s="2"/>
    </row>
    <row r="63605" spans="1:3" ht="19.2">
      <c r="A63605" s="2"/>
      <c r="B63605" s="2"/>
      <c r="C63605" s="2"/>
    </row>
    <row r="63606" spans="1:3" ht="19.2">
      <c r="A63606" s="2"/>
      <c r="B63606" s="2"/>
      <c r="C63606" s="2"/>
    </row>
    <row r="63607" spans="1:3" ht="19.2">
      <c r="A63607" s="2"/>
      <c r="B63607" s="2"/>
      <c r="C63607" s="2"/>
    </row>
    <row r="63608" spans="1:3" ht="19.2">
      <c r="A63608" s="2"/>
      <c r="B63608" s="2"/>
      <c r="C63608" s="2"/>
    </row>
    <row r="63609" spans="1:3" ht="19.2">
      <c r="A63609" s="2"/>
      <c r="B63609" s="2"/>
      <c r="C63609" s="2"/>
    </row>
    <row r="63610" spans="1:3" ht="19.2">
      <c r="A63610" s="2"/>
      <c r="B63610" s="2"/>
      <c r="C63610" s="2"/>
    </row>
    <row r="63611" spans="1:3" ht="19.2">
      <c r="A63611" s="2"/>
      <c r="B63611" s="2"/>
      <c r="C63611" s="2"/>
    </row>
    <row r="63612" spans="1:3" ht="19.2">
      <c r="A63612" s="2"/>
      <c r="B63612" s="2"/>
      <c r="C63612" s="2"/>
    </row>
    <row r="63613" spans="1:3" ht="19.2">
      <c r="A63613" s="2"/>
      <c r="B63613" s="2"/>
      <c r="C63613" s="2"/>
    </row>
    <row r="63614" spans="1:3" ht="19.2">
      <c r="A63614" s="2"/>
      <c r="B63614" s="2"/>
      <c r="C63614" s="2"/>
    </row>
    <row r="63615" spans="1:3" ht="19.2">
      <c r="A63615" s="2"/>
      <c r="B63615" s="2"/>
      <c r="C63615" s="2"/>
    </row>
    <row r="63616" spans="1:3" ht="19.2">
      <c r="A63616" s="2"/>
      <c r="B63616" s="2"/>
      <c r="C63616" s="2"/>
    </row>
    <row r="63617" spans="1:3" ht="19.2">
      <c r="A63617" s="2"/>
      <c r="B63617" s="2"/>
      <c r="C63617" s="2"/>
    </row>
    <row r="63618" spans="1:3" ht="19.2">
      <c r="A63618" s="2"/>
      <c r="B63618" s="2"/>
      <c r="C63618" s="2"/>
    </row>
    <row r="63619" spans="1:3" ht="19.2">
      <c r="A63619" s="2"/>
      <c r="B63619" s="2"/>
      <c r="C63619" s="2"/>
    </row>
    <row r="63620" spans="1:3" ht="19.2">
      <c r="A63620" s="2"/>
      <c r="B63620" s="2"/>
      <c r="C63620" s="2"/>
    </row>
    <row r="63621" spans="1:3" ht="19.2">
      <c r="A63621" s="2"/>
      <c r="B63621" s="2"/>
      <c r="C63621" s="2"/>
    </row>
    <row r="63622" spans="1:3" ht="19.2">
      <c r="A63622" s="2"/>
      <c r="B63622" s="2"/>
      <c r="C63622" s="2"/>
    </row>
    <row r="63623" spans="1:3" ht="19.2">
      <c r="A63623" s="2"/>
      <c r="B63623" s="2"/>
      <c r="C63623" s="2"/>
    </row>
    <row r="63624" spans="1:3" ht="19.2">
      <c r="A63624" s="2"/>
      <c r="B63624" s="2"/>
      <c r="C63624" s="2"/>
    </row>
    <row r="63625" spans="1:3" ht="19.2">
      <c r="A63625" s="2"/>
      <c r="B63625" s="2"/>
      <c r="C63625" s="2"/>
    </row>
    <row r="63626" spans="1:3" ht="19.2">
      <c r="A63626" s="2"/>
      <c r="B63626" s="2"/>
      <c r="C63626" s="2"/>
    </row>
    <row r="63627" spans="1:3" ht="19.2">
      <c r="A63627" s="2"/>
      <c r="B63627" s="2"/>
      <c r="C63627" s="2"/>
    </row>
    <row r="63628" spans="1:3" ht="19.2">
      <c r="A63628" s="2"/>
      <c r="B63628" s="2"/>
      <c r="C63628" s="2"/>
    </row>
    <row r="63629" spans="1:3" ht="19.2">
      <c r="A63629" s="2"/>
      <c r="B63629" s="2"/>
      <c r="C63629" s="2"/>
    </row>
    <row r="63630" spans="1:3" ht="19.2">
      <c r="A63630" s="2"/>
      <c r="B63630" s="2"/>
      <c r="C63630" s="2"/>
    </row>
    <row r="63631" spans="1:3" ht="19.2">
      <c r="A63631" s="2"/>
      <c r="B63631" s="2"/>
      <c r="C63631" s="2"/>
    </row>
    <row r="63632" spans="1:3" ht="19.2">
      <c r="A63632" s="2"/>
      <c r="B63632" s="2"/>
      <c r="C63632" s="2"/>
    </row>
    <row r="63633" spans="1:3" ht="19.2">
      <c r="A63633" s="2"/>
      <c r="B63633" s="2"/>
      <c r="C63633" s="2"/>
    </row>
    <row r="63634" spans="1:3" ht="19.2">
      <c r="A63634" s="2"/>
      <c r="B63634" s="2"/>
      <c r="C63634" s="2"/>
    </row>
    <row r="63635" spans="1:3" ht="19.2">
      <c r="A63635" s="2"/>
      <c r="B63635" s="2"/>
      <c r="C63635" s="2"/>
    </row>
    <row r="63636" spans="1:3" ht="19.2">
      <c r="A63636" s="2"/>
      <c r="B63636" s="2"/>
      <c r="C63636" s="2"/>
    </row>
    <row r="63637" spans="1:3" ht="19.2">
      <c r="A63637" s="2"/>
      <c r="B63637" s="2"/>
      <c r="C63637" s="2"/>
    </row>
    <row r="63638" spans="1:3" ht="19.2">
      <c r="A63638" s="2"/>
      <c r="B63638" s="2"/>
      <c r="C63638" s="2"/>
    </row>
    <row r="63639" spans="1:3" ht="19.2">
      <c r="A63639" s="2"/>
      <c r="B63639" s="2"/>
      <c r="C63639" s="2"/>
    </row>
    <row r="63640" spans="1:3" ht="19.2">
      <c r="A63640" s="2"/>
      <c r="B63640" s="2"/>
      <c r="C63640" s="2"/>
    </row>
    <row r="63641" spans="1:3" ht="19.2">
      <c r="A63641" s="2"/>
      <c r="B63641" s="2"/>
      <c r="C63641" s="2"/>
    </row>
    <row r="63642" spans="1:3" ht="19.2">
      <c r="A63642" s="2"/>
      <c r="B63642" s="2"/>
      <c r="C63642" s="2"/>
    </row>
    <row r="63643" spans="1:3" ht="19.2">
      <c r="A63643" s="2"/>
      <c r="B63643" s="2"/>
      <c r="C63643" s="2"/>
    </row>
    <row r="63644" spans="1:3" ht="19.2">
      <c r="A63644" s="2"/>
      <c r="B63644" s="2"/>
      <c r="C63644" s="2"/>
    </row>
    <row r="63645" spans="1:3" ht="19.2">
      <c r="A63645" s="2"/>
      <c r="B63645" s="2"/>
      <c r="C63645" s="2"/>
    </row>
    <row r="63646" spans="1:3" ht="19.2">
      <c r="A63646" s="2"/>
      <c r="B63646" s="2"/>
      <c r="C63646" s="2"/>
    </row>
    <row r="63647" spans="1:3" ht="19.2">
      <c r="A63647" s="2"/>
      <c r="B63647" s="2"/>
      <c r="C63647" s="2"/>
    </row>
    <row r="63648" spans="1:3" ht="19.2">
      <c r="A63648" s="2"/>
      <c r="B63648" s="2"/>
      <c r="C63648" s="2"/>
    </row>
    <row r="63649" spans="1:3" ht="19.2">
      <c r="A63649" s="2"/>
      <c r="B63649" s="2"/>
      <c r="C63649" s="2"/>
    </row>
    <row r="63650" spans="1:3" ht="19.2">
      <c r="A63650" s="2"/>
      <c r="B63650" s="2"/>
      <c r="C63650" s="2"/>
    </row>
    <row r="63651" spans="1:3" ht="19.2">
      <c r="A63651" s="2"/>
      <c r="B63651" s="2"/>
      <c r="C63651" s="2"/>
    </row>
    <row r="63652" spans="1:3" ht="19.2">
      <c r="A63652" s="2"/>
      <c r="B63652" s="2"/>
      <c r="C63652" s="2"/>
    </row>
    <row r="63653" spans="1:3" ht="19.2">
      <c r="A63653" s="2"/>
      <c r="B63653" s="2"/>
      <c r="C63653" s="2"/>
    </row>
    <row r="63654" spans="1:3" ht="19.2">
      <c r="A63654" s="2"/>
      <c r="B63654" s="2"/>
      <c r="C63654" s="2"/>
    </row>
    <row r="63655" spans="1:3" ht="19.2">
      <c r="A63655" s="2"/>
      <c r="B63655" s="2"/>
      <c r="C63655" s="2"/>
    </row>
    <row r="63656" spans="1:3" ht="19.2">
      <c r="A63656" s="2"/>
      <c r="B63656" s="2"/>
      <c r="C63656" s="2"/>
    </row>
    <row r="63657" spans="1:3" ht="19.2">
      <c r="A63657" s="2"/>
      <c r="B63657" s="2"/>
      <c r="C63657" s="2"/>
    </row>
    <row r="63658" spans="1:3" ht="19.2">
      <c r="A63658" s="2"/>
      <c r="B63658" s="2"/>
      <c r="C63658" s="2"/>
    </row>
    <row r="63659" spans="1:3" ht="19.2">
      <c r="A63659" s="2"/>
      <c r="B63659" s="2"/>
      <c r="C63659" s="2"/>
    </row>
    <row r="63660" spans="1:3" ht="19.2">
      <c r="A63660" s="2"/>
      <c r="B63660" s="2"/>
      <c r="C63660" s="2"/>
    </row>
    <row r="63661" spans="1:3" ht="19.2">
      <c r="A63661" s="2"/>
      <c r="B63661" s="2"/>
      <c r="C63661" s="2"/>
    </row>
    <row r="63662" spans="1:3" ht="19.2">
      <c r="A63662" s="2"/>
      <c r="B63662" s="2"/>
      <c r="C63662" s="2"/>
    </row>
    <row r="63663" spans="1:3" ht="19.2">
      <c r="A63663" s="2"/>
      <c r="B63663" s="2"/>
      <c r="C63663" s="2"/>
    </row>
    <row r="63664" spans="1:3" ht="19.2">
      <c r="A63664" s="2"/>
      <c r="B63664" s="2"/>
      <c r="C63664" s="2"/>
    </row>
    <row r="63665" spans="1:3" ht="19.2">
      <c r="A63665" s="2"/>
      <c r="B63665" s="2"/>
      <c r="C63665" s="2"/>
    </row>
    <row r="63666" spans="1:3" ht="19.2">
      <c r="A63666" s="2"/>
      <c r="B63666" s="2"/>
      <c r="C63666" s="2"/>
    </row>
    <row r="63667" spans="1:3" ht="19.2">
      <c r="A63667" s="2"/>
      <c r="B63667" s="2"/>
      <c r="C63667" s="2"/>
    </row>
    <row r="63668" spans="1:3" ht="19.2">
      <c r="A63668" s="2"/>
      <c r="B63668" s="2"/>
      <c r="C63668" s="2"/>
    </row>
    <row r="63669" spans="1:3" ht="19.2">
      <c r="A63669" s="2"/>
      <c r="B63669" s="2"/>
      <c r="C63669" s="2"/>
    </row>
    <row r="63670" spans="1:3" ht="19.2">
      <c r="A63670" s="2"/>
      <c r="B63670" s="2"/>
      <c r="C63670" s="2"/>
    </row>
    <row r="63671" spans="1:3" ht="19.2">
      <c r="A63671" s="2"/>
      <c r="B63671" s="2"/>
      <c r="C63671" s="2"/>
    </row>
    <row r="63672" spans="1:3" ht="19.2">
      <c r="A63672" s="2"/>
      <c r="B63672" s="2"/>
      <c r="C63672" s="2"/>
    </row>
    <row r="63673" spans="1:3" ht="19.2">
      <c r="A63673" s="2"/>
      <c r="B63673" s="2"/>
      <c r="C63673" s="2"/>
    </row>
    <row r="63674" spans="1:3" ht="19.2">
      <c r="A63674" s="2"/>
      <c r="B63674" s="2"/>
      <c r="C63674" s="2"/>
    </row>
    <row r="63675" spans="1:3" ht="19.2">
      <c r="A63675" s="2"/>
      <c r="B63675" s="2"/>
      <c r="C63675" s="2"/>
    </row>
    <row r="63676" spans="1:3" ht="19.2">
      <c r="A63676" s="2"/>
      <c r="B63676" s="2"/>
      <c r="C63676" s="2"/>
    </row>
    <row r="63677" spans="1:3" ht="19.2">
      <c r="A63677" s="2"/>
      <c r="B63677" s="2"/>
      <c r="C63677" s="2"/>
    </row>
    <row r="63678" spans="1:3" ht="19.2">
      <c r="A63678" s="2"/>
      <c r="B63678" s="2"/>
      <c r="C63678" s="2"/>
    </row>
    <row r="63679" spans="1:3" ht="19.2">
      <c r="A63679" s="2"/>
      <c r="B63679" s="2"/>
      <c r="C63679" s="2"/>
    </row>
    <row r="63680" spans="1:3" ht="19.2">
      <c r="A63680" s="2"/>
      <c r="B63680" s="2"/>
      <c r="C63680" s="2"/>
    </row>
    <row r="63681" spans="1:3" ht="19.2">
      <c r="A63681" s="2"/>
      <c r="B63681" s="2"/>
      <c r="C63681" s="2"/>
    </row>
    <row r="63682" spans="1:3" ht="19.2">
      <c r="A63682" s="2"/>
      <c r="B63682" s="2"/>
      <c r="C63682" s="2"/>
    </row>
    <row r="63683" spans="1:3" ht="19.2">
      <c r="A63683" s="2"/>
      <c r="B63683" s="2"/>
      <c r="C63683" s="2"/>
    </row>
    <row r="63684" spans="1:3" ht="19.2">
      <c r="A63684" s="2"/>
      <c r="B63684" s="2"/>
      <c r="C63684" s="2"/>
    </row>
    <row r="63685" spans="1:3" ht="19.2">
      <c r="A63685" s="2"/>
      <c r="B63685" s="2"/>
      <c r="C63685" s="2"/>
    </row>
    <row r="63686" spans="1:3" ht="19.2">
      <c r="A63686" s="2"/>
      <c r="B63686" s="2"/>
      <c r="C63686" s="2"/>
    </row>
    <row r="63687" spans="1:3" ht="19.2">
      <c r="A63687" s="2"/>
      <c r="B63687" s="2"/>
      <c r="C63687" s="2"/>
    </row>
    <row r="63688" spans="1:3" ht="19.2">
      <c r="A63688" s="2"/>
      <c r="B63688" s="2"/>
      <c r="C63688" s="2"/>
    </row>
    <row r="63689" spans="1:3" ht="19.2">
      <c r="A63689" s="2"/>
      <c r="B63689" s="2"/>
      <c r="C63689" s="2"/>
    </row>
    <row r="63690" spans="1:3" ht="19.2">
      <c r="A63690" s="2"/>
      <c r="B63690" s="2"/>
      <c r="C63690" s="2"/>
    </row>
    <row r="63691" spans="1:3" ht="19.2">
      <c r="A63691" s="2"/>
      <c r="B63691" s="2"/>
      <c r="C63691" s="2"/>
    </row>
    <row r="63692" spans="1:3" ht="19.2">
      <c r="A63692" s="2"/>
      <c r="B63692" s="2"/>
      <c r="C63692" s="2"/>
    </row>
    <row r="63693" spans="1:3" ht="19.2">
      <c r="A63693" s="2"/>
      <c r="B63693" s="2"/>
      <c r="C63693" s="2"/>
    </row>
    <row r="63694" spans="1:3" ht="19.2">
      <c r="A63694" s="2"/>
      <c r="B63694" s="2"/>
      <c r="C63694" s="2"/>
    </row>
    <row r="63695" spans="1:3" ht="19.2">
      <c r="A63695" s="2"/>
      <c r="B63695" s="2"/>
      <c r="C63695" s="2"/>
    </row>
    <row r="63696" spans="1:3" ht="19.2">
      <c r="A63696" s="2"/>
      <c r="B63696" s="2"/>
      <c r="C63696" s="2"/>
    </row>
    <row r="63697" spans="1:3" ht="19.2">
      <c r="A63697" s="2"/>
      <c r="B63697" s="2"/>
      <c r="C63697" s="2"/>
    </row>
    <row r="63698" spans="1:3" ht="19.2">
      <c r="A63698" s="2"/>
      <c r="B63698" s="2"/>
      <c r="C63698" s="2"/>
    </row>
    <row r="63699" spans="1:3" ht="19.2">
      <c r="A63699" s="2"/>
      <c r="B63699" s="2"/>
      <c r="C63699" s="2"/>
    </row>
    <row r="63700" spans="1:3" ht="19.2">
      <c r="A63700" s="2"/>
      <c r="B63700" s="2"/>
      <c r="C63700" s="2"/>
    </row>
    <row r="63701" spans="1:3" ht="19.2">
      <c r="A63701" s="2"/>
      <c r="B63701" s="2"/>
      <c r="C63701" s="2"/>
    </row>
    <row r="63702" spans="1:3" ht="19.2">
      <c r="A63702" s="2"/>
      <c r="B63702" s="2"/>
      <c r="C63702" s="2"/>
    </row>
    <row r="63703" spans="1:3" ht="19.2">
      <c r="A63703" s="2"/>
      <c r="B63703" s="2"/>
      <c r="C63703" s="2"/>
    </row>
    <row r="63704" spans="1:3" ht="19.2">
      <c r="A63704" s="2"/>
      <c r="B63704" s="2"/>
      <c r="C63704" s="2"/>
    </row>
    <row r="63705" spans="1:3" ht="19.2">
      <c r="A63705" s="2"/>
      <c r="B63705" s="2"/>
      <c r="C63705" s="2"/>
    </row>
    <row r="63706" spans="1:3" ht="19.2">
      <c r="A63706" s="2"/>
      <c r="B63706" s="2"/>
      <c r="C63706" s="2"/>
    </row>
    <row r="63707" spans="1:3" ht="19.2">
      <c r="A63707" s="2"/>
      <c r="B63707" s="2"/>
      <c r="C63707" s="2"/>
    </row>
    <row r="63708" spans="1:3" ht="19.2">
      <c r="A63708" s="2"/>
      <c r="B63708" s="2"/>
      <c r="C63708" s="2"/>
    </row>
    <row r="63709" spans="1:3" ht="19.2">
      <c r="A63709" s="2"/>
      <c r="B63709" s="2"/>
      <c r="C63709" s="2"/>
    </row>
    <row r="63710" spans="1:3" ht="19.2">
      <c r="A63710" s="2"/>
      <c r="B63710" s="2"/>
      <c r="C63710" s="2"/>
    </row>
    <row r="63711" spans="1:3" ht="19.2">
      <c r="A63711" s="2"/>
      <c r="B63711" s="2"/>
      <c r="C63711" s="2"/>
    </row>
    <row r="63712" spans="1:3" ht="19.2">
      <c r="A63712" s="2"/>
      <c r="B63712" s="2"/>
      <c r="C63712" s="2"/>
    </row>
    <row r="63713" spans="1:3" ht="19.2">
      <c r="A63713" s="2"/>
      <c r="B63713" s="2"/>
      <c r="C63713" s="2"/>
    </row>
    <row r="63714" spans="1:3" ht="19.2">
      <c r="A63714" s="2"/>
      <c r="B63714" s="2"/>
      <c r="C63714" s="2"/>
    </row>
    <row r="63715" spans="1:3" ht="19.2">
      <c r="A63715" s="2"/>
      <c r="B63715" s="2"/>
      <c r="C63715" s="2"/>
    </row>
    <row r="63716" spans="1:3" ht="19.2">
      <c r="A63716" s="2"/>
      <c r="B63716" s="2"/>
      <c r="C63716" s="2"/>
    </row>
    <row r="63717" spans="1:3" ht="19.2">
      <c r="A63717" s="2"/>
      <c r="B63717" s="2"/>
      <c r="C63717" s="2"/>
    </row>
    <row r="63718" spans="1:3" ht="19.2">
      <c r="A63718" s="2"/>
      <c r="B63718" s="2"/>
      <c r="C63718" s="2"/>
    </row>
    <row r="63719" spans="1:3" ht="19.2">
      <c r="A63719" s="2"/>
      <c r="B63719" s="2"/>
      <c r="C63719" s="2"/>
    </row>
    <row r="63720" spans="1:3" ht="19.2">
      <c r="A63720" s="2"/>
      <c r="B63720" s="2"/>
      <c r="C63720" s="2"/>
    </row>
    <row r="63721" spans="1:3" ht="19.2">
      <c r="A63721" s="2"/>
      <c r="B63721" s="2"/>
      <c r="C63721" s="2"/>
    </row>
    <row r="63722" spans="1:3" ht="19.2">
      <c r="A63722" s="2"/>
      <c r="B63722" s="2"/>
      <c r="C63722" s="2"/>
    </row>
    <row r="63723" spans="1:3" ht="19.2">
      <c r="A63723" s="2"/>
      <c r="B63723" s="2"/>
      <c r="C63723" s="2"/>
    </row>
    <row r="63724" spans="1:3" ht="19.2">
      <c r="A63724" s="2"/>
      <c r="B63724" s="2"/>
      <c r="C63724" s="2"/>
    </row>
    <row r="63725" spans="1:3" ht="19.2">
      <c r="A63725" s="2"/>
      <c r="B63725" s="2"/>
      <c r="C63725" s="2"/>
    </row>
    <row r="63726" spans="1:3" ht="19.2">
      <c r="A63726" s="2"/>
      <c r="B63726" s="2"/>
      <c r="C63726" s="2"/>
    </row>
    <row r="63727" spans="1:3" ht="19.2">
      <c r="A63727" s="2"/>
      <c r="B63727" s="2"/>
      <c r="C63727" s="2"/>
    </row>
    <row r="63728" spans="1:3" ht="19.2">
      <c r="A63728" s="2"/>
      <c r="B63728" s="2"/>
      <c r="C63728" s="2"/>
    </row>
    <row r="63729" spans="1:3" ht="19.2">
      <c r="A63729" s="2"/>
      <c r="B63729" s="2"/>
      <c r="C63729" s="2"/>
    </row>
    <row r="63730" spans="1:3" ht="19.2">
      <c r="A63730" s="2"/>
      <c r="B63730" s="2"/>
      <c r="C63730" s="2"/>
    </row>
    <row r="63731" spans="1:3" ht="19.2">
      <c r="A63731" s="2"/>
      <c r="B63731" s="2"/>
      <c r="C63731" s="2"/>
    </row>
    <row r="63732" spans="1:3" ht="19.2">
      <c r="A63732" s="2"/>
      <c r="B63732" s="2"/>
      <c r="C63732" s="2"/>
    </row>
    <row r="63733" spans="1:3" ht="19.2">
      <c r="A63733" s="2"/>
      <c r="B63733" s="2"/>
      <c r="C63733" s="2"/>
    </row>
    <row r="63734" spans="1:3" ht="19.2">
      <c r="A63734" s="2"/>
      <c r="B63734" s="2"/>
      <c r="C63734" s="2"/>
    </row>
    <row r="63735" spans="1:3" ht="19.2">
      <c r="A63735" s="2"/>
      <c r="B63735" s="2"/>
      <c r="C63735" s="2"/>
    </row>
    <row r="63736" spans="1:3" ht="19.2">
      <c r="A63736" s="2"/>
      <c r="B63736" s="2"/>
      <c r="C63736" s="2"/>
    </row>
    <row r="63737" spans="1:3" ht="19.2">
      <c r="A63737" s="2"/>
      <c r="B63737" s="2"/>
      <c r="C63737" s="2"/>
    </row>
    <row r="63738" spans="1:3" ht="19.2">
      <c r="A63738" s="2"/>
      <c r="B63738" s="2"/>
      <c r="C63738" s="2"/>
    </row>
    <row r="63739" spans="1:3" ht="19.2">
      <c r="A63739" s="2"/>
      <c r="B63739" s="2"/>
      <c r="C63739" s="2"/>
    </row>
    <row r="63740" spans="1:3" ht="19.2">
      <c r="A63740" s="2"/>
      <c r="B63740" s="2"/>
      <c r="C63740" s="2"/>
    </row>
    <row r="63741" spans="1:3" ht="19.2">
      <c r="A63741" s="2"/>
      <c r="B63741" s="2"/>
      <c r="C63741" s="2"/>
    </row>
    <row r="63742" spans="1:3" ht="19.2">
      <c r="A63742" s="2"/>
      <c r="B63742" s="2"/>
      <c r="C63742" s="2"/>
    </row>
    <row r="63743" spans="1:3" ht="19.2">
      <c r="A63743" s="2"/>
      <c r="B63743" s="2"/>
      <c r="C63743" s="2"/>
    </row>
    <row r="63744" spans="1:3" ht="19.2">
      <c r="A63744" s="2"/>
      <c r="B63744" s="2"/>
      <c r="C63744" s="2"/>
    </row>
    <row r="63745" spans="1:3" ht="19.2">
      <c r="A63745" s="2"/>
      <c r="B63745" s="2"/>
      <c r="C63745" s="2"/>
    </row>
    <row r="63746" spans="1:3" ht="19.2">
      <c r="A63746" s="2"/>
      <c r="B63746" s="2"/>
      <c r="C63746" s="2"/>
    </row>
    <row r="63747" spans="1:3" ht="19.2">
      <c r="A63747" s="2"/>
      <c r="B63747" s="2"/>
      <c r="C63747" s="2"/>
    </row>
    <row r="63748" spans="1:3" ht="19.2">
      <c r="A63748" s="2"/>
      <c r="B63748" s="2"/>
      <c r="C63748" s="2"/>
    </row>
    <row r="63749" spans="1:3" ht="19.2">
      <c r="A63749" s="2"/>
      <c r="B63749" s="2"/>
      <c r="C63749" s="2"/>
    </row>
    <row r="63750" spans="1:3" ht="19.2">
      <c r="A63750" s="2"/>
      <c r="B63750" s="2"/>
      <c r="C63750" s="2"/>
    </row>
    <row r="63751" spans="1:3" ht="19.2">
      <c r="A63751" s="2"/>
      <c r="B63751" s="2"/>
      <c r="C63751" s="2"/>
    </row>
    <row r="63752" spans="1:3" ht="19.2">
      <c r="A63752" s="2"/>
      <c r="B63752" s="2"/>
      <c r="C63752" s="2"/>
    </row>
    <row r="63753" spans="1:3" ht="19.2">
      <c r="A63753" s="2"/>
      <c r="B63753" s="2"/>
      <c r="C63753" s="2"/>
    </row>
    <row r="63754" spans="1:3" ht="19.2">
      <c r="A63754" s="2"/>
      <c r="B63754" s="2"/>
      <c r="C63754" s="2"/>
    </row>
    <row r="63755" spans="1:3" ht="19.2">
      <c r="A63755" s="2"/>
      <c r="B63755" s="2"/>
      <c r="C63755" s="2"/>
    </row>
    <row r="63756" spans="1:3" ht="19.2">
      <c r="A63756" s="2"/>
      <c r="B63756" s="2"/>
      <c r="C63756" s="2"/>
    </row>
    <row r="63757" spans="1:3" ht="19.2">
      <c r="A63757" s="2"/>
      <c r="B63757" s="2"/>
      <c r="C63757" s="2"/>
    </row>
    <row r="63758" spans="1:3" ht="19.2">
      <c r="A63758" s="2"/>
      <c r="B63758" s="2"/>
      <c r="C63758" s="2"/>
    </row>
    <row r="63759" spans="1:3" ht="19.2">
      <c r="A63759" s="2"/>
      <c r="B63759" s="2"/>
      <c r="C63759" s="2"/>
    </row>
    <row r="63760" spans="1:3" ht="19.2">
      <c r="A63760" s="2"/>
      <c r="B63760" s="2"/>
      <c r="C63760" s="2"/>
    </row>
    <row r="63761" spans="1:3" ht="19.2">
      <c r="A63761" s="2"/>
      <c r="B63761" s="2"/>
      <c r="C63761" s="2"/>
    </row>
    <row r="63762" spans="1:3" ht="19.2">
      <c r="A63762" s="2"/>
      <c r="B63762" s="2"/>
      <c r="C63762" s="2"/>
    </row>
    <row r="63763" spans="1:3" ht="19.2">
      <c r="A63763" s="2"/>
      <c r="B63763" s="2"/>
      <c r="C63763" s="2"/>
    </row>
    <row r="63764" spans="1:3" ht="19.2">
      <c r="A63764" s="2"/>
      <c r="B63764" s="2"/>
      <c r="C63764" s="2"/>
    </row>
    <row r="63765" spans="1:3" ht="19.2">
      <c r="A63765" s="2"/>
      <c r="B63765" s="2"/>
      <c r="C63765" s="2"/>
    </row>
    <row r="63766" spans="1:3" ht="19.2">
      <c r="A63766" s="2"/>
      <c r="B63766" s="2"/>
      <c r="C63766" s="2"/>
    </row>
    <row r="63767" spans="1:3" ht="19.2">
      <c r="A63767" s="2"/>
      <c r="B63767" s="2"/>
      <c r="C63767" s="2"/>
    </row>
    <row r="63768" spans="1:3" ht="19.2">
      <c r="A63768" s="2"/>
      <c r="B63768" s="2"/>
      <c r="C63768" s="2"/>
    </row>
    <row r="63769" spans="1:3" ht="19.2">
      <c r="A63769" s="2"/>
      <c r="B63769" s="2"/>
      <c r="C63769" s="2"/>
    </row>
    <row r="63770" spans="1:3" ht="19.2">
      <c r="A63770" s="2"/>
      <c r="B63770" s="2"/>
      <c r="C63770" s="2"/>
    </row>
    <row r="63771" spans="1:3" ht="19.2">
      <c r="A63771" s="2"/>
      <c r="B63771" s="2"/>
      <c r="C63771" s="2"/>
    </row>
    <row r="63772" spans="1:3" ht="19.2">
      <c r="A63772" s="2"/>
      <c r="B63772" s="2"/>
      <c r="C63772" s="2"/>
    </row>
    <row r="63773" spans="1:3" ht="19.2">
      <c r="A63773" s="2"/>
      <c r="B63773" s="2"/>
      <c r="C63773" s="2"/>
    </row>
    <row r="63774" spans="1:3" ht="19.2">
      <c r="A63774" s="2"/>
      <c r="B63774" s="2"/>
      <c r="C63774" s="2"/>
    </row>
    <row r="63775" spans="1:3" ht="19.2">
      <c r="A63775" s="2"/>
      <c r="B63775" s="2"/>
      <c r="C63775" s="2"/>
    </row>
    <row r="63776" spans="1:3" ht="19.2">
      <c r="A63776" s="2"/>
      <c r="B63776" s="2"/>
      <c r="C63776" s="2"/>
    </row>
    <row r="63777" spans="1:3" ht="19.2">
      <c r="A63777" s="2"/>
      <c r="B63777" s="2"/>
      <c r="C63777" s="2"/>
    </row>
    <row r="63778" spans="1:3" ht="19.2">
      <c r="A63778" s="2"/>
      <c r="B63778" s="2"/>
      <c r="C63778" s="2"/>
    </row>
    <row r="63779" spans="1:3" ht="19.2">
      <c r="A63779" s="2"/>
      <c r="B63779" s="2"/>
      <c r="C63779" s="2"/>
    </row>
    <row r="63780" spans="1:3" ht="19.2">
      <c r="A63780" s="2"/>
      <c r="B63780" s="2"/>
      <c r="C63780" s="2"/>
    </row>
    <row r="63781" spans="1:3" ht="19.2">
      <c r="A63781" s="2"/>
      <c r="B63781" s="2"/>
      <c r="C63781" s="2"/>
    </row>
    <row r="63782" spans="1:3" ht="19.2">
      <c r="A63782" s="2"/>
      <c r="B63782" s="2"/>
      <c r="C63782" s="2"/>
    </row>
    <row r="63783" spans="1:3" ht="19.2">
      <c r="A63783" s="2"/>
      <c r="B63783" s="2"/>
      <c r="C63783" s="2"/>
    </row>
    <row r="63784" spans="1:3" ht="19.2">
      <c r="A63784" s="2"/>
      <c r="B63784" s="2"/>
      <c r="C63784" s="2"/>
    </row>
    <row r="63785" spans="1:3" ht="19.2">
      <c r="A63785" s="2"/>
      <c r="B63785" s="2"/>
      <c r="C63785" s="2"/>
    </row>
    <row r="63786" spans="1:3" ht="19.2">
      <c r="A63786" s="2"/>
      <c r="B63786" s="2"/>
      <c r="C63786" s="2"/>
    </row>
    <row r="63787" spans="1:3" ht="19.2">
      <c r="A63787" s="2"/>
      <c r="B63787" s="2"/>
      <c r="C63787" s="2"/>
    </row>
    <row r="63788" spans="1:3" ht="19.2">
      <c r="A63788" s="2"/>
      <c r="B63788" s="2"/>
      <c r="C63788" s="2"/>
    </row>
    <row r="63789" spans="1:3" ht="19.2">
      <c r="A63789" s="2"/>
      <c r="B63789" s="2"/>
      <c r="C63789" s="2"/>
    </row>
    <row r="63790" spans="1:3" ht="19.2">
      <c r="A63790" s="2"/>
      <c r="B63790" s="2"/>
      <c r="C63790" s="2"/>
    </row>
    <row r="63791" spans="1:3" ht="19.2">
      <c r="A63791" s="2"/>
      <c r="B63791" s="2"/>
      <c r="C63791" s="2"/>
    </row>
    <row r="63792" spans="1:3" ht="19.2">
      <c r="A63792" s="2"/>
      <c r="B63792" s="2"/>
      <c r="C63792" s="2"/>
    </row>
    <row r="63793" spans="1:3" ht="19.2">
      <c r="A63793" s="2"/>
      <c r="B63793" s="2"/>
      <c r="C63793" s="2"/>
    </row>
    <row r="63794" spans="1:3" ht="19.2">
      <c r="A63794" s="2"/>
      <c r="B63794" s="2"/>
      <c r="C63794" s="2"/>
    </row>
    <row r="63795" spans="1:3" ht="19.2">
      <c r="A63795" s="2"/>
      <c r="B63795" s="2"/>
      <c r="C63795" s="2"/>
    </row>
    <row r="63796" spans="1:3" ht="19.2">
      <c r="A63796" s="2"/>
      <c r="B63796" s="2"/>
      <c r="C63796" s="2"/>
    </row>
    <row r="63797" spans="1:3" ht="19.2">
      <c r="A63797" s="2"/>
      <c r="B63797" s="2"/>
      <c r="C63797" s="2"/>
    </row>
    <row r="63798" spans="1:3" ht="19.2">
      <c r="A63798" s="2"/>
      <c r="B63798" s="2"/>
      <c r="C63798" s="2"/>
    </row>
    <row r="63799" spans="1:3" ht="19.2">
      <c r="A63799" s="2"/>
      <c r="B63799" s="2"/>
      <c r="C63799" s="2"/>
    </row>
    <row r="63800" spans="1:3" ht="19.2">
      <c r="A63800" s="2"/>
      <c r="B63800" s="2"/>
      <c r="C63800" s="2"/>
    </row>
    <row r="63801" spans="1:3" ht="19.2">
      <c r="A63801" s="2"/>
      <c r="B63801" s="2"/>
      <c r="C63801" s="2"/>
    </row>
    <row r="63802" spans="1:3" ht="19.2">
      <c r="A63802" s="2"/>
      <c r="B63802" s="2"/>
      <c r="C63802" s="2"/>
    </row>
    <row r="63803" spans="1:3" ht="19.2">
      <c r="A63803" s="2"/>
      <c r="B63803" s="2"/>
      <c r="C63803" s="2"/>
    </row>
    <row r="63804" spans="1:3" ht="19.2">
      <c r="A63804" s="2"/>
      <c r="B63804" s="2"/>
      <c r="C63804" s="2"/>
    </row>
    <row r="63805" spans="1:3" ht="19.2">
      <c r="A63805" s="2"/>
      <c r="B63805" s="2"/>
      <c r="C63805" s="2"/>
    </row>
    <row r="63806" spans="1:3" ht="19.2">
      <c r="A63806" s="2"/>
      <c r="B63806" s="2"/>
      <c r="C63806" s="2"/>
    </row>
    <row r="63807" spans="1:3" ht="19.2">
      <c r="A63807" s="2"/>
      <c r="B63807" s="2"/>
      <c r="C63807" s="2"/>
    </row>
    <row r="63808" spans="1:3" ht="19.2">
      <c r="A63808" s="2"/>
      <c r="B63808" s="2"/>
      <c r="C63808" s="2"/>
    </row>
    <row r="63809" spans="1:3" ht="19.2">
      <c r="A63809" s="2"/>
      <c r="B63809" s="2"/>
      <c r="C63809" s="2"/>
    </row>
    <row r="63810" spans="1:3" ht="19.2">
      <c r="A63810" s="2"/>
      <c r="B63810" s="2"/>
      <c r="C63810" s="2"/>
    </row>
    <row r="63811" spans="1:3" ht="19.2">
      <c r="A63811" s="2"/>
      <c r="B63811" s="2"/>
      <c r="C63811" s="2"/>
    </row>
    <row r="63812" spans="1:3" ht="19.2">
      <c r="A63812" s="2"/>
      <c r="B63812" s="2"/>
      <c r="C63812" s="2"/>
    </row>
    <row r="63813" spans="1:3" ht="19.2">
      <c r="A63813" s="2"/>
      <c r="B63813" s="2"/>
      <c r="C63813" s="2"/>
    </row>
    <row r="63814" spans="1:3" ht="19.2">
      <c r="A63814" s="2"/>
      <c r="B63814" s="2"/>
      <c r="C63814" s="2"/>
    </row>
    <row r="63815" spans="1:3" ht="19.2">
      <c r="A63815" s="2"/>
      <c r="B63815" s="2"/>
      <c r="C63815" s="2"/>
    </row>
    <row r="63816" spans="1:3" ht="19.2">
      <c r="A63816" s="2"/>
      <c r="B63816" s="2"/>
      <c r="C63816" s="2"/>
    </row>
    <row r="63817" spans="1:3" ht="19.2">
      <c r="A63817" s="2"/>
      <c r="B63817" s="2"/>
      <c r="C63817" s="2"/>
    </row>
    <row r="63818" spans="1:3" ht="19.2">
      <c r="A63818" s="2"/>
      <c r="B63818" s="2"/>
      <c r="C63818" s="2"/>
    </row>
    <row r="63819" spans="1:3" ht="19.2">
      <c r="A63819" s="2"/>
      <c r="B63819" s="2"/>
      <c r="C63819" s="2"/>
    </row>
    <row r="63820" spans="1:3" ht="19.2">
      <c r="A63820" s="2"/>
      <c r="B63820" s="2"/>
      <c r="C63820" s="2"/>
    </row>
    <row r="63821" spans="1:3" ht="19.2">
      <c r="A63821" s="2"/>
      <c r="B63821" s="2"/>
      <c r="C63821" s="2"/>
    </row>
    <row r="63822" spans="1:3" ht="19.2">
      <c r="A63822" s="2"/>
      <c r="B63822" s="2"/>
      <c r="C63822" s="2"/>
    </row>
    <row r="63823" spans="1:3" ht="19.2">
      <c r="A63823" s="2"/>
      <c r="B63823" s="2"/>
      <c r="C63823" s="2"/>
    </row>
    <row r="63824" spans="1:3" ht="19.2">
      <c r="A63824" s="2"/>
      <c r="B63824" s="2"/>
      <c r="C63824" s="2"/>
    </row>
    <row r="63825" spans="1:3" ht="19.2">
      <c r="A63825" s="2"/>
      <c r="B63825" s="2"/>
      <c r="C63825" s="2"/>
    </row>
    <row r="63826" spans="1:3" ht="19.2">
      <c r="A63826" s="2"/>
      <c r="B63826" s="2"/>
      <c r="C63826" s="2"/>
    </row>
    <row r="63827" spans="1:3" ht="19.2">
      <c r="A63827" s="2"/>
      <c r="B63827" s="2"/>
      <c r="C63827" s="2"/>
    </row>
    <row r="63828" spans="1:3" ht="19.2">
      <c r="A63828" s="2"/>
      <c r="B63828" s="2"/>
      <c r="C63828" s="2"/>
    </row>
    <row r="63829" spans="1:3" ht="19.2">
      <c r="A63829" s="2"/>
      <c r="B63829" s="2"/>
      <c r="C63829" s="2"/>
    </row>
    <row r="63830" spans="1:3" ht="19.2">
      <c r="A63830" s="2"/>
      <c r="B63830" s="2"/>
      <c r="C63830" s="2"/>
    </row>
    <row r="63831" spans="1:3" ht="19.2">
      <c r="A63831" s="2"/>
      <c r="B63831" s="2"/>
      <c r="C63831" s="2"/>
    </row>
    <row r="63832" spans="1:3" ht="19.2">
      <c r="A63832" s="2"/>
      <c r="B63832" s="2"/>
      <c r="C63832" s="2"/>
    </row>
    <row r="63833" spans="1:3" ht="19.2">
      <c r="A63833" s="2"/>
      <c r="B63833" s="2"/>
      <c r="C63833" s="2"/>
    </row>
    <row r="63834" spans="1:3" ht="19.2">
      <c r="A63834" s="2"/>
      <c r="B63834" s="2"/>
      <c r="C63834" s="2"/>
    </row>
    <row r="63835" spans="1:3" ht="19.2">
      <c r="A63835" s="2"/>
      <c r="B63835" s="2"/>
      <c r="C63835" s="2"/>
    </row>
    <row r="63836" spans="1:3" ht="19.2">
      <c r="A63836" s="2"/>
      <c r="B63836" s="2"/>
      <c r="C63836" s="2"/>
    </row>
    <row r="63837" spans="1:3" ht="19.2">
      <c r="A63837" s="2"/>
      <c r="B63837" s="2"/>
      <c r="C63837" s="2"/>
    </row>
    <row r="63838" spans="1:3" ht="19.2">
      <c r="A63838" s="2"/>
      <c r="B63838" s="2"/>
      <c r="C63838" s="2"/>
    </row>
    <row r="63839" spans="1:3" ht="19.2">
      <c r="A63839" s="2"/>
      <c r="B63839" s="2"/>
      <c r="C63839" s="2"/>
    </row>
    <row r="63840" spans="1:3" ht="19.2">
      <c r="A63840" s="2"/>
      <c r="B63840" s="2"/>
      <c r="C63840" s="2"/>
    </row>
    <row r="63841" spans="1:3" ht="19.2">
      <c r="A63841" s="2"/>
      <c r="B63841" s="2"/>
      <c r="C63841" s="2"/>
    </row>
    <row r="63842" spans="1:3" ht="19.2">
      <c r="A63842" s="2"/>
      <c r="B63842" s="2"/>
      <c r="C63842" s="2"/>
    </row>
    <row r="63843" spans="1:3" ht="19.2">
      <c r="A63843" s="2"/>
      <c r="B63843" s="2"/>
      <c r="C63843" s="2"/>
    </row>
    <row r="63844" spans="1:3" ht="19.2">
      <c r="A63844" s="2"/>
      <c r="B63844" s="2"/>
      <c r="C63844" s="2"/>
    </row>
    <row r="63845" spans="1:3" ht="19.2">
      <c r="A63845" s="2"/>
      <c r="B63845" s="2"/>
      <c r="C63845" s="2"/>
    </row>
    <row r="63846" spans="1:3" ht="19.2">
      <c r="A63846" s="2"/>
      <c r="B63846" s="2"/>
      <c r="C63846" s="2"/>
    </row>
    <row r="63847" spans="1:3" ht="19.2">
      <c r="A63847" s="2"/>
      <c r="B63847" s="2"/>
      <c r="C63847" s="2"/>
    </row>
    <row r="63848" spans="1:3" ht="19.2">
      <c r="A63848" s="2"/>
      <c r="B63848" s="2"/>
      <c r="C63848" s="2"/>
    </row>
    <row r="63849" spans="1:3" ht="19.2">
      <c r="A63849" s="2"/>
      <c r="B63849" s="2"/>
      <c r="C63849" s="2"/>
    </row>
    <row r="63850" spans="1:3" ht="19.2">
      <c r="A63850" s="2"/>
      <c r="B63850" s="2"/>
      <c r="C63850" s="2"/>
    </row>
    <row r="63851" spans="1:3" ht="19.2">
      <c r="A63851" s="2"/>
      <c r="B63851" s="2"/>
      <c r="C63851" s="2"/>
    </row>
    <row r="63852" spans="1:3" ht="19.2">
      <c r="A63852" s="2"/>
      <c r="B63852" s="2"/>
      <c r="C63852" s="2"/>
    </row>
    <row r="63853" spans="1:3" ht="19.2">
      <c r="A63853" s="2"/>
      <c r="B63853" s="2"/>
      <c r="C63853" s="2"/>
    </row>
    <row r="63854" spans="1:3" ht="19.2">
      <c r="A63854" s="2"/>
      <c r="B63854" s="2"/>
      <c r="C63854" s="2"/>
    </row>
    <row r="63855" spans="1:3" ht="19.2">
      <c r="A63855" s="2"/>
      <c r="B63855" s="2"/>
      <c r="C63855" s="2"/>
    </row>
    <row r="63856" spans="1:3" ht="19.2">
      <c r="A63856" s="2"/>
      <c r="B63856" s="2"/>
      <c r="C63856" s="2"/>
    </row>
    <row r="63857" spans="1:3" ht="19.2">
      <c r="A63857" s="2"/>
      <c r="B63857" s="2"/>
      <c r="C63857" s="2"/>
    </row>
    <row r="63858" spans="1:3" ht="19.2">
      <c r="A63858" s="2"/>
      <c r="B63858" s="2"/>
      <c r="C63858" s="2"/>
    </row>
    <row r="63859" spans="1:3" ht="19.2">
      <c r="A63859" s="2"/>
      <c r="B63859" s="2"/>
      <c r="C63859" s="2"/>
    </row>
    <row r="63860" spans="1:3" ht="19.2">
      <c r="A63860" s="2"/>
      <c r="B63860" s="2"/>
      <c r="C63860" s="2"/>
    </row>
    <row r="63861" spans="1:3" ht="19.2">
      <c r="A63861" s="2"/>
      <c r="B63861" s="2"/>
      <c r="C63861" s="2"/>
    </row>
    <row r="63862" spans="1:3" ht="19.2">
      <c r="A63862" s="2"/>
      <c r="B63862" s="2"/>
      <c r="C63862" s="2"/>
    </row>
    <row r="63863" spans="1:3" ht="19.2">
      <c r="A63863" s="2"/>
      <c r="B63863" s="2"/>
      <c r="C63863" s="2"/>
    </row>
    <row r="63864" spans="1:3" ht="19.2">
      <c r="A63864" s="2"/>
      <c r="B63864" s="2"/>
      <c r="C63864" s="2"/>
    </row>
    <row r="63865" spans="1:3" ht="19.2">
      <c r="A63865" s="2"/>
      <c r="B63865" s="2"/>
      <c r="C63865" s="2"/>
    </row>
    <row r="63866" spans="1:3" ht="19.2">
      <c r="A63866" s="2"/>
      <c r="B63866" s="2"/>
      <c r="C63866" s="2"/>
    </row>
    <row r="63867" spans="1:3" ht="19.2">
      <c r="A63867" s="2"/>
      <c r="B63867" s="2"/>
      <c r="C63867" s="2"/>
    </row>
    <row r="63868" spans="1:3" ht="19.2">
      <c r="A63868" s="2"/>
      <c r="B63868" s="2"/>
      <c r="C63868" s="2"/>
    </row>
    <row r="63869" spans="1:3" ht="19.2">
      <c r="A63869" s="2"/>
      <c r="B63869" s="2"/>
      <c r="C63869" s="2"/>
    </row>
    <row r="63870" spans="1:3" ht="19.2">
      <c r="A63870" s="2"/>
      <c r="B63870" s="2"/>
      <c r="C63870" s="2"/>
    </row>
    <row r="63871" spans="1:3" ht="19.2">
      <c r="A63871" s="2"/>
      <c r="B63871" s="2"/>
      <c r="C63871" s="2"/>
    </row>
    <row r="63872" spans="1:3" ht="19.2">
      <c r="A63872" s="2"/>
      <c r="B63872" s="2"/>
      <c r="C63872" s="2"/>
    </row>
    <row r="63873" spans="1:3" ht="19.2">
      <c r="A63873" s="2"/>
      <c r="B63873" s="2"/>
      <c r="C63873" s="2"/>
    </row>
    <row r="63874" spans="1:3" ht="19.2">
      <c r="A63874" s="2"/>
      <c r="B63874" s="2"/>
      <c r="C63874" s="2"/>
    </row>
    <row r="63875" spans="1:3" ht="19.2">
      <c r="A63875" s="2"/>
      <c r="B63875" s="2"/>
      <c r="C63875" s="2"/>
    </row>
    <row r="63876" spans="1:3" ht="19.2">
      <c r="A63876" s="2"/>
      <c r="B63876" s="2"/>
      <c r="C63876" s="2"/>
    </row>
    <row r="63877" spans="1:3" ht="19.2">
      <c r="A63877" s="2"/>
      <c r="B63877" s="2"/>
      <c r="C63877" s="2"/>
    </row>
    <row r="63878" spans="1:3" ht="19.2">
      <c r="A63878" s="2"/>
      <c r="B63878" s="2"/>
      <c r="C63878" s="2"/>
    </row>
    <row r="63879" spans="1:3" ht="19.2">
      <c r="A63879" s="2"/>
      <c r="B63879" s="2"/>
      <c r="C63879" s="2"/>
    </row>
    <row r="63880" spans="1:3" ht="19.2">
      <c r="A63880" s="2"/>
      <c r="B63880" s="2"/>
      <c r="C63880" s="2"/>
    </row>
    <row r="63881" spans="1:3" ht="19.2">
      <c r="A63881" s="2"/>
      <c r="B63881" s="2"/>
      <c r="C63881" s="2"/>
    </row>
    <row r="63882" spans="1:3" ht="19.2">
      <c r="A63882" s="2"/>
      <c r="B63882" s="2"/>
      <c r="C63882" s="2"/>
    </row>
    <row r="63883" spans="1:3" ht="19.2">
      <c r="A63883" s="2"/>
      <c r="B63883" s="2"/>
      <c r="C63883" s="2"/>
    </row>
    <row r="63884" spans="1:3" ht="19.2">
      <c r="A63884" s="2"/>
      <c r="B63884" s="2"/>
      <c r="C63884" s="2"/>
    </row>
    <row r="63885" spans="1:3" ht="19.2">
      <c r="A63885" s="2"/>
      <c r="B63885" s="2"/>
      <c r="C63885" s="2"/>
    </row>
    <row r="63886" spans="1:3" ht="19.2">
      <c r="A63886" s="2"/>
      <c r="B63886" s="2"/>
      <c r="C63886" s="2"/>
    </row>
    <row r="63887" spans="1:3" ht="19.2">
      <c r="A63887" s="2"/>
      <c r="B63887" s="2"/>
      <c r="C63887" s="2"/>
    </row>
    <row r="63888" spans="1:3" ht="19.2">
      <c r="A63888" s="2"/>
      <c r="B63888" s="2"/>
      <c r="C63888" s="2"/>
    </row>
    <row r="63889" spans="1:3" ht="19.2">
      <c r="A63889" s="2"/>
      <c r="B63889" s="2"/>
      <c r="C63889" s="2"/>
    </row>
    <row r="63890" spans="1:3" ht="19.2">
      <c r="A63890" s="2"/>
      <c r="B63890" s="2"/>
      <c r="C63890" s="2"/>
    </row>
    <row r="63891" spans="1:3" ht="19.2">
      <c r="A63891" s="2"/>
      <c r="B63891" s="2"/>
      <c r="C63891" s="2"/>
    </row>
    <row r="63892" spans="1:3" ht="19.2">
      <c r="A63892" s="2"/>
      <c r="B63892" s="2"/>
      <c r="C63892" s="2"/>
    </row>
    <row r="63893" spans="1:3" ht="19.2">
      <c r="A63893" s="2"/>
      <c r="B63893" s="2"/>
      <c r="C63893" s="2"/>
    </row>
    <row r="63894" spans="1:3" ht="19.2">
      <c r="A63894" s="2"/>
      <c r="B63894" s="2"/>
      <c r="C63894" s="2"/>
    </row>
    <row r="63895" spans="1:3" ht="19.2">
      <c r="A63895" s="2"/>
      <c r="B63895" s="2"/>
      <c r="C63895" s="2"/>
    </row>
    <row r="63896" spans="1:3" ht="19.2">
      <c r="A63896" s="2"/>
      <c r="B63896" s="2"/>
      <c r="C63896" s="2"/>
    </row>
    <row r="63897" spans="1:3" ht="19.2">
      <c r="A63897" s="2"/>
      <c r="B63897" s="2"/>
      <c r="C63897" s="2"/>
    </row>
    <row r="63898" spans="1:3" ht="19.2">
      <c r="A63898" s="2"/>
      <c r="B63898" s="2"/>
      <c r="C63898" s="2"/>
    </row>
    <row r="63899" spans="1:3" ht="19.2">
      <c r="A63899" s="2"/>
      <c r="B63899" s="2"/>
      <c r="C63899" s="2"/>
    </row>
    <row r="63900" spans="1:3" ht="19.2">
      <c r="A63900" s="2"/>
      <c r="B63900" s="2"/>
      <c r="C63900" s="2"/>
    </row>
    <row r="63901" spans="1:3" ht="19.2">
      <c r="A63901" s="2"/>
      <c r="B63901" s="2"/>
      <c r="C63901" s="2"/>
    </row>
    <row r="63902" spans="1:3" ht="19.2">
      <c r="A63902" s="2"/>
      <c r="B63902" s="2"/>
      <c r="C63902" s="2"/>
    </row>
    <row r="63903" spans="1:3" ht="19.2">
      <c r="A63903" s="2"/>
      <c r="B63903" s="2"/>
      <c r="C63903" s="2"/>
    </row>
    <row r="63904" spans="1:3" ht="19.2">
      <c r="A63904" s="2"/>
      <c r="B63904" s="2"/>
      <c r="C63904" s="2"/>
    </row>
    <row r="63905" spans="1:3" ht="19.2">
      <c r="A63905" s="2"/>
      <c r="B63905" s="2"/>
      <c r="C63905" s="2"/>
    </row>
    <row r="63906" spans="1:3" ht="19.2">
      <c r="A63906" s="2"/>
      <c r="B63906" s="2"/>
      <c r="C63906" s="2"/>
    </row>
    <row r="63907" spans="1:3" ht="19.2">
      <c r="A63907" s="2"/>
      <c r="B63907" s="2"/>
      <c r="C63907" s="2"/>
    </row>
    <row r="63908" spans="1:3" ht="19.2">
      <c r="A63908" s="2"/>
      <c r="B63908" s="2"/>
      <c r="C63908" s="2"/>
    </row>
    <row r="63909" spans="1:3" ht="19.2">
      <c r="A63909" s="2"/>
      <c r="B63909" s="2"/>
      <c r="C63909" s="2"/>
    </row>
    <row r="63910" spans="1:3" ht="19.2">
      <c r="A63910" s="2"/>
      <c r="B63910" s="2"/>
      <c r="C63910" s="2"/>
    </row>
    <row r="63911" spans="1:3" ht="19.2">
      <c r="A63911" s="2"/>
      <c r="B63911" s="2"/>
      <c r="C63911" s="2"/>
    </row>
    <row r="63912" spans="1:3" ht="19.2">
      <c r="A63912" s="2"/>
      <c r="B63912" s="2"/>
      <c r="C63912" s="2"/>
    </row>
    <row r="63913" spans="1:3" ht="19.2">
      <c r="A63913" s="2"/>
      <c r="B63913" s="2"/>
      <c r="C63913" s="2"/>
    </row>
    <row r="63914" spans="1:3" ht="19.2">
      <c r="A63914" s="2"/>
      <c r="B63914" s="2"/>
      <c r="C63914" s="2"/>
    </row>
    <row r="63915" spans="1:3" ht="19.2">
      <c r="A63915" s="2"/>
      <c r="B63915" s="2"/>
      <c r="C63915" s="2"/>
    </row>
    <row r="63916" spans="1:3" ht="19.2">
      <c r="A63916" s="2"/>
      <c r="B63916" s="2"/>
      <c r="C63916" s="2"/>
    </row>
    <row r="63917" spans="1:3" ht="19.2">
      <c r="A63917" s="2"/>
      <c r="B63917" s="2"/>
      <c r="C63917" s="2"/>
    </row>
    <row r="63918" spans="1:3" ht="19.2">
      <c r="A63918" s="2"/>
      <c r="B63918" s="2"/>
      <c r="C63918" s="2"/>
    </row>
    <row r="63919" spans="1:3" ht="19.2">
      <c r="A63919" s="2"/>
      <c r="B63919" s="2"/>
      <c r="C63919" s="2"/>
    </row>
    <row r="63920" spans="1:3" ht="19.2">
      <c r="A63920" s="2"/>
      <c r="B63920" s="2"/>
      <c r="C63920" s="2"/>
    </row>
    <row r="63921" spans="1:3" ht="19.2">
      <c r="A63921" s="2"/>
      <c r="B63921" s="2"/>
      <c r="C63921" s="2"/>
    </row>
    <row r="63922" spans="1:3" ht="19.2">
      <c r="A63922" s="2"/>
      <c r="B63922" s="2"/>
      <c r="C63922" s="2"/>
    </row>
    <row r="63923" spans="1:3" ht="19.2">
      <c r="A63923" s="2"/>
      <c r="B63923" s="2"/>
      <c r="C63923" s="2"/>
    </row>
    <row r="63924" spans="1:3" ht="19.2">
      <c r="A63924" s="2"/>
      <c r="B63924" s="2"/>
      <c r="C63924" s="2"/>
    </row>
    <row r="63925" spans="1:3" ht="19.2">
      <c r="A63925" s="2"/>
      <c r="B63925" s="2"/>
      <c r="C63925" s="2"/>
    </row>
    <row r="63926" spans="1:3" ht="19.2">
      <c r="A63926" s="2"/>
      <c r="B63926" s="2"/>
      <c r="C63926" s="2"/>
    </row>
    <row r="63927" spans="1:3" ht="19.2">
      <c r="A63927" s="2"/>
      <c r="B63927" s="2"/>
      <c r="C63927" s="2"/>
    </row>
    <row r="63928" spans="1:3" ht="19.2">
      <c r="A63928" s="2"/>
      <c r="B63928" s="2"/>
      <c r="C63928" s="2"/>
    </row>
    <row r="63929" spans="1:3" ht="19.2">
      <c r="A63929" s="2"/>
      <c r="B63929" s="2"/>
      <c r="C63929" s="2"/>
    </row>
    <row r="63930" spans="1:3" ht="19.2">
      <c r="A63930" s="2"/>
      <c r="B63930" s="2"/>
      <c r="C63930" s="2"/>
    </row>
    <row r="63931" spans="1:3" ht="19.2">
      <c r="A63931" s="2"/>
      <c r="B63931" s="2"/>
      <c r="C63931" s="2"/>
    </row>
    <row r="63932" spans="1:3" ht="19.2">
      <c r="A63932" s="2"/>
      <c r="B63932" s="2"/>
      <c r="C63932" s="2"/>
    </row>
    <row r="63933" spans="1:3" ht="19.2">
      <c r="A63933" s="2"/>
      <c r="B63933" s="2"/>
      <c r="C63933" s="2"/>
    </row>
    <row r="63934" spans="1:3" ht="19.2">
      <c r="A63934" s="2"/>
      <c r="B63934" s="2"/>
      <c r="C63934" s="2"/>
    </row>
    <row r="63935" spans="1:3" ht="19.2">
      <c r="A63935" s="2"/>
      <c r="B63935" s="2"/>
      <c r="C63935" s="2"/>
    </row>
    <row r="63936" spans="1:3" ht="19.2">
      <c r="A63936" s="2"/>
      <c r="B63936" s="2"/>
      <c r="C63936" s="2"/>
    </row>
    <row r="63937" spans="1:3" ht="19.2">
      <c r="A63937" s="2"/>
      <c r="B63937" s="2"/>
      <c r="C63937" s="2"/>
    </row>
    <row r="63938" spans="1:3" ht="19.2">
      <c r="A63938" s="2"/>
      <c r="B63938" s="2"/>
      <c r="C63938" s="2"/>
    </row>
    <row r="63939" spans="1:3" ht="19.2">
      <c r="A63939" s="2"/>
      <c r="B63939" s="2"/>
      <c r="C63939" s="2"/>
    </row>
    <row r="63940" spans="1:3" ht="19.2">
      <c r="A63940" s="2"/>
      <c r="B63940" s="2"/>
      <c r="C63940" s="2"/>
    </row>
    <row r="63941" spans="1:3" ht="19.2">
      <c r="A63941" s="2"/>
      <c r="B63941" s="2"/>
      <c r="C63941" s="2"/>
    </row>
    <row r="63942" spans="1:3" ht="19.2">
      <c r="A63942" s="2"/>
      <c r="B63942" s="2"/>
      <c r="C63942" s="2"/>
    </row>
    <row r="63943" spans="1:3" ht="19.2">
      <c r="A63943" s="2"/>
      <c r="B63943" s="2"/>
      <c r="C63943" s="2"/>
    </row>
    <row r="63944" spans="1:3" ht="19.2">
      <c r="A63944" s="2"/>
      <c r="B63944" s="2"/>
      <c r="C63944" s="2"/>
    </row>
    <row r="63945" spans="1:3" ht="19.2">
      <c r="A63945" s="2"/>
      <c r="B63945" s="2"/>
      <c r="C63945" s="2"/>
    </row>
    <row r="63946" spans="1:3" ht="19.2">
      <c r="A63946" s="2"/>
      <c r="B63946" s="2"/>
      <c r="C63946" s="2"/>
    </row>
    <row r="63947" spans="1:3" ht="19.2">
      <c r="A63947" s="2"/>
      <c r="B63947" s="2"/>
      <c r="C63947" s="2"/>
    </row>
    <row r="63948" spans="1:3" ht="19.2">
      <c r="A63948" s="2"/>
      <c r="B63948" s="2"/>
      <c r="C63948" s="2"/>
    </row>
    <row r="63949" spans="1:3" ht="19.2">
      <c r="A63949" s="2"/>
      <c r="B63949" s="2"/>
      <c r="C63949" s="2"/>
    </row>
    <row r="63950" spans="1:3" ht="19.2">
      <c r="A63950" s="2"/>
      <c r="B63950" s="2"/>
      <c r="C63950" s="2"/>
    </row>
    <row r="63951" spans="1:3" ht="19.2">
      <c r="A63951" s="2"/>
      <c r="B63951" s="2"/>
      <c r="C63951" s="2"/>
    </row>
    <row r="63952" spans="1:3" ht="19.2">
      <c r="A63952" s="2"/>
      <c r="B63952" s="2"/>
      <c r="C63952" s="2"/>
    </row>
    <row r="63953" spans="1:3" ht="19.2">
      <c r="A63953" s="2"/>
      <c r="B63953" s="2"/>
      <c r="C63953" s="2"/>
    </row>
    <row r="63954" spans="1:3" ht="19.2">
      <c r="A63954" s="2"/>
      <c r="B63954" s="2"/>
      <c r="C63954" s="2"/>
    </row>
    <row r="63955" spans="1:3" ht="19.2">
      <c r="A63955" s="2"/>
      <c r="B63955" s="2"/>
      <c r="C63955" s="2"/>
    </row>
    <row r="63956" spans="1:3" ht="19.2">
      <c r="A63956" s="2"/>
      <c r="B63956" s="2"/>
      <c r="C63956" s="2"/>
    </row>
    <row r="63957" spans="1:3" ht="19.2">
      <c r="A63957" s="2"/>
      <c r="B63957" s="2"/>
      <c r="C63957" s="2"/>
    </row>
    <row r="63958" spans="1:3" ht="19.2">
      <c r="A63958" s="2"/>
      <c r="B63958" s="2"/>
      <c r="C63958" s="2"/>
    </row>
    <row r="63959" spans="1:3" ht="19.2">
      <c r="A63959" s="2"/>
      <c r="B63959" s="2"/>
      <c r="C63959" s="2"/>
    </row>
    <row r="63960" spans="1:3" ht="19.2">
      <c r="A63960" s="2"/>
      <c r="B63960" s="2"/>
      <c r="C63960" s="2"/>
    </row>
    <row r="63961" spans="1:3" ht="19.2">
      <c r="A63961" s="2"/>
      <c r="B63961" s="2"/>
      <c r="C63961" s="2"/>
    </row>
    <row r="63962" spans="1:3" ht="19.2">
      <c r="A63962" s="2"/>
      <c r="B63962" s="2"/>
      <c r="C63962" s="2"/>
    </row>
    <row r="63963" spans="1:3" ht="19.2">
      <c r="A63963" s="2"/>
      <c r="B63963" s="2"/>
      <c r="C63963" s="2"/>
    </row>
    <row r="63964" spans="1:3" ht="19.2">
      <c r="A63964" s="2"/>
      <c r="B63964" s="2"/>
      <c r="C63964" s="2"/>
    </row>
    <row r="63965" spans="1:3" ht="19.2">
      <c r="A63965" s="2"/>
      <c r="B63965" s="2"/>
      <c r="C63965" s="2"/>
    </row>
    <row r="63966" spans="1:3" ht="19.2">
      <c r="A63966" s="2"/>
      <c r="B63966" s="2"/>
      <c r="C63966" s="2"/>
    </row>
    <row r="63967" spans="1:3" ht="19.2">
      <c r="A63967" s="2"/>
      <c r="B63967" s="2"/>
      <c r="C63967" s="2"/>
    </row>
    <row r="63968" spans="1:3" ht="19.2">
      <c r="A63968" s="2"/>
      <c r="B63968" s="2"/>
      <c r="C63968" s="2"/>
    </row>
    <row r="63969" spans="1:3" ht="19.2">
      <c r="A63969" s="2"/>
      <c r="B63969" s="2"/>
      <c r="C63969" s="2"/>
    </row>
    <row r="63970" spans="1:3" ht="19.2">
      <c r="A63970" s="2"/>
      <c r="B63970" s="2"/>
      <c r="C63970" s="2"/>
    </row>
    <row r="63971" spans="1:3" ht="19.2">
      <c r="A63971" s="2"/>
      <c r="B63971" s="2"/>
      <c r="C63971" s="2"/>
    </row>
    <row r="63972" spans="1:3" ht="19.2">
      <c r="A63972" s="2"/>
      <c r="B63972" s="2"/>
      <c r="C63972" s="2"/>
    </row>
    <row r="63973" spans="1:3" ht="19.2">
      <c r="A63973" s="2"/>
      <c r="B63973" s="2"/>
      <c r="C63973" s="2"/>
    </row>
    <row r="63974" spans="1:3" ht="19.2">
      <c r="A63974" s="2"/>
      <c r="B63974" s="2"/>
      <c r="C63974" s="2"/>
    </row>
    <row r="63975" spans="1:3" ht="19.2">
      <c r="A63975" s="2"/>
      <c r="B63975" s="2"/>
      <c r="C63975" s="2"/>
    </row>
    <row r="63976" spans="1:3" ht="19.2">
      <c r="A63976" s="2"/>
      <c r="B63976" s="2"/>
      <c r="C63976" s="2"/>
    </row>
    <row r="63977" spans="1:3" ht="19.2">
      <c r="A63977" s="2"/>
      <c r="B63977" s="2"/>
      <c r="C63977" s="2"/>
    </row>
    <row r="63978" spans="1:3" ht="19.2">
      <c r="A63978" s="2"/>
      <c r="B63978" s="2"/>
      <c r="C63978" s="2"/>
    </row>
    <row r="63979" spans="1:3" ht="19.2">
      <c r="A63979" s="2"/>
      <c r="B63979" s="2"/>
      <c r="C63979" s="2"/>
    </row>
    <row r="63980" spans="1:3" ht="19.2">
      <c r="A63980" s="2"/>
      <c r="B63980" s="2"/>
      <c r="C63980" s="2"/>
    </row>
    <row r="63981" spans="1:3" ht="19.2">
      <c r="A63981" s="2"/>
      <c r="B63981" s="2"/>
      <c r="C63981" s="2"/>
    </row>
    <row r="63982" spans="1:3" ht="19.2">
      <c r="A63982" s="2"/>
      <c r="B63982" s="2"/>
      <c r="C63982" s="2"/>
    </row>
    <row r="63983" spans="1:3" ht="19.2">
      <c r="A63983" s="2"/>
      <c r="B63983" s="2"/>
      <c r="C63983" s="2"/>
    </row>
    <row r="63984" spans="1:3" ht="19.2">
      <c r="A63984" s="2"/>
      <c r="B63984" s="2"/>
      <c r="C63984" s="2"/>
    </row>
    <row r="63985" spans="1:3" ht="19.2">
      <c r="A63985" s="2"/>
      <c r="B63985" s="2"/>
      <c r="C63985" s="2"/>
    </row>
    <row r="63986" spans="1:3" ht="19.2">
      <c r="A63986" s="2"/>
      <c r="B63986" s="2"/>
      <c r="C63986" s="2"/>
    </row>
    <row r="63987" spans="1:3" ht="19.2">
      <c r="A63987" s="2"/>
      <c r="B63987" s="2"/>
      <c r="C63987" s="2"/>
    </row>
    <row r="63988" spans="1:3" ht="19.2">
      <c r="A63988" s="2"/>
      <c r="B63988" s="2"/>
      <c r="C63988" s="2"/>
    </row>
    <row r="63989" spans="1:3" ht="19.2">
      <c r="A63989" s="2"/>
      <c r="B63989" s="2"/>
      <c r="C63989" s="2"/>
    </row>
    <row r="63990" spans="1:3" ht="19.2">
      <c r="A63990" s="2"/>
      <c r="B63990" s="2"/>
      <c r="C63990" s="2"/>
    </row>
    <row r="63991" spans="1:3" ht="19.2">
      <c r="A63991" s="2"/>
      <c r="B63991" s="2"/>
      <c r="C63991" s="2"/>
    </row>
    <row r="63992" spans="1:3" ht="19.2">
      <c r="A63992" s="2"/>
      <c r="B63992" s="2"/>
      <c r="C63992" s="2"/>
    </row>
    <row r="63993" spans="1:3" ht="19.2">
      <c r="A63993" s="2"/>
      <c r="B63993" s="2"/>
      <c r="C63993" s="2"/>
    </row>
    <row r="63994" spans="1:3" ht="19.2">
      <c r="A63994" s="2"/>
      <c r="B63994" s="2"/>
      <c r="C63994" s="2"/>
    </row>
    <row r="63995" spans="1:3" ht="19.2">
      <c r="A63995" s="2"/>
      <c r="B63995" s="2"/>
      <c r="C63995" s="2"/>
    </row>
    <row r="63996" spans="1:3" ht="19.2">
      <c r="A63996" s="2"/>
      <c r="B63996" s="2"/>
      <c r="C63996" s="2"/>
    </row>
    <row r="63997" spans="1:3" ht="19.2">
      <c r="A63997" s="2"/>
      <c r="B63997" s="2"/>
      <c r="C63997" s="2"/>
    </row>
    <row r="63998" spans="1:3" ht="19.2">
      <c r="A63998" s="2"/>
      <c r="B63998" s="2"/>
      <c r="C63998" s="2"/>
    </row>
    <row r="63999" spans="1:3" ht="19.2">
      <c r="A63999" s="2"/>
      <c r="B63999" s="2"/>
      <c r="C63999" s="2"/>
    </row>
    <row r="64000" spans="1:3" ht="19.2">
      <c r="A64000" s="2"/>
      <c r="B64000" s="2"/>
      <c r="C64000" s="2"/>
    </row>
    <row r="64001" spans="1:3" ht="19.2">
      <c r="A64001" s="2"/>
      <c r="B64001" s="2"/>
      <c r="C64001" s="2"/>
    </row>
    <row r="64002" spans="1:3" ht="19.2">
      <c r="A64002" s="2"/>
      <c r="B64002" s="2"/>
      <c r="C64002" s="2"/>
    </row>
    <row r="64003" spans="1:3" ht="19.2">
      <c r="A64003" s="2"/>
      <c r="B64003" s="2"/>
      <c r="C64003" s="2"/>
    </row>
    <row r="64004" spans="1:3" ht="19.2">
      <c r="A64004" s="2"/>
      <c r="B64004" s="2"/>
      <c r="C64004" s="2"/>
    </row>
    <row r="64005" spans="1:3" ht="19.2">
      <c r="A64005" s="2"/>
      <c r="B64005" s="2"/>
      <c r="C64005" s="2"/>
    </row>
    <row r="64006" spans="1:3" ht="19.2">
      <c r="A64006" s="2"/>
      <c r="B64006" s="2"/>
      <c r="C64006" s="2"/>
    </row>
    <row r="64007" spans="1:3" ht="19.2">
      <c r="A64007" s="2"/>
      <c r="B64007" s="2"/>
      <c r="C64007" s="2"/>
    </row>
    <row r="64008" spans="1:3" ht="19.2">
      <c r="A64008" s="2"/>
      <c r="B64008" s="2"/>
      <c r="C64008" s="2"/>
    </row>
    <row r="64009" spans="1:3" ht="19.2">
      <c r="A64009" s="2"/>
      <c r="B64009" s="2"/>
      <c r="C64009" s="2"/>
    </row>
    <row r="64010" spans="1:3" ht="19.2">
      <c r="A64010" s="2"/>
      <c r="B64010" s="2"/>
      <c r="C64010" s="2"/>
    </row>
    <row r="64011" spans="1:3" ht="19.2">
      <c r="A64011" s="2"/>
      <c r="B64011" s="2"/>
      <c r="C64011" s="2"/>
    </row>
    <row r="64012" spans="1:3" ht="19.2">
      <c r="A64012" s="2"/>
      <c r="B64012" s="2"/>
      <c r="C64012" s="2"/>
    </row>
    <row r="64013" spans="1:3" ht="19.2">
      <c r="A64013" s="2"/>
      <c r="B64013" s="2"/>
      <c r="C64013" s="2"/>
    </row>
    <row r="64014" spans="1:3" ht="19.2">
      <c r="A64014" s="2"/>
      <c r="B64014" s="2"/>
      <c r="C64014" s="2"/>
    </row>
    <row r="64015" spans="1:3" ht="19.2">
      <c r="A64015" s="2"/>
      <c r="B64015" s="2"/>
      <c r="C64015" s="2"/>
    </row>
    <row r="64016" spans="1:3" ht="19.2">
      <c r="A64016" s="2"/>
      <c r="B64016" s="2"/>
      <c r="C64016" s="2"/>
    </row>
    <row r="64017" spans="1:3" ht="19.2">
      <c r="A64017" s="2"/>
      <c r="B64017" s="2"/>
      <c r="C64017" s="2"/>
    </row>
    <row r="64018" spans="1:3" ht="19.2">
      <c r="A64018" s="2"/>
      <c r="B64018" s="2"/>
      <c r="C64018" s="2"/>
    </row>
    <row r="64019" spans="1:3" ht="19.2">
      <c r="A64019" s="2"/>
      <c r="B64019" s="2"/>
      <c r="C64019" s="2"/>
    </row>
    <row r="64020" spans="1:3" ht="19.2">
      <c r="A64020" s="2"/>
      <c r="B64020" s="2"/>
      <c r="C64020" s="2"/>
    </row>
    <row r="64021" spans="1:3" ht="19.2">
      <c r="A64021" s="2"/>
      <c r="B64021" s="2"/>
      <c r="C64021" s="2"/>
    </row>
    <row r="64022" spans="1:3" ht="19.2">
      <c r="A64022" s="2"/>
      <c r="B64022" s="2"/>
      <c r="C64022" s="2"/>
    </row>
    <row r="64023" spans="1:3" ht="19.2">
      <c r="A64023" s="2"/>
      <c r="B64023" s="2"/>
      <c r="C64023" s="2"/>
    </row>
    <row r="64024" spans="1:3" ht="19.2">
      <c r="A64024" s="2"/>
      <c r="B64024" s="2"/>
      <c r="C64024" s="2"/>
    </row>
    <row r="64025" spans="1:3" ht="19.2">
      <c r="A64025" s="2"/>
      <c r="B64025" s="2"/>
      <c r="C64025" s="2"/>
    </row>
    <row r="64026" spans="1:3" ht="19.2">
      <c r="A64026" s="2"/>
      <c r="B64026" s="2"/>
      <c r="C64026" s="2"/>
    </row>
    <row r="64027" spans="1:3" ht="19.2">
      <c r="A64027" s="2"/>
      <c r="B64027" s="2"/>
      <c r="C64027" s="2"/>
    </row>
    <row r="64028" spans="1:3" ht="19.2">
      <c r="A64028" s="2"/>
      <c r="B64028" s="2"/>
      <c r="C64028" s="2"/>
    </row>
    <row r="64029" spans="1:3" ht="19.2">
      <c r="A64029" s="2"/>
      <c r="B64029" s="2"/>
      <c r="C64029" s="2"/>
    </row>
    <row r="64030" spans="1:3" ht="19.2">
      <c r="A64030" s="2"/>
      <c r="B64030" s="2"/>
      <c r="C64030" s="2"/>
    </row>
    <row r="64031" spans="1:3" ht="19.2">
      <c r="A64031" s="2"/>
      <c r="B64031" s="2"/>
      <c r="C64031" s="2"/>
    </row>
    <row r="64032" spans="1:3" ht="19.2">
      <c r="A64032" s="2"/>
      <c r="B64032" s="2"/>
      <c r="C64032" s="2"/>
    </row>
    <row r="64033" spans="1:3" ht="19.2">
      <c r="A64033" s="2"/>
      <c r="B64033" s="2"/>
      <c r="C64033" s="2"/>
    </row>
    <row r="64034" spans="1:3" ht="19.2">
      <c r="A64034" s="2"/>
      <c r="B64034" s="2"/>
      <c r="C64034" s="2"/>
    </row>
    <row r="64035" spans="1:3" ht="19.2">
      <c r="A64035" s="2"/>
      <c r="B64035" s="2"/>
      <c r="C64035" s="2"/>
    </row>
    <row r="64036" spans="1:3" ht="19.2">
      <c r="A64036" s="2"/>
      <c r="B64036" s="2"/>
      <c r="C64036" s="2"/>
    </row>
    <row r="64037" spans="1:3" ht="19.2">
      <c r="A64037" s="2"/>
      <c r="B64037" s="2"/>
      <c r="C64037" s="2"/>
    </row>
    <row r="64038" spans="1:3" ht="19.2">
      <c r="A64038" s="2"/>
      <c r="B64038" s="2"/>
      <c r="C64038" s="2"/>
    </row>
    <row r="64039" spans="1:3" ht="19.2">
      <c r="A64039" s="2"/>
      <c r="B64039" s="2"/>
      <c r="C64039" s="2"/>
    </row>
    <row r="64040" spans="1:3" ht="19.2">
      <c r="A64040" s="2"/>
      <c r="B64040" s="2"/>
      <c r="C64040" s="2"/>
    </row>
    <row r="64041" spans="1:3" ht="19.2">
      <c r="A64041" s="2"/>
      <c r="B64041" s="2"/>
      <c r="C64041" s="2"/>
    </row>
    <row r="64042" spans="1:3" ht="19.2">
      <c r="A64042" s="2"/>
      <c r="B64042" s="2"/>
      <c r="C64042" s="2"/>
    </row>
    <row r="64043" spans="1:3" ht="19.2">
      <c r="A64043" s="2"/>
      <c r="B64043" s="2"/>
      <c r="C64043" s="2"/>
    </row>
    <row r="64044" spans="1:3" ht="19.2">
      <c r="A64044" s="2"/>
      <c r="B64044" s="2"/>
      <c r="C64044" s="2"/>
    </row>
    <row r="64045" spans="1:3" ht="19.2">
      <c r="A64045" s="2"/>
      <c r="B64045" s="2"/>
      <c r="C64045" s="2"/>
    </row>
    <row r="64046" spans="1:3" ht="19.2">
      <c r="A64046" s="2"/>
      <c r="B64046" s="2"/>
      <c r="C64046" s="2"/>
    </row>
    <row r="64047" spans="1:3" ht="19.2">
      <c r="A64047" s="2"/>
      <c r="B64047" s="2"/>
      <c r="C64047" s="2"/>
    </row>
    <row r="64048" spans="1:3" ht="19.2">
      <c r="A64048" s="2"/>
      <c r="B64048" s="2"/>
      <c r="C64048" s="2"/>
    </row>
    <row r="64049" spans="1:3" ht="19.2">
      <c r="A64049" s="2"/>
      <c r="B64049" s="2"/>
      <c r="C64049" s="2"/>
    </row>
    <row r="64050" spans="1:3" ht="19.2">
      <c r="A64050" s="2"/>
      <c r="B64050" s="2"/>
      <c r="C64050" s="2"/>
    </row>
    <row r="64051" spans="1:3" ht="19.2">
      <c r="A64051" s="2"/>
      <c r="B64051" s="2"/>
      <c r="C64051" s="2"/>
    </row>
    <row r="64052" spans="1:3" ht="19.2">
      <c r="A64052" s="2"/>
      <c r="B64052" s="2"/>
      <c r="C64052" s="2"/>
    </row>
    <row r="64053" spans="1:3" ht="19.2">
      <c r="A64053" s="2"/>
      <c r="B64053" s="2"/>
      <c r="C64053" s="2"/>
    </row>
    <row r="64054" spans="1:3" ht="19.2">
      <c r="A64054" s="2"/>
      <c r="B64054" s="2"/>
      <c r="C64054" s="2"/>
    </row>
    <row r="64055" spans="1:3" ht="19.2">
      <c r="A64055" s="2"/>
      <c r="B64055" s="2"/>
      <c r="C64055" s="2"/>
    </row>
    <row r="64056" spans="1:3" ht="19.2">
      <c r="A64056" s="2"/>
      <c r="B64056" s="2"/>
      <c r="C64056" s="2"/>
    </row>
    <row r="64057" spans="1:3" ht="19.2">
      <c r="A64057" s="2"/>
      <c r="B64057" s="2"/>
      <c r="C64057" s="2"/>
    </row>
    <row r="64058" spans="1:3" ht="19.2">
      <c r="A64058" s="2"/>
      <c r="B64058" s="2"/>
      <c r="C64058" s="2"/>
    </row>
    <row r="64059" spans="1:3" ht="19.2">
      <c r="A64059" s="2"/>
      <c r="B64059" s="2"/>
      <c r="C64059" s="2"/>
    </row>
    <row r="64060" spans="1:3" ht="19.2">
      <c r="A64060" s="2"/>
      <c r="B64060" s="2"/>
      <c r="C64060" s="2"/>
    </row>
    <row r="64061" spans="1:3" ht="19.2">
      <c r="A64061" s="2"/>
      <c r="B64061" s="2"/>
      <c r="C64061" s="2"/>
    </row>
    <row r="64062" spans="1:3" ht="19.2">
      <c r="A64062" s="2"/>
      <c r="B64062" s="2"/>
      <c r="C64062" s="2"/>
    </row>
    <row r="64063" spans="1:3" ht="19.2">
      <c r="A64063" s="2"/>
      <c r="B64063" s="2"/>
      <c r="C64063" s="2"/>
    </row>
    <row r="64064" spans="1:3" ht="19.2">
      <c r="A64064" s="2"/>
      <c r="B64064" s="2"/>
      <c r="C64064" s="2"/>
    </row>
    <row r="64065" spans="1:3" ht="19.2">
      <c r="A64065" s="2"/>
      <c r="B64065" s="2"/>
      <c r="C64065" s="2"/>
    </row>
    <row r="64066" spans="1:3" ht="19.2">
      <c r="A64066" s="2"/>
      <c r="B64066" s="2"/>
      <c r="C64066" s="2"/>
    </row>
    <row r="64067" spans="1:3" ht="19.2">
      <c r="A64067" s="2"/>
      <c r="B64067" s="2"/>
      <c r="C64067" s="2"/>
    </row>
    <row r="64068" spans="1:3" ht="19.2">
      <c r="A64068" s="2"/>
      <c r="B64068" s="2"/>
      <c r="C64068" s="2"/>
    </row>
    <row r="64069" spans="1:3" ht="19.2">
      <c r="A64069" s="2"/>
      <c r="B64069" s="2"/>
      <c r="C64069" s="2"/>
    </row>
    <row r="64070" spans="1:3" ht="19.2">
      <c r="A64070" s="2"/>
      <c r="B64070" s="2"/>
      <c r="C64070" s="2"/>
    </row>
    <row r="64071" spans="1:3" ht="19.2">
      <c r="A64071" s="2"/>
      <c r="B64071" s="2"/>
      <c r="C64071" s="2"/>
    </row>
    <row r="64072" spans="1:3" ht="19.2">
      <c r="A64072" s="2"/>
      <c r="B64072" s="2"/>
      <c r="C64072" s="2"/>
    </row>
    <row r="64073" spans="1:3" ht="19.2">
      <c r="A64073" s="2"/>
      <c r="B64073" s="2"/>
      <c r="C64073" s="2"/>
    </row>
    <row r="64074" spans="1:3" ht="19.2">
      <c r="A64074" s="2"/>
      <c r="B64074" s="2"/>
      <c r="C64074" s="2"/>
    </row>
    <row r="64075" spans="1:3" ht="19.2">
      <c r="A64075" s="2"/>
      <c r="B64075" s="2"/>
      <c r="C64075" s="2"/>
    </row>
    <row r="64076" spans="1:3" ht="19.2">
      <c r="A64076" s="2"/>
      <c r="B64076" s="2"/>
      <c r="C64076" s="2"/>
    </row>
    <row r="64077" spans="1:3" ht="19.2">
      <c r="A64077" s="2"/>
      <c r="B64077" s="2"/>
      <c r="C64077" s="2"/>
    </row>
    <row r="64078" spans="1:3" ht="19.2">
      <c r="A64078" s="2"/>
      <c r="B64078" s="2"/>
      <c r="C64078" s="2"/>
    </row>
    <row r="64079" spans="1:3" ht="19.2">
      <c r="A64079" s="2"/>
      <c r="B64079" s="2"/>
      <c r="C64079" s="2"/>
    </row>
    <row r="64080" spans="1:3" ht="19.2">
      <c r="A64080" s="2"/>
      <c r="B64080" s="2"/>
      <c r="C64080" s="2"/>
    </row>
    <row r="64081" spans="1:3" ht="19.2">
      <c r="A64081" s="2"/>
      <c r="B64081" s="2"/>
      <c r="C64081" s="2"/>
    </row>
    <row r="64082" spans="1:3" ht="19.2">
      <c r="A64082" s="2"/>
      <c r="B64082" s="2"/>
      <c r="C64082" s="2"/>
    </row>
    <row r="64083" spans="1:3" ht="19.2">
      <c r="A64083" s="2"/>
      <c r="B64083" s="2"/>
      <c r="C64083" s="2"/>
    </row>
    <row r="64084" spans="1:3" ht="19.2">
      <c r="A64084" s="2"/>
      <c r="B64084" s="2"/>
      <c r="C64084" s="2"/>
    </row>
    <row r="64085" spans="1:3" ht="19.2">
      <c r="A64085" s="2"/>
      <c r="B64085" s="2"/>
      <c r="C64085" s="2"/>
    </row>
    <row r="64086" spans="1:3" ht="19.2">
      <c r="A64086" s="2"/>
      <c r="B64086" s="2"/>
      <c r="C64086" s="2"/>
    </row>
    <row r="64087" spans="1:3" ht="19.2">
      <c r="A64087" s="2"/>
      <c r="B64087" s="2"/>
      <c r="C64087" s="2"/>
    </row>
    <row r="64088" spans="1:3" ht="19.2">
      <c r="A64088" s="2"/>
      <c r="B64088" s="2"/>
      <c r="C64088" s="2"/>
    </row>
    <row r="64089" spans="1:3" ht="19.2">
      <c r="A64089" s="2"/>
      <c r="B64089" s="2"/>
      <c r="C64089" s="2"/>
    </row>
    <row r="64090" spans="1:3" ht="19.2">
      <c r="A64090" s="2"/>
      <c r="B64090" s="2"/>
      <c r="C64090" s="2"/>
    </row>
    <row r="64091" spans="1:3" ht="19.2">
      <c r="A64091" s="2"/>
      <c r="B64091" s="2"/>
      <c r="C64091" s="2"/>
    </row>
    <row r="64092" spans="1:3" ht="19.2">
      <c r="A64092" s="2"/>
      <c r="B64092" s="2"/>
      <c r="C64092" s="2"/>
    </row>
    <row r="64093" spans="1:3" ht="19.2">
      <c r="A64093" s="2"/>
      <c r="B64093" s="2"/>
      <c r="C64093" s="2"/>
    </row>
    <row r="64094" spans="1:3" ht="19.2">
      <c r="A64094" s="2"/>
      <c r="B64094" s="2"/>
      <c r="C64094" s="2"/>
    </row>
    <row r="64095" spans="1:3" ht="19.2">
      <c r="A64095" s="2"/>
      <c r="B64095" s="2"/>
      <c r="C64095" s="2"/>
    </row>
    <row r="64096" spans="1:3" ht="19.2">
      <c r="A64096" s="2"/>
      <c r="B64096" s="2"/>
      <c r="C64096" s="2"/>
    </row>
    <row r="64097" spans="1:3" ht="19.2">
      <c r="A64097" s="2"/>
      <c r="B64097" s="2"/>
      <c r="C64097" s="2"/>
    </row>
    <row r="64098" spans="1:3" ht="19.2">
      <c r="A64098" s="2"/>
      <c r="B64098" s="2"/>
      <c r="C64098" s="2"/>
    </row>
    <row r="64099" spans="1:3" ht="19.2">
      <c r="A64099" s="2"/>
      <c r="B64099" s="2"/>
      <c r="C64099" s="2"/>
    </row>
    <row r="64100" spans="1:3" ht="19.2">
      <c r="A64100" s="2"/>
      <c r="B64100" s="2"/>
      <c r="C64100" s="2"/>
    </row>
    <row r="64101" spans="1:3" ht="19.2">
      <c r="A64101" s="2"/>
      <c r="B64101" s="2"/>
      <c r="C64101" s="2"/>
    </row>
    <row r="64102" spans="1:3" ht="19.2">
      <c r="A64102" s="2"/>
      <c r="B64102" s="2"/>
      <c r="C64102" s="2"/>
    </row>
    <row r="64103" spans="1:3" ht="19.2">
      <c r="A64103" s="2"/>
      <c r="B64103" s="2"/>
      <c r="C64103" s="2"/>
    </row>
    <row r="64104" spans="1:3" ht="19.2">
      <c r="A64104" s="2"/>
      <c r="B64104" s="2"/>
      <c r="C64104" s="2"/>
    </row>
    <row r="64105" spans="1:3" ht="19.2">
      <c r="A64105" s="2"/>
      <c r="B64105" s="2"/>
      <c r="C64105" s="2"/>
    </row>
    <row r="64106" spans="1:3" ht="19.2">
      <c r="A64106" s="2"/>
      <c r="B64106" s="2"/>
      <c r="C64106" s="2"/>
    </row>
    <row r="64107" spans="1:3" ht="19.2">
      <c r="A64107" s="2"/>
      <c r="B64107" s="2"/>
      <c r="C64107" s="2"/>
    </row>
    <row r="64108" spans="1:3" ht="19.2">
      <c r="A64108" s="2"/>
      <c r="B64108" s="2"/>
      <c r="C64108" s="2"/>
    </row>
    <row r="64109" spans="1:3" ht="19.2">
      <c r="A64109" s="2"/>
      <c r="B64109" s="2"/>
      <c r="C64109" s="2"/>
    </row>
    <row r="64110" spans="1:3" ht="19.2">
      <c r="A64110" s="2"/>
      <c r="B64110" s="2"/>
      <c r="C64110" s="2"/>
    </row>
    <row r="64111" spans="1:3" ht="19.2">
      <c r="A64111" s="2"/>
      <c r="B64111" s="2"/>
      <c r="C64111" s="2"/>
    </row>
    <row r="64112" spans="1:3" ht="19.2">
      <c r="A64112" s="2"/>
      <c r="B64112" s="2"/>
      <c r="C64112" s="2"/>
    </row>
    <row r="64113" spans="1:3" ht="19.2">
      <c r="A64113" s="2"/>
      <c r="B64113" s="2"/>
      <c r="C64113" s="2"/>
    </row>
    <row r="64114" spans="1:3" ht="19.2">
      <c r="A64114" s="2"/>
      <c r="B64114" s="2"/>
      <c r="C64114" s="2"/>
    </row>
    <row r="64115" spans="1:3" ht="19.2">
      <c r="A64115" s="2"/>
      <c r="B64115" s="2"/>
      <c r="C64115" s="2"/>
    </row>
    <row r="64116" spans="1:3" ht="19.2">
      <c r="A64116" s="2"/>
      <c r="B64116" s="2"/>
      <c r="C64116" s="2"/>
    </row>
    <row r="64117" spans="1:3" ht="19.2">
      <c r="A64117" s="2"/>
      <c r="B64117" s="2"/>
      <c r="C64117" s="2"/>
    </row>
    <row r="64118" spans="1:3" ht="19.2">
      <c r="A64118" s="2"/>
      <c r="B64118" s="2"/>
      <c r="C64118" s="2"/>
    </row>
    <row r="64119" spans="1:3" ht="19.2">
      <c r="A64119" s="2"/>
      <c r="B64119" s="2"/>
      <c r="C64119" s="2"/>
    </row>
    <row r="64120" spans="1:3" ht="19.2">
      <c r="A64120" s="2"/>
      <c r="B64120" s="2"/>
      <c r="C64120" s="2"/>
    </row>
    <row r="64121" spans="1:3" ht="19.2">
      <c r="A64121" s="2"/>
      <c r="B64121" s="2"/>
      <c r="C64121" s="2"/>
    </row>
    <row r="64122" spans="1:3" ht="19.2">
      <c r="A64122" s="2"/>
      <c r="B64122" s="2"/>
      <c r="C64122" s="2"/>
    </row>
    <row r="64123" spans="1:3" ht="19.2">
      <c r="A64123" s="2"/>
      <c r="B64123" s="2"/>
      <c r="C64123" s="2"/>
    </row>
    <row r="64124" spans="1:3" ht="19.2">
      <c r="A64124" s="2"/>
      <c r="B64124" s="2"/>
      <c r="C64124" s="2"/>
    </row>
    <row r="64125" spans="1:3" ht="19.2">
      <c r="A64125" s="2"/>
      <c r="B64125" s="2"/>
      <c r="C64125" s="2"/>
    </row>
    <row r="64126" spans="1:3" ht="19.2">
      <c r="A64126" s="2"/>
      <c r="B64126" s="2"/>
      <c r="C64126" s="2"/>
    </row>
    <row r="64127" spans="1:3" ht="19.2">
      <c r="A64127" s="2"/>
      <c r="B64127" s="2"/>
      <c r="C64127" s="2"/>
    </row>
    <row r="64128" spans="1:3" ht="19.2">
      <c r="A64128" s="2"/>
      <c r="B64128" s="2"/>
      <c r="C64128" s="2"/>
    </row>
    <row r="64129" spans="1:3" ht="19.2">
      <c r="A64129" s="2"/>
      <c r="B64129" s="2"/>
      <c r="C64129" s="2"/>
    </row>
    <row r="64130" spans="1:3" ht="19.2">
      <c r="A64130" s="2"/>
      <c r="B64130" s="2"/>
      <c r="C64130" s="2"/>
    </row>
    <row r="64131" spans="1:3" ht="19.2">
      <c r="A64131" s="2"/>
      <c r="B64131" s="2"/>
      <c r="C64131" s="2"/>
    </row>
    <row r="64132" spans="1:3" ht="19.2">
      <c r="A64132" s="2"/>
      <c r="B64132" s="2"/>
      <c r="C64132" s="2"/>
    </row>
    <row r="64133" spans="1:3" ht="19.2">
      <c r="A64133" s="2"/>
      <c r="B64133" s="2"/>
      <c r="C64133" s="2"/>
    </row>
    <row r="64134" spans="1:3" ht="19.2">
      <c r="A64134" s="2"/>
      <c r="B64134" s="2"/>
      <c r="C64134" s="2"/>
    </row>
    <row r="64135" spans="1:3" ht="19.2">
      <c r="A64135" s="2"/>
      <c r="B64135" s="2"/>
      <c r="C64135" s="2"/>
    </row>
    <row r="64136" spans="1:3" ht="19.2">
      <c r="A64136" s="2"/>
      <c r="B64136" s="2"/>
      <c r="C64136" s="2"/>
    </row>
    <row r="64137" spans="1:3" ht="19.2">
      <c r="A64137" s="2"/>
      <c r="B64137" s="2"/>
      <c r="C64137" s="2"/>
    </row>
    <row r="64138" spans="1:3" ht="19.2">
      <c r="A64138" s="2"/>
      <c r="B64138" s="2"/>
      <c r="C64138" s="2"/>
    </row>
    <row r="64139" spans="1:3" ht="19.2">
      <c r="A64139" s="2"/>
      <c r="B64139" s="2"/>
      <c r="C64139" s="2"/>
    </row>
    <row r="64140" spans="1:3" ht="19.2">
      <c r="A64140" s="2"/>
      <c r="B64140" s="2"/>
      <c r="C64140" s="2"/>
    </row>
    <row r="64141" spans="1:3" ht="19.2">
      <c r="A64141" s="2"/>
      <c r="B64141" s="2"/>
      <c r="C64141" s="2"/>
    </row>
    <row r="64142" spans="1:3" ht="19.2">
      <c r="A64142" s="2"/>
      <c r="B64142" s="2"/>
      <c r="C64142" s="2"/>
    </row>
    <row r="64143" spans="1:3" ht="19.2">
      <c r="A64143" s="2"/>
      <c r="B64143" s="2"/>
      <c r="C64143" s="2"/>
    </row>
    <row r="64144" spans="1:3" ht="19.2">
      <c r="A64144" s="2"/>
      <c r="B64144" s="2"/>
      <c r="C64144" s="2"/>
    </row>
    <row r="64145" spans="1:3" ht="19.2">
      <c r="A64145" s="2"/>
      <c r="B64145" s="2"/>
      <c r="C64145" s="2"/>
    </row>
    <row r="64146" spans="1:3" ht="19.2">
      <c r="A64146" s="2"/>
      <c r="B64146" s="2"/>
      <c r="C64146" s="2"/>
    </row>
    <row r="64147" spans="1:3" ht="19.2">
      <c r="A64147" s="2"/>
      <c r="B64147" s="2"/>
      <c r="C64147" s="2"/>
    </row>
    <row r="64148" spans="1:3" ht="19.2">
      <c r="A64148" s="2"/>
      <c r="B64148" s="2"/>
      <c r="C64148" s="2"/>
    </row>
    <row r="64149" spans="1:3" ht="19.2">
      <c r="A64149" s="2"/>
      <c r="B64149" s="2"/>
      <c r="C64149" s="2"/>
    </row>
    <row r="64150" spans="1:3" ht="19.2">
      <c r="A64150" s="2"/>
      <c r="B64150" s="2"/>
      <c r="C64150" s="2"/>
    </row>
    <row r="64151" spans="1:3" ht="19.2">
      <c r="A64151" s="2"/>
      <c r="B64151" s="2"/>
      <c r="C64151" s="2"/>
    </row>
    <row r="64152" spans="1:3" ht="19.2">
      <c r="A64152" s="2"/>
      <c r="B64152" s="2"/>
      <c r="C64152" s="2"/>
    </row>
    <row r="64153" spans="1:3" ht="19.2">
      <c r="A64153" s="2"/>
      <c r="B64153" s="2"/>
      <c r="C64153" s="2"/>
    </row>
    <row r="64154" spans="1:3" ht="19.2">
      <c r="A64154" s="2"/>
      <c r="B64154" s="2"/>
      <c r="C64154" s="2"/>
    </row>
    <row r="64155" spans="1:3" ht="19.2">
      <c r="A64155" s="2"/>
      <c r="B64155" s="2"/>
      <c r="C64155" s="2"/>
    </row>
    <row r="64156" spans="1:3" ht="19.2">
      <c r="A64156" s="2"/>
      <c r="B64156" s="2"/>
      <c r="C64156" s="2"/>
    </row>
    <row r="64157" spans="1:3" ht="19.2">
      <c r="A64157" s="2"/>
      <c r="B64157" s="2"/>
      <c r="C64157" s="2"/>
    </row>
    <row r="64158" spans="1:3" ht="19.2">
      <c r="A64158" s="2"/>
      <c r="B64158" s="2"/>
      <c r="C64158" s="2"/>
    </row>
    <row r="64159" spans="1:3" ht="19.2">
      <c r="A64159" s="2"/>
      <c r="B64159" s="2"/>
      <c r="C64159" s="2"/>
    </row>
    <row r="64160" spans="1:3" ht="19.2">
      <c r="A64160" s="2"/>
      <c r="B64160" s="2"/>
      <c r="C64160" s="2"/>
    </row>
    <row r="64161" spans="1:3" ht="19.2">
      <c r="A64161" s="2"/>
      <c r="B64161" s="2"/>
      <c r="C64161" s="2"/>
    </row>
    <row r="64162" spans="1:3" ht="19.2">
      <c r="A64162" s="2"/>
      <c r="B64162" s="2"/>
      <c r="C64162" s="2"/>
    </row>
    <row r="64163" spans="1:3" ht="19.2">
      <c r="A64163" s="2"/>
      <c r="B64163" s="2"/>
      <c r="C64163" s="2"/>
    </row>
    <row r="64164" spans="1:3" ht="19.2">
      <c r="A64164" s="2"/>
      <c r="B64164" s="2"/>
      <c r="C64164" s="2"/>
    </row>
    <row r="64165" spans="1:3" ht="19.2">
      <c r="A64165" s="2"/>
      <c r="B64165" s="2"/>
      <c r="C64165" s="2"/>
    </row>
    <row r="64166" spans="1:3" ht="19.2">
      <c r="A64166" s="2"/>
      <c r="B64166" s="2"/>
      <c r="C64166" s="2"/>
    </row>
    <row r="64167" spans="1:3" ht="19.2">
      <c r="A64167" s="2"/>
      <c r="B64167" s="2"/>
      <c r="C64167" s="2"/>
    </row>
    <row r="64168" spans="1:3" ht="19.2">
      <c r="A64168" s="2"/>
      <c r="B64168" s="2"/>
      <c r="C64168" s="2"/>
    </row>
    <row r="64169" spans="1:3" ht="19.2">
      <c r="A64169" s="2"/>
      <c r="B64169" s="2"/>
      <c r="C64169" s="2"/>
    </row>
    <row r="64170" spans="1:3" ht="19.2">
      <c r="A64170" s="2"/>
      <c r="B64170" s="2"/>
      <c r="C64170" s="2"/>
    </row>
    <row r="64171" spans="1:3" ht="19.2">
      <c r="A64171" s="2"/>
      <c r="B64171" s="2"/>
      <c r="C64171" s="2"/>
    </row>
    <row r="64172" spans="1:3" ht="19.2">
      <c r="A64172" s="2"/>
      <c r="B64172" s="2"/>
      <c r="C64172" s="2"/>
    </row>
    <row r="64173" spans="1:3" ht="19.2">
      <c r="A64173" s="2"/>
      <c r="B64173" s="2"/>
      <c r="C64173" s="2"/>
    </row>
    <row r="64174" spans="1:3" ht="19.2">
      <c r="A64174" s="2"/>
      <c r="B64174" s="2"/>
      <c r="C64174" s="2"/>
    </row>
    <row r="64175" spans="1:3" ht="19.2">
      <c r="A64175" s="2"/>
      <c r="B64175" s="2"/>
      <c r="C64175" s="2"/>
    </row>
    <row r="64176" spans="1:3" ht="19.2">
      <c r="A64176" s="2"/>
      <c r="B64176" s="2"/>
      <c r="C64176" s="2"/>
    </row>
    <row r="64177" spans="1:3" ht="19.2">
      <c r="A64177" s="2"/>
      <c r="B64177" s="2"/>
      <c r="C64177" s="2"/>
    </row>
    <row r="64178" spans="1:3" ht="19.2">
      <c r="A64178" s="2"/>
      <c r="B64178" s="2"/>
      <c r="C64178" s="2"/>
    </row>
    <row r="64179" spans="1:3" ht="19.2">
      <c r="A64179" s="2"/>
      <c r="B64179" s="2"/>
      <c r="C64179" s="2"/>
    </row>
    <row r="64180" spans="1:3" ht="19.2">
      <c r="A64180" s="2"/>
      <c r="B64180" s="2"/>
      <c r="C64180" s="2"/>
    </row>
    <row r="64181" spans="1:3" ht="19.2">
      <c r="A64181" s="2"/>
      <c r="B64181" s="2"/>
      <c r="C64181" s="2"/>
    </row>
    <row r="64182" spans="1:3" ht="19.2">
      <c r="A64182" s="2"/>
      <c r="B64182" s="2"/>
      <c r="C64182" s="2"/>
    </row>
    <row r="64183" spans="1:3" ht="19.2">
      <c r="A64183" s="2"/>
      <c r="B64183" s="2"/>
      <c r="C64183" s="2"/>
    </row>
    <row r="64184" spans="1:3" ht="19.2">
      <c r="A64184" s="2"/>
      <c r="B64184" s="2"/>
      <c r="C64184" s="2"/>
    </row>
    <row r="64185" spans="1:3" ht="19.2">
      <c r="A64185" s="2"/>
      <c r="B64185" s="2"/>
      <c r="C64185" s="2"/>
    </row>
    <row r="64186" spans="1:3" ht="19.2">
      <c r="A64186" s="2"/>
      <c r="B64186" s="2"/>
      <c r="C64186" s="2"/>
    </row>
    <row r="64187" spans="1:3" ht="19.2">
      <c r="A64187" s="2"/>
      <c r="B64187" s="2"/>
      <c r="C64187" s="2"/>
    </row>
    <row r="64188" spans="1:3" ht="19.2">
      <c r="A64188" s="2"/>
      <c r="B64188" s="2"/>
      <c r="C64188" s="2"/>
    </row>
    <row r="64189" spans="1:3" ht="19.2">
      <c r="A64189" s="2"/>
      <c r="B64189" s="2"/>
      <c r="C64189" s="2"/>
    </row>
    <row r="64190" spans="1:3" ht="19.2">
      <c r="A64190" s="2"/>
      <c r="B64190" s="2"/>
      <c r="C64190" s="2"/>
    </row>
    <row r="64191" spans="1:3" ht="19.2">
      <c r="A64191" s="2"/>
      <c r="B64191" s="2"/>
      <c r="C64191" s="2"/>
    </row>
    <row r="64192" spans="1:3" ht="19.2">
      <c r="A64192" s="2"/>
      <c r="B64192" s="2"/>
      <c r="C64192" s="2"/>
    </row>
    <row r="64193" spans="1:3" ht="19.2">
      <c r="A64193" s="2"/>
      <c r="B64193" s="2"/>
      <c r="C64193" s="2"/>
    </row>
    <row r="64194" spans="1:3" ht="19.2">
      <c r="A64194" s="2"/>
      <c r="B64194" s="2"/>
      <c r="C64194" s="2"/>
    </row>
    <row r="64195" spans="1:3" ht="19.2">
      <c r="A64195" s="2"/>
      <c r="B64195" s="2"/>
      <c r="C64195" s="2"/>
    </row>
    <row r="64196" spans="1:3" ht="19.2">
      <c r="A64196" s="2"/>
      <c r="B64196" s="2"/>
      <c r="C64196" s="2"/>
    </row>
    <row r="64197" spans="1:3" ht="19.2">
      <c r="A64197" s="2"/>
      <c r="B64197" s="2"/>
      <c r="C64197" s="2"/>
    </row>
    <row r="64198" spans="1:3" ht="19.2">
      <c r="A64198" s="2"/>
      <c r="B64198" s="2"/>
      <c r="C64198" s="2"/>
    </row>
    <row r="64199" spans="1:3" ht="19.2">
      <c r="A64199" s="2"/>
      <c r="B64199" s="2"/>
      <c r="C64199" s="2"/>
    </row>
    <row r="64200" spans="1:3" ht="19.2">
      <c r="A64200" s="2"/>
      <c r="B64200" s="2"/>
      <c r="C64200" s="2"/>
    </row>
    <row r="64201" spans="1:3" ht="19.2">
      <c r="A64201" s="2"/>
      <c r="B64201" s="2"/>
      <c r="C64201" s="2"/>
    </row>
    <row r="64202" spans="1:3" ht="19.2">
      <c r="A64202" s="2"/>
      <c r="B64202" s="2"/>
      <c r="C64202" s="2"/>
    </row>
    <row r="64203" spans="1:3" ht="19.2">
      <c r="A64203" s="2"/>
      <c r="B64203" s="2"/>
      <c r="C64203" s="2"/>
    </row>
    <row r="64204" spans="1:3" ht="19.2">
      <c r="A64204" s="2"/>
      <c r="B64204" s="2"/>
      <c r="C64204" s="2"/>
    </row>
    <row r="64205" spans="1:3" ht="19.2">
      <c r="A64205" s="2"/>
      <c r="B64205" s="2"/>
      <c r="C64205" s="2"/>
    </row>
    <row r="64206" spans="1:3" ht="19.2">
      <c r="A64206" s="2"/>
      <c r="B64206" s="2"/>
      <c r="C64206" s="2"/>
    </row>
    <row r="64207" spans="1:3" ht="19.2">
      <c r="A64207" s="2"/>
      <c r="B64207" s="2"/>
      <c r="C64207" s="2"/>
    </row>
    <row r="64208" spans="1:3" ht="19.2">
      <c r="A64208" s="2"/>
      <c r="B64208" s="2"/>
      <c r="C64208" s="2"/>
    </row>
    <row r="64209" spans="1:3" ht="19.2">
      <c r="A64209" s="2"/>
      <c r="B64209" s="2"/>
      <c r="C64209" s="2"/>
    </row>
    <row r="64210" spans="1:3" ht="19.2">
      <c r="A64210" s="2"/>
      <c r="B64210" s="2"/>
      <c r="C64210" s="2"/>
    </row>
    <row r="64211" spans="1:3" ht="19.2">
      <c r="A64211" s="2"/>
      <c r="B64211" s="2"/>
      <c r="C64211" s="2"/>
    </row>
    <row r="64212" spans="1:3" ht="19.2">
      <c r="A64212" s="2"/>
      <c r="B64212" s="2"/>
      <c r="C64212" s="2"/>
    </row>
    <row r="64213" spans="1:3" ht="19.2">
      <c r="A64213" s="2"/>
      <c r="B64213" s="2"/>
      <c r="C64213" s="2"/>
    </row>
    <row r="64214" spans="1:3" ht="19.2">
      <c r="A64214" s="2"/>
      <c r="B64214" s="2"/>
      <c r="C64214" s="2"/>
    </row>
    <row r="64215" spans="1:3" ht="19.2">
      <c r="A64215" s="2"/>
      <c r="B64215" s="2"/>
      <c r="C64215" s="2"/>
    </row>
    <row r="64216" spans="1:3" ht="19.2">
      <c r="A64216" s="2"/>
      <c r="B64216" s="2"/>
      <c r="C64216" s="2"/>
    </row>
    <row r="64217" spans="1:3" ht="19.2">
      <c r="A64217" s="2"/>
      <c r="B64217" s="2"/>
      <c r="C64217" s="2"/>
    </row>
    <row r="64218" spans="1:3" ht="19.2">
      <c r="A64218" s="2"/>
      <c r="B64218" s="2"/>
      <c r="C64218" s="2"/>
    </row>
    <row r="64219" spans="1:3" ht="19.2">
      <c r="A64219" s="2"/>
      <c r="B64219" s="2"/>
      <c r="C64219" s="2"/>
    </row>
    <row r="64220" spans="1:3" ht="19.2">
      <c r="A64220" s="2"/>
      <c r="B64220" s="2"/>
      <c r="C64220" s="2"/>
    </row>
    <row r="64221" spans="1:3" ht="19.2">
      <c r="A64221" s="2"/>
      <c r="B64221" s="2"/>
      <c r="C64221" s="2"/>
    </row>
    <row r="64222" spans="1:3" ht="19.2">
      <c r="A64222" s="2"/>
      <c r="B64222" s="2"/>
      <c r="C64222" s="2"/>
    </row>
    <row r="64223" spans="1:3" ht="19.2">
      <c r="A64223" s="2"/>
      <c r="B64223" s="2"/>
      <c r="C64223" s="2"/>
    </row>
    <row r="64224" spans="1:3" ht="19.2">
      <c r="A64224" s="2"/>
      <c r="B64224" s="2"/>
      <c r="C64224" s="2"/>
    </row>
    <row r="64225" spans="1:3" ht="19.2">
      <c r="A64225" s="2"/>
      <c r="B64225" s="2"/>
      <c r="C64225" s="2"/>
    </row>
    <row r="64226" spans="1:3" ht="19.2">
      <c r="A64226" s="2"/>
      <c r="B64226" s="2"/>
      <c r="C64226" s="2"/>
    </row>
    <row r="64227" spans="1:3" ht="19.2">
      <c r="A64227" s="2"/>
      <c r="B64227" s="2"/>
      <c r="C64227" s="2"/>
    </row>
    <row r="64228" spans="1:3" ht="19.2">
      <c r="A64228" s="2"/>
      <c r="B64228" s="2"/>
      <c r="C64228" s="2"/>
    </row>
    <row r="64229" spans="1:3" ht="19.2">
      <c r="A64229" s="2"/>
      <c r="B64229" s="2"/>
      <c r="C64229" s="2"/>
    </row>
    <row r="64230" spans="1:3" ht="19.2">
      <c r="A64230" s="2"/>
      <c r="B64230" s="2"/>
      <c r="C64230" s="2"/>
    </row>
    <row r="64231" spans="1:3" ht="19.2">
      <c r="A64231" s="2"/>
      <c r="B64231" s="2"/>
      <c r="C64231" s="2"/>
    </row>
    <row r="64232" spans="1:3" ht="19.2">
      <c r="A64232" s="2"/>
      <c r="B64232" s="2"/>
      <c r="C64232" s="2"/>
    </row>
    <row r="64233" spans="1:3" ht="19.2">
      <c r="A64233" s="2"/>
      <c r="B64233" s="2"/>
      <c r="C64233" s="2"/>
    </row>
    <row r="64234" spans="1:3" ht="19.2">
      <c r="A64234" s="2"/>
      <c r="B64234" s="2"/>
      <c r="C64234" s="2"/>
    </row>
    <row r="64235" spans="1:3" ht="19.2">
      <c r="A64235" s="2"/>
      <c r="B64235" s="2"/>
      <c r="C64235" s="2"/>
    </row>
    <row r="64236" spans="1:3" ht="19.2">
      <c r="A64236" s="2"/>
      <c r="B64236" s="2"/>
      <c r="C64236" s="2"/>
    </row>
    <row r="64237" spans="1:3" ht="19.2">
      <c r="A64237" s="2"/>
      <c r="B64237" s="2"/>
      <c r="C64237" s="2"/>
    </row>
    <row r="64238" spans="1:3" ht="19.2">
      <c r="A64238" s="2"/>
      <c r="B64238" s="2"/>
      <c r="C64238" s="2"/>
    </row>
    <row r="64239" spans="1:3" ht="19.2">
      <c r="A64239" s="2"/>
      <c r="B64239" s="2"/>
      <c r="C64239" s="2"/>
    </row>
    <row r="64240" spans="1:3" ht="19.2">
      <c r="A64240" s="2"/>
      <c r="B64240" s="2"/>
      <c r="C64240" s="2"/>
    </row>
    <row r="64241" spans="1:3" ht="19.2">
      <c r="A64241" s="2"/>
      <c r="B64241" s="2"/>
      <c r="C64241" s="2"/>
    </row>
    <row r="64242" spans="1:3" ht="19.2">
      <c r="A64242" s="2"/>
      <c r="B64242" s="2"/>
      <c r="C64242" s="2"/>
    </row>
    <row r="64243" spans="1:3" ht="19.2">
      <c r="A64243" s="2"/>
      <c r="B64243" s="2"/>
      <c r="C64243" s="2"/>
    </row>
    <row r="64244" spans="1:3" ht="19.2">
      <c r="A64244" s="2"/>
      <c r="B64244" s="2"/>
      <c r="C64244" s="2"/>
    </row>
    <row r="64245" spans="1:3" ht="19.2">
      <c r="A64245" s="2"/>
      <c r="B64245" s="2"/>
      <c r="C64245" s="2"/>
    </row>
    <row r="64246" spans="1:3" ht="19.2">
      <c r="A64246" s="2"/>
      <c r="B64246" s="2"/>
      <c r="C64246" s="2"/>
    </row>
    <row r="64247" spans="1:3" ht="19.2">
      <c r="A64247" s="2"/>
      <c r="B64247" s="2"/>
      <c r="C64247" s="2"/>
    </row>
    <row r="64248" spans="1:3" ht="19.2">
      <c r="A64248" s="2"/>
      <c r="B64248" s="2"/>
      <c r="C64248" s="2"/>
    </row>
    <row r="64249" spans="1:3" ht="19.2">
      <c r="A64249" s="2"/>
      <c r="B64249" s="2"/>
      <c r="C64249" s="2"/>
    </row>
    <row r="64250" spans="1:3" ht="19.2">
      <c r="A64250" s="2"/>
      <c r="B64250" s="2"/>
      <c r="C64250" s="2"/>
    </row>
    <row r="64251" spans="1:3" ht="19.2">
      <c r="A64251" s="2"/>
      <c r="B64251" s="2"/>
      <c r="C64251" s="2"/>
    </row>
    <row r="64252" spans="1:3" ht="19.2">
      <c r="A64252" s="2"/>
      <c r="B64252" s="2"/>
      <c r="C64252" s="2"/>
    </row>
    <row r="64253" spans="1:3" ht="19.2">
      <c r="A64253" s="2"/>
      <c r="B64253" s="2"/>
      <c r="C64253" s="2"/>
    </row>
    <row r="64254" spans="1:3" ht="19.2">
      <c r="A64254" s="2"/>
      <c r="B64254" s="2"/>
      <c r="C64254" s="2"/>
    </row>
    <row r="64255" spans="1:3" ht="19.2">
      <c r="A64255" s="2"/>
      <c r="B64255" s="2"/>
      <c r="C64255" s="2"/>
    </row>
    <row r="64256" spans="1:3" ht="19.2">
      <c r="A64256" s="2"/>
      <c r="B64256" s="2"/>
      <c r="C64256" s="2"/>
    </row>
    <row r="64257" spans="1:3" ht="19.2">
      <c r="A64257" s="2"/>
      <c r="B64257" s="2"/>
      <c r="C64257" s="2"/>
    </row>
    <row r="64258" spans="1:3" ht="19.2">
      <c r="A64258" s="2"/>
      <c r="B64258" s="2"/>
      <c r="C64258" s="2"/>
    </row>
    <row r="64259" spans="1:3" ht="19.2">
      <c r="A64259" s="2"/>
      <c r="B64259" s="2"/>
      <c r="C64259" s="2"/>
    </row>
    <row r="64260" spans="1:3" ht="19.2">
      <c r="A64260" s="2"/>
      <c r="B64260" s="2"/>
      <c r="C64260" s="2"/>
    </row>
    <row r="64261" spans="1:3" ht="19.2">
      <c r="A64261" s="2"/>
      <c r="B64261" s="2"/>
      <c r="C64261" s="2"/>
    </row>
    <row r="64262" spans="1:3" ht="19.2">
      <c r="A64262" s="2"/>
      <c r="B64262" s="2"/>
      <c r="C64262" s="2"/>
    </row>
    <row r="64263" spans="1:3" ht="19.2">
      <c r="A64263" s="2"/>
      <c r="B64263" s="2"/>
      <c r="C64263" s="2"/>
    </row>
    <row r="64264" spans="1:3" ht="19.2">
      <c r="A64264" s="2"/>
      <c r="B64264" s="2"/>
      <c r="C64264" s="2"/>
    </row>
    <row r="64265" spans="1:3" ht="19.2">
      <c r="A64265" s="2"/>
      <c r="B64265" s="2"/>
      <c r="C64265" s="2"/>
    </row>
    <row r="64266" spans="1:3" ht="19.2">
      <c r="A64266" s="2"/>
      <c r="B64266" s="2"/>
      <c r="C64266" s="2"/>
    </row>
    <row r="64267" spans="1:3" ht="19.2">
      <c r="A64267" s="2"/>
      <c r="B64267" s="2"/>
      <c r="C64267" s="2"/>
    </row>
    <row r="64268" spans="1:3" ht="19.2">
      <c r="A64268" s="2"/>
      <c r="B64268" s="2"/>
      <c r="C64268" s="2"/>
    </row>
    <row r="64269" spans="1:3" ht="19.2">
      <c r="A64269" s="2"/>
      <c r="B64269" s="2"/>
      <c r="C64269" s="2"/>
    </row>
    <row r="64270" spans="1:3" ht="19.2">
      <c r="A64270" s="2"/>
      <c r="B64270" s="2"/>
      <c r="C64270" s="2"/>
    </row>
    <row r="64271" spans="1:3" ht="19.2">
      <c r="A64271" s="2"/>
      <c r="B64271" s="2"/>
      <c r="C64271" s="2"/>
    </row>
    <row r="64272" spans="1:3" ht="19.2">
      <c r="A64272" s="2"/>
      <c r="B64272" s="2"/>
      <c r="C64272" s="2"/>
    </row>
    <row r="64273" spans="1:3" ht="19.2">
      <c r="A64273" s="2"/>
      <c r="B64273" s="2"/>
      <c r="C64273" s="2"/>
    </row>
    <row r="64274" spans="1:3" ht="19.2">
      <c r="A64274" s="2"/>
      <c r="B64274" s="2"/>
      <c r="C64274" s="2"/>
    </row>
    <row r="64275" spans="1:3" ht="19.2">
      <c r="A64275" s="2"/>
      <c r="B64275" s="2"/>
      <c r="C64275" s="2"/>
    </row>
    <row r="64276" spans="1:3" ht="19.2">
      <c r="A64276" s="2"/>
      <c r="B64276" s="2"/>
      <c r="C64276" s="2"/>
    </row>
    <row r="64277" spans="1:3" ht="19.2">
      <c r="A64277" s="2"/>
      <c r="B64277" s="2"/>
      <c r="C64277" s="2"/>
    </row>
    <row r="64278" spans="1:3" ht="19.2">
      <c r="A64278" s="2"/>
      <c r="B64278" s="2"/>
      <c r="C64278" s="2"/>
    </row>
    <row r="64279" spans="1:3" ht="19.2">
      <c r="A64279" s="2"/>
      <c r="B64279" s="2"/>
      <c r="C64279" s="2"/>
    </row>
    <row r="64280" spans="1:3" ht="19.2">
      <c r="A64280" s="2"/>
      <c r="B64280" s="2"/>
      <c r="C64280" s="2"/>
    </row>
    <row r="64281" spans="1:3" ht="19.2">
      <c r="A64281" s="2"/>
      <c r="B64281" s="2"/>
      <c r="C64281" s="2"/>
    </row>
    <row r="64282" spans="1:3" ht="19.2">
      <c r="A64282" s="2"/>
      <c r="B64282" s="2"/>
      <c r="C64282" s="2"/>
    </row>
    <row r="64283" spans="1:3" ht="19.2">
      <c r="A64283" s="2"/>
      <c r="B64283" s="2"/>
      <c r="C64283" s="2"/>
    </row>
    <row r="64284" spans="1:3" ht="19.2">
      <c r="A64284" s="2"/>
      <c r="B64284" s="2"/>
      <c r="C64284" s="2"/>
    </row>
    <row r="64285" spans="1:3" ht="19.2">
      <c r="A64285" s="2"/>
      <c r="B64285" s="2"/>
      <c r="C64285" s="2"/>
    </row>
    <row r="64286" spans="1:3" ht="19.2">
      <c r="A64286" s="2"/>
      <c r="B64286" s="2"/>
      <c r="C64286" s="2"/>
    </row>
    <row r="64287" spans="1:3" ht="19.2">
      <c r="A64287" s="2"/>
      <c r="B64287" s="2"/>
      <c r="C64287" s="2"/>
    </row>
    <row r="64288" spans="1:3" ht="19.2">
      <c r="A64288" s="2"/>
      <c r="B64288" s="2"/>
      <c r="C64288" s="2"/>
    </row>
    <row r="64289" spans="1:3" ht="19.2">
      <c r="A64289" s="2"/>
      <c r="B64289" s="2"/>
      <c r="C64289" s="2"/>
    </row>
    <row r="64290" spans="1:3" ht="19.2">
      <c r="A64290" s="2"/>
      <c r="B64290" s="2"/>
      <c r="C64290" s="2"/>
    </row>
    <row r="64291" spans="1:3" ht="19.2">
      <c r="A64291" s="2"/>
      <c r="B64291" s="2"/>
      <c r="C64291" s="2"/>
    </row>
    <row r="64292" spans="1:3" ht="19.2">
      <c r="A64292" s="2"/>
      <c r="B64292" s="2"/>
      <c r="C64292" s="2"/>
    </row>
    <row r="64293" spans="1:3" ht="19.2">
      <c r="A64293" s="2"/>
      <c r="B64293" s="2"/>
      <c r="C64293" s="2"/>
    </row>
    <row r="64294" spans="1:3" ht="19.2">
      <c r="A64294" s="2"/>
      <c r="B64294" s="2"/>
      <c r="C64294" s="2"/>
    </row>
    <row r="64295" spans="1:3" ht="19.2">
      <c r="A64295" s="2"/>
      <c r="B64295" s="2"/>
      <c r="C64295" s="2"/>
    </row>
    <row r="64296" spans="1:3" ht="19.2">
      <c r="A64296" s="2"/>
      <c r="B64296" s="2"/>
      <c r="C64296" s="2"/>
    </row>
    <row r="64297" spans="1:3" ht="19.2">
      <c r="A64297" s="2"/>
      <c r="B64297" s="2"/>
      <c r="C64297" s="2"/>
    </row>
    <row r="64298" spans="1:3" ht="19.2">
      <c r="A64298" s="2"/>
      <c r="B64298" s="2"/>
      <c r="C64298" s="2"/>
    </row>
    <row r="64299" spans="1:3" ht="19.2">
      <c r="A64299" s="2"/>
      <c r="B64299" s="2"/>
      <c r="C64299" s="2"/>
    </row>
    <row r="64300" spans="1:3" ht="19.2">
      <c r="A64300" s="2"/>
      <c r="B64300" s="2"/>
      <c r="C64300" s="2"/>
    </row>
    <row r="64301" spans="1:3" ht="19.2">
      <c r="A64301" s="2"/>
      <c r="B64301" s="2"/>
      <c r="C64301" s="2"/>
    </row>
    <row r="64302" spans="1:3" ht="19.2">
      <c r="A64302" s="2"/>
      <c r="B64302" s="2"/>
      <c r="C64302" s="2"/>
    </row>
    <row r="64303" spans="1:3" ht="19.2">
      <c r="A64303" s="2"/>
      <c r="B64303" s="2"/>
      <c r="C64303" s="2"/>
    </row>
    <row r="64304" spans="1:3" ht="19.2">
      <c r="A64304" s="2"/>
      <c r="B64304" s="2"/>
      <c r="C64304" s="2"/>
    </row>
    <row r="64305" spans="1:3" ht="19.2">
      <c r="A64305" s="2"/>
      <c r="B64305" s="2"/>
      <c r="C64305" s="2"/>
    </row>
    <row r="64306" spans="1:3" ht="19.2">
      <c r="A64306" s="2"/>
      <c r="B64306" s="2"/>
      <c r="C64306" s="2"/>
    </row>
    <row r="64307" spans="1:3" ht="19.2">
      <c r="A64307" s="2"/>
      <c r="B64307" s="2"/>
      <c r="C64307" s="2"/>
    </row>
    <row r="64308" spans="1:3" ht="19.2">
      <c r="A64308" s="2"/>
      <c r="B64308" s="2"/>
      <c r="C64308" s="2"/>
    </row>
    <row r="64309" spans="1:3" ht="19.2">
      <c r="A64309" s="2"/>
      <c r="B64309" s="2"/>
      <c r="C64309" s="2"/>
    </row>
    <row r="64310" spans="1:3" ht="19.2">
      <c r="A64310" s="2"/>
      <c r="B64310" s="2"/>
      <c r="C64310" s="2"/>
    </row>
    <row r="64311" spans="1:3" ht="19.2">
      <c r="A64311" s="2"/>
      <c r="B64311" s="2"/>
      <c r="C64311" s="2"/>
    </row>
    <row r="64312" spans="1:3" ht="19.2">
      <c r="A64312" s="2"/>
      <c r="B64312" s="2"/>
      <c r="C64312" s="2"/>
    </row>
    <row r="64313" spans="1:3" ht="19.2">
      <c r="A64313" s="2"/>
      <c r="B64313" s="2"/>
      <c r="C64313" s="2"/>
    </row>
    <row r="64314" spans="1:3" ht="19.2">
      <c r="A64314" s="2"/>
      <c r="B64314" s="2"/>
      <c r="C64314" s="2"/>
    </row>
    <row r="64315" spans="1:3" ht="19.2">
      <c r="A64315" s="2"/>
      <c r="B64315" s="2"/>
      <c r="C64315" s="2"/>
    </row>
    <row r="64316" spans="1:3" ht="19.2">
      <c r="A64316" s="2"/>
      <c r="B64316" s="2"/>
      <c r="C64316" s="2"/>
    </row>
    <row r="64317" spans="1:3" ht="19.2">
      <c r="A64317" s="2"/>
      <c r="B64317" s="2"/>
      <c r="C64317" s="2"/>
    </row>
    <row r="64318" spans="1:3" ht="19.2">
      <c r="A64318" s="2"/>
      <c r="B64318" s="2"/>
      <c r="C64318" s="2"/>
    </row>
    <row r="64319" spans="1:3" ht="19.2">
      <c r="A64319" s="2"/>
      <c r="B64319" s="2"/>
      <c r="C64319" s="2"/>
    </row>
    <row r="64320" spans="1:3" ht="19.2">
      <c r="A64320" s="2"/>
      <c r="B64320" s="2"/>
      <c r="C64320" s="2"/>
    </row>
    <row r="64321" spans="1:3" ht="19.2">
      <c r="A64321" s="2"/>
      <c r="B64321" s="2"/>
      <c r="C64321" s="2"/>
    </row>
    <row r="64322" spans="1:3" ht="19.2">
      <c r="A64322" s="2"/>
      <c r="B64322" s="2"/>
      <c r="C64322" s="2"/>
    </row>
    <row r="64323" spans="1:3" ht="19.2">
      <c r="A64323" s="2"/>
      <c r="B64323" s="2"/>
      <c r="C64323" s="2"/>
    </row>
    <row r="64324" spans="1:3" ht="19.2">
      <c r="A64324" s="2"/>
      <c r="B64324" s="2"/>
      <c r="C64324" s="2"/>
    </row>
    <row r="64325" spans="1:3" ht="19.2">
      <c r="A64325" s="2"/>
      <c r="B64325" s="2"/>
      <c r="C64325" s="2"/>
    </row>
    <row r="64326" spans="1:3" ht="19.2">
      <c r="A64326" s="2"/>
      <c r="B64326" s="2"/>
      <c r="C64326" s="2"/>
    </row>
    <row r="64327" spans="1:3" ht="19.2">
      <c r="A64327" s="2"/>
      <c r="B64327" s="2"/>
      <c r="C64327" s="2"/>
    </row>
    <row r="64328" spans="1:3" ht="19.2">
      <c r="A64328" s="2"/>
      <c r="B64328" s="2"/>
      <c r="C64328" s="2"/>
    </row>
    <row r="64329" spans="1:3" ht="19.2">
      <c r="A64329" s="2"/>
      <c r="B64329" s="2"/>
      <c r="C64329" s="2"/>
    </row>
    <row r="64330" spans="1:3" ht="19.2">
      <c r="A64330" s="2"/>
      <c r="B64330" s="2"/>
      <c r="C64330" s="2"/>
    </row>
    <row r="64331" spans="1:3" ht="19.2">
      <c r="A64331" s="2"/>
      <c r="B64331" s="2"/>
      <c r="C64331" s="2"/>
    </row>
    <row r="64332" spans="1:3" ht="19.2">
      <c r="A64332" s="2"/>
      <c r="B64332" s="2"/>
      <c r="C64332" s="2"/>
    </row>
    <row r="64333" spans="1:3" ht="19.2">
      <c r="A64333" s="2"/>
      <c r="B64333" s="2"/>
      <c r="C64333" s="2"/>
    </row>
    <row r="64334" spans="1:3" ht="19.2">
      <c r="A64334" s="2"/>
      <c r="B64334" s="2"/>
      <c r="C64334" s="2"/>
    </row>
    <row r="64335" spans="1:3" ht="19.2">
      <c r="A64335" s="2"/>
      <c r="B64335" s="2"/>
      <c r="C64335" s="2"/>
    </row>
    <row r="64336" spans="1:3" ht="19.2">
      <c r="A64336" s="2"/>
      <c r="B64336" s="2"/>
      <c r="C64336" s="2"/>
    </row>
    <row r="64337" spans="1:3" ht="19.2">
      <c r="A64337" s="2"/>
      <c r="B64337" s="2"/>
      <c r="C64337" s="2"/>
    </row>
    <row r="64338" spans="1:3" ht="19.2">
      <c r="A64338" s="2"/>
      <c r="B64338" s="2"/>
      <c r="C64338" s="2"/>
    </row>
    <row r="64339" spans="1:3" ht="19.2">
      <c r="A64339" s="2"/>
      <c r="B64339" s="2"/>
      <c r="C64339" s="2"/>
    </row>
    <row r="64340" spans="1:3" ht="19.2">
      <c r="A64340" s="2"/>
      <c r="B64340" s="2"/>
      <c r="C64340" s="2"/>
    </row>
    <row r="64341" spans="1:3" ht="19.2">
      <c r="A64341" s="2"/>
      <c r="B64341" s="2"/>
      <c r="C64341" s="2"/>
    </row>
    <row r="64342" spans="1:3" ht="19.2">
      <c r="A64342" s="2"/>
      <c r="B64342" s="2"/>
      <c r="C64342" s="2"/>
    </row>
    <row r="64343" spans="1:3" ht="19.2">
      <c r="A64343" s="2"/>
      <c r="B64343" s="2"/>
      <c r="C64343" s="2"/>
    </row>
    <row r="64344" spans="1:3" ht="19.2">
      <c r="A64344" s="2"/>
      <c r="B64344" s="2"/>
      <c r="C64344" s="2"/>
    </row>
    <row r="64345" spans="1:3" ht="19.2">
      <c r="A64345" s="2"/>
      <c r="B64345" s="2"/>
      <c r="C64345" s="2"/>
    </row>
    <row r="64346" spans="1:3" ht="19.2">
      <c r="A64346" s="2"/>
      <c r="B64346" s="2"/>
      <c r="C64346" s="2"/>
    </row>
    <row r="64347" spans="1:3" ht="19.2">
      <c r="A64347" s="2"/>
      <c r="B64347" s="2"/>
      <c r="C64347" s="2"/>
    </row>
    <row r="64348" spans="1:3" ht="19.2">
      <c r="A64348" s="2"/>
      <c r="B64348" s="2"/>
      <c r="C64348" s="2"/>
    </row>
    <row r="64349" spans="1:3" ht="19.2">
      <c r="A64349" s="2"/>
      <c r="B64349" s="2"/>
      <c r="C64349" s="2"/>
    </row>
    <row r="64350" spans="1:3" ht="19.2">
      <c r="A64350" s="2"/>
      <c r="B64350" s="2"/>
      <c r="C64350" s="2"/>
    </row>
    <row r="64351" spans="1:3" ht="19.2">
      <c r="A64351" s="2"/>
      <c r="B64351" s="2"/>
      <c r="C64351" s="2"/>
    </row>
    <row r="64352" spans="1:3" ht="19.2">
      <c r="A64352" s="2"/>
      <c r="B64352" s="2"/>
      <c r="C64352" s="2"/>
    </row>
    <row r="64353" spans="1:3" ht="19.2">
      <c r="A64353" s="2"/>
      <c r="B64353" s="2"/>
      <c r="C64353" s="2"/>
    </row>
    <row r="64354" spans="1:3" ht="19.2">
      <c r="A64354" s="2"/>
      <c r="B64354" s="2"/>
      <c r="C64354" s="2"/>
    </row>
    <row r="64355" spans="1:3" ht="19.2">
      <c r="A64355" s="2"/>
      <c r="B64355" s="2"/>
      <c r="C64355" s="2"/>
    </row>
    <row r="64356" spans="1:3" ht="19.2">
      <c r="A64356" s="2"/>
      <c r="B64356" s="2"/>
      <c r="C64356" s="2"/>
    </row>
    <row r="64357" spans="1:3" ht="19.2">
      <c r="A64357" s="2"/>
      <c r="B64357" s="2"/>
      <c r="C64357" s="2"/>
    </row>
    <row r="64358" spans="1:3" ht="19.2">
      <c r="A64358" s="2"/>
      <c r="B64358" s="2"/>
      <c r="C64358" s="2"/>
    </row>
    <row r="64359" spans="1:3" ht="19.2">
      <c r="A64359" s="2"/>
      <c r="B64359" s="2"/>
      <c r="C64359" s="2"/>
    </row>
    <row r="64360" spans="1:3" ht="19.2">
      <c r="A64360" s="2"/>
      <c r="B64360" s="2"/>
      <c r="C64360" s="2"/>
    </row>
    <row r="64361" spans="1:3" ht="19.2">
      <c r="A64361" s="2"/>
      <c r="B64361" s="2"/>
      <c r="C64361" s="2"/>
    </row>
    <row r="64362" spans="1:3" ht="19.2">
      <c r="A64362" s="2"/>
      <c r="B64362" s="2"/>
      <c r="C64362" s="2"/>
    </row>
    <row r="64363" spans="1:3" ht="19.2">
      <c r="A64363" s="2"/>
      <c r="B64363" s="2"/>
      <c r="C64363" s="2"/>
    </row>
    <row r="64364" spans="1:3" ht="19.2">
      <c r="A64364" s="2"/>
      <c r="B64364" s="2"/>
      <c r="C64364" s="2"/>
    </row>
    <row r="64365" spans="1:3" ht="19.2">
      <c r="A64365" s="2"/>
      <c r="B64365" s="2"/>
      <c r="C64365" s="2"/>
    </row>
    <row r="64366" spans="1:3" ht="19.2">
      <c r="A64366" s="2"/>
      <c r="B64366" s="2"/>
      <c r="C64366" s="2"/>
    </row>
    <row r="64367" spans="1:3" ht="19.2">
      <c r="A64367" s="2"/>
      <c r="B64367" s="2"/>
      <c r="C64367" s="2"/>
    </row>
    <row r="64368" spans="1:3" ht="19.2">
      <c r="A64368" s="2"/>
      <c r="B64368" s="2"/>
      <c r="C64368" s="2"/>
    </row>
    <row r="64369" spans="1:3" ht="19.2">
      <c r="A64369" s="2"/>
      <c r="B64369" s="2"/>
      <c r="C64369" s="2"/>
    </row>
    <row r="64370" spans="1:3" ht="19.2">
      <c r="A64370" s="2"/>
      <c r="B64370" s="2"/>
      <c r="C64370" s="2"/>
    </row>
    <row r="64371" spans="1:3" ht="19.2">
      <c r="A64371" s="2"/>
      <c r="B64371" s="2"/>
      <c r="C64371" s="2"/>
    </row>
    <row r="64372" spans="1:3" ht="19.2">
      <c r="A64372" s="2"/>
      <c r="B64372" s="2"/>
      <c r="C64372" s="2"/>
    </row>
    <row r="64373" spans="1:3" ht="19.2">
      <c r="A64373" s="2"/>
      <c r="B64373" s="2"/>
      <c r="C64373" s="2"/>
    </row>
    <row r="64374" spans="1:3" ht="19.2">
      <c r="A64374" s="2"/>
      <c r="B64374" s="2"/>
      <c r="C64374" s="2"/>
    </row>
    <row r="64375" spans="1:3" ht="19.2">
      <c r="A64375" s="2"/>
      <c r="B64375" s="2"/>
      <c r="C64375" s="2"/>
    </row>
    <row r="64376" spans="1:3" ht="19.2">
      <c r="A64376" s="2"/>
      <c r="B64376" s="2"/>
      <c r="C64376" s="2"/>
    </row>
    <row r="64377" spans="1:3" ht="19.2">
      <c r="A64377" s="2"/>
      <c r="B64377" s="2"/>
      <c r="C64377" s="2"/>
    </row>
    <row r="64378" spans="1:3" ht="19.2">
      <c r="A64378" s="2"/>
      <c r="B64378" s="2"/>
      <c r="C64378" s="2"/>
    </row>
    <row r="64379" spans="1:3" ht="19.2">
      <c r="A64379" s="2"/>
      <c r="B64379" s="2"/>
      <c r="C64379" s="2"/>
    </row>
    <row r="64380" spans="1:3" ht="19.2">
      <c r="A64380" s="2"/>
      <c r="B64380" s="2"/>
      <c r="C64380" s="2"/>
    </row>
    <row r="64381" spans="1:3" ht="19.2">
      <c r="A64381" s="2"/>
      <c r="B64381" s="2"/>
      <c r="C64381" s="2"/>
    </row>
    <row r="64382" spans="1:3" ht="19.2">
      <c r="A64382" s="2"/>
      <c r="B64382" s="2"/>
      <c r="C64382" s="2"/>
    </row>
    <row r="64383" spans="1:3" ht="19.2">
      <c r="A64383" s="2"/>
      <c r="B64383" s="2"/>
      <c r="C64383" s="2"/>
    </row>
    <row r="64384" spans="1:3" ht="19.2">
      <c r="A64384" s="2"/>
      <c r="B64384" s="2"/>
      <c r="C64384" s="2"/>
    </row>
    <row r="64385" spans="1:3" ht="19.2">
      <c r="A64385" s="2"/>
      <c r="B64385" s="2"/>
      <c r="C64385" s="2"/>
    </row>
    <row r="64386" spans="1:3" ht="19.2">
      <c r="A64386" s="2"/>
      <c r="B64386" s="2"/>
      <c r="C64386" s="2"/>
    </row>
    <row r="64387" spans="1:3" ht="19.2">
      <c r="A64387" s="2"/>
      <c r="B64387" s="2"/>
      <c r="C64387" s="2"/>
    </row>
    <row r="64388" spans="1:3" ht="19.2">
      <c r="A64388" s="2"/>
      <c r="B64388" s="2"/>
      <c r="C64388" s="2"/>
    </row>
    <row r="64389" spans="1:3" ht="19.2">
      <c r="A64389" s="2"/>
      <c r="B64389" s="2"/>
      <c r="C64389" s="2"/>
    </row>
    <row r="64390" spans="1:3" ht="19.2">
      <c r="A64390" s="2"/>
      <c r="B64390" s="2"/>
      <c r="C64390" s="2"/>
    </row>
    <row r="64391" spans="1:3" ht="19.2">
      <c r="A64391" s="2"/>
      <c r="B64391" s="2"/>
      <c r="C64391" s="2"/>
    </row>
    <row r="64392" spans="1:3" ht="19.2">
      <c r="A64392" s="2"/>
      <c r="B64392" s="2"/>
      <c r="C64392" s="2"/>
    </row>
    <row r="64393" spans="1:3" ht="19.2">
      <c r="A64393" s="2"/>
      <c r="B64393" s="2"/>
      <c r="C64393" s="2"/>
    </row>
    <row r="64394" spans="1:3" ht="19.2">
      <c r="A64394" s="2"/>
      <c r="B64394" s="2"/>
      <c r="C64394" s="2"/>
    </row>
    <row r="64395" spans="1:3" ht="19.2">
      <c r="A64395" s="2"/>
      <c r="B64395" s="2"/>
      <c r="C64395" s="2"/>
    </row>
    <row r="64396" spans="1:3" ht="19.2">
      <c r="A64396" s="2"/>
      <c r="B64396" s="2"/>
      <c r="C64396" s="2"/>
    </row>
    <row r="64397" spans="1:3" ht="19.2">
      <c r="A64397" s="2"/>
      <c r="B64397" s="2"/>
      <c r="C64397" s="2"/>
    </row>
    <row r="64398" spans="1:3" ht="19.2">
      <c r="A64398" s="2"/>
      <c r="B64398" s="2"/>
      <c r="C64398" s="2"/>
    </row>
    <row r="64399" spans="1:3" ht="19.2">
      <c r="A64399" s="2"/>
      <c r="B64399" s="2"/>
      <c r="C64399" s="2"/>
    </row>
    <row r="64400" spans="1:3" ht="19.2">
      <c r="A64400" s="2"/>
      <c r="B64400" s="2"/>
      <c r="C64400" s="2"/>
    </row>
    <row r="64401" spans="1:3" ht="19.2">
      <c r="A64401" s="2"/>
      <c r="B64401" s="2"/>
      <c r="C64401" s="2"/>
    </row>
    <row r="64402" spans="1:3" ht="19.2">
      <c r="A64402" s="2"/>
      <c r="B64402" s="2"/>
      <c r="C64402" s="2"/>
    </row>
    <row r="64403" spans="1:3" ht="19.2">
      <c r="A64403" s="2"/>
      <c r="B64403" s="2"/>
      <c r="C64403" s="2"/>
    </row>
    <row r="64404" spans="1:3" ht="19.2">
      <c r="A64404" s="2"/>
      <c r="B64404" s="2"/>
      <c r="C64404" s="2"/>
    </row>
    <row r="64405" spans="1:3" ht="19.2">
      <c r="A64405" s="2"/>
      <c r="B64405" s="2"/>
      <c r="C64405" s="2"/>
    </row>
    <row r="64406" spans="1:3" ht="19.2">
      <c r="A64406" s="2"/>
      <c r="B64406" s="2"/>
      <c r="C64406" s="2"/>
    </row>
    <row r="64407" spans="1:3" ht="19.2">
      <c r="A64407" s="2"/>
      <c r="B64407" s="2"/>
      <c r="C64407" s="2"/>
    </row>
    <row r="64408" spans="1:3" ht="19.2">
      <c r="A64408" s="2"/>
      <c r="B64408" s="2"/>
      <c r="C64408" s="2"/>
    </row>
    <row r="64409" spans="1:3" ht="19.2">
      <c r="A64409" s="2"/>
      <c r="B64409" s="2"/>
      <c r="C64409" s="2"/>
    </row>
    <row r="64410" spans="1:3" ht="19.2">
      <c r="A64410" s="2"/>
      <c r="B64410" s="2"/>
      <c r="C64410" s="2"/>
    </row>
    <row r="64411" spans="1:3" ht="19.2">
      <c r="A64411" s="2"/>
      <c r="B64411" s="2"/>
      <c r="C64411" s="2"/>
    </row>
    <row r="64412" spans="1:3" ht="19.2">
      <c r="A64412" s="2"/>
      <c r="B64412" s="2"/>
      <c r="C64412" s="2"/>
    </row>
    <row r="64413" spans="1:3" ht="19.2">
      <c r="A64413" s="2"/>
      <c r="B64413" s="2"/>
      <c r="C64413" s="2"/>
    </row>
    <row r="64414" spans="1:3" ht="19.2">
      <c r="A64414" s="2"/>
      <c r="B64414" s="2"/>
      <c r="C64414" s="2"/>
    </row>
    <row r="64415" spans="1:3" ht="19.2">
      <c r="A64415" s="2"/>
      <c r="B64415" s="2"/>
      <c r="C64415" s="2"/>
    </row>
    <row r="64416" spans="1:3" ht="19.2">
      <c r="A64416" s="2"/>
      <c r="B64416" s="2"/>
      <c r="C64416" s="2"/>
    </row>
    <row r="64417" spans="1:3" ht="19.2">
      <c r="A64417" s="2"/>
      <c r="B64417" s="2"/>
      <c r="C64417" s="2"/>
    </row>
    <row r="64418" spans="1:3" ht="19.2">
      <c r="A64418" s="2"/>
      <c r="B64418" s="2"/>
      <c r="C64418" s="2"/>
    </row>
    <row r="64419" spans="1:3" ht="19.2">
      <c r="A64419" s="2"/>
      <c r="B64419" s="2"/>
      <c r="C64419" s="2"/>
    </row>
    <row r="64420" spans="1:3" ht="19.2">
      <c r="A64420" s="2"/>
      <c r="B64420" s="2"/>
      <c r="C64420" s="2"/>
    </row>
    <row r="64421" spans="1:3" ht="19.2">
      <c r="A64421" s="2"/>
      <c r="B64421" s="2"/>
      <c r="C64421" s="2"/>
    </row>
    <row r="64422" spans="1:3" ht="19.2">
      <c r="A64422" s="2"/>
      <c r="B64422" s="2"/>
      <c r="C64422" s="2"/>
    </row>
    <row r="64423" spans="1:3" ht="19.2">
      <c r="A64423" s="2"/>
      <c r="B64423" s="2"/>
      <c r="C64423" s="2"/>
    </row>
    <row r="64424" spans="1:3" ht="19.2">
      <c r="A64424" s="2"/>
      <c r="B64424" s="2"/>
      <c r="C64424" s="2"/>
    </row>
    <row r="64425" spans="1:3" ht="19.2">
      <c r="A64425" s="2"/>
      <c r="B64425" s="2"/>
      <c r="C64425" s="2"/>
    </row>
    <row r="64426" spans="1:3" ht="19.2">
      <c r="A64426" s="2"/>
      <c r="B64426" s="2"/>
      <c r="C64426" s="2"/>
    </row>
    <row r="64427" spans="1:3" ht="19.2">
      <c r="A64427" s="2"/>
      <c r="B64427" s="2"/>
      <c r="C64427" s="2"/>
    </row>
    <row r="64428" spans="1:3" ht="19.2">
      <c r="A64428" s="2"/>
      <c r="B64428" s="2"/>
      <c r="C64428" s="2"/>
    </row>
    <row r="64429" spans="1:3" ht="19.2">
      <c r="A64429" s="2"/>
      <c r="B64429" s="2"/>
      <c r="C64429" s="2"/>
    </row>
    <row r="64430" spans="1:3" ht="19.2">
      <c r="A64430" s="2"/>
      <c r="B64430" s="2"/>
      <c r="C64430" s="2"/>
    </row>
    <row r="64431" spans="1:3" ht="19.2">
      <c r="A64431" s="2"/>
      <c r="B64431" s="2"/>
      <c r="C64431" s="2"/>
    </row>
    <row r="64432" spans="1:3" ht="19.2">
      <c r="A64432" s="2"/>
      <c r="B64432" s="2"/>
      <c r="C64432" s="2"/>
    </row>
    <row r="64433" spans="1:3" ht="19.2">
      <c r="A64433" s="2"/>
      <c r="B64433" s="2"/>
      <c r="C64433" s="2"/>
    </row>
    <row r="64434" spans="1:3" ht="19.2">
      <c r="A64434" s="2"/>
      <c r="B64434" s="2"/>
      <c r="C64434" s="2"/>
    </row>
    <row r="64435" spans="1:3" ht="19.2">
      <c r="A64435" s="2"/>
      <c r="B64435" s="2"/>
      <c r="C64435" s="2"/>
    </row>
    <row r="64436" spans="1:3" ht="19.2">
      <c r="A64436" s="2"/>
      <c r="B64436" s="2"/>
      <c r="C64436" s="2"/>
    </row>
    <row r="64437" spans="1:3" ht="19.2">
      <c r="A64437" s="2"/>
      <c r="B64437" s="2"/>
      <c r="C64437" s="2"/>
    </row>
    <row r="64438" spans="1:3" ht="19.2">
      <c r="A64438" s="2"/>
      <c r="B64438" s="2"/>
      <c r="C64438" s="2"/>
    </row>
    <row r="64439" spans="1:3" ht="19.2">
      <c r="A64439" s="2"/>
      <c r="B64439" s="2"/>
      <c r="C64439" s="2"/>
    </row>
    <row r="64440" spans="1:3" ht="19.2">
      <c r="A64440" s="2"/>
      <c r="B64440" s="2"/>
      <c r="C64440" s="2"/>
    </row>
    <row r="64441" spans="1:3" ht="19.2">
      <c r="A64441" s="2"/>
      <c r="B64441" s="2"/>
      <c r="C64441" s="2"/>
    </row>
    <row r="64442" spans="1:3" ht="19.2">
      <c r="A64442" s="2"/>
      <c r="B64442" s="2"/>
      <c r="C64442" s="2"/>
    </row>
    <row r="64443" spans="1:3" ht="19.2">
      <c r="A64443" s="2"/>
      <c r="B64443" s="2"/>
      <c r="C64443" s="2"/>
    </row>
    <row r="64444" spans="1:3" ht="19.2">
      <c r="A64444" s="2"/>
      <c r="B64444" s="2"/>
      <c r="C64444" s="2"/>
    </row>
    <row r="64445" spans="1:3" ht="19.2">
      <c r="A64445" s="2"/>
      <c r="B64445" s="2"/>
      <c r="C64445" s="2"/>
    </row>
    <row r="64446" spans="1:3" ht="19.2">
      <c r="A64446" s="2"/>
      <c r="B64446" s="2"/>
      <c r="C64446" s="2"/>
    </row>
    <row r="64447" spans="1:3" ht="19.2">
      <c r="A64447" s="2"/>
      <c r="B64447" s="2"/>
      <c r="C64447" s="2"/>
    </row>
    <row r="64448" spans="1:3" ht="19.2">
      <c r="A64448" s="2"/>
      <c r="B64448" s="2"/>
      <c r="C64448" s="2"/>
    </row>
    <row r="64449" spans="1:3" ht="19.2">
      <c r="A64449" s="2"/>
      <c r="B64449" s="2"/>
      <c r="C64449" s="2"/>
    </row>
    <row r="64450" spans="1:3" ht="19.2">
      <c r="A64450" s="2"/>
      <c r="B64450" s="2"/>
      <c r="C64450" s="2"/>
    </row>
    <row r="64451" spans="1:3" ht="19.2">
      <c r="A64451" s="2"/>
      <c r="B64451" s="2"/>
      <c r="C64451" s="2"/>
    </row>
    <row r="64452" spans="1:3" ht="19.2">
      <c r="A64452" s="2"/>
      <c r="B64452" s="2"/>
      <c r="C64452" s="2"/>
    </row>
    <row r="64453" spans="1:3" ht="19.2">
      <c r="A64453" s="2"/>
      <c r="B64453" s="2"/>
      <c r="C64453" s="2"/>
    </row>
    <row r="64454" spans="1:3" ht="19.2">
      <c r="A64454" s="2"/>
      <c r="B64454" s="2"/>
      <c r="C64454" s="2"/>
    </row>
    <row r="64455" spans="1:3" ht="19.2">
      <c r="A64455" s="2"/>
      <c r="B64455" s="2"/>
      <c r="C64455" s="2"/>
    </row>
    <row r="64456" spans="1:3" ht="19.2">
      <c r="A64456" s="2"/>
      <c r="B64456" s="2"/>
      <c r="C64456" s="2"/>
    </row>
    <row r="64457" spans="1:3" ht="19.2">
      <c r="A64457" s="2"/>
      <c r="B64457" s="2"/>
      <c r="C64457" s="2"/>
    </row>
    <row r="64458" spans="1:3" ht="19.2">
      <c r="A64458" s="2"/>
      <c r="B64458" s="2"/>
      <c r="C64458" s="2"/>
    </row>
    <row r="64459" spans="1:3" ht="19.2">
      <c r="A64459" s="2"/>
      <c r="B64459" s="2"/>
      <c r="C64459" s="2"/>
    </row>
    <row r="64460" spans="1:3" ht="19.2">
      <c r="A64460" s="2"/>
      <c r="B64460" s="2"/>
      <c r="C64460" s="2"/>
    </row>
    <row r="64461" spans="1:3" ht="19.2">
      <c r="A64461" s="2"/>
      <c r="B64461" s="2"/>
      <c r="C64461" s="2"/>
    </row>
    <row r="64462" spans="1:3" ht="19.2">
      <c r="A64462" s="2"/>
      <c r="B64462" s="2"/>
      <c r="C64462" s="2"/>
    </row>
    <row r="64463" spans="1:3" ht="19.2">
      <c r="A64463" s="2"/>
      <c r="B64463" s="2"/>
      <c r="C64463" s="2"/>
    </row>
    <row r="64464" spans="1:3" ht="19.2">
      <c r="A64464" s="2"/>
      <c r="B64464" s="2"/>
      <c r="C64464" s="2"/>
    </row>
    <row r="64465" spans="1:3" ht="19.2">
      <c r="A64465" s="2"/>
      <c r="B64465" s="2"/>
      <c r="C64465" s="2"/>
    </row>
    <row r="64466" spans="1:3" ht="19.2">
      <c r="A64466" s="2"/>
      <c r="B64466" s="2"/>
      <c r="C64466" s="2"/>
    </row>
    <row r="64467" spans="1:3" ht="19.2">
      <c r="A64467" s="2"/>
      <c r="B64467" s="2"/>
      <c r="C64467" s="2"/>
    </row>
    <row r="64468" spans="1:3" ht="19.2">
      <c r="A64468" s="2"/>
      <c r="B64468" s="2"/>
      <c r="C64468" s="2"/>
    </row>
    <row r="64469" spans="1:3" ht="19.2">
      <c r="A64469" s="2"/>
      <c r="B64469" s="2"/>
      <c r="C64469" s="2"/>
    </row>
    <row r="64470" spans="1:3" ht="19.2">
      <c r="A64470" s="2"/>
      <c r="B64470" s="2"/>
      <c r="C64470" s="2"/>
    </row>
    <row r="64471" spans="1:3" ht="19.2">
      <c r="A64471" s="2"/>
      <c r="B64471" s="2"/>
      <c r="C64471" s="2"/>
    </row>
    <row r="64472" spans="1:3" ht="19.2">
      <c r="A64472" s="2"/>
      <c r="B64472" s="2"/>
      <c r="C64472" s="2"/>
    </row>
    <row r="64473" spans="1:3" ht="19.2">
      <c r="A64473" s="2"/>
      <c r="B64473" s="2"/>
      <c r="C64473" s="2"/>
    </row>
    <row r="64474" spans="1:3" ht="19.2">
      <c r="A64474" s="2"/>
      <c r="B64474" s="2"/>
      <c r="C64474" s="2"/>
    </row>
    <row r="64475" spans="1:3" ht="19.2">
      <c r="A64475" s="2"/>
      <c r="B64475" s="2"/>
      <c r="C64475" s="2"/>
    </row>
    <row r="64476" spans="1:3" ht="19.2">
      <c r="A64476" s="2"/>
      <c r="B64476" s="2"/>
      <c r="C64476" s="2"/>
    </row>
    <row r="64477" spans="1:3" ht="19.2">
      <c r="A64477" s="2"/>
      <c r="B64477" s="2"/>
      <c r="C64477" s="2"/>
    </row>
    <row r="64478" spans="1:3" ht="19.2">
      <c r="A64478" s="2"/>
      <c r="B64478" s="2"/>
      <c r="C64478" s="2"/>
    </row>
    <row r="64479" spans="1:3" ht="19.2">
      <c r="A64479" s="2"/>
      <c r="B64479" s="2"/>
      <c r="C64479" s="2"/>
    </row>
    <row r="64480" spans="1:3" ht="19.2">
      <c r="A64480" s="2"/>
      <c r="B64480" s="2"/>
      <c r="C64480" s="2"/>
    </row>
    <row r="64481" spans="1:3" ht="19.2">
      <c r="A64481" s="2"/>
      <c r="B64481" s="2"/>
      <c r="C64481" s="2"/>
    </row>
    <row r="64482" spans="1:3" ht="19.2">
      <c r="A64482" s="2"/>
      <c r="B64482" s="2"/>
      <c r="C64482" s="2"/>
    </row>
    <row r="64483" spans="1:3" ht="19.2">
      <c r="A64483" s="2"/>
      <c r="B64483" s="2"/>
      <c r="C64483" s="2"/>
    </row>
    <row r="64484" spans="1:3" ht="19.2">
      <c r="A64484" s="2"/>
      <c r="B64484" s="2"/>
      <c r="C64484" s="2"/>
    </row>
    <row r="64485" spans="1:3" ht="19.2">
      <c r="A64485" s="2"/>
      <c r="B64485" s="2"/>
      <c r="C64485" s="2"/>
    </row>
    <row r="64486" spans="1:3" ht="19.2">
      <c r="A64486" s="2"/>
      <c r="B64486" s="2"/>
      <c r="C64486" s="2"/>
    </row>
    <row r="64487" spans="1:3" ht="19.2">
      <c r="A64487" s="2"/>
      <c r="B64487" s="2"/>
      <c r="C64487" s="2"/>
    </row>
    <row r="64488" spans="1:3" ht="19.2">
      <c r="A64488" s="2"/>
      <c r="B64488" s="2"/>
      <c r="C64488" s="2"/>
    </row>
    <row r="64489" spans="1:3" ht="19.2">
      <c r="A64489" s="2"/>
      <c r="B64489" s="2"/>
      <c r="C64489" s="2"/>
    </row>
    <row r="64490" spans="1:3" ht="19.2">
      <c r="A64490" s="2"/>
      <c r="B64490" s="2"/>
      <c r="C64490" s="2"/>
    </row>
    <row r="64491" spans="1:3" ht="19.2">
      <c r="A64491" s="2"/>
      <c r="B64491" s="2"/>
      <c r="C64491" s="2"/>
    </row>
    <row r="64492" spans="1:3" ht="19.2">
      <c r="A64492" s="2"/>
      <c r="B64492" s="2"/>
      <c r="C64492" s="2"/>
    </row>
    <row r="64493" spans="1:3" ht="19.2">
      <c r="A64493" s="2"/>
      <c r="B64493" s="2"/>
      <c r="C64493" s="2"/>
    </row>
    <row r="64494" spans="1:3" ht="19.2">
      <c r="A64494" s="2"/>
      <c r="B64494" s="2"/>
      <c r="C64494" s="2"/>
    </row>
    <row r="64495" spans="1:3" ht="19.2">
      <c r="A64495" s="2"/>
      <c r="B64495" s="2"/>
      <c r="C64495" s="2"/>
    </row>
    <row r="64496" spans="1:3" ht="19.2">
      <c r="A64496" s="2"/>
      <c r="B64496" s="2"/>
      <c r="C64496" s="2"/>
    </row>
    <row r="64497" spans="1:3" ht="19.2">
      <c r="A64497" s="2"/>
      <c r="B64497" s="2"/>
      <c r="C64497" s="2"/>
    </row>
    <row r="64498" spans="1:3" ht="19.2">
      <c r="A64498" s="2"/>
      <c r="B64498" s="2"/>
      <c r="C64498" s="2"/>
    </row>
    <row r="64499" spans="1:3" ht="19.2">
      <c r="A64499" s="2"/>
      <c r="B64499" s="2"/>
      <c r="C64499" s="2"/>
    </row>
    <row r="64500" spans="1:3" ht="19.2">
      <c r="A64500" s="2"/>
      <c r="B64500" s="2"/>
      <c r="C64500" s="2"/>
    </row>
    <row r="64501" spans="1:3" ht="19.2">
      <c r="A64501" s="2"/>
      <c r="B64501" s="2"/>
      <c r="C64501" s="2"/>
    </row>
    <row r="64502" spans="1:3" ht="19.2">
      <c r="A64502" s="2"/>
      <c r="B64502" s="2"/>
      <c r="C64502" s="2"/>
    </row>
    <row r="64503" spans="1:3" ht="19.2">
      <c r="A64503" s="2"/>
      <c r="B64503" s="2"/>
      <c r="C64503" s="2"/>
    </row>
    <row r="64504" spans="1:3" ht="19.2">
      <c r="A64504" s="2"/>
      <c r="B64504" s="2"/>
      <c r="C64504" s="2"/>
    </row>
    <row r="64505" spans="1:3" ht="19.2">
      <c r="A64505" s="2"/>
      <c r="B64505" s="2"/>
      <c r="C64505" s="2"/>
    </row>
    <row r="64506" spans="1:3" ht="19.2">
      <c r="A64506" s="2"/>
      <c r="B64506" s="2"/>
      <c r="C64506" s="2"/>
    </row>
    <row r="64507" spans="1:3" ht="19.2">
      <c r="A64507" s="2"/>
      <c r="B64507" s="2"/>
      <c r="C64507" s="2"/>
    </row>
    <row r="64508" spans="1:3" ht="19.2">
      <c r="A64508" s="2"/>
      <c r="B64508" s="2"/>
      <c r="C64508" s="2"/>
    </row>
    <row r="64509" spans="1:3" ht="19.2">
      <c r="A64509" s="2"/>
      <c r="B64509" s="2"/>
      <c r="C64509" s="2"/>
    </row>
    <row r="64510" spans="1:3" ht="19.2">
      <c r="A64510" s="2"/>
      <c r="B64510" s="2"/>
      <c r="C64510" s="2"/>
    </row>
    <row r="64511" spans="1:3" ht="19.2">
      <c r="A64511" s="2"/>
      <c r="B64511" s="2"/>
      <c r="C64511" s="2"/>
    </row>
    <row r="64512" spans="1:3" ht="19.2">
      <c r="A64512" s="2"/>
      <c r="B64512" s="2"/>
      <c r="C64512" s="2"/>
    </row>
    <row r="64513" spans="1:3" ht="19.2">
      <c r="A64513" s="2"/>
      <c r="B64513" s="2"/>
      <c r="C64513" s="2"/>
    </row>
    <row r="64514" spans="1:3" ht="19.2">
      <c r="A64514" s="2"/>
      <c r="B64514" s="2"/>
      <c r="C64514" s="2"/>
    </row>
    <row r="64515" spans="1:3" ht="19.2">
      <c r="A64515" s="2"/>
      <c r="B64515" s="2"/>
      <c r="C64515" s="2"/>
    </row>
    <row r="64516" spans="1:3" ht="19.2">
      <c r="A64516" s="2"/>
      <c r="B64516" s="2"/>
      <c r="C64516" s="2"/>
    </row>
    <row r="64517" spans="1:3" ht="19.2">
      <c r="A64517" s="2"/>
      <c r="B64517" s="2"/>
      <c r="C64517" s="2"/>
    </row>
    <row r="64518" spans="1:3" ht="19.2">
      <c r="A64518" s="2"/>
      <c r="B64518" s="2"/>
      <c r="C64518" s="2"/>
    </row>
    <row r="64519" spans="1:3" ht="19.2">
      <c r="A64519" s="2"/>
      <c r="B64519" s="2"/>
      <c r="C64519" s="2"/>
    </row>
    <row r="64520" spans="1:3" ht="19.2">
      <c r="A64520" s="2"/>
      <c r="B64520" s="2"/>
      <c r="C64520" s="2"/>
    </row>
    <row r="64521" spans="1:3" ht="19.2">
      <c r="A64521" s="2"/>
      <c r="B64521" s="2"/>
      <c r="C64521" s="2"/>
    </row>
    <row r="64522" spans="1:3" ht="19.2">
      <c r="A64522" s="2"/>
      <c r="B64522" s="2"/>
      <c r="C64522" s="2"/>
    </row>
    <row r="64523" spans="1:3" ht="19.2">
      <c r="A64523" s="2"/>
      <c r="B64523" s="2"/>
      <c r="C64523" s="2"/>
    </row>
    <row r="64524" spans="1:3" ht="19.2">
      <c r="A64524" s="2"/>
      <c r="B64524" s="2"/>
      <c r="C64524" s="2"/>
    </row>
    <row r="64525" spans="1:3" ht="19.2">
      <c r="A64525" s="2"/>
      <c r="B64525" s="2"/>
      <c r="C64525" s="2"/>
    </row>
    <row r="64526" spans="1:3" ht="19.2">
      <c r="A64526" s="2"/>
      <c r="B64526" s="2"/>
      <c r="C64526" s="2"/>
    </row>
    <row r="64527" spans="1:3" ht="19.2">
      <c r="A64527" s="2"/>
      <c r="B64527" s="2"/>
      <c r="C64527" s="2"/>
    </row>
    <row r="64528" spans="1:3" ht="19.2">
      <c r="A64528" s="2"/>
      <c r="B64528" s="2"/>
      <c r="C64528" s="2"/>
    </row>
    <row r="64529" spans="1:3" ht="19.2">
      <c r="A64529" s="2"/>
      <c r="B64529" s="2"/>
      <c r="C64529" s="2"/>
    </row>
    <row r="64530" spans="1:3" ht="19.2">
      <c r="A64530" s="2"/>
      <c r="B64530" s="2"/>
      <c r="C64530" s="2"/>
    </row>
    <row r="64531" spans="1:3" ht="19.2">
      <c r="A64531" s="2"/>
      <c r="B64531" s="2"/>
      <c r="C64531" s="2"/>
    </row>
    <row r="64532" spans="1:3" ht="19.2">
      <c r="A64532" s="2"/>
      <c r="B64532" s="2"/>
      <c r="C64532" s="2"/>
    </row>
    <row r="64533" spans="1:3" ht="19.2">
      <c r="A64533" s="2"/>
      <c r="B64533" s="2"/>
      <c r="C64533" s="2"/>
    </row>
    <row r="64534" spans="1:3" ht="19.2">
      <c r="A64534" s="2"/>
      <c r="B64534" s="2"/>
      <c r="C64534" s="2"/>
    </row>
    <row r="64535" spans="1:3" ht="19.2">
      <c r="A64535" s="2"/>
      <c r="B64535" s="2"/>
      <c r="C64535" s="2"/>
    </row>
    <row r="64536" spans="1:3" ht="19.2">
      <c r="A64536" s="2"/>
      <c r="B64536" s="2"/>
      <c r="C64536" s="2"/>
    </row>
    <row r="64537" spans="1:3" ht="19.2">
      <c r="A64537" s="2"/>
      <c r="B64537" s="2"/>
      <c r="C64537" s="2"/>
    </row>
    <row r="64538" spans="1:3" ht="19.2">
      <c r="A64538" s="2"/>
      <c r="B64538" s="2"/>
      <c r="C64538" s="2"/>
    </row>
    <row r="64539" spans="1:3" ht="19.2">
      <c r="A64539" s="2"/>
      <c r="B64539" s="2"/>
      <c r="C64539" s="2"/>
    </row>
    <row r="64540" spans="1:3" ht="19.2">
      <c r="A64540" s="2"/>
      <c r="B64540" s="2"/>
      <c r="C64540" s="2"/>
    </row>
    <row r="64541" spans="1:3" ht="19.2">
      <c r="A64541" s="2"/>
      <c r="B64541" s="2"/>
      <c r="C64541" s="2"/>
    </row>
    <row r="64542" spans="1:3" ht="19.2">
      <c r="A64542" s="2"/>
      <c r="B64542" s="2"/>
      <c r="C64542" s="2"/>
    </row>
    <row r="64543" spans="1:3" ht="19.2">
      <c r="A64543" s="2"/>
      <c r="B64543" s="2"/>
      <c r="C64543" s="2"/>
    </row>
    <row r="64544" spans="1:3" ht="19.2">
      <c r="A64544" s="2"/>
      <c r="B64544" s="2"/>
      <c r="C64544" s="2"/>
    </row>
    <row r="64545" spans="1:3" ht="19.2">
      <c r="A64545" s="2"/>
      <c r="B64545" s="2"/>
      <c r="C64545" s="2"/>
    </row>
    <row r="64546" spans="1:3" ht="19.2">
      <c r="A64546" s="2"/>
      <c r="B64546" s="2"/>
      <c r="C64546" s="2"/>
    </row>
    <row r="64547" spans="1:3" ht="19.2">
      <c r="A64547" s="2"/>
      <c r="B64547" s="2"/>
      <c r="C64547" s="2"/>
    </row>
    <row r="64548" spans="1:3" ht="19.2">
      <c r="A64548" s="2"/>
      <c r="B64548" s="2"/>
      <c r="C64548" s="2"/>
    </row>
    <row r="64549" spans="1:3" ht="19.2">
      <c r="A64549" s="2"/>
      <c r="B64549" s="2"/>
      <c r="C64549" s="2"/>
    </row>
    <row r="64550" spans="1:3" ht="19.2">
      <c r="A64550" s="2"/>
      <c r="B64550" s="2"/>
      <c r="C64550" s="2"/>
    </row>
    <row r="64551" spans="1:3" ht="19.2">
      <c r="A64551" s="2"/>
      <c r="B64551" s="2"/>
      <c r="C64551" s="2"/>
    </row>
    <row r="64552" spans="1:3" ht="19.2">
      <c r="A64552" s="2"/>
      <c r="B64552" s="2"/>
      <c r="C64552" s="2"/>
    </row>
    <row r="64553" spans="1:3" ht="19.2">
      <c r="A64553" s="2"/>
      <c r="B64553" s="2"/>
      <c r="C64553" s="2"/>
    </row>
    <row r="64554" spans="1:3" ht="19.2">
      <c r="A64554" s="2"/>
      <c r="B64554" s="2"/>
      <c r="C64554" s="2"/>
    </row>
    <row r="64555" spans="1:3" ht="19.2">
      <c r="A64555" s="2"/>
      <c r="B64555" s="2"/>
      <c r="C64555" s="2"/>
    </row>
    <row r="64556" spans="1:3" ht="19.2">
      <c r="A64556" s="2"/>
      <c r="B64556" s="2"/>
      <c r="C64556" s="2"/>
    </row>
    <row r="64557" spans="1:3" ht="19.2">
      <c r="A64557" s="2"/>
      <c r="B64557" s="2"/>
      <c r="C64557" s="2"/>
    </row>
    <row r="64558" spans="1:3" ht="19.2">
      <c r="A64558" s="2"/>
      <c r="B64558" s="2"/>
      <c r="C64558" s="2"/>
    </row>
    <row r="64559" spans="1:3" ht="19.2">
      <c r="A64559" s="2"/>
      <c r="B64559" s="2"/>
      <c r="C64559" s="2"/>
    </row>
    <row r="64560" spans="1:3" ht="19.2">
      <c r="A64560" s="2"/>
      <c r="B64560" s="2"/>
      <c r="C64560" s="2"/>
    </row>
    <row r="64561" spans="1:3" ht="19.2">
      <c r="A64561" s="2"/>
      <c r="B64561" s="2"/>
      <c r="C64561" s="2"/>
    </row>
    <row r="64562" spans="1:3" ht="19.2">
      <c r="A64562" s="2"/>
      <c r="B64562" s="2"/>
      <c r="C64562" s="2"/>
    </row>
    <row r="64563" spans="1:3" ht="19.2">
      <c r="A64563" s="2"/>
      <c r="B64563" s="2"/>
      <c r="C64563" s="2"/>
    </row>
    <row r="64564" spans="1:3" ht="19.2">
      <c r="A64564" s="2"/>
      <c r="B64564" s="2"/>
      <c r="C64564" s="2"/>
    </row>
    <row r="64565" spans="1:3" ht="19.2">
      <c r="A64565" s="2"/>
      <c r="B64565" s="2"/>
      <c r="C64565" s="2"/>
    </row>
    <row r="64566" spans="1:3" ht="19.2">
      <c r="A64566" s="2"/>
      <c r="B64566" s="2"/>
      <c r="C64566" s="2"/>
    </row>
    <row r="64567" spans="1:3" ht="19.2">
      <c r="A64567" s="2"/>
      <c r="B64567" s="2"/>
      <c r="C64567" s="2"/>
    </row>
    <row r="64568" spans="1:3" ht="19.2">
      <c r="A64568" s="2"/>
      <c r="B64568" s="2"/>
      <c r="C64568" s="2"/>
    </row>
    <row r="64569" spans="1:3" ht="19.2">
      <c r="A64569" s="2"/>
      <c r="B64569" s="2"/>
      <c r="C64569" s="2"/>
    </row>
    <row r="64570" spans="1:3" ht="19.2">
      <c r="A64570" s="2"/>
      <c r="B64570" s="2"/>
      <c r="C64570" s="2"/>
    </row>
    <row r="64571" spans="1:3" ht="19.2">
      <c r="A64571" s="2"/>
      <c r="B64571" s="2"/>
      <c r="C64571" s="2"/>
    </row>
    <row r="64572" spans="1:3" ht="19.2">
      <c r="A64572" s="2"/>
      <c r="B64572" s="2"/>
      <c r="C64572" s="2"/>
    </row>
    <row r="64573" spans="1:3" ht="19.2">
      <c r="A64573" s="2"/>
      <c r="B64573" s="2"/>
      <c r="C64573" s="2"/>
    </row>
    <row r="64574" spans="1:3" ht="19.2">
      <c r="A64574" s="2"/>
      <c r="B64574" s="2"/>
      <c r="C64574" s="2"/>
    </row>
    <row r="64575" spans="1:3" ht="19.2">
      <c r="A64575" s="2"/>
      <c r="B64575" s="2"/>
      <c r="C64575" s="2"/>
    </row>
    <row r="64576" spans="1:3" ht="19.2">
      <c r="A64576" s="2"/>
      <c r="B64576" s="2"/>
      <c r="C64576" s="2"/>
    </row>
    <row r="64577" spans="1:3" ht="19.2">
      <c r="A64577" s="2"/>
      <c r="B64577" s="2"/>
      <c r="C64577" s="2"/>
    </row>
    <row r="64578" spans="1:3" ht="19.2">
      <c r="A64578" s="2"/>
      <c r="B64578" s="2"/>
      <c r="C64578" s="2"/>
    </row>
    <row r="64579" spans="1:3" ht="19.2">
      <c r="A64579" s="2"/>
      <c r="B64579" s="2"/>
      <c r="C64579" s="2"/>
    </row>
    <row r="64580" spans="1:3" ht="19.2">
      <c r="A64580" s="2"/>
      <c r="B64580" s="2"/>
      <c r="C64580" s="2"/>
    </row>
    <row r="64581" spans="1:3" ht="19.2">
      <c r="A64581" s="2"/>
      <c r="B64581" s="2"/>
      <c r="C64581" s="2"/>
    </row>
    <row r="64582" spans="1:3" ht="19.2">
      <c r="A64582" s="2"/>
      <c r="B64582" s="2"/>
      <c r="C64582" s="2"/>
    </row>
    <row r="64583" spans="1:3" ht="19.2">
      <c r="A64583" s="2"/>
      <c r="B64583" s="2"/>
      <c r="C64583" s="2"/>
    </row>
    <row r="64584" spans="1:3" ht="19.2">
      <c r="A64584" s="2"/>
      <c r="B64584" s="2"/>
      <c r="C64584" s="2"/>
    </row>
    <row r="64585" spans="1:3" ht="19.2">
      <c r="A64585" s="2"/>
      <c r="B64585" s="2"/>
      <c r="C64585" s="2"/>
    </row>
    <row r="64586" spans="1:3" ht="19.2">
      <c r="A64586" s="2"/>
      <c r="B64586" s="2"/>
      <c r="C64586" s="2"/>
    </row>
    <row r="64587" spans="1:3" ht="19.2">
      <c r="A64587" s="2"/>
      <c r="B64587" s="2"/>
      <c r="C64587" s="2"/>
    </row>
    <row r="64588" spans="1:3" ht="19.2">
      <c r="A64588" s="2"/>
      <c r="B64588" s="2"/>
      <c r="C64588" s="2"/>
    </row>
    <row r="64589" spans="1:3" ht="19.2">
      <c r="A64589" s="2"/>
      <c r="B64589" s="2"/>
      <c r="C64589" s="2"/>
    </row>
    <row r="64590" spans="1:3" ht="19.2">
      <c r="A64590" s="2"/>
      <c r="B64590" s="2"/>
      <c r="C64590" s="2"/>
    </row>
    <row r="64591" spans="1:3" ht="19.2">
      <c r="A64591" s="2"/>
      <c r="B64591" s="2"/>
      <c r="C64591" s="2"/>
    </row>
    <row r="64592" spans="1:3" ht="19.2">
      <c r="A64592" s="2"/>
      <c r="B64592" s="2"/>
      <c r="C64592" s="2"/>
    </row>
    <row r="64593" spans="1:3" ht="19.2">
      <c r="A64593" s="2"/>
      <c r="B64593" s="2"/>
      <c r="C64593" s="2"/>
    </row>
    <row r="64594" spans="1:3" ht="19.2">
      <c r="A64594" s="2"/>
      <c r="B64594" s="2"/>
      <c r="C64594" s="2"/>
    </row>
    <row r="64595" spans="1:3" ht="19.2">
      <c r="A64595" s="2"/>
      <c r="B64595" s="2"/>
      <c r="C64595" s="2"/>
    </row>
    <row r="64596" spans="1:3" ht="19.2">
      <c r="A64596" s="2"/>
      <c r="B64596" s="2"/>
      <c r="C64596" s="2"/>
    </row>
    <row r="64597" spans="1:3" ht="19.2">
      <c r="A64597" s="2"/>
      <c r="B64597" s="2"/>
      <c r="C64597" s="2"/>
    </row>
    <row r="64598" spans="1:3" ht="19.2">
      <c r="A64598" s="2"/>
      <c r="B64598" s="2"/>
      <c r="C64598" s="2"/>
    </row>
    <row r="64599" spans="1:3" ht="19.2">
      <c r="A64599" s="2"/>
      <c r="B64599" s="2"/>
      <c r="C64599" s="2"/>
    </row>
    <row r="64600" spans="1:3" ht="19.2">
      <c r="A64600" s="2"/>
      <c r="B64600" s="2"/>
      <c r="C64600" s="2"/>
    </row>
    <row r="64601" spans="1:3" ht="19.2">
      <c r="A64601" s="2"/>
      <c r="B64601" s="2"/>
      <c r="C64601" s="2"/>
    </row>
    <row r="64602" spans="1:3" ht="19.2">
      <c r="A64602" s="2"/>
      <c r="B64602" s="2"/>
      <c r="C64602" s="2"/>
    </row>
    <row r="64603" spans="1:3" ht="19.2">
      <c r="A64603" s="2"/>
      <c r="B64603" s="2"/>
      <c r="C64603" s="2"/>
    </row>
    <row r="64604" spans="1:3" ht="19.2">
      <c r="A64604" s="2"/>
      <c r="B64604" s="2"/>
      <c r="C64604" s="2"/>
    </row>
    <row r="64605" spans="1:3" ht="19.2">
      <c r="A64605" s="2"/>
      <c r="B64605" s="2"/>
      <c r="C64605" s="2"/>
    </row>
    <row r="64606" spans="1:3" ht="19.2">
      <c r="A64606" s="2"/>
      <c r="B64606" s="2"/>
      <c r="C64606" s="2"/>
    </row>
    <row r="64607" spans="1:3" ht="19.2">
      <c r="A64607" s="2"/>
      <c r="B64607" s="2"/>
      <c r="C64607" s="2"/>
    </row>
    <row r="64608" spans="1:3" ht="19.2">
      <c r="A64608" s="2"/>
      <c r="B64608" s="2"/>
      <c r="C64608" s="2"/>
    </row>
    <row r="64609" spans="1:3" ht="19.2">
      <c r="A64609" s="2"/>
      <c r="B64609" s="2"/>
      <c r="C64609" s="2"/>
    </row>
    <row r="64610" spans="1:3" ht="19.2">
      <c r="A64610" s="2"/>
      <c r="B64610" s="2"/>
      <c r="C64610" s="2"/>
    </row>
    <row r="64611" spans="1:3" ht="19.2">
      <c r="A64611" s="2"/>
      <c r="B64611" s="2"/>
      <c r="C64611" s="2"/>
    </row>
    <row r="64612" spans="1:3" ht="19.2">
      <c r="A64612" s="2"/>
      <c r="B64612" s="2"/>
      <c r="C64612" s="2"/>
    </row>
    <row r="64613" spans="1:3" ht="19.2">
      <c r="A64613" s="2"/>
      <c r="B64613" s="2"/>
      <c r="C64613" s="2"/>
    </row>
    <row r="64614" spans="1:3" ht="19.2">
      <c r="A64614" s="2"/>
      <c r="B64614" s="2"/>
      <c r="C64614" s="2"/>
    </row>
    <row r="64615" spans="1:3" ht="19.2">
      <c r="A64615" s="2"/>
      <c r="B64615" s="2"/>
      <c r="C64615" s="2"/>
    </row>
    <row r="64616" spans="1:3" ht="19.2">
      <c r="A64616" s="2"/>
      <c r="B64616" s="2"/>
      <c r="C64616" s="2"/>
    </row>
    <row r="64617" spans="1:3" ht="19.2">
      <c r="A64617" s="2"/>
      <c r="B64617" s="2"/>
      <c r="C64617" s="2"/>
    </row>
    <row r="64618" spans="1:3" ht="19.2">
      <c r="A64618" s="2"/>
      <c r="B64618" s="2"/>
      <c r="C64618" s="2"/>
    </row>
    <row r="64619" spans="1:3" ht="19.2">
      <c r="A64619" s="2"/>
      <c r="B64619" s="2"/>
      <c r="C64619" s="2"/>
    </row>
    <row r="64620" spans="1:3" ht="19.2">
      <c r="A64620" s="2"/>
      <c r="B64620" s="2"/>
      <c r="C64620" s="2"/>
    </row>
    <row r="64621" spans="1:3" ht="19.2">
      <c r="A64621" s="2"/>
      <c r="B64621" s="2"/>
      <c r="C64621" s="2"/>
    </row>
    <row r="64622" spans="1:3" ht="19.2">
      <c r="A64622" s="2"/>
      <c r="B64622" s="2"/>
      <c r="C64622" s="2"/>
    </row>
    <row r="64623" spans="1:3" ht="19.2">
      <c r="A64623" s="2"/>
      <c r="B64623" s="2"/>
      <c r="C64623" s="2"/>
    </row>
    <row r="64624" spans="1:3" ht="19.2">
      <c r="A64624" s="2"/>
      <c r="B64624" s="2"/>
      <c r="C64624" s="2"/>
    </row>
    <row r="64625" spans="1:3" ht="19.2">
      <c r="A64625" s="2"/>
      <c r="B64625" s="2"/>
      <c r="C64625" s="2"/>
    </row>
    <row r="64626" spans="1:3" ht="19.2">
      <c r="A64626" s="2"/>
      <c r="B64626" s="2"/>
      <c r="C64626" s="2"/>
    </row>
    <row r="64627" spans="1:3" ht="19.2">
      <c r="A64627" s="2"/>
      <c r="B64627" s="2"/>
      <c r="C64627" s="2"/>
    </row>
    <row r="64628" spans="1:3" ht="19.2">
      <c r="A64628" s="2"/>
      <c r="B64628" s="2"/>
      <c r="C64628" s="2"/>
    </row>
    <row r="64629" spans="1:3" ht="19.2">
      <c r="A64629" s="2"/>
      <c r="B64629" s="2"/>
      <c r="C64629" s="2"/>
    </row>
    <row r="64630" spans="1:3" ht="19.2">
      <c r="A64630" s="2"/>
      <c r="B64630" s="2"/>
      <c r="C64630" s="2"/>
    </row>
    <row r="64631" spans="1:3" ht="19.2">
      <c r="A64631" s="2"/>
      <c r="B64631" s="2"/>
      <c r="C64631" s="2"/>
    </row>
    <row r="64632" spans="1:3" ht="19.2">
      <c r="A64632" s="2"/>
      <c r="B64632" s="2"/>
      <c r="C64632" s="2"/>
    </row>
    <row r="64633" spans="1:3" ht="19.2">
      <c r="A64633" s="2"/>
      <c r="B64633" s="2"/>
      <c r="C64633" s="2"/>
    </row>
    <row r="64634" spans="1:3" ht="19.2">
      <c r="A64634" s="2"/>
      <c r="B64634" s="2"/>
      <c r="C64634" s="2"/>
    </row>
    <row r="64635" spans="1:3" ht="19.2">
      <c r="A64635" s="2"/>
      <c r="B64635" s="2"/>
      <c r="C64635" s="2"/>
    </row>
    <row r="64636" spans="1:3" ht="19.2">
      <c r="A64636" s="2"/>
      <c r="B64636" s="2"/>
      <c r="C64636" s="2"/>
    </row>
    <row r="64637" spans="1:3" ht="19.2">
      <c r="A64637" s="2"/>
      <c r="B64637" s="2"/>
      <c r="C64637" s="2"/>
    </row>
    <row r="64638" spans="1:3" ht="19.2">
      <c r="A64638" s="2"/>
      <c r="B64638" s="2"/>
      <c r="C64638" s="2"/>
    </row>
    <row r="64639" spans="1:3" ht="19.2">
      <c r="A64639" s="2"/>
      <c r="B64639" s="2"/>
      <c r="C64639" s="2"/>
    </row>
    <row r="64640" spans="1:3" ht="19.2">
      <c r="A64640" s="2"/>
      <c r="B64640" s="2"/>
      <c r="C64640" s="2"/>
    </row>
    <row r="64641" spans="1:3" ht="19.2">
      <c r="A64641" s="2"/>
      <c r="B64641" s="2"/>
      <c r="C64641" s="2"/>
    </row>
    <row r="64642" spans="1:3" ht="19.2">
      <c r="A64642" s="2"/>
      <c r="B64642" s="2"/>
      <c r="C64642" s="2"/>
    </row>
    <row r="64643" spans="1:3" ht="19.2">
      <c r="A64643" s="2"/>
      <c r="B64643" s="2"/>
      <c r="C64643" s="2"/>
    </row>
    <row r="64644" spans="1:3" ht="19.2">
      <c r="A64644" s="2"/>
      <c r="B64644" s="2"/>
      <c r="C64644" s="2"/>
    </row>
    <row r="64645" spans="1:3" ht="19.2">
      <c r="A64645" s="2"/>
      <c r="B64645" s="2"/>
      <c r="C64645" s="2"/>
    </row>
    <row r="64646" spans="1:3" ht="19.2">
      <c r="A64646" s="2"/>
      <c r="B64646" s="2"/>
      <c r="C64646" s="2"/>
    </row>
    <row r="64647" spans="1:3" ht="19.2">
      <c r="A64647" s="2"/>
      <c r="B64647" s="2"/>
      <c r="C64647" s="2"/>
    </row>
    <row r="64648" spans="1:3" ht="19.2">
      <c r="A64648" s="2"/>
      <c r="B64648" s="2"/>
      <c r="C64648" s="2"/>
    </row>
    <row r="64649" spans="1:3" ht="19.2">
      <c r="A64649" s="2"/>
      <c r="B64649" s="2"/>
      <c r="C64649" s="2"/>
    </row>
    <row r="64650" spans="1:3" ht="19.2">
      <c r="A64650" s="2"/>
      <c r="B64650" s="2"/>
      <c r="C64650" s="2"/>
    </row>
    <row r="64651" spans="1:3" ht="19.2">
      <c r="A64651" s="2"/>
      <c r="B64651" s="2"/>
      <c r="C64651" s="2"/>
    </row>
    <row r="64652" spans="1:3" ht="19.2">
      <c r="A64652" s="2"/>
      <c r="B64652" s="2"/>
      <c r="C64652" s="2"/>
    </row>
    <row r="64653" spans="1:3" ht="19.2">
      <c r="A64653" s="2"/>
      <c r="B64653" s="2"/>
      <c r="C64653" s="2"/>
    </row>
    <row r="64654" spans="1:3" ht="19.2">
      <c r="A64654" s="2"/>
      <c r="B64654" s="2"/>
      <c r="C64654" s="2"/>
    </row>
    <row r="64655" spans="1:3" ht="19.2">
      <c r="A64655" s="2"/>
      <c r="B64655" s="2"/>
      <c r="C64655" s="2"/>
    </row>
    <row r="64656" spans="1:3" ht="19.2">
      <c r="A64656" s="2"/>
      <c r="B64656" s="2"/>
      <c r="C64656" s="2"/>
    </row>
    <row r="64657" spans="1:3" ht="19.2">
      <c r="A64657" s="2"/>
      <c r="B64657" s="2"/>
      <c r="C64657" s="2"/>
    </row>
    <row r="64658" spans="1:3" ht="19.2">
      <c r="A64658" s="2"/>
      <c r="B64658" s="2"/>
      <c r="C64658" s="2"/>
    </row>
    <row r="64659" spans="1:3" ht="19.2">
      <c r="A64659" s="2"/>
      <c r="B64659" s="2"/>
      <c r="C64659" s="2"/>
    </row>
    <row r="64660" spans="1:3" ht="19.2">
      <c r="A64660" s="2"/>
      <c r="B64660" s="2"/>
      <c r="C64660" s="2"/>
    </row>
    <row r="64661" spans="1:3" ht="19.2">
      <c r="A64661" s="2"/>
      <c r="B64661" s="2"/>
      <c r="C64661" s="2"/>
    </row>
    <row r="64662" spans="1:3" ht="19.2">
      <c r="A64662" s="2"/>
      <c r="B64662" s="2"/>
      <c r="C64662" s="2"/>
    </row>
    <row r="64663" spans="1:3" ht="19.2">
      <c r="A64663" s="2"/>
      <c r="B64663" s="2"/>
      <c r="C64663" s="2"/>
    </row>
    <row r="64664" spans="1:3" ht="19.2">
      <c r="A64664" s="2"/>
      <c r="B64664" s="2"/>
      <c r="C64664" s="2"/>
    </row>
    <row r="64665" spans="1:3" ht="19.2">
      <c r="A64665" s="2"/>
      <c r="B64665" s="2"/>
      <c r="C64665" s="2"/>
    </row>
    <row r="64666" spans="1:3" ht="19.2">
      <c r="A64666" s="2"/>
      <c r="B64666" s="2"/>
      <c r="C64666" s="2"/>
    </row>
    <row r="64667" spans="1:3" ht="19.2">
      <c r="A64667" s="2"/>
      <c r="B64667" s="2"/>
      <c r="C64667" s="2"/>
    </row>
    <row r="64668" spans="1:3" ht="19.2">
      <c r="A64668" s="2"/>
      <c r="B64668" s="2"/>
      <c r="C64668" s="2"/>
    </row>
    <row r="64669" spans="1:3" ht="19.2">
      <c r="A64669" s="2"/>
      <c r="B64669" s="2"/>
      <c r="C64669" s="2"/>
    </row>
    <row r="64670" spans="1:3" ht="19.2">
      <c r="A64670" s="2"/>
      <c r="B64670" s="2"/>
      <c r="C64670" s="2"/>
    </row>
    <row r="64671" spans="1:3" ht="19.2">
      <c r="A64671" s="2"/>
      <c r="B64671" s="2"/>
      <c r="C64671" s="2"/>
    </row>
    <row r="64672" spans="1:3" ht="19.2">
      <c r="A64672" s="2"/>
      <c r="B64672" s="2"/>
      <c r="C64672" s="2"/>
    </row>
    <row r="64673" spans="1:3" ht="19.2">
      <c r="A64673" s="2"/>
      <c r="B64673" s="2"/>
      <c r="C64673" s="2"/>
    </row>
    <row r="64674" spans="1:3" ht="19.2">
      <c r="A64674" s="2"/>
      <c r="B64674" s="2"/>
      <c r="C64674" s="2"/>
    </row>
    <row r="64675" spans="1:3" ht="19.2">
      <c r="A64675" s="2"/>
      <c r="B64675" s="2"/>
      <c r="C64675" s="2"/>
    </row>
    <row r="64676" spans="1:3" ht="19.2">
      <c r="A64676" s="2"/>
      <c r="B64676" s="2"/>
      <c r="C64676" s="2"/>
    </row>
    <row r="64677" spans="1:3" ht="19.2">
      <c r="A64677" s="2"/>
      <c r="B64677" s="2"/>
      <c r="C64677" s="2"/>
    </row>
    <row r="64678" spans="1:3" ht="19.2">
      <c r="A64678" s="2"/>
      <c r="B64678" s="2"/>
      <c r="C64678" s="2"/>
    </row>
    <row r="64679" spans="1:3" ht="19.2">
      <c r="A64679" s="2"/>
      <c r="B64679" s="2"/>
      <c r="C64679" s="2"/>
    </row>
    <row r="64680" spans="1:3" ht="19.2">
      <c r="A64680" s="2"/>
      <c r="B64680" s="2"/>
      <c r="C64680" s="2"/>
    </row>
    <row r="64681" spans="1:3" ht="19.2">
      <c r="A64681" s="2"/>
      <c r="B64681" s="2"/>
      <c r="C64681" s="2"/>
    </row>
    <row r="64682" spans="1:3" ht="19.2">
      <c r="A64682" s="2"/>
      <c r="B64682" s="2"/>
      <c r="C64682" s="2"/>
    </row>
    <row r="64683" spans="1:3" ht="19.2">
      <c r="A64683" s="2"/>
      <c r="B64683" s="2"/>
      <c r="C64683" s="2"/>
    </row>
    <row r="64684" spans="1:3" ht="19.2">
      <c r="A64684" s="2"/>
      <c r="B64684" s="2"/>
      <c r="C64684" s="2"/>
    </row>
    <row r="64685" spans="1:3" ht="19.2">
      <c r="A64685" s="2"/>
      <c r="B64685" s="2"/>
      <c r="C64685" s="2"/>
    </row>
    <row r="64686" spans="1:3" ht="19.2">
      <c r="A64686" s="2"/>
      <c r="B64686" s="2"/>
      <c r="C64686" s="2"/>
    </row>
    <row r="64687" spans="1:3" ht="19.2">
      <c r="A64687" s="2"/>
      <c r="B64687" s="2"/>
      <c r="C64687" s="2"/>
    </row>
    <row r="64688" spans="1:3" ht="19.2">
      <c r="A64688" s="2"/>
      <c r="B64688" s="2"/>
      <c r="C64688" s="2"/>
    </row>
    <row r="64689" spans="1:3" ht="19.2">
      <c r="A64689" s="2"/>
      <c r="B64689" s="2"/>
      <c r="C64689" s="2"/>
    </row>
    <row r="64690" spans="1:3" ht="19.2">
      <c r="A64690" s="2"/>
      <c r="B64690" s="2"/>
      <c r="C64690" s="2"/>
    </row>
    <row r="64691" spans="1:3" ht="19.2">
      <c r="A64691" s="2"/>
      <c r="B64691" s="2"/>
      <c r="C64691" s="2"/>
    </row>
    <row r="64692" spans="1:3" ht="19.2">
      <c r="A64692" s="2"/>
      <c r="B64692" s="2"/>
      <c r="C64692" s="2"/>
    </row>
    <row r="64693" spans="1:3" ht="19.2">
      <c r="A64693" s="2"/>
      <c r="B64693" s="2"/>
      <c r="C64693" s="2"/>
    </row>
    <row r="64694" spans="1:3" ht="19.2">
      <c r="A64694" s="2"/>
      <c r="B64694" s="2"/>
      <c r="C64694" s="2"/>
    </row>
    <row r="64695" spans="1:3" ht="19.2">
      <c r="A64695" s="2"/>
      <c r="B64695" s="2"/>
      <c r="C64695" s="2"/>
    </row>
    <row r="64696" spans="1:3" ht="19.2">
      <c r="A64696" s="2"/>
      <c r="B64696" s="2"/>
      <c r="C64696" s="2"/>
    </row>
    <row r="64697" spans="1:3" ht="19.2">
      <c r="A64697" s="2"/>
      <c r="B64697" s="2"/>
      <c r="C64697" s="2"/>
    </row>
    <row r="64698" spans="1:3" ht="19.2">
      <c r="A64698" s="2"/>
      <c r="B64698" s="2"/>
      <c r="C64698" s="2"/>
    </row>
    <row r="64699" spans="1:3" ht="19.2">
      <c r="A64699" s="2"/>
      <c r="B64699" s="2"/>
      <c r="C64699" s="2"/>
    </row>
    <row r="64700" spans="1:3" ht="19.2">
      <c r="A64700" s="2"/>
      <c r="B64700" s="2"/>
      <c r="C64700" s="2"/>
    </row>
    <row r="64701" spans="1:3" ht="19.2">
      <c r="A64701" s="2"/>
      <c r="B64701" s="2"/>
      <c r="C64701" s="2"/>
    </row>
    <row r="64702" spans="1:3" ht="19.2">
      <c r="A64702" s="2"/>
      <c r="B64702" s="2"/>
      <c r="C64702" s="2"/>
    </row>
    <row r="64703" spans="1:3" ht="19.2">
      <c r="A64703" s="2"/>
      <c r="B64703" s="2"/>
      <c r="C64703" s="2"/>
    </row>
    <row r="64704" spans="1:3" ht="19.2">
      <c r="A64704" s="2"/>
      <c r="B64704" s="2"/>
      <c r="C64704" s="2"/>
    </row>
    <row r="64705" spans="1:3" ht="19.2">
      <c r="A64705" s="2"/>
      <c r="B64705" s="2"/>
      <c r="C64705" s="2"/>
    </row>
    <row r="64706" spans="1:3" ht="19.2">
      <c r="A64706" s="2"/>
      <c r="B64706" s="2"/>
      <c r="C64706" s="2"/>
    </row>
    <row r="64707" spans="1:3" ht="19.2">
      <c r="A64707" s="2"/>
      <c r="B64707" s="2"/>
      <c r="C64707" s="2"/>
    </row>
    <row r="64708" spans="1:3" ht="19.2">
      <c r="A64708" s="2"/>
      <c r="B64708" s="2"/>
      <c r="C64708" s="2"/>
    </row>
    <row r="64709" spans="1:3" ht="19.2">
      <c r="A64709" s="2"/>
      <c r="B64709" s="2"/>
      <c r="C64709" s="2"/>
    </row>
    <row r="64710" spans="1:3" ht="19.2">
      <c r="A64710" s="2"/>
      <c r="B64710" s="2"/>
      <c r="C64710" s="2"/>
    </row>
    <row r="64711" spans="1:3" ht="19.2">
      <c r="A64711" s="2"/>
      <c r="B64711" s="2"/>
      <c r="C64711" s="2"/>
    </row>
    <row r="64712" spans="1:3" ht="19.2">
      <c r="A64712" s="2"/>
      <c r="B64712" s="2"/>
      <c r="C64712" s="2"/>
    </row>
    <row r="64713" spans="1:3" ht="19.2">
      <c r="A64713" s="2"/>
      <c r="B64713" s="2"/>
      <c r="C64713" s="2"/>
    </row>
    <row r="64714" spans="1:3" ht="19.2">
      <c r="A64714" s="2"/>
      <c r="B64714" s="2"/>
      <c r="C64714" s="2"/>
    </row>
    <row r="64715" spans="1:3" ht="19.2">
      <c r="A64715" s="2"/>
      <c r="B64715" s="2"/>
      <c r="C64715" s="2"/>
    </row>
    <row r="64716" spans="1:3" ht="19.2">
      <c r="A64716" s="2"/>
      <c r="B64716" s="2"/>
      <c r="C64716" s="2"/>
    </row>
    <row r="64717" spans="1:3" ht="19.2">
      <c r="A64717" s="2"/>
      <c r="B64717" s="2"/>
      <c r="C64717" s="2"/>
    </row>
    <row r="64718" spans="1:3" ht="19.2">
      <c r="A64718" s="2"/>
      <c r="B64718" s="2"/>
      <c r="C64718" s="2"/>
    </row>
    <row r="64719" spans="1:3" ht="19.2">
      <c r="A64719" s="2"/>
      <c r="B64719" s="2"/>
      <c r="C64719" s="2"/>
    </row>
    <row r="64720" spans="1:3" ht="19.2">
      <c r="A64720" s="2"/>
      <c r="B64720" s="2"/>
      <c r="C64720" s="2"/>
    </row>
    <row r="64721" spans="1:3" ht="19.2">
      <c r="A64721" s="2"/>
      <c r="B64721" s="2"/>
      <c r="C64721" s="2"/>
    </row>
    <row r="64722" spans="1:3" ht="19.2">
      <c r="A64722" s="2"/>
      <c r="B64722" s="2"/>
      <c r="C64722" s="2"/>
    </row>
    <row r="64723" spans="1:3" ht="19.2">
      <c r="A64723" s="2"/>
      <c r="B64723" s="2"/>
      <c r="C64723" s="2"/>
    </row>
    <row r="64724" spans="1:3" ht="19.2">
      <c r="A64724" s="2"/>
      <c r="B64724" s="2"/>
      <c r="C64724" s="2"/>
    </row>
    <row r="64725" spans="1:3" ht="19.2">
      <c r="A64725" s="2"/>
      <c r="B64725" s="2"/>
      <c r="C64725" s="2"/>
    </row>
    <row r="64726" spans="1:3" ht="19.2">
      <c r="A64726" s="2"/>
      <c r="B64726" s="2"/>
      <c r="C64726" s="2"/>
    </row>
    <row r="64727" spans="1:3" ht="19.2">
      <c r="A64727" s="2"/>
      <c r="B64727" s="2"/>
      <c r="C64727" s="2"/>
    </row>
    <row r="64728" spans="1:3" ht="19.2">
      <c r="A64728" s="2"/>
      <c r="B64728" s="2"/>
      <c r="C64728" s="2"/>
    </row>
    <row r="64729" spans="1:3" ht="19.2">
      <c r="A64729" s="2"/>
      <c r="B64729" s="2"/>
      <c r="C64729" s="2"/>
    </row>
    <row r="64730" spans="1:3" ht="19.2">
      <c r="A64730" s="2"/>
      <c r="B64730" s="2"/>
      <c r="C64730" s="2"/>
    </row>
    <row r="64731" spans="1:3" ht="19.2">
      <c r="A64731" s="2"/>
      <c r="B64731" s="2"/>
      <c r="C64731" s="2"/>
    </row>
    <row r="64732" spans="1:3" ht="19.2">
      <c r="A64732" s="2"/>
      <c r="B64732" s="2"/>
      <c r="C64732" s="2"/>
    </row>
    <row r="64733" spans="1:3" ht="19.2">
      <c r="A64733" s="2"/>
      <c r="B64733" s="2"/>
      <c r="C64733" s="2"/>
    </row>
    <row r="64734" spans="1:3" ht="19.2">
      <c r="A64734" s="2"/>
      <c r="B64734" s="2"/>
      <c r="C64734" s="2"/>
    </row>
    <row r="64735" spans="1:3" ht="19.2">
      <c r="A64735" s="2"/>
      <c r="B64735" s="2"/>
      <c r="C64735" s="2"/>
    </row>
    <row r="64736" spans="1:3" ht="19.2">
      <c r="A64736" s="2"/>
      <c r="B64736" s="2"/>
      <c r="C64736" s="2"/>
    </row>
    <row r="64737" spans="1:3" ht="19.2">
      <c r="A64737" s="2"/>
      <c r="B64737" s="2"/>
      <c r="C64737" s="2"/>
    </row>
    <row r="64738" spans="1:3" ht="19.2">
      <c r="A64738" s="2"/>
      <c r="B64738" s="2"/>
      <c r="C64738" s="2"/>
    </row>
    <row r="64739" spans="1:3" ht="19.2">
      <c r="A64739" s="2"/>
      <c r="B64739" s="2"/>
      <c r="C64739" s="2"/>
    </row>
    <row r="64740" spans="1:3" ht="19.2">
      <c r="A64740" s="2"/>
      <c r="B64740" s="2"/>
      <c r="C64740" s="2"/>
    </row>
    <row r="64741" spans="1:3" ht="19.2">
      <c r="A64741" s="2"/>
      <c r="B64741" s="2"/>
      <c r="C64741" s="2"/>
    </row>
    <row r="64742" spans="1:3" ht="19.2">
      <c r="A64742" s="2"/>
      <c r="B64742" s="2"/>
      <c r="C64742" s="2"/>
    </row>
    <row r="64743" spans="1:3" ht="19.2">
      <c r="A64743" s="2"/>
      <c r="B64743" s="2"/>
      <c r="C64743" s="2"/>
    </row>
    <row r="64744" spans="1:3" ht="19.2">
      <c r="A64744" s="2"/>
      <c r="B64744" s="2"/>
      <c r="C64744" s="2"/>
    </row>
    <row r="64745" spans="1:3" ht="19.2">
      <c r="A64745" s="2"/>
      <c r="B64745" s="2"/>
      <c r="C64745" s="2"/>
    </row>
    <row r="64746" spans="1:3" ht="19.2">
      <c r="A64746" s="2"/>
      <c r="B64746" s="2"/>
      <c r="C64746" s="2"/>
    </row>
    <row r="64747" spans="1:3" ht="19.2">
      <c r="A64747" s="2"/>
      <c r="B64747" s="2"/>
      <c r="C64747" s="2"/>
    </row>
    <row r="64748" spans="1:3" ht="19.2">
      <c r="A64748" s="2"/>
      <c r="B64748" s="2"/>
      <c r="C64748" s="2"/>
    </row>
    <row r="64749" spans="1:3" ht="19.2">
      <c r="A64749" s="2"/>
      <c r="B64749" s="2"/>
      <c r="C64749" s="2"/>
    </row>
    <row r="64750" spans="1:3" ht="19.2">
      <c r="A64750" s="2"/>
      <c r="B64750" s="2"/>
      <c r="C64750" s="2"/>
    </row>
    <row r="64751" spans="1:3" ht="19.2">
      <c r="A64751" s="2"/>
      <c r="B64751" s="2"/>
      <c r="C64751" s="2"/>
    </row>
    <row r="64752" spans="1:3" ht="19.2">
      <c r="A64752" s="2"/>
      <c r="B64752" s="2"/>
      <c r="C64752" s="2"/>
    </row>
    <row r="64753" spans="1:3" ht="19.2">
      <c r="A64753" s="2"/>
      <c r="B64753" s="2"/>
      <c r="C64753" s="2"/>
    </row>
    <row r="64754" spans="1:3" ht="19.2">
      <c r="A64754" s="2"/>
      <c r="B64754" s="2"/>
      <c r="C64754" s="2"/>
    </row>
    <row r="64755" spans="1:3" ht="19.2">
      <c r="A64755" s="2"/>
      <c r="B64755" s="2"/>
      <c r="C64755" s="2"/>
    </row>
    <row r="64756" spans="1:3" ht="19.2">
      <c r="A64756" s="2"/>
      <c r="B64756" s="2"/>
      <c r="C64756" s="2"/>
    </row>
    <row r="64757" spans="1:3" ht="19.2">
      <c r="A64757" s="2"/>
      <c r="B64757" s="2"/>
      <c r="C64757" s="2"/>
    </row>
    <row r="64758" spans="1:3" ht="19.2">
      <c r="A64758" s="2"/>
      <c r="B64758" s="2"/>
      <c r="C64758" s="2"/>
    </row>
    <row r="64759" spans="1:3" ht="19.2">
      <c r="A64759" s="2"/>
      <c r="B64759" s="2"/>
      <c r="C64759" s="2"/>
    </row>
    <row r="64760" spans="1:3" ht="19.2">
      <c r="A64760" s="2"/>
      <c r="B64760" s="2"/>
      <c r="C64760" s="2"/>
    </row>
    <row r="64761" spans="1:3" ht="19.2">
      <c r="A64761" s="2"/>
      <c r="B64761" s="2"/>
      <c r="C64761" s="2"/>
    </row>
    <row r="64762" spans="1:3" ht="19.2">
      <c r="A64762" s="2"/>
      <c r="B64762" s="2"/>
      <c r="C64762" s="2"/>
    </row>
    <row r="64763" spans="1:3" ht="19.2">
      <c r="A64763" s="2"/>
      <c r="B64763" s="2"/>
      <c r="C64763" s="2"/>
    </row>
    <row r="64764" spans="1:3" ht="19.2">
      <c r="A64764" s="2"/>
      <c r="B64764" s="2"/>
      <c r="C64764" s="2"/>
    </row>
    <row r="64765" spans="1:3" ht="19.2">
      <c r="A64765" s="2"/>
      <c r="B64765" s="2"/>
      <c r="C64765" s="2"/>
    </row>
    <row r="64766" spans="1:3" ht="19.2">
      <c r="A64766" s="2"/>
      <c r="B64766" s="2"/>
      <c r="C64766" s="2"/>
    </row>
    <row r="64767" spans="1:3" ht="19.2">
      <c r="A64767" s="2"/>
      <c r="B64767" s="2"/>
      <c r="C64767" s="2"/>
    </row>
    <row r="64768" spans="1:3" ht="19.2">
      <c r="A64768" s="2"/>
      <c r="B64768" s="2"/>
      <c r="C64768" s="2"/>
    </row>
    <row r="64769" spans="1:3" ht="19.2">
      <c r="A64769" s="2"/>
      <c r="B64769" s="2"/>
      <c r="C64769" s="2"/>
    </row>
    <row r="64770" spans="1:3" ht="19.2">
      <c r="A64770" s="2"/>
      <c r="B64770" s="2"/>
      <c r="C64770" s="2"/>
    </row>
    <row r="64771" spans="1:3" ht="19.2">
      <c r="A64771" s="2"/>
      <c r="B64771" s="2"/>
      <c r="C64771" s="2"/>
    </row>
    <row r="64772" spans="1:3" ht="19.2">
      <c r="A64772" s="2"/>
      <c r="B64772" s="2"/>
      <c r="C64772" s="2"/>
    </row>
    <row r="64773" spans="1:3" ht="19.2">
      <c r="A64773" s="2"/>
      <c r="B64773" s="2"/>
      <c r="C64773" s="2"/>
    </row>
    <row r="64774" spans="1:3" ht="19.2">
      <c r="A64774" s="2"/>
      <c r="B64774" s="2"/>
      <c r="C64774" s="2"/>
    </row>
    <row r="64775" spans="1:3" ht="19.2">
      <c r="A64775" s="2"/>
      <c r="B64775" s="2"/>
      <c r="C64775" s="2"/>
    </row>
    <row r="64776" spans="1:3" ht="19.2">
      <c r="A64776" s="2"/>
      <c r="B64776" s="2"/>
      <c r="C64776" s="2"/>
    </row>
    <row r="64777" spans="1:3" ht="19.2">
      <c r="A64777" s="2"/>
      <c r="B64777" s="2"/>
      <c r="C64777" s="2"/>
    </row>
    <row r="64778" spans="1:3" ht="19.2">
      <c r="A64778" s="2"/>
      <c r="B64778" s="2"/>
      <c r="C64778" s="2"/>
    </row>
    <row r="64779" spans="1:3" ht="19.2">
      <c r="A64779" s="2"/>
      <c r="B64779" s="2"/>
      <c r="C64779" s="2"/>
    </row>
    <row r="64780" spans="1:3" ht="19.2">
      <c r="A64780" s="2"/>
      <c r="B64780" s="2"/>
      <c r="C64780" s="2"/>
    </row>
    <row r="64781" spans="1:3" ht="19.2">
      <c r="A64781" s="2"/>
      <c r="B64781" s="2"/>
      <c r="C64781" s="2"/>
    </row>
    <row r="64782" spans="1:3" ht="19.2">
      <c r="A64782" s="2"/>
      <c r="B64782" s="2"/>
      <c r="C64782" s="2"/>
    </row>
    <row r="64783" spans="1:3" ht="19.2">
      <c r="A64783" s="2"/>
      <c r="B64783" s="2"/>
      <c r="C64783" s="2"/>
    </row>
    <row r="64784" spans="1:3" ht="19.2">
      <c r="A64784" s="2"/>
      <c r="B64784" s="2"/>
      <c r="C64784" s="2"/>
    </row>
    <row r="64785" spans="1:3" ht="19.2">
      <c r="A64785" s="2"/>
      <c r="B64785" s="2"/>
      <c r="C64785" s="2"/>
    </row>
    <row r="64786" spans="1:3" ht="19.2">
      <c r="A64786" s="2"/>
      <c r="B64786" s="2"/>
      <c r="C64786" s="2"/>
    </row>
    <row r="64787" spans="1:3" ht="19.2">
      <c r="A64787" s="2"/>
      <c r="B64787" s="2"/>
      <c r="C64787" s="2"/>
    </row>
    <row r="64788" spans="1:3" ht="19.2">
      <c r="A64788" s="2"/>
      <c r="B64788" s="2"/>
      <c r="C64788" s="2"/>
    </row>
    <row r="64789" spans="1:3" ht="19.2">
      <c r="A64789" s="2"/>
      <c r="B64789" s="2"/>
      <c r="C64789" s="2"/>
    </row>
    <row r="64790" spans="1:3" ht="19.2">
      <c r="A64790" s="2"/>
      <c r="B64790" s="2"/>
      <c r="C64790" s="2"/>
    </row>
    <row r="64791" spans="1:3" ht="19.2">
      <c r="A64791" s="2"/>
      <c r="B64791" s="2"/>
      <c r="C64791" s="2"/>
    </row>
    <row r="64792" spans="1:3" ht="19.2">
      <c r="A64792" s="2"/>
      <c r="B64792" s="2"/>
      <c r="C64792" s="2"/>
    </row>
    <row r="64793" spans="1:3" ht="19.2">
      <c r="A64793" s="2"/>
      <c r="B64793" s="2"/>
      <c r="C64793" s="2"/>
    </row>
    <row r="64794" spans="1:3" ht="19.2">
      <c r="A64794" s="2"/>
      <c r="B64794" s="2"/>
      <c r="C64794" s="2"/>
    </row>
    <row r="64795" spans="1:3" ht="19.2">
      <c r="A64795" s="2"/>
      <c r="B64795" s="2"/>
      <c r="C64795" s="2"/>
    </row>
    <row r="64796" spans="1:3" ht="19.2">
      <c r="A64796" s="2"/>
      <c r="B64796" s="2"/>
      <c r="C64796" s="2"/>
    </row>
    <row r="64797" spans="1:3" ht="19.2">
      <c r="A64797" s="2"/>
      <c r="B64797" s="2"/>
      <c r="C64797" s="2"/>
    </row>
    <row r="64798" spans="1:3" ht="19.2">
      <c r="A64798" s="2"/>
      <c r="B64798" s="2"/>
      <c r="C64798" s="2"/>
    </row>
    <row r="64799" spans="1:3" ht="19.2">
      <c r="A64799" s="2"/>
      <c r="B64799" s="2"/>
      <c r="C64799" s="2"/>
    </row>
    <row r="64800" spans="1:3" ht="19.2">
      <c r="A64800" s="2"/>
      <c r="B64800" s="2"/>
      <c r="C64800" s="2"/>
    </row>
    <row r="64801" spans="1:3" ht="19.2">
      <c r="A64801" s="2"/>
      <c r="B64801" s="2"/>
      <c r="C64801" s="2"/>
    </row>
    <row r="64802" spans="1:3" ht="19.2">
      <c r="A64802" s="2"/>
      <c r="B64802" s="2"/>
      <c r="C64802" s="2"/>
    </row>
    <row r="64803" spans="1:3" ht="19.2">
      <c r="A64803" s="2"/>
      <c r="B64803" s="2"/>
      <c r="C64803" s="2"/>
    </row>
    <row r="64804" spans="1:3" ht="19.2">
      <c r="A64804" s="2"/>
      <c r="B64804" s="2"/>
      <c r="C64804" s="2"/>
    </row>
    <row r="64805" spans="1:3" ht="19.2">
      <c r="A64805" s="2"/>
      <c r="B64805" s="2"/>
      <c r="C64805" s="2"/>
    </row>
    <row r="64806" spans="1:3" ht="19.2">
      <c r="A64806" s="2"/>
      <c r="B64806" s="2"/>
      <c r="C64806" s="2"/>
    </row>
    <row r="64807" spans="1:3" ht="19.2">
      <c r="A64807" s="2"/>
      <c r="B64807" s="2"/>
      <c r="C64807" s="2"/>
    </row>
    <row r="64808" spans="1:3" ht="19.2">
      <c r="A64808" s="2"/>
      <c r="B64808" s="2"/>
      <c r="C64808" s="2"/>
    </row>
    <row r="64809" spans="1:3" ht="19.2">
      <c r="A64809" s="2"/>
      <c r="B64809" s="2"/>
      <c r="C64809" s="2"/>
    </row>
    <row r="64810" spans="1:3" ht="19.2">
      <c r="A64810" s="2"/>
      <c r="B64810" s="2"/>
      <c r="C64810" s="2"/>
    </row>
    <row r="64811" spans="1:3" ht="19.2">
      <c r="A64811" s="2"/>
      <c r="B64811" s="2"/>
      <c r="C64811" s="2"/>
    </row>
    <row r="64812" spans="1:3" ht="19.2">
      <c r="A64812" s="2"/>
      <c r="B64812" s="2"/>
      <c r="C64812" s="2"/>
    </row>
    <row r="64813" spans="1:3" ht="19.2">
      <c r="A64813" s="2"/>
      <c r="B64813" s="2"/>
      <c r="C64813" s="2"/>
    </row>
    <row r="64814" spans="1:3" ht="19.2">
      <c r="A64814" s="2"/>
      <c r="B64814" s="2"/>
      <c r="C64814" s="2"/>
    </row>
    <row r="64815" spans="1:3" ht="19.2">
      <c r="A64815" s="2"/>
      <c r="B64815" s="2"/>
      <c r="C64815" s="2"/>
    </row>
    <row r="64816" spans="1:3" ht="19.2">
      <c r="A64816" s="2"/>
      <c r="B64816" s="2"/>
      <c r="C64816" s="2"/>
    </row>
    <row r="64817" spans="1:3" ht="19.2">
      <c r="A64817" s="2"/>
      <c r="B64817" s="2"/>
      <c r="C64817" s="2"/>
    </row>
    <row r="64818" spans="1:3" ht="19.2">
      <c r="A64818" s="2"/>
      <c r="B64818" s="2"/>
      <c r="C64818" s="2"/>
    </row>
    <row r="64819" spans="1:3" ht="19.2">
      <c r="A64819" s="2"/>
      <c r="B64819" s="2"/>
      <c r="C64819" s="2"/>
    </row>
    <row r="64820" spans="1:3" ht="19.2">
      <c r="A64820" s="2"/>
      <c r="B64820" s="2"/>
      <c r="C64820" s="2"/>
    </row>
    <row r="64821" spans="1:3" ht="19.2">
      <c r="A64821" s="2"/>
      <c r="B64821" s="2"/>
      <c r="C64821" s="2"/>
    </row>
    <row r="64822" spans="1:3" ht="19.2">
      <c r="A64822" s="2"/>
      <c r="B64822" s="2"/>
      <c r="C64822" s="2"/>
    </row>
    <row r="64823" spans="1:3" ht="19.2">
      <c r="A64823" s="2"/>
      <c r="B64823" s="2"/>
      <c r="C64823" s="2"/>
    </row>
    <row r="64824" spans="1:3" ht="19.2">
      <c r="A64824" s="2"/>
      <c r="B64824" s="2"/>
      <c r="C64824" s="2"/>
    </row>
    <row r="64825" spans="1:3" ht="19.2">
      <c r="A64825" s="2"/>
      <c r="B64825" s="2"/>
      <c r="C64825" s="2"/>
    </row>
    <row r="64826" spans="1:3" ht="19.2">
      <c r="A64826" s="2"/>
      <c r="B64826" s="2"/>
      <c r="C64826" s="2"/>
    </row>
    <row r="64827" spans="1:3" ht="19.2">
      <c r="A64827" s="2"/>
      <c r="B64827" s="2"/>
      <c r="C64827" s="2"/>
    </row>
    <row r="64828" spans="1:3" ht="19.2">
      <c r="A64828" s="2"/>
      <c r="B64828" s="2"/>
      <c r="C64828" s="2"/>
    </row>
    <row r="64829" spans="1:3" ht="19.2">
      <c r="A64829" s="2"/>
      <c r="B64829" s="2"/>
      <c r="C64829" s="2"/>
    </row>
    <row r="64830" spans="1:3" ht="19.2">
      <c r="A64830" s="2"/>
      <c r="B64830" s="2"/>
      <c r="C64830" s="2"/>
    </row>
    <row r="64831" spans="1:3" ht="19.2">
      <c r="A64831" s="2"/>
      <c r="B64831" s="2"/>
      <c r="C64831" s="2"/>
    </row>
    <row r="64832" spans="1:3" ht="19.2">
      <c r="A64832" s="2"/>
      <c r="B64832" s="2"/>
      <c r="C64832" s="2"/>
    </row>
    <row r="64833" spans="1:3" ht="19.2">
      <c r="A64833" s="2"/>
      <c r="B64833" s="2"/>
      <c r="C64833" s="2"/>
    </row>
    <row r="64834" spans="1:3" ht="19.2">
      <c r="A64834" s="2"/>
      <c r="B64834" s="2"/>
      <c r="C64834" s="2"/>
    </row>
    <row r="64835" spans="1:3" ht="19.2">
      <c r="A64835" s="2"/>
      <c r="B64835" s="2"/>
      <c r="C64835" s="2"/>
    </row>
    <row r="64836" spans="1:3" ht="19.2">
      <c r="A64836" s="2"/>
      <c r="B64836" s="2"/>
      <c r="C64836" s="2"/>
    </row>
    <row r="64837" spans="1:3" ht="19.2">
      <c r="A64837" s="2"/>
      <c r="B64837" s="2"/>
      <c r="C64837" s="2"/>
    </row>
    <row r="64838" spans="1:3" ht="19.2">
      <c r="A64838" s="2"/>
      <c r="B64838" s="2"/>
      <c r="C64838" s="2"/>
    </row>
    <row r="64839" spans="1:3" ht="19.2">
      <c r="A64839" s="2"/>
      <c r="B64839" s="2"/>
      <c r="C64839" s="2"/>
    </row>
    <row r="64840" spans="1:3" ht="19.2">
      <c r="A64840" s="2"/>
      <c r="B64840" s="2"/>
      <c r="C64840" s="2"/>
    </row>
    <row r="64841" spans="1:3" ht="19.2">
      <c r="A64841" s="2"/>
      <c r="B64841" s="2"/>
      <c r="C64841" s="2"/>
    </row>
    <row r="64842" spans="1:3" ht="19.2">
      <c r="A64842" s="2"/>
      <c r="B64842" s="2"/>
      <c r="C64842" s="2"/>
    </row>
    <row r="64843" spans="1:3" ht="19.2">
      <c r="A64843" s="2"/>
      <c r="B64843" s="2"/>
      <c r="C64843" s="2"/>
    </row>
    <row r="64844" spans="1:3" ht="19.2">
      <c r="A64844" s="2"/>
      <c r="B64844" s="2"/>
      <c r="C64844" s="2"/>
    </row>
    <row r="64845" spans="1:3" ht="19.2">
      <c r="A64845" s="2"/>
      <c r="B64845" s="2"/>
      <c r="C64845" s="2"/>
    </row>
    <row r="64846" spans="1:3" ht="19.2">
      <c r="A64846" s="2"/>
      <c r="B64846" s="2"/>
      <c r="C64846" s="2"/>
    </row>
    <row r="64847" spans="1:3" ht="19.2">
      <c r="A64847" s="2"/>
      <c r="B64847" s="2"/>
      <c r="C64847" s="2"/>
    </row>
    <row r="64848" spans="1:3" ht="19.2">
      <c r="A64848" s="2"/>
      <c r="B64848" s="2"/>
      <c r="C64848" s="2"/>
    </row>
    <row r="64849" spans="1:3" ht="19.2">
      <c r="A64849" s="2"/>
      <c r="B64849" s="2"/>
      <c r="C64849" s="2"/>
    </row>
    <row r="64850" spans="1:3" ht="19.2">
      <c r="A64850" s="2"/>
      <c r="B64850" s="2"/>
      <c r="C64850" s="2"/>
    </row>
    <row r="64851" spans="1:3" ht="19.2">
      <c r="A64851" s="2"/>
      <c r="B64851" s="2"/>
      <c r="C64851" s="2"/>
    </row>
    <row r="64852" spans="1:3" ht="19.2">
      <c r="A64852" s="2"/>
      <c r="B64852" s="2"/>
      <c r="C64852" s="2"/>
    </row>
    <row r="64853" spans="1:3" ht="19.2">
      <c r="A64853" s="2"/>
      <c r="B64853" s="2"/>
      <c r="C64853" s="2"/>
    </row>
    <row r="64854" spans="1:3" ht="19.2">
      <c r="A64854" s="2"/>
      <c r="B64854" s="2"/>
      <c r="C64854" s="2"/>
    </row>
    <row r="64855" spans="1:3" ht="19.2">
      <c r="A64855" s="2"/>
      <c r="B64855" s="2"/>
      <c r="C64855" s="2"/>
    </row>
    <row r="64856" spans="1:3" ht="19.2">
      <c r="A64856" s="2"/>
      <c r="B64856" s="2"/>
      <c r="C64856" s="2"/>
    </row>
    <row r="64857" spans="1:3" ht="19.2">
      <c r="A64857" s="2"/>
      <c r="B64857" s="2"/>
      <c r="C64857" s="2"/>
    </row>
    <row r="64858" spans="1:3" ht="19.2">
      <c r="A64858" s="2"/>
      <c r="B64858" s="2"/>
      <c r="C64858" s="2"/>
    </row>
    <row r="64859" spans="1:3" ht="19.2">
      <c r="A64859" s="2"/>
      <c r="B64859" s="2"/>
      <c r="C64859" s="2"/>
    </row>
    <row r="64860" spans="1:3" ht="19.2">
      <c r="A64860" s="2"/>
      <c r="B64860" s="2"/>
      <c r="C64860" s="2"/>
    </row>
    <row r="64861" spans="1:3" ht="19.2">
      <c r="A64861" s="2"/>
      <c r="B64861" s="2"/>
      <c r="C64861" s="2"/>
    </row>
    <row r="64862" spans="1:3" ht="19.2">
      <c r="A64862" s="2"/>
      <c r="B64862" s="2"/>
      <c r="C64862" s="2"/>
    </row>
    <row r="64863" spans="1:3" ht="19.2">
      <c r="A64863" s="2"/>
      <c r="B64863" s="2"/>
      <c r="C64863" s="2"/>
    </row>
    <row r="64864" spans="1:3" ht="19.2">
      <c r="A64864" s="2"/>
      <c r="B64864" s="2"/>
      <c r="C64864" s="2"/>
    </row>
    <row r="64865" spans="1:3" ht="19.2">
      <c r="A64865" s="2"/>
      <c r="B64865" s="2"/>
      <c r="C64865" s="2"/>
    </row>
    <row r="64866" spans="1:3" ht="19.2">
      <c r="A64866" s="2"/>
      <c r="B64866" s="2"/>
      <c r="C64866" s="2"/>
    </row>
    <row r="64867" spans="1:3" ht="19.2">
      <c r="A64867" s="2"/>
      <c r="B64867" s="2"/>
      <c r="C64867" s="2"/>
    </row>
    <row r="64868" spans="1:3" ht="19.2">
      <c r="A64868" s="2"/>
      <c r="B64868" s="2"/>
      <c r="C64868" s="2"/>
    </row>
    <row r="64869" spans="1:3" ht="19.2">
      <c r="A64869" s="2"/>
      <c r="B64869" s="2"/>
      <c r="C64869" s="2"/>
    </row>
    <row r="64870" spans="1:3" ht="19.2">
      <c r="A64870" s="2"/>
      <c r="B64870" s="2"/>
      <c r="C64870" s="2"/>
    </row>
    <row r="64871" spans="1:3" ht="19.2">
      <c r="A64871" s="2"/>
      <c r="B64871" s="2"/>
      <c r="C64871" s="2"/>
    </row>
    <row r="64872" spans="1:3" ht="19.2">
      <c r="A64872" s="2"/>
      <c r="B64872" s="2"/>
      <c r="C64872" s="2"/>
    </row>
    <row r="64873" spans="1:3" ht="19.2">
      <c r="A64873" s="2"/>
      <c r="B64873" s="2"/>
      <c r="C64873" s="2"/>
    </row>
    <row r="64874" spans="1:3" ht="19.2">
      <c r="A64874" s="2"/>
      <c r="B64874" s="2"/>
      <c r="C64874" s="2"/>
    </row>
    <row r="64875" spans="1:3" ht="19.2">
      <c r="A64875" s="2"/>
      <c r="B64875" s="2"/>
      <c r="C64875" s="2"/>
    </row>
    <row r="64876" spans="1:3" ht="19.2">
      <c r="A64876" s="2"/>
      <c r="B64876" s="2"/>
      <c r="C64876" s="2"/>
    </row>
    <row r="64877" spans="1:3" ht="19.2">
      <c r="A64877" s="2"/>
      <c r="B64877" s="2"/>
      <c r="C64877" s="2"/>
    </row>
    <row r="64878" spans="1:3" ht="19.2">
      <c r="A64878" s="2"/>
      <c r="B64878" s="2"/>
      <c r="C64878" s="2"/>
    </row>
    <row r="64879" spans="1:3" ht="19.2">
      <c r="A64879" s="2"/>
      <c r="B64879" s="2"/>
      <c r="C64879" s="2"/>
    </row>
    <row r="64880" spans="1:3" ht="19.2">
      <c r="A64880" s="2"/>
      <c r="B64880" s="2"/>
      <c r="C64880" s="2"/>
    </row>
    <row r="64881" spans="1:3" ht="19.2">
      <c r="A64881" s="2"/>
      <c r="B64881" s="2"/>
      <c r="C64881" s="2"/>
    </row>
    <row r="64882" spans="1:3" ht="19.2">
      <c r="A64882" s="2"/>
      <c r="B64882" s="2"/>
      <c r="C64882" s="2"/>
    </row>
    <row r="64883" spans="1:3" ht="19.2">
      <c r="A64883" s="2"/>
      <c r="B64883" s="2"/>
      <c r="C64883" s="2"/>
    </row>
    <row r="64884" spans="1:3" ht="19.2">
      <c r="A64884" s="2"/>
      <c r="B64884" s="2"/>
      <c r="C64884" s="2"/>
    </row>
    <row r="64885" spans="1:3" ht="19.2">
      <c r="A64885" s="2"/>
      <c r="B64885" s="2"/>
      <c r="C64885" s="2"/>
    </row>
    <row r="64886" spans="1:3" ht="19.2">
      <c r="A64886" s="2"/>
      <c r="B64886" s="2"/>
      <c r="C64886" s="2"/>
    </row>
    <row r="64887" spans="1:3" ht="19.2">
      <c r="A64887" s="2"/>
      <c r="B64887" s="2"/>
      <c r="C64887" s="2"/>
    </row>
    <row r="64888" spans="1:3" ht="19.2">
      <c r="A64888" s="2"/>
      <c r="B64888" s="2"/>
      <c r="C64888" s="2"/>
    </row>
    <row r="64889" spans="1:3" ht="19.2">
      <c r="A64889" s="2"/>
      <c r="B64889" s="2"/>
      <c r="C64889" s="2"/>
    </row>
    <row r="64890" spans="1:3" ht="19.2">
      <c r="A64890" s="2"/>
      <c r="B64890" s="2"/>
      <c r="C64890" s="2"/>
    </row>
    <row r="64891" spans="1:3" ht="19.2">
      <c r="A64891" s="2"/>
      <c r="B64891" s="2"/>
      <c r="C64891" s="2"/>
    </row>
    <row r="64892" spans="1:3" ht="19.2">
      <c r="A64892" s="2"/>
      <c r="B64892" s="2"/>
      <c r="C64892" s="2"/>
    </row>
    <row r="64893" spans="1:3" ht="19.2">
      <c r="A64893" s="2"/>
      <c r="B64893" s="2"/>
      <c r="C64893" s="2"/>
    </row>
    <row r="64894" spans="1:3" ht="19.2">
      <c r="A64894" s="2"/>
      <c r="B64894" s="2"/>
      <c r="C64894" s="2"/>
    </row>
    <row r="64895" spans="1:3" ht="19.2">
      <c r="A64895" s="2"/>
      <c r="B64895" s="2"/>
      <c r="C64895" s="2"/>
    </row>
    <row r="64896" spans="1:3" ht="19.2">
      <c r="A64896" s="2"/>
      <c r="B64896" s="2"/>
      <c r="C64896" s="2"/>
    </row>
    <row r="64897" spans="1:3" ht="19.2">
      <c r="A64897" s="2"/>
      <c r="B64897" s="2"/>
      <c r="C64897" s="2"/>
    </row>
    <row r="64898" spans="1:3" ht="19.2">
      <c r="A64898" s="2"/>
      <c r="B64898" s="2"/>
      <c r="C64898" s="2"/>
    </row>
    <row r="64899" spans="1:3" ht="19.2">
      <c r="A64899" s="2"/>
      <c r="B64899" s="2"/>
      <c r="C64899" s="2"/>
    </row>
    <row r="64900" spans="1:3" ht="19.2">
      <c r="A64900" s="2"/>
      <c r="B64900" s="2"/>
      <c r="C64900" s="2"/>
    </row>
    <row r="64901" spans="1:3" ht="19.2">
      <c r="A64901" s="2"/>
      <c r="B64901" s="2"/>
      <c r="C64901" s="2"/>
    </row>
    <row r="64902" spans="1:3" ht="19.2">
      <c r="A64902" s="2"/>
      <c r="B64902" s="2"/>
      <c r="C64902" s="2"/>
    </row>
    <row r="64903" spans="1:3" ht="19.2">
      <c r="A64903" s="2"/>
      <c r="B64903" s="2"/>
      <c r="C64903" s="2"/>
    </row>
    <row r="64904" spans="1:3" ht="19.2">
      <c r="A64904" s="2"/>
      <c r="B64904" s="2"/>
      <c r="C64904" s="2"/>
    </row>
    <row r="64905" spans="1:3" ht="19.2">
      <c r="A64905" s="2"/>
      <c r="B64905" s="2"/>
      <c r="C64905" s="2"/>
    </row>
    <row r="64906" spans="1:3" ht="19.2">
      <c r="A64906" s="2"/>
      <c r="B64906" s="2"/>
      <c r="C64906" s="2"/>
    </row>
    <row r="64907" spans="1:3" ht="19.2">
      <c r="A64907" s="2"/>
      <c r="B64907" s="2"/>
      <c r="C64907" s="2"/>
    </row>
    <row r="64908" spans="1:3" ht="19.2">
      <c r="A64908" s="2"/>
      <c r="B64908" s="2"/>
      <c r="C64908" s="2"/>
    </row>
    <row r="64909" spans="1:3" ht="19.2">
      <c r="A64909" s="2"/>
      <c r="B64909" s="2"/>
      <c r="C64909" s="2"/>
    </row>
    <row r="64910" spans="1:3" ht="19.2">
      <c r="A64910" s="2"/>
      <c r="B64910" s="2"/>
      <c r="C64910" s="2"/>
    </row>
    <row r="64911" spans="1:3" ht="19.2">
      <c r="A64911" s="2"/>
      <c r="B64911" s="2"/>
      <c r="C64911" s="2"/>
    </row>
    <row r="64912" spans="1:3" ht="19.2">
      <c r="A64912" s="2"/>
      <c r="B64912" s="2"/>
      <c r="C64912" s="2"/>
    </row>
    <row r="64913" spans="1:3" ht="19.2">
      <c r="A64913" s="2"/>
      <c r="B64913" s="2"/>
      <c r="C64913" s="2"/>
    </row>
    <row r="64914" spans="1:3" ht="19.2">
      <c r="A64914" s="2"/>
      <c r="B64914" s="2"/>
      <c r="C64914" s="2"/>
    </row>
    <row r="64915" spans="1:3" ht="19.2">
      <c r="A64915" s="2"/>
      <c r="B64915" s="2"/>
      <c r="C64915" s="2"/>
    </row>
    <row r="64916" spans="1:3" ht="19.2">
      <c r="A64916" s="2"/>
      <c r="B64916" s="2"/>
      <c r="C64916" s="2"/>
    </row>
    <row r="64917" spans="1:3" ht="19.2">
      <c r="A64917" s="2"/>
      <c r="B64917" s="2"/>
      <c r="C64917" s="2"/>
    </row>
    <row r="64918" spans="1:3" ht="19.2">
      <c r="A64918" s="2"/>
      <c r="B64918" s="2"/>
      <c r="C64918" s="2"/>
    </row>
    <row r="64919" spans="1:3" ht="19.2">
      <c r="A64919" s="2"/>
      <c r="B64919" s="2"/>
      <c r="C64919" s="2"/>
    </row>
    <row r="64920" spans="1:3" ht="19.2">
      <c r="A64920" s="2"/>
      <c r="B64920" s="2"/>
      <c r="C64920" s="2"/>
    </row>
    <row r="64921" spans="1:3" ht="19.2">
      <c r="A64921" s="2"/>
      <c r="B64921" s="2"/>
      <c r="C64921" s="2"/>
    </row>
    <row r="64922" spans="1:3" ht="19.2">
      <c r="A64922" s="2"/>
      <c r="B64922" s="2"/>
      <c r="C64922" s="2"/>
    </row>
    <row r="64923" spans="1:3" ht="19.2">
      <c r="A64923" s="2"/>
      <c r="B64923" s="2"/>
      <c r="C64923" s="2"/>
    </row>
    <row r="64924" spans="1:3" ht="19.2">
      <c r="A64924" s="2"/>
      <c r="B64924" s="2"/>
      <c r="C64924" s="2"/>
    </row>
    <row r="64925" spans="1:3" ht="19.2">
      <c r="A64925" s="2"/>
      <c r="B64925" s="2"/>
      <c r="C64925" s="2"/>
    </row>
    <row r="64926" spans="1:3" ht="19.2">
      <c r="A64926" s="2"/>
      <c r="B64926" s="2"/>
      <c r="C64926" s="2"/>
    </row>
    <row r="64927" spans="1:3" ht="19.2">
      <c r="A64927" s="2"/>
      <c r="B64927" s="2"/>
      <c r="C64927" s="2"/>
    </row>
    <row r="64928" spans="1:3" ht="19.2">
      <c r="A64928" s="2"/>
      <c r="B64928" s="2"/>
      <c r="C64928" s="2"/>
    </row>
    <row r="64929" spans="1:3" ht="19.2">
      <c r="A64929" s="2"/>
      <c r="B64929" s="2"/>
      <c r="C64929" s="2"/>
    </row>
    <row r="64930" spans="1:3" ht="19.2">
      <c r="A64930" s="2"/>
      <c r="B64930" s="2"/>
      <c r="C64930" s="2"/>
    </row>
    <row r="64931" spans="1:3" ht="19.2">
      <c r="A64931" s="2"/>
      <c r="B64931" s="2"/>
      <c r="C64931" s="2"/>
    </row>
    <row r="64932" spans="1:3" ht="19.2">
      <c r="A64932" s="2"/>
      <c r="B64932" s="2"/>
      <c r="C64932" s="2"/>
    </row>
    <row r="64933" spans="1:3" ht="19.2">
      <c r="A64933" s="2"/>
      <c r="B64933" s="2"/>
      <c r="C64933" s="2"/>
    </row>
    <row r="64934" spans="1:3" ht="19.2">
      <c r="A64934" s="2"/>
      <c r="B64934" s="2"/>
      <c r="C64934" s="2"/>
    </row>
    <row r="64935" spans="1:3" ht="19.2">
      <c r="A64935" s="2"/>
      <c r="B64935" s="2"/>
      <c r="C64935" s="2"/>
    </row>
    <row r="64936" spans="1:3" ht="19.2">
      <c r="A64936" s="2"/>
      <c r="B64936" s="2"/>
      <c r="C64936" s="2"/>
    </row>
    <row r="64937" spans="1:3" ht="19.2">
      <c r="A64937" s="2"/>
      <c r="B64937" s="2"/>
      <c r="C64937" s="2"/>
    </row>
    <row r="64938" spans="1:3" ht="19.2">
      <c r="A64938" s="2"/>
      <c r="B64938" s="2"/>
      <c r="C64938" s="2"/>
    </row>
    <row r="64939" spans="1:3" ht="19.2">
      <c r="A64939" s="2"/>
      <c r="B64939" s="2"/>
      <c r="C64939" s="2"/>
    </row>
    <row r="64940" spans="1:3" ht="19.2">
      <c r="A64940" s="2"/>
      <c r="B64940" s="2"/>
      <c r="C64940" s="2"/>
    </row>
    <row r="64941" spans="1:3" ht="19.2">
      <c r="A64941" s="2"/>
      <c r="B64941" s="2"/>
      <c r="C64941" s="2"/>
    </row>
    <row r="64942" spans="1:3" ht="19.2">
      <c r="A64942" s="2"/>
      <c r="B64942" s="2"/>
      <c r="C64942" s="2"/>
    </row>
    <row r="64943" spans="1:3" ht="19.2">
      <c r="A64943" s="2"/>
      <c r="B64943" s="2"/>
      <c r="C64943" s="2"/>
    </row>
    <row r="64944" spans="1:3" ht="19.2">
      <c r="A64944" s="2"/>
      <c r="B64944" s="2"/>
      <c r="C64944" s="2"/>
    </row>
    <row r="64945" spans="1:3" ht="19.2">
      <c r="A64945" s="2"/>
      <c r="B64945" s="2"/>
      <c r="C64945" s="2"/>
    </row>
    <row r="64946" spans="1:3" ht="19.2">
      <c r="A64946" s="2"/>
      <c r="B64946" s="2"/>
      <c r="C64946" s="2"/>
    </row>
    <row r="64947" spans="1:3" ht="19.2">
      <c r="A64947" s="2"/>
      <c r="B64947" s="2"/>
      <c r="C64947" s="2"/>
    </row>
    <row r="64948" spans="1:3" ht="19.2">
      <c r="A64948" s="2"/>
      <c r="B64948" s="2"/>
      <c r="C64948" s="2"/>
    </row>
    <row r="64949" spans="1:3" ht="19.2">
      <c r="A64949" s="2"/>
      <c r="B64949" s="2"/>
      <c r="C64949" s="2"/>
    </row>
    <row r="64950" spans="1:3" ht="19.2">
      <c r="A64950" s="2"/>
      <c r="B64950" s="2"/>
      <c r="C64950" s="2"/>
    </row>
    <row r="64951" spans="1:3" ht="19.2">
      <c r="A64951" s="2"/>
      <c r="B64951" s="2"/>
      <c r="C64951" s="2"/>
    </row>
    <row r="64952" spans="1:3" ht="19.2">
      <c r="A64952" s="2"/>
      <c r="B64952" s="2"/>
      <c r="C64952" s="2"/>
    </row>
    <row r="64953" spans="1:3" ht="19.2">
      <c r="A64953" s="2"/>
      <c r="B64953" s="2"/>
      <c r="C64953" s="2"/>
    </row>
    <row r="64954" spans="1:3" ht="19.2">
      <c r="A64954" s="2"/>
      <c r="B64954" s="2"/>
      <c r="C64954" s="2"/>
    </row>
    <row r="64955" spans="1:3" ht="19.2">
      <c r="A64955" s="2"/>
      <c r="B64955" s="2"/>
      <c r="C64955" s="2"/>
    </row>
    <row r="64956" spans="1:3" ht="19.2">
      <c r="A64956" s="2"/>
      <c r="B64956" s="2"/>
      <c r="C64956" s="2"/>
    </row>
    <row r="64957" spans="1:3" ht="19.2">
      <c r="A64957" s="2"/>
      <c r="B64957" s="2"/>
      <c r="C64957" s="2"/>
    </row>
    <row r="64958" spans="1:3" ht="19.2">
      <c r="A64958" s="2"/>
      <c r="B64958" s="2"/>
      <c r="C64958" s="2"/>
    </row>
    <row r="64959" spans="1:3" ht="19.2">
      <c r="A64959" s="2"/>
      <c r="B64959" s="2"/>
      <c r="C64959" s="2"/>
    </row>
    <row r="64960" spans="1:3" ht="19.2">
      <c r="A64960" s="2"/>
      <c r="B64960" s="2"/>
      <c r="C64960" s="2"/>
    </row>
    <row r="64961" spans="1:3" ht="19.2">
      <c r="A64961" s="2"/>
      <c r="B64961" s="2"/>
      <c r="C64961" s="2"/>
    </row>
    <row r="64962" spans="1:3" ht="19.2">
      <c r="A64962" s="2"/>
      <c r="B64962" s="2"/>
      <c r="C64962" s="2"/>
    </row>
    <row r="64963" spans="1:3" ht="19.2">
      <c r="A64963" s="2"/>
      <c r="B64963" s="2"/>
      <c r="C64963" s="2"/>
    </row>
    <row r="64964" spans="1:3" ht="19.2">
      <c r="A64964" s="2"/>
      <c r="B64964" s="2"/>
      <c r="C64964" s="2"/>
    </row>
    <row r="64965" spans="1:3" ht="19.2">
      <c r="A64965" s="2"/>
      <c r="B64965" s="2"/>
      <c r="C64965" s="2"/>
    </row>
    <row r="64966" spans="1:3" ht="19.2">
      <c r="A64966" s="2"/>
      <c r="B64966" s="2"/>
      <c r="C64966" s="2"/>
    </row>
    <row r="64967" spans="1:3" ht="19.2">
      <c r="A64967" s="2"/>
      <c r="B64967" s="2"/>
      <c r="C64967" s="2"/>
    </row>
    <row r="64968" spans="1:3" ht="19.2">
      <c r="A64968" s="2"/>
      <c r="B64968" s="2"/>
      <c r="C64968" s="2"/>
    </row>
    <row r="64969" spans="1:3" ht="19.2">
      <c r="A64969" s="2"/>
      <c r="B64969" s="2"/>
      <c r="C64969" s="2"/>
    </row>
    <row r="64970" spans="1:3" ht="19.2">
      <c r="A64970" s="2"/>
      <c r="B64970" s="2"/>
      <c r="C64970" s="2"/>
    </row>
    <row r="64971" spans="1:3" ht="19.2">
      <c r="A64971" s="2"/>
      <c r="B64971" s="2"/>
      <c r="C64971" s="2"/>
    </row>
    <row r="64972" spans="1:3" ht="19.2">
      <c r="A64972" s="2"/>
      <c r="B64972" s="2"/>
      <c r="C64972" s="2"/>
    </row>
    <row r="64973" spans="1:3" ht="19.2">
      <c r="A64973" s="2"/>
      <c r="B64973" s="2"/>
      <c r="C64973" s="2"/>
    </row>
    <row r="64974" spans="1:3" ht="19.2">
      <c r="A64974" s="2"/>
      <c r="B64974" s="2"/>
      <c r="C64974" s="2"/>
    </row>
    <row r="64975" spans="1:3" ht="19.2">
      <c r="A64975" s="2"/>
      <c r="B64975" s="2"/>
      <c r="C64975" s="2"/>
    </row>
    <row r="64976" spans="1:3" ht="19.2">
      <c r="A64976" s="2"/>
      <c r="B64976" s="2"/>
      <c r="C64976" s="2"/>
    </row>
    <row r="64977" spans="1:3" ht="19.2">
      <c r="A64977" s="2"/>
      <c r="B64977" s="2"/>
      <c r="C64977" s="2"/>
    </row>
    <row r="64978" spans="1:3" ht="19.2">
      <c r="A64978" s="2"/>
      <c r="B64978" s="2"/>
      <c r="C64978" s="2"/>
    </row>
    <row r="64979" spans="1:3" ht="19.2">
      <c r="A64979" s="2"/>
      <c r="B64979" s="2"/>
      <c r="C64979" s="2"/>
    </row>
    <row r="64980" spans="1:3" ht="19.2">
      <c r="A64980" s="2"/>
      <c r="B64980" s="2"/>
      <c r="C64980" s="2"/>
    </row>
    <row r="64981" spans="1:3" ht="19.2">
      <c r="A64981" s="2"/>
      <c r="B64981" s="2"/>
      <c r="C64981" s="2"/>
    </row>
    <row r="64982" spans="1:3" ht="19.2">
      <c r="A64982" s="2"/>
      <c r="B64982" s="2"/>
      <c r="C64982" s="2"/>
    </row>
    <row r="64983" spans="1:3" ht="19.2">
      <c r="A64983" s="2"/>
      <c r="B64983" s="2"/>
      <c r="C64983" s="2"/>
    </row>
    <row r="64984" spans="1:3" ht="19.2">
      <c r="A64984" s="2"/>
      <c r="B64984" s="2"/>
      <c r="C64984" s="2"/>
    </row>
    <row r="64985" spans="1:3" ht="19.2">
      <c r="A64985" s="2"/>
      <c r="B64985" s="2"/>
      <c r="C64985" s="2"/>
    </row>
    <row r="64986" spans="1:3" ht="19.2">
      <c r="A64986" s="2"/>
      <c r="B64986" s="2"/>
      <c r="C64986" s="2"/>
    </row>
    <row r="64987" spans="1:3" ht="19.2">
      <c r="A64987" s="2"/>
      <c r="B64987" s="2"/>
      <c r="C64987" s="2"/>
    </row>
    <row r="64988" spans="1:3" ht="19.2">
      <c r="A64988" s="2"/>
      <c r="B64988" s="2"/>
      <c r="C64988" s="2"/>
    </row>
    <row r="64989" spans="1:3" ht="19.2">
      <c r="A64989" s="2"/>
      <c r="B64989" s="2"/>
      <c r="C64989" s="2"/>
    </row>
    <row r="64990" spans="1:3" ht="19.2">
      <c r="A64990" s="2"/>
      <c r="B64990" s="2"/>
      <c r="C64990" s="2"/>
    </row>
    <row r="64991" spans="1:3" ht="19.2">
      <c r="A64991" s="2"/>
      <c r="B64991" s="2"/>
      <c r="C64991" s="2"/>
    </row>
    <row r="64992" spans="1:3" ht="19.2">
      <c r="A64992" s="2"/>
      <c r="B64992" s="2"/>
      <c r="C64992" s="2"/>
    </row>
    <row r="64993" spans="1:3" ht="19.2">
      <c r="A64993" s="2"/>
      <c r="B64993" s="2"/>
      <c r="C64993" s="2"/>
    </row>
    <row r="64994" spans="1:3" ht="19.2">
      <c r="A64994" s="2"/>
      <c r="B64994" s="2"/>
      <c r="C64994" s="2"/>
    </row>
    <row r="64995" spans="1:3" ht="19.2">
      <c r="A64995" s="2"/>
      <c r="B64995" s="2"/>
      <c r="C64995" s="2"/>
    </row>
    <row r="64996" spans="1:3" ht="19.2">
      <c r="A64996" s="2"/>
      <c r="B64996" s="2"/>
      <c r="C64996" s="2"/>
    </row>
    <row r="64997" spans="1:3" ht="19.2">
      <c r="A64997" s="2"/>
      <c r="B64997" s="2"/>
      <c r="C64997" s="2"/>
    </row>
    <row r="64998" spans="1:3" ht="19.2">
      <c r="A64998" s="2"/>
      <c r="B64998" s="2"/>
      <c r="C64998" s="2"/>
    </row>
    <row r="64999" spans="1:3" ht="19.2">
      <c r="A64999" s="2"/>
      <c r="B64999" s="2"/>
      <c r="C64999" s="2"/>
    </row>
    <row r="65000" spans="1:3" ht="19.2">
      <c r="A65000" s="2"/>
      <c r="B65000" s="2"/>
      <c r="C65000" s="2"/>
    </row>
    <row r="65001" spans="1:3" ht="19.2">
      <c r="A65001" s="2"/>
      <c r="B65001" s="2"/>
      <c r="C65001" s="2"/>
    </row>
    <row r="65002" spans="1:3" ht="19.2">
      <c r="A65002" s="2"/>
      <c r="B65002" s="2"/>
      <c r="C65002" s="2"/>
    </row>
    <row r="65003" spans="1:3" ht="19.2">
      <c r="A65003" s="2"/>
      <c r="B65003" s="2"/>
      <c r="C65003" s="2"/>
    </row>
    <row r="65004" spans="1:3" ht="19.2">
      <c r="A65004" s="2"/>
      <c r="B65004" s="2"/>
      <c r="C65004" s="2"/>
    </row>
    <row r="65005" spans="1:3" ht="19.2">
      <c r="A65005" s="2"/>
      <c r="B65005" s="2"/>
      <c r="C65005" s="2"/>
    </row>
    <row r="65006" spans="1:3" ht="19.2">
      <c r="A65006" s="2"/>
      <c r="B65006" s="2"/>
      <c r="C65006" s="2"/>
    </row>
    <row r="65007" spans="1:3" ht="19.2">
      <c r="A65007" s="2"/>
      <c r="B65007" s="2"/>
      <c r="C65007" s="2"/>
    </row>
    <row r="65008" spans="1:3" ht="19.2">
      <c r="A65008" s="2"/>
      <c r="B65008" s="2"/>
      <c r="C65008" s="2"/>
    </row>
    <row r="65009" spans="1:3" ht="19.2">
      <c r="A65009" s="2"/>
      <c r="B65009" s="2"/>
      <c r="C65009" s="2"/>
    </row>
    <row r="65010" spans="1:3" ht="19.2">
      <c r="A65010" s="2"/>
      <c r="B65010" s="2"/>
      <c r="C65010" s="2"/>
    </row>
    <row r="65011" spans="1:3" ht="19.2">
      <c r="A65011" s="2"/>
      <c r="B65011" s="2"/>
      <c r="C65011" s="2"/>
    </row>
    <row r="65012" spans="1:3" ht="19.2">
      <c r="A65012" s="2"/>
      <c r="B65012" s="2"/>
      <c r="C65012" s="2"/>
    </row>
    <row r="65013" spans="1:3" ht="19.2">
      <c r="A65013" s="2"/>
      <c r="B65013" s="2"/>
      <c r="C65013" s="2"/>
    </row>
    <row r="65014" spans="1:3" ht="19.2">
      <c r="A65014" s="2"/>
      <c r="B65014" s="2"/>
      <c r="C65014" s="2"/>
    </row>
    <row r="65015" spans="1:3" ht="19.2">
      <c r="A65015" s="2"/>
      <c r="B65015" s="2"/>
      <c r="C65015" s="2"/>
    </row>
    <row r="65016" spans="1:3" ht="19.2">
      <c r="A65016" s="2"/>
      <c r="B65016" s="2"/>
      <c r="C65016" s="2"/>
    </row>
    <row r="65017" spans="1:3" ht="19.2">
      <c r="A65017" s="2"/>
      <c r="B65017" s="2"/>
      <c r="C65017" s="2"/>
    </row>
    <row r="65018" spans="1:3" ht="19.2">
      <c r="A65018" s="2"/>
      <c r="B65018" s="2"/>
      <c r="C65018" s="2"/>
    </row>
    <row r="65019" spans="1:3" ht="19.2">
      <c r="A65019" s="2"/>
      <c r="B65019" s="2"/>
      <c r="C65019" s="2"/>
    </row>
    <row r="65020" spans="1:3" ht="19.2">
      <c r="A65020" s="2"/>
      <c r="B65020" s="2"/>
      <c r="C65020" s="2"/>
    </row>
    <row r="65021" spans="1:3" ht="19.2">
      <c r="A65021" s="2"/>
      <c r="B65021" s="2"/>
      <c r="C65021" s="2"/>
    </row>
    <row r="65022" spans="1:3" ht="19.2">
      <c r="A65022" s="2"/>
      <c r="B65022" s="2"/>
      <c r="C65022" s="2"/>
    </row>
    <row r="65023" spans="1:3" ht="19.2">
      <c r="A65023" s="2"/>
      <c r="B65023" s="2"/>
      <c r="C65023" s="2"/>
    </row>
    <row r="65024" spans="1:3" ht="19.2">
      <c r="A65024" s="2"/>
      <c r="B65024" s="2"/>
      <c r="C65024" s="2"/>
    </row>
    <row r="65025" spans="1:3" ht="19.2">
      <c r="A65025" s="2"/>
      <c r="B65025" s="2"/>
      <c r="C65025" s="2"/>
    </row>
    <row r="65026" spans="1:3" ht="19.2">
      <c r="A65026" s="2"/>
      <c r="B65026" s="2"/>
      <c r="C65026" s="2"/>
    </row>
    <row r="65027" spans="1:3" ht="19.2">
      <c r="A65027" s="2"/>
      <c r="B65027" s="2"/>
      <c r="C65027" s="2"/>
    </row>
    <row r="65028" spans="1:3" ht="19.2">
      <c r="A65028" s="2"/>
      <c r="B65028" s="2"/>
      <c r="C65028" s="2"/>
    </row>
    <row r="65029" spans="1:3" ht="19.2">
      <c r="A65029" s="2"/>
      <c r="B65029" s="2"/>
      <c r="C65029" s="2"/>
    </row>
    <row r="65030" spans="1:3" ht="19.2">
      <c r="A65030" s="2"/>
      <c r="B65030" s="2"/>
      <c r="C65030" s="2"/>
    </row>
    <row r="65031" spans="1:3" ht="19.2">
      <c r="A65031" s="2"/>
      <c r="B65031" s="2"/>
      <c r="C65031" s="2"/>
    </row>
    <row r="65032" spans="1:3" ht="19.2">
      <c r="A65032" s="2"/>
      <c r="B65032" s="2"/>
      <c r="C65032" s="2"/>
    </row>
    <row r="65033" spans="1:3" ht="19.2">
      <c r="A65033" s="2"/>
      <c r="B65033" s="2"/>
      <c r="C65033" s="2"/>
    </row>
    <row r="65034" spans="1:3" ht="19.2">
      <c r="A65034" s="2"/>
      <c r="B65034" s="2"/>
      <c r="C65034" s="2"/>
    </row>
    <row r="65035" spans="1:3" ht="19.2">
      <c r="A65035" s="2"/>
      <c r="B65035" s="2"/>
      <c r="C65035" s="2"/>
    </row>
    <row r="65036" spans="1:3" ht="19.2">
      <c r="A65036" s="2"/>
      <c r="B65036" s="2"/>
      <c r="C65036" s="2"/>
    </row>
    <row r="65037" spans="1:3" ht="19.2">
      <c r="A65037" s="2"/>
      <c r="B65037" s="2"/>
      <c r="C65037" s="2"/>
    </row>
    <row r="65038" spans="1:3" ht="19.2">
      <c r="A65038" s="2"/>
      <c r="B65038" s="2"/>
      <c r="C65038" s="2"/>
    </row>
    <row r="65039" spans="1:3" ht="19.2">
      <c r="A65039" s="2"/>
      <c r="B65039" s="2"/>
      <c r="C65039" s="2"/>
    </row>
    <row r="65040" spans="1:3" ht="19.2">
      <c r="A65040" s="2"/>
      <c r="B65040" s="2"/>
      <c r="C65040" s="2"/>
    </row>
    <row r="65041" spans="1:3" ht="19.2">
      <c r="A65041" s="2"/>
      <c r="B65041" s="2"/>
      <c r="C65041" s="2"/>
    </row>
    <row r="65042" spans="1:3" ht="19.2">
      <c r="A65042" s="2"/>
      <c r="B65042" s="2"/>
      <c r="C65042" s="2"/>
    </row>
    <row r="65043" spans="1:3" ht="19.2">
      <c r="A65043" s="2"/>
      <c r="B65043" s="2"/>
      <c r="C65043" s="2"/>
    </row>
    <row r="65044" spans="1:3" ht="19.2">
      <c r="A65044" s="2"/>
      <c r="B65044" s="2"/>
      <c r="C65044" s="2"/>
    </row>
    <row r="65045" spans="1:3" ht="19.2">
      <c r="A65045" s="2"/>
      <c r="B65045" s="2"/>
      <c r="C65045" s="2"/>
    </row>
    <row r="65046" spans="1:3" ht="19.2">
      <c r="A65046" s="2"/>
      <c r="B65046" s="2"/>
      <c r="C65046" s="2"/>
    </row>
    <row r="65047" spans="1:3" ht="19.2">
      <c r="A65047" s="2"/>
      <c r="B65047" s="2"/>
      <c r="C65047" s="2"/>
    </row>
    <row r="65048" spans="1:3" ht="19.2">
      <c r="A65048" s="2"/>
      <c r="B65048" s="2"/>
      <c r="C65048" s="2"/>
    </row>
    <row r="65049" spans="1:3" ht="19.2">
      <c r="A65049" s="2"/>
      <c r="B65049" s="2"/>
      <c r="C65049" s="2"/>
    </row>
    <row r="65050" spans="1:3" ht="19.2">
      <c r="A65050" s="2"/>
      <c r="B65050" s="2"/>
      <c r="C65050" s="2"/>
    </row>
    <row r="65051" spans="1:3" ht="19.2">
      <c r="A65051" s="2"/>
      <c r="B65051" s="2"/>
      <c r="C65051" s="2"/>
    </row>
    <row r="65052" spans="1:3" ht="19.2">
      <c r="A65052" s="2"/>
      <c r="B65052" s="2"/>
      <c r="C65052" s="2"/>
    </row>
    <row r="65053" spans="1:3" ht="19.2">
      <c r="A65053" s="2"/>
      <c r="B65053" s="2"/>
      <c r="C65053" s="2"/>
    </row>
    <row r="65054" spans="1:3" ht="19.2">
      <c r="A65054" s="2"/>
      <c r="B65054" s="2"/>
      <c r="C65054" s="2"/>
    </row>
    <row r="65055" spans="1:3" ht="19.2">
      <c r="A65055" s="2"/>
      <c r="B65055" s="2"/>
      <c r="C65055" s="2"/>
    </row>
    <row r="65056" spans="1:3" ht="19.2">
      <c r="A65056" s="2"/>
      <c r="B65056" s="2"/>
      <c r="C65056" s="2"/>
    </row>
    <row r="65057" spans="1:3" ht="19.2">
      <c r="A65057" s="2"/>
      <c r="B65057" s="2"/>
      <c r="C65057" s="2"/>
    </row>
    <row r="65058" spans="1:3" ht="19.2">
      <c r="A65058" s="2"/>
      <c r="B65058" s="2"/>
      <c r="C65058" s="2"/>
    </row>
    <row r="65059" spans="1:3" ht="19.2">
      <c r="A65059" s="2"/>
      <c r="B65059" s="2"/>
      <c r="C65059" s="2"/>
    </row>
    <row r="65060" spans="1:3" ht="19.2">
      <c r="A65060" s="2"/>
      <c r="B65060" s="2"/>
      <c r="C65060" s="2"/>
    </row>
    <row r="65061" spans="1:3" ht="19.2">
      <c r="A65061" s="2"/>
      <c r="B65061" s="2"/>
      <c r="C65061" s="2"/>
    </row>
    <row r="65062" spans="1:3" ht="19.2">
      <c r="A65062" s="2"/>
      <c r="B65062" s="2"/>
      <c r="C65062" s="2"/>
    </row>
    <row r="65063" spans="1:3" ht="19.2">
      <c r="A65063" s="2"/>
      <c r="B65063" s="2"/>
      <c r="C65063" s="2"/>
    </row>
    <row r="65064" spans="1:3" ht="19.2">
      <c r="A65064" s="2"/>
      <c r="B65064" s="2"/>
      <c r="C65064" s="2"/>
    </row>
    <row r="65065" spans="1:3" ht="19.2">
      <c r="A65065" s="2"/>
      <c r="B65065" s="2"/>
      <c r="C65065" s="2"/>
    </row>
    <row r="65066" spans="1:3" ht="19.2">
      <c r="A65066" s="2"/>
      <c r="B65066" s="2"/>
      <c r="C65066" s="2"/>
    </row>
    <row r="65067" spans="1:3" ht="19.2">
      <c r="A65067" s="2"/>
      <c r="B65067" s="2"/>
      <c r="C65067" s="2"/>
    </row>
    <row r="65068" spans="1:3" ht="19.2">
      <c r="A65068" s="2"/>
      <c r="B65068" s="2"/>
      <c r="C65068" s="2"/>
    </row>
    <row r="65069" spans="1:3" ht="19.2">
      <c r="A65069" s="2"/>
      <c r="B65069" s="2"/>
      <c r="C65069" s="2"/>
    </row>
    <row r="65070" spans="1:3" ht="19.2">
      <c r="A65070" s="2"/>
      <c r="B65070" s="2"/>
      <c r="C65070" s="2"/>
    </row>
    <row r="65071" spans="1:3" ht="19.2">
      <c r="A65071" s="2"/>
      <c r="B65071" s="2"/>
      <c r="C65071" s="2"/>
    </row>
    <row r="65072" spans="1:3" ht="19.2">
      <c r="A65072" s="2"/>
      <c r="B65072" s="2"/>
      <c r="C65072" s="2"/>
    </row>
    <row r="65073" spans="1:3" ht="19.2">
      <c r="A65073" s="2"/>
      <c r="B65073" s="2"/>
      <c r="C65073" s="2"/>
    </row>
    <row r="65074" spans="1:3" ht="19.2">
      <c r="A65074" s="2"/>
      <c r="B65074" s="2"/>
      <c r="C65074" s="2"/>
    </row>
    <row r="65075" spans="1:3" ht="19.2">
      <c r="A65075" s="2"/>
      <c r="B65075" s="2"/>
      <c r="C65075" s="2"/>
    </row>
    <row r="65076" spans="1:3" ht="19.2">
      <c r="A65076" s="2"/>
      <c r="B65076" s="2"/>
      <c r="C65076" s="2"/>
    </row>
    <row r="65077" spans="1:3" ht="19.2">
      <c r="A65077" s="2"/>
      <c r="B65077" s="2"/>
      <c r="C65077" s="2"/>
    </row>
    <row r="65078" spans="1:3" ht="19.2">
      <c r="A65078" s="2"/>
      <c r="B65078" s="2"/>
      <c r="C65078" s="2"/>
    </row>
    <row r="65079" spans="1:3" ht="19.2">
      <c r="A65079" s="2"/>
      <c r="B65079" s="2"/>
      <c r="C65079" s="2"/>
    </row>
    <row r="65080" spans="1:3" ht="19.2">
      <c r="A65080" s="2"/>
      <c r="B65080" s="2"/>
      <c r="C65080" s="2"/>
    </row>
    <row r="65081" spans="1:3" ht="19.2">
      <c r="A65081" s="2"/>
      <c r="B65081" s="2"/>
      <c r="C65081" s="2"/>
    </row>
    <row r="65082" spans="1:3" ht="19.2">
      <c r="A65082" s="2"/>
      <c r="B65082" s="2"/>
      <c r="C65082" s="2"/>
    </row>
    <row r="65083" spans="1:3" ht="19.2">
      <c r="A65083" s="2"/>
      <c r="B65083" s="2"/>
      <c r="C65083" s="2"/>
    </row>
    <row r="65084" spans="1:3" ht="19.2">
      <c r="A65084" s="2"/>
      <c r="B65084" s="2"/>
      <c r="C65084" s="2"/>
    </row>
    <row r="65085" spans="1:3" ht="19.2">
      <c r="A65085" s="2"/>
      <c r="B65085" s="2"/>
      <c r="C65085" s="2"/>
    </row>
    <row r="65086" spans="1:3" ht="19.2">
      <c r="A65086" s="2"/>
      <c r="B65086" s="2"/>
      <c r="C65086" s="2"/>
    </row>
    <row r="65087" spans="1:3" ht="19.2">
      <c r="A65087" s="2"/>
      <c r="B65087" s="2"/>
      <c r="C65087" s="2"/>
    </row>
    <row r="65088" spans="1:3" ht="19.2">
      <c r="A65088" s="2"/>
      <c r="B65088" s="2"/>
      <c r="C65088" s="2"/>
    </row>
    <row r="65089" spans="1:3" ht="19.2">
      <c r="A65089" s="2"/>
      <c r="B65089" s="2"/>
      <c r="C65089" s="2"/>
    </row>
    <row r="65090" spans="1:3" ht="19.2">
      <c r="A65090" s="2"/>
      <c r="B65090" s="2"/>
      <c r="C65090" s="2"/>
    </row>
    <row r="65091" spans="1:3" ht="19.2">
      <c r="A65091" s="2"/>
      <c r="B65091" s="2"/>
      <c r="C65091" s="2"/>
    </row>
    <row r="65092" spans="1:3" ht="19.2">
      <c r="A65092" s="2"/>
      <c r="B65092" s="2"/>
      <c r="C65092" s="2"/>
    </row>
    <row r="65093" spans="1:3" ht="19.2">
      <c r="A65093" s="2"/>
      <c r="B65093" s="2"/>
      <c r="C65093" s="2"/>
    </row>
    <row r="65094" spans="1:3" ht="19.2">
      <c r="A65094" s="2"/>
      <c r="B65094" s="2"/>
      <c r="C65094" s="2"/>
    </row>
    <row r="65095" spans="1:3" ht="19.2">
      <c r="A65095" s="2"/>
      <c r="B65095" s="2"/>
      <c r="C65095" s="2"/>
    </row>
    <row r="65096" spans="1:3" ht="19.2">
      <c r="A65096" s="2"/>
      <c r="B65096" s="2"/>
      <c r="C65096" s="2"/>
    </row>
    <row r="65097" spans="1:3" ht="19.2">
      <c r="A65097" s="2"/>
      <c r="B65097" s="2"/>
      <c r="C65097" s="2"/>
    </row>
    <row r="65098" spans="1:3" ht="19.2">
      <c r="A65098" s="2"/>
      <c r="B65098" s="2"/>
      <c r="C65098" s="2"/>
    </row>
    <row r="65099" spans="1:3" ht="19.2">
      <c r="A65099" s="2"/>
      <c r="B65099" s="2"/>
      <c r="C65099" s="2"/>
    </row>
    <row r="65100" spans="1:3" ht="19.2">
      <c r="A65100" s="2"/>
      <c r="B65100" s="2"/>
      <c r="C65100" s="2"/>
    </row>
    <row r="65101" spans="1:3" ht="19.2">
      <c r="A65101" s="2"/>
      <c r="B65101" s="2"/>
      <c r="C65101" s="2"/>
    </row>
    <row r="65102" spans="1:3" ht="19.2">
      <c r="A65102" s="2"/>
      <c r="B65102" s="2"/>
      <c r="C65102" s="2"/>
    </row>
    <row r="65103" spans="1:3" ht="19.2">
      <c r="A65103" s="2"/>
      <c r="B65103" s="2"/>
      <c r="C65103" s="2"/>
    </row>
    <row r="65104" spans="1:3" ht="19.2">
      <c r="A65104" s="2"/>
      <c r="B65104" s="2"/>
      <c r="C65104" s="2"/>
    </row>
    <row r="65105" spans="1:3" ht="19.2">
      <c r="A65105" s="2"/>
      <c r="B65105" s="2"/>
      <c r="C65105" s="2"/>
    </row>
    <row r="65106" spans="1:3" ht="19.2">
      <c r="A65106" s="2"/>
      <c r="B65106" s="2"/>
      <c r="C65106" s="2"/>
    </row>
    <row r="65107" spans="1:3" ht="19.2">
      <c r="A65107" s="2"/>
      <c r="B65107" s="2"/>
      <c r="C65107" s="2"/>
    </row>
    <row r="65108" spans="1:3" ht="19.2">
      <c r="A65108" s="2"/>
      <c r="B65108" s="2"/>
      <c r="C65108" s="2"/>
    </row>
    <row r="65109" spans="1:3" ht="19.2">
      <c r="A65109" s="2"/>
      <c r="B65109" s="2"/>
      <c r="C65109" s="2"/>
    </row>
    <row r="65110" spans="1:3" ht="19.2">
      <c r="A65110" s="2"/>
      <c r="B65110" s="2"/>
      <c r="C65110" s="2"/>
    </row>
    <row r="65111" spans="1:3" ht="19.2">
      <c r="A65111" s="2"/>
      <c r="B65111" s="2"/>
      <c r="C65111" s="2"/>
    </row>
    <row r="65112" spans="1:3" ht="19.2">
      <c r="A65112" s="2"/>
      <c r="B65112" s="2"/>
      <c r="C65112" s="2"/>
    </row>
    <row r="65113" spans="1:3" ht="19.2">
      <c r="A65113" s="2"/>
      <c r="B65113" s="2"/>
      <c r="C65113" s="2"/>
    </row>
    <row r="65114" spans="1:3" ht="19.2">
      <c r="A65114" s="2"/>
      <c r="B65114" s="2"/>
      <c r="C65114" s="2"/>
    </row>
    <row r="65115" spans="1:3" ht="19.2">
      <c r="A65115" s="2"/>
      <c r="B65115" s="2"/>
      <c r="C65115" s="2"/>
    </row>
    <row r="65116" spans="1:3" ht="19.2">
      <c r="A65116" s="2"/>
      <c r="B65116" s="2"/>
      <c r="C65116" s="2"/>
    </row>
    <row r="65117" spans="1:3" ht="19.2">
      <c r="A65117" s="2"/>
      <c r="B65117" s="2"/>
      <c r="C65117" s="2"/>
    </row>
    <row r="65118" spans="1:3" ht="19.2">
      <c r="A65118" s="2"/>
      <c r="B65118" s="2"/>
      <c r="C65118" s="2"/>
    </row>
    <row r="65119" spans="1:3" ht="19.2">
      <c r="A65119" s="2"/>
      <c r="B65119" s="2"/>
      <c r="C65119" s="2"/>
    </row>
    <row r="65120" spans="1:3" ht="19.2">
      <c r="A65120" s="2"/>
      <c r="B65120" s="2"/>
      <c r="C65120" s="2"/>
    </row>
    <row r="65121" spans="1:3" ht="19.2">
      <c r="A65121" s="2"/>
      <c r="B65121" s="2"/>
      <c r="C65121" s="2"/>
    </row>
    <row r="65122" spans="1:3" ht="19.2">
      <c r="A65122" s="2"/>
      <c r="B65122" s="2"/>
      <c r="C65122" s="2"/>
    </row>
    <row r="65123" spans="1:3" ht="19.2">
      <c r="A65123" s="2"/>
      <c r="B65123" s="2"/>
      <c r="C65123" s="2"/>
    </row>
    <row r="65124" spans="1:3" ht="19.2">
      <c r="A65124" s="2"/>
      <c r="B65124" s="2"/>
      <c r="C65124" s="2"/>
    </row>
    <row r="65125" spans="1:3" ht="19.2">
      <c r="A65125" s="2"/>
      <c r="B65125" s="2"/>
      <c r="C65125" s="2"/>
    </row>
    <row r="65126" spans="1:3" ht="19.2">
      <c r="A65126" s="2"/>
      <c r="B65126" s="2"/>
      <c r="C65126" s="2"/>
    </row>
    <row r="65127" spans="1:3" ht="19.2">
      <c r="A65127" s="2"/>
      <c r="B65127" s="2"/>
      <c r="C65127" s="2"/>
    </row>
    <row r="65128" spans="1:3" ht="19.2">
      <c r="A65128" s="2"/>
      <c r="B65128" s="2"/>
      <c r="C65128" s="2"/>
    </row>
    <row r="65129" spans="1:3" ht="19.2">
      <c r="A65129" s="2"/>
      <c r="B65129" s="2"/>
      <c r="C65129" s="2"/>
    </row>
    <row r="65130" spans="1:3" ht="19.2">
      <c r="A65130" s="2"/>
      <c r="B65130" s="2"/>
      <c r="C65130" s="2"/>
    </row>
    <row r="65131" spans="1:3" ht="19.2">
      <c r="A65131" s="2"/>
      <c r="B65131" s="2"/>
      <c r="C65131" s="2"/>
    </row>
    <row r="65132" spans="1:3" ht="19.2">
      <c r="A65132" s="2"/>
      <c r="B65132" s="2"/>
      <c r="C65132" s="2"/>
    </row>
    <row r="65133" spans="1:3" ht="19.2">
      <c r="A65133" s="2"/>
      <c r="B65133" s="2"/>
      <c r="C65133" s="2"/>
    </row>
    <row r="65134" spans="1:3" ht="19.2">
      <c r="A65134" s="2"/>
      <c r="B65134" s="2"/>
      <c r="C65134" s="2"/>
    </row>
    <row r="65135" spans="1:3" ht="19.2">
      <c r="A65135" s="2"/>
      <c r="B65135" s="2"/>
      <c r="C65135" s="2"/>
    </row>
    <row r="65136" spans="1:3" ht="19.2">
      <c r="A65136" s="2"/>
      <c r="B65136" s="2"/>
      <c r="C65136" s="2"/>
    </row>
    <row r="65137" spans="1:3" ht="19.2">
      <c r="A65137" s="2"/>
      <c r="B65137" s="2"/>
      <c r="C65137" s="2"/>
    </row>
    <row r="65138" spans="1:3" ht="19.2">
      <c r="A65138" s="2"/>
      <c r="B65138" s="2"/>
      <c r="C65138" s="2"/>
    </row>
    <row r="65139" spans="1:3" ht="19.2">
      <c r="A65139" s="2"/>
      <c r="B65139" s="2"/>
      <c r="C65139" s="2"/>
    </row>
    <row r="65140" spans="1:3" ht="19.2">
      <c r="A65140" s="2"/>
      <c r="B65140" s="2"/>
      <c r="C65140" s="2"/>
    </row>
    <row r="65141" spans="1:3" ht="19.2">
      <c r="A65141" s="2"/>
      <c r="B65141" s="2"/>
      <c r="C65141" s="2"/>
    </row>
    <row r="65142" spans="1:3" ht="19.2">
      <c r="A65142" s="2"/>
      <c r="B65142" s="2"/>
      <c r="C65142" s="2"/>
    </row>
    <row r="65143" spans="1:3" ht="19.2">
      <c r="A65143" s="2"/>
      <c r="B65143" s="2"/>
      <c r="C65143" s="2"/>
    </row>
    <row r="65144" spans="1:3" ht="19.2">
      <c r="A65144" s="2"/>
      <c r="B65144" s="2"/>
      <c r="C65144" s="2"/>
    </row>
    <row r="65145" spans="1:3" ht="19.2">
      <c r="A65145" s="2"/>
      <c r="B65145" s="2"/>
      <c r="C65145" s="2"/>
    </row>
    <row r="65146" spans="1:3" ht="19.2">
      <c r="A65146" s="2"/>
      <c r="B65146" s="2"/>
      <c r="C65146" s="2"/>
    </row>
    <row r="65147" spans="1:3" ht="19.2">
      <c r="A65147" s="2"/>
      <c r="B65147" s="2"/>
      <c r="C65147" s="2"/>
    </row>
    <row r="65148" spans="1:3" ht="19.2">
      <c r="A65148" s="2"/>
      <c r="B65148" s="2"/>
      <c r="C65148" s="2"/>
    </row>
    <row r="65149" spans="1:3" ht="19.2">
      <c r="A65149" s="2"/>
      <c r="B65149" s="2"/>
      <c r="C65149" s="2"/>
    </row>
    <row r="65150" spans="1:3" ht="19.2">
      <c r="A65150" s="2"/>
      <c r="B65150" s="2"/>
      <c r="C65150" s="2"/>
    </row>
    <row r="65151" spans="1:3" ht="19.2">
      <c r="A65151" s="2"/>
      <c r="B65151" s="2"/>
      <c r="C65151" s="2"/>
    </row>
    <row r="65152" spans="1:3" ht="19.2">
      <c r="A65152" s="2"/>
      <c r="B65152" s="2"/>
      <c r="C65152" s="2"/>
    </row>
    <row r="65153" spans="1:3" ht="19.2">
      <c r="A65153" s="2"/>
      <c r="B65153" s="2"/>
      <c r="C65153" s="2"/>
    </row>
    <row r="65154" spans="1:3" ht="19.2">
      <c r="A65154" s="2"/>
      <c r="B65154" s="2"/>
      <c r="C65154" s="2"/>
    </row>
    <row r="65155" spans="1:3" ht="19.2">
      <c r="A65155" s="2"/>
      <c r="B65155" s="2"/>
      <c r="C65155" s="2"/>
    </row>
    <row r="65156" spans="1:3" ht="19.2">
      <c r="A65156" s="2"/>
      <c r="B65156" s="2"/>
      <c r="C65156" s="2"/>
    </row>
    <row r="65157" spans="1:3" ht="19.2">
      <c r="A65157" s="2"/>
      <c r="B65157" s="2"/>
      <c r="C65157" s="2"/>
    </row>
    <row r="65158" spans="1:3" ht="19.2">
      <c r="A65158" s="2"/>
      <c r="B65158" s="2"/>
      <c r="C65158" s="2"/>
    </row>
    <row r="65159" spans="1:3" ht="19.2">
      <c r="A65159" s="2"/>
      <c r="B65159" s="2"/>
      <c r="C65159" s="2"/>
    </row>
    <row r="65160" spans="1:3" ht="19.2">
      <c r="A65160" s="2"/>
      <c r="B65160" s="2"/>
      <c r="C65160" s="2"/>
    </row>
    <row r="65161" spans="1:3" ht="19.2">
      <c r="A65161" s="2"/>
      <c r="B65161" s="2"/>
      <c r="C65161" s="2"/>
    </row>
    <row r="65162" spans="1:3" ht="19.2">
      <c r="A65162" s="2"/>
      <c r="B65162" s="2"/>
      <c r="C65162" s="2"/>
    </row>
    <row r="65163" spans="1:3" ht="19.2">
      <c r="A65163" s="2"/>
      <c r="B65163" s="2"/>
      <c r="C65163" s="2"/>
    </row>
    <row r="65164" spans="1:3" ht="19.2">
      <c r="A65164" s="2"/>
      <c r="B65164" s="2"/>
      <c r="C65164" s="2"/>
    </row>
    <row r="65165" spans="1:3" ht="19.2">
      <c r="A65165" s="2"/>
      <c r="B65165" s="2"/>
      <c r="C65165" s="2"/>
    </row>
    <row r="65166" spans="1:3" ht="19.2">
      <c r="A65166" s="2"/>
      <c r="B65166" s="2"/>
      <c r="C65166" s="2"/>
    </row>
    <row r="65167" spans="1:3" ht="19.2">
      <c r="A65167" s="2"/>
      <c r="B65167" s="2"/>
      <c r="C65167" s="2"/>
    </row>
    <row r="65168" spans="1:3" ht="19.2">
      <c r="A65168" s="2"/>
      <c r="B65168" s="2"/>
      <c r="C65168" s="2"/>
    </row>
    <row r="65169" spans="1:3" ht="19.2">
      <c r="A65169" s="2"/>
      <c r="B65169" s="2"/>
      <c r="C65169" s="2"/>
    </row>
    <row r="65170" spans="1:3" ht="19.2">
      <c r="A65170" s="2"/>
      <c r="B65170" s="2"/>
      <c r="C65170" s="2"/>
    </row>
    <row r="65171" spans="1:3" ht="19.2">
      <c r="A65171" s="2"/>
      <c r="B65171" s="2"/>
      <c r="C65171" s="2"/>
    </row>
    <row r="65172" spans="1:3" ht="19.2">
      <c r="A65172" s="2"/>
      <c r="B65172" s="2"/>
      <c r="C65172" s="2"/>
    </row>
    <row r="65173" spans="1:3" ht="19.2">
      <c r="A65173" s="2"/>
      <c r="B65173" s="2"/>
      <c r="C65173" s="2"/>
    </row>
    <row r="65174" spans="1:3" ht="19.2">
      <c r="A65174" s="2"/>
      <c r="B65174" s="2"/>
      <c r="C65174" s="2"/>
    </row>
    <row r="65175" spans="1:3" ht="19.2">
      <c r="A65175" s="2"/>
      <c r="B65175" s="2"/>
      <c r="C65175" s="2"/>
    </row>
    <row r="65176" spans="1:3" ht="19.2">
      <c r="A65176" s="2"/>
      <c r="B65176" s="2"/>
      <c r="C65176" s="2"/>
    </row>
    <row r="65177" spans="1:3" ht="19.2">
      <c r="A65177" s="2"/>
      <c r="B65177" s="2"/>
      <c r="C65177" s="2"/>
    </row>
    <row r="65178" spans="1:3" ht="19.2">
      <c r="A65178" s="2"/>
      <c r="B65178" s="2"/>
      <c r="C65178" s="2"/>
    </row>
    <row r="65179" spans="1:3" ht="19.2">
      <c r="A65179" s="2"/>
      <c r="B65179" s="2"/>
      <c r="C65179" s="2"/>
    </row>
    <row r="65180" spans="1:3" ht="19.2">
      <c r="A65180" s="2"/>
      <c r="B65180" s="2"/>
      <c r="C65180" s="2"/>
    </row>
    <row r="65181" spans="1:3" ht="19.2">
      <c r="A65181" s="2"/>
      <c r="B65181" s="2"/>
      <c r="C65181" s="2"/>
    </row>
    <row r="65182" spans="1:3" ht="19.2">
      <c r="A65182" s="2"/>
      <c r="B65182" s="2"/>
      <c r="C65182" s="2"/>
    </row>
    <row r="65183" spans="1:3" ht="19.2">
      <c r="A65183" s="2"/>
      <c r="B65183" s="2"/>
      <c r="C65183" s="2"/>
    </row>
    <row r="65184" spans="1:3" ht="19.2">
      <c r="A65184" s="2"/>
      <c r="B65184" s="2"/>
      <c r="C65184" s="2"/>
    </row>
    <row r="65185" spans="1:3" ht="19.2">
      <c r="A65185" s="2"/>
      <c r="B65185" s="2"/>
      <c r="C65185" s="2"/>
    </row>
    <row r="65186" spans="1:3" ht="19.2">
      <c r="A65186" s="2"/>
      <c r="B65186" s="2"/>
      <c r="C65186" s="2"/>
    </row>
    <row r="65187" spans="1:3" ht="19.2">
      <c r="A65187" s="2"/>
      <c r="B65187" s="2"/>
      <c r="C65187" s="2"/>
    </row>
    <row r="65188" spans="1:3" ht="19.2">
      <c r="A65188" s="2"/>
      <c r="B65188" s="2"/>
      <c r="C65188" s="2"/>
    </row>
    <row r="65189" spans="1:3" ht="19.2">
      <c r="A65189" s="2"/>
      <c r="B65189" s="2"/>
      <c r="C65189" s="2"/>
    </row>
    <row r="65190" spans="1:3" ht="19.2">
      <c r="A65190" s="2"/>
      <c r="B65190" s="2"/>
      <c r="C65190" s="2"/>
    </row>
    <row r="65191" spans="1:3" ht="19.2">
      <c r="A65191" s="2"/>
      <c r="B65191" s="2"/>
      <c r="C65191" s="2"/>
    </row>
    <row r="65192" spans="1:3" ht="19.2">
      <c r="A65192" s="2"/>
      <c r="B65192" s="2"/>
      <c r="C65192" s="2"/>
    </row>
    <row r="65193" spans="1:3" ht="19.2">
      <c r="A65193" s="2"/>
      <c r="B65193" s="2"/>
      <c r="C65193" s="2"/>
    </row>
    <row r="65194" spans="1:3" ht="19.2">
      <c r="A65194" s="2"/>
      <c r="B65194" s="2"/>
      <c r="C65194" s="2"/>
    </row>
    <row r="65195" spans="1:3" ht="19.2">
      <c r="A65195" s="2"/>
      <c r="B65195" s="2"/>
      <c r="C65195" s="2"/>
    </row>
    <row r="65196" spans="1:3" ht="19.2">
      <c r="A65196" s="2"/>
      <c r="B65196" s="2"/>
      <c r="C65196" s="2"/>
    </row>
    <row r="65197" spans="1:3" ht="19.2">
      <c r="A65197" s="2"/>
      <c r="B65197" s="2"/>
      <c r="C65197" s="2"/>
    </row>
    <row r="65198" spans="1:3" ht="19.2">
      <c r="A65198" s="2"/>
      <c r="B65198" s="2"/>
      <c r="C65198" s="2"/>
    </row>
    <row r="65199" spans="1:3" ht="19.2">
      <c r="A65199" s="2"/>
      <c r="B65199" s="2"/>
      <c r="C65199" s="2"/>
    </row>
    <row r="65200" spans="1:3" ht="19.2">
      <c r="A65200" s="2"/>
      <c r="B65200" s="2"/>
      <c r="C65200" s="2"/>
    </row>
    <row r="65201" spans="1:3" ht="19.2">
      <c r="A65201" s="2"/>
      <c r="B65201" s="2"/>
      <c r="C65201" s="2"/>
    </row>
    <row r="65202" spans="1:3" ht="19.2">
      <c r="A65202" s="2"/>
      <c r="B65202" s="2"/>
      <c r="C65202" s="2"/>
    </row>
    <row r="65203" spans="1:3" ht="19.2">
      <c r="A65203" s="2"/>
      <c r="B65203" s="2"/>
      <c r="C65203" s="2"/>
    </row>
    <row r="65204" spans="1:3" ht="19.2">
      <c r="A65204" s="2"/>
      <c r="B65204" s="2"/>
      <c r="C65204" s="2"/>
    </row>
    <row r="65205" spans="1:3" ht="19.2">
      <c r="A65205" s="2"/>
      <c r="B65205" s="2"/>
      <c r="C65205" s="2"/>
    </row>
    <row r="65206" spans="1:3" ht="19.2">
      <c r="A65206" s="2"/>
      <c r="B65206" s="2"/>
      <c r="C65206" s="2"/>
    </row>
    <row r="65207" spans="1:3" ht="19.2">
      <c r="A65207" s="2"/>
      <c r="B65207" s="2"/>
      <c r="C65207" s="2"/>
    </row>
    <row r="65208" spans="1:3" ht="19.2">
      <c r="A65208" s="2"/>
      <c r="B65208" s="2"/>
      <c r="C65208" s="2"/>
    </row>
    <row r="65209" spans="1:3" ht="19.2">
      <c r="A65209" s="2"/>
      <c r="B65209" s="2"/>
      <c r="C65209" s="2"/>
    </row>
    <row r="65210" spans="1:3" ht="19.2">
      <c r="A65210" s="2"/>
      <c r="B65210" s="2"/>
      <c r="C65210" s="2"/>
    </row>
    <row r="65211" spans="1:3" ht="19.2">
      <c r="A65211" s="2"/>
      <c r="B65211" s="2"/>
      <c r="C65211" s="2"/>
    </row>
    <row r="65212" spans="1:3" ht="19.2">
      <c r="A65212" s="2"/>
      <c r="B65212" s="2"/>
      <c r="C65212" s="2"/>
    </row>
    <row r="65213" spans="1:3" ht="19.2">
      <c r="A65213" s="2"/>
      <c r="B65213" s="2"/>
      <c r="C65213" s="2"/>
    </row>
    <row r="65214" spans="1:3" ht="19.2">
      <c r="A65214" s="2"/>
      <c r="B65214" s="2"/>
      <c r="C65214" s="2"/>
    </row>
    <row r="65215" spans="1:3" ht="19.2">
      <c r="A65215" s="2"/>
      <c r="B65215" s="2"/>
      <c r="C65215" s="2"/>
    </row>
    <row r="65216" spans="1:3" ht="19.2">
      <c r="A65216" s="2"/>
      <c r="B65216" s="2"/>
      <c r="C65216" s="2"/>
    </row>
    <row r="65217" spans="1:3" ht="19.2">
      <c r="A65217" s="2"/>
      <c r="B65217" s="2"/>
      <c r="C65217" s="2"/>
    </row>
    <row r="65218" spans="1:3" ht="19.2">
      <c r="A65218" s="2"/>
      <c r="B65218" s="2"/>
      <c r="C65218" s="2"/>
    </row>
    <row r="65219" spans="1:3" ht="19.2">
      <c r="A65219" s="2"/>
      <c r="B65219" s="2"/>
      <c r="C65219" s="2"/>
    </row>
    <row r="65220" spans="1:3" ht="19.2">
      <c r="A65220" s="2"/>
      <c r="B65220" s="2"/>
      <c r="C65220" s="2"/>
    </row>
    <row r="65221" spans="1:3" ht="19.2">
      <c r="A65221" s="2"/>
      <c r="B65221" s="2"/>
      <c r="C65221" s="2"/>
    </row>
    <row r="65222" spans="1:3" ht="19.2">
      <c r="A65222" s="2"/>
      <c r="B65222" s="2"/>
      <c r="C65222" s="2"/>
    </row>
    <row r="65223" spans="1:3" ht="19.2">
      <c r="A65223" s="2"/>
      <c r="B65223" s="2"/>
      <c r="C65223" s="2"/>
    </row>
    <row r="65224" spans="1:3" ht="19.2">
      <c r="A65224" s="2"/>
      <c r="B65224" s="2"/>
      <c r="C65224" s="2"/>
    </row>
    <row r="65225" spans="1:3" ht="19.2">
      <c r="A65225" s="2"/>
      <c r="B65225" s="2"/>
      <c r="C65225" s="2"/>
    </row>
    <row r="65226" spans="1:3" ht="19.2">
      <c r="A65226" s="2"/>
      <c r="B65226" s="2"/>
      <c r="C65226" s="2"/>
    </row>
    <row r="65227" spans="1:3" ht="19.2">
      <c r="A65227" s="2"/>
      <c r="B65227" s="2"/>
      <c r="C65227" s="2"/>
    </row>
    <row r="65228" spans="1:3" ht="19.2">
      <c r="A65228" s="2"/>
      <c r="B65228" s="2"/>
      <c r="C65228" s="2"/>
    </row>
    <row r="65229" spans="1:3" ht="19.2">
      <c r="A65229" s="2"/>
      <c r="B65229" s="2"/>
      <c r="C65229" s="2"/>
    </row>
    <row r="65230" spans="1:3" ht="19.2">
      <c r="A65230" s="2"/>
      <c r="B65230" s="2"/>
      <c r="C65230" s="2"/>
    </row>
    <row r="65231" spans="1:3" ht="19.2">
      <c r="A65231" s="2"/>
      <c r="B65231" s="2"/>
      <c r="C65231" s="2"/>
    </row>
    <row r="65232" spans="1:3" ht="19.2">
      <c r="A65232" s="2"/>
      <c r="B65232" s="2"/>
      <c r="C65232" s="2"/>
    </row>
    <row r="65233" spans="1:3" ht="19.2">
      <c r="A65233" s="2"/>
      <c r="B65233" s="2"/>
      <c r="C65233" s="2"/>
    </row>
    <row r="65234" spans="1:3" ht="19.2">
      <c r="A65234" s="2"/>
      <c r="B65234" s="2"/>
      <c r="C65234" s="2"/>
    </row>
    <row r="65235" spans="1:3" ht="19.2">
      <c r="A65235" s="2"/>
      <c r="B65235" s="2"/>
      <c r="C65235" s="2"/>
    </row>
    <row r="65236" spans="1:3" ht="19.2">
      <c r="A65236" s="2"/>
      <c r="B65236" s="2"/>
      <c r="C65236" s="2"/>
    </row>
    <row r="65237" spans="1:3" ht="19.2">
      <c r="A65237" s="2"/>
      <c r="B65237" s="2"/>
      <c r="C65237" s="2"/>
    </row>
    <row r="65238" spans="1:3" ht="19.2">
      <c r="A65238" s="2"/>
      <c r="B65238" s="2"/>
      <c r="C65238" s="2"/>
    </row>
    <row r="65239" spans="1:3" ht="19.2">
      <c r="A65239" s="2"/>
      <c r="B65239" s="2"/>
      <c r="C65239" s="2"/>
    </row>
    <row r="65240" spans="1:3" ht="19.2">
      <c r="A65240" s="2"/>
      <c r="B65240" s="2"/>
      <c r="C65240" s="2"/>
    </row>
    <row r="65241" spans="1:3" ht="19.2">
      <c r="A65241" s="2"/>
      <c r="B65241" s="2"/>
      <c r="C65241" s="2"/>
    </row>
    <row r="65242" spans="1:3" ht="19.2">
      <c r="A65242" s="2"/>
      <c r="B65242" s="2"/>
      <c r="C65242" s="2"/>
    </row>
    <row r="65243" spans="1:3" ht="19.2">
      <c r="A65243" s="2"/>
      <c r="B65243" s="2"/>
      <c r="C65243" s="2"/>
    </row>
    <row r="65244" spans="1:3" ht="19.2">
      <c r="A65244" s="2"/>
      <c r="B65244" s="2"/>
      <c r="C65244" s="2"/>
    </row>
    <row r="65245" spans="1:3" ht="19.2">
      <c r="A65245" s="2"/>
      <c r="B65245" s="2"/>
      <c r="C65245" s="2"/>
    </row>
    <row r="65246" spans="1:3" ht="19.2">
      <c r="A65246" s="2"/>
      <c r="B65246" s="2"/>
      <c r="C65246" s="2"/>
    </row>
    <row r="65247" spans="1:3" ht="19.2">
      <c r="A65247" s="2"/>
      <c r="B65247" s="2"/>
      <c r="C65247" s="2"/>
    </row>
    <row r="65248" spans="1:3" ht="19.2">
      <c r="A65248" s="2"/>
      <c r="B65248" s="2"/>
      <c r="C65248" s="2"/>
    </row>
    <row r="65249" spans="1:3" ht="19.2">
      <c r="A65249" s="2"/>
      <c r="B65249" s="2"/>
      <c r="C65249" s="2"/>
    </row>
    <row r="65250" spans="1:3" ht="19.2">
      <c r="A65250" s="2"/>
      <c r="B65250" s="2"/>
      <c r="C65250" s="2"/>
    </row>
    <row r="65251" spans="1:3" ht="19.2">
      <c r="A65251" s="2"/>
      <c r="B65251" s="2"/>
      <c r="C65251" s="2"/>
    </row>
    <row r="65252" spans="1:3" ht="19.2">
      <c r="A65252" s="2"/>
      <c r="B65252" s="2"/>
      <c r="C65252" s="2"/>
    </row>
    <row r="65253" spans="1:3" ht="19.2">
      <c r="A65253" s="2"/>
      <c r="B65253" s="2"/>
      <c r="C65253" s="2"/>
    </row>
    <row r="65254" spans="1:3" ht="19.2">
      <c r="A65254" s="2"/>
      <c r="B65254" s="2"/>
      <c r="C65254" s="2"/>
    </row>
    <row r="65255" spans="1:3" ht="19.2">
      <c r="A65255" s="2"/>
      <c r="B65255" s="2"/>
      <c r="C65255" s="2"/>
    </row>
    <row r="65256" spans="1:3" ht="19.2">
      <c r="A65256" s="2"/>
      <c r="B65256" s="2"/>
      <c r="C65256" s="2"/>
    </row>
    <row r="65257" spans="1:3" ht="19.2">
      <c r="A65257" s="2"/>
      <c r="B65257" s="2"/>
      <c r="C65257" s="2"/>
    </row>
    <row r="65258" spans="1:3" ht="19.2">
      <c r="A65258" s="2"/>
      <c r="B65258" s="2"/>
      <c r="C65258" s="2"/>
    </row>
    <row r="65259" spans="1:3" ht="19.2">
      <c r="A65259" s="2"/>
      <c r="B65259" s="2"/>
      <c r="C65259" s="2"/>
    </row>
    <row r="65260" spans="1:3" ht="19.2">
      <c r="A65260" s="2"/>
      <c r="B65260" s="2"/>
      <c r="C65260" s="2"/>
    </row>
    <row r="65261" spans="1:3" ht="19.2">
      <c r="A65261" s="2"/>
      <c r="B65261" s="2"/>
      <c r="C65261" s="2"/>
    </row>
    <row r="65262" spans="1:3" ht="19.2">
      <c r="A65262" s="2"/>
      <c r="B65262" s="2"/>
      <c r="C65262" s="2"/>
    </row>
    <row r="65263" spans="1:3" ht="19.2">
      <c r="A65263" s="2"/>
      <c r="B65263" s="2"/>
      <c r="C65263" s="2"/>
    </row>
    <row r="65264" spans="1:3" ht="19.2">
      <c r="A65264" s="2"/>
      <c r="B65264" s="2"/>
      <c r="C65264" s="2"/>
    </row>
    <row r="65265" spans="1:3" ht="19.2">
      <c r="A65265" s="2"/>
      <c r="B65265" s="2"/>
      <c r="C65265" s="2"/>
    </row>
    <row r="65266" spans="1:3" ht="19.2">
      <c r="A65266" s="2"/>
      <c r="B65266" s="2"/>
      <c r="C65266" s="2"/>
    </row>
    <row r="65267" spans="1:3" ht="19.2">
      <c r="A65267" s="2"/>
      <c r="B65267" s="2"/>
      <c r="C65267" s="2"/>
    </row>
    <row r="65268" spans="1:3" ht="19.2">
      <c r="A65268" s="2"/>
      <c r="B65268" s="2"/>
      <c r="C65268" s="2"/>
    </row>
    <row r="65269" spans="1:3" ht="19.2">
      <c r="A65269" s="2"/>
      <c r="B65269" s="2"/>
      <c r="C65269" s="2"/>
    </row>
    <row r="65270" spans="1:3" ht="19.2">
      <c r="A65270" s="2"/>
      <c r="B65270" s="2"/>
      <c r="C65270" s="2"/>
    </row>
    <row r="65271" spans="1:3" ht="19.2">
      <c r="A65271" s="2"/>
      <c r="B65271" s="2"/>
      <c r="C65271" s="2"/>
    </row>
    <row r="65272" spans="1:3" ht="19.2">
      <c r="A65272" s="2"/>
      <c r="B65272" s="2"/>
      <c r="C65272" s="2"/>
    </row>
    <row r="65273" spans="1:3" ht="19.2">
      <c r="A65273" s="2"/>
      <c r="B65273" s="2"/>
      <c r="C65273" s="2"/>
    </row>
    <row r="65274" spans="1:3" ht="19.2">
      <c r="A65274" s="2"/>
      <c r="B65274" s="2"/>
      <c r="C65274" s="2"/>
    </row>
    <row r="65275" spans="1:3" ht="19.2">
      <c r="A65275" s="2"/>
      <c r="B65275" s="2"/>
      <c r="C65275" s="2"/>
    </row>
    <row r="65276" spans="1:3" ht="19.2">
      <c r="A65276" s="2"/>
      <c r="B65276" s="2"/>
      <c r="C65276" s="2"/>
    </row>
    <row r="65277" spans="1:3" ht="19.2">
      <c r="A65277" s="2"/>
      <c r="B65277" s="2"/>
      <c r="C65277" s="2"/>
    </row>
    <row r="65278" spans="1:3" ht="19.2">
      <c r="A65278" s="2"/>
      <c r="B65278" s="2"/>
      <c r="C65278" s="2"/>
    </row>
    <row r="65279" spans="1:3" ht="19.2">
      <c r="A65279" s="2"/>
      <c r="B65279" s="2"/>
      <c r="C65279" s="2"/>
    </row>
    <row r="65280" spans="1:3" ht="19.2">
      <c r="A65280" s="2"/>
      <c r="B65280" s="2"/>
      <c r="C65280" s="2"/>
    </row>
    <row r="65281" spans="1:3" ht="19.2">
      <c r="A65281" s="2"/>
      <c r="B65281" s="2"/>
      <c r="C65281" s="2"/>
    </row>
    <row r="65282" spans="1:3" ht="19.2">
      <c r="A65282" s="2"/>
      <c r="B65282" s="2"/>
      <c r="C65282" s="2"/>
    </row>
    <row r="65283" spans="1:3" ht="19.2">
      <c r="A65283" s="2"/>
      <c r="B65283" s="2"/>
      <c r="C65283" s="2"/>
    </row>
    <row r="65284" spans="1:3" ht="19.2">
      <c r="A65284" s="2"/>
      <c r="B65284" s="2"/>
      <c r="C65284" s="2"/>
    </row>
    <row r="65285" spans="1:3" ht="19.2">
      <c r="A65285" s="2"/>
      <c r="B65285" s="2"/>
      <c r="C65285" s="2"/>
    </row>
    <row r="65286" spans="1:3" ht="19.2">
      <c r="A65286" s="2"/>
      <c r="B65286" s="2"/>
      <c r="C65286" s="2"/>
    </row>
    <row r="65287" spans="1:3" ht="19.2">
      <c r="A65287" s="2"/>
      <c r="B65287" s="2"/>
      <c r="C65287" s="2"/>
    </row>
    <row r="65288" spans="1:3" ht="19.2">
      <c r="A65288" s="2"/>
      <c r="B65288" s="2"/>
      <c r="C65288" s="2"/>
    </row>
    <row r="65289" spans="1:3" ht="19.2">
      <c r="A65289" s="2"/>
      <c r="B65289" s="2"/>
      <c r="C65289" s="2"/>
    </row>
    <row r="65290" spans="1:3" ht="19.2">
      <c r="A65290" s="2"/>
      <c r="B65290" s="2"/>
      <c r="C65290" s="2"/>
    </row>
    <row r="65291" spans="1:3" ht="19.2">
      <c r="A65291" s="2"/>
      <c r="B65291" s="2"/>
      <c r="C65291" s="2"/>
    </row>
    <row r="65292" spans="1:3" ht="19.2">
      <c r="A65292" s="2"/>
      <c r="B65292" s="2"/>
      <c r="C65292" s="2"/>
    </row>
    <row r="65293" spans="1:3" ht="19.2">
      <c r="A65293" s="2"/>
      <c r="B65293" s="2"/>
      <c r="C65293" s="2"/>
    </row>
    <row r="65294" spans="1:3" ht="19.2">
      <c r="A65294" s="2"/>
      <c r="B65294" s="2"/>
      <c r="C65294" s="2"/>
    </row>
    <row r="65295" spans="1:3" ht="19.2">
      <c r="A65295" s="2"/>
      <c r="B65295" s="2"/>
      <c r="C65295" s="2"/>
    </row>
    <row r="65296" spans="1:3" ht="19.2">
      <c r="A65296" s="2"/>
      <c r="B65296" s="2"/>
      <c r="C65296" s="2"/>
    </row>
    <row r="65297" spans="1:3" ht="19.2">
      <c r="A65297" s="2"/>
      <c r="B65297" s="2"/>
      <c r="C65297" s="2"/>
    </row>
    <row r="65298" spans="1:3" ht="19.2">
      <c r="A65298" s="2"/>
      <c r="B65298" s="2"/>
      <c r="C65298" s="2"/>
    </row>
    <row r="65299" spans="1:3" ht="19.2">
      <c r="A65299" s="2"/>
      <c r="B65299" s="2"/>
      <c r="C65299" s="2"/>
    </row>
    <row r="65300" spans="1:3" ht="19.2">
      <c r="A65300" s="2"/>
      <c r="B65300" s="2"/>
      <c r="C65300" s="2"/>
    </row>
    <row r="65301" spans="1:3" ht="19.2">
      <c r="A65301" s="2"/>
      <c r="B65301" s="2"/>
      <c r="C65301" s="2"/>
    </row>
    <row r="65302" spans="1:3" ht="19.2">
      <c r="A65302" s="2"/>
      <c r="B65302" s="2"/>
      <c r="C65302" s="2"/>
    </row>
    <row r="65303" spans="1:3" ht="19.2">
      <c r="A65303" s="2"/>
      <c r="B65303" s="2"/>
      <c r="C65303" s="2"/>
    </row>
    <row r="65304" spans="1:3" ht="19.2">
      <c r="A65304" s="2"/>
      <c r="B65304" s="2"/>
      <c r="C65304" s="2"/>
    </row>
    <row r="65305" spans="1:3" ht="19.2">
      <c r="A65305" s="2"/>
      <c r="B65305" s="2"/>
      <c r="C65305" s="2"/>
    </row>
    <row r="65306" spans="1:3" ht="19.2">
      <c r="A65306" s="2"/>
      <c r="B65306" s="2"/>
      <c r="C65306" s="2"/>
    </row>
    <row r="65307" spans="1:3" ht="19.2">
      <c r="A65307" s="2"/>
      <c r="B65307" s="2"/>
      <c r="C65307" s="2"/>
    </row>
    <row r="65308" spans="1:3" ht="19.2">
      <c r="A65308" s="2"/>
      <c r="B65308" s="2"/>
      <c r="C65308" s="2"/>
    </row>
    <row r="65309" spans="1:3" ht="19.2">
      <c r="A65309" s="2"/>
      <c r="B65309" s="2"/>
      <c r="C65309" s="2"/>
    </row>
    <row r="65310" spans="1:3" ht="19.2">
      <c r="A65310" s="2"/>
      <c r="B65310" s="2"/>
      <c r="C65310" s="2"/>
    </row>
    <row r="65311" spans="1:3" ht="19.2">
      <c r="A65311" s="2"/>
      <c r="B65311" s="2"/>
      <c r="C65311" s="2"/>
    </row>
    <row r="65312" spans="1:3" ht="19.2">
      <c r="A65312" s="2"/>
      <c r="B65312" s="2"/>
      <c r="C65312" s="2"/>
    </row>
    <row r="65313" spans="1:3" ht="19.2">
      <c r="A65313" s="2"/>
      <c r="B65313" s="2"/>
      <c r="C65313" s="2"/>
    </row>
    <row r="65314" spans="1:3" ht="19.2">
      <c r="A65314" s="2"/>
      <c r="B65314" s="2"/>
      <c r="C65314" s="2"/>
    </row>
    <row r="65315" spans="1:3" ht="19.2">
      <c r="A65315" s="2"/>
      <c r="B65315" s="2"/>
      <c r="C65315" s="2"/>
    </row>
    <row r="65316" spans="1:3" ht="19.2">
      <c r="A65316" s="2"/>
      <c r="B65316" s="2"/>
      <c r="C65316" s="2"/>
    </row>
    <row r="65317" spans="1:3" ht="19.2">
      <c r="A65317" s="2"/>
      <c r="B65317" s="2"/>
      <c r="C65317" s="2"/>
    </row>
    <row r="65318" spans="1:3" ht="19.2">
      <c r="A65318" s="2"/>
      <c r="B65318" s="2"/>
      <c r="C65318" s="2"/>
    </row>
    <row r="65319" spans="1:3" ht="19.2">
      <c r="A65319" s="2"/>
      <c r="B65319" s="2"/>
      <c r="C65319" s="2"/>
    </row>
    <row r="65320" spans="1:3" ht="19.2">
      <c r="A65320" s="2"/>
      <c r="B65320" s="2"/>
      <c r="C65320" s="2"/>
    </row>
    <row r="65321" spans="1:3" ht="19.2">
      <c r="A65321" s="2"/>
      <c r="B65321" s="2"/>
      <c r="C65321" s="2"/>
    </row>
    <row r="65322" spans="1:3" ht="19.2">
      <c r="A65322" s="2"/>
      <c r="B65322" s="2"/>
      <c r="C65322" s="2"/>
    </row>
    <row r="65323" spans="1:3" ht="19.2">
      <c r="A65323" s="2"/>
      <c r="B65323" s="2"/>
      <c r="C65323" s="2"/>
    </row>
    <row r="65324" spans="1:3" ht="19.2">
      <c r="A65324" s="2"/>
      <c r="B65324" s="2"/>
      <c r="C65324" s="2"/>
    </row>
    <row r="65325" spans="1:3" ht="19.2">
      <c r="A65325" s="2"/>
      <c r="B65325" s="2"/>
      <c r="C65325" s="2"/>
    </row>
    <row r="65326" spans="1:3" ht="19.2">
      <c r="A65326" s="2"/>
      <c r="B65326" s="2"/>
      <c r="C65326" s="2"/>
    </row>
    <row r="65327" spans="1:3" ht="19.2">
      <c r="A65327" s="2"/>
      <c r="B65327" s="2"/>
      <c r="C65327" s="2"/>
    </row>
    <row r="65328" spans="1:3" ht="19.2">
      <c r="A65328" s="2"/>
      <c r="B65328" s="2"/>
      <c r="C65328" s="2"/>
    </row>
    <row r="65329" spans="1:3" ht="19.2">
      <c r="A65329" s="2"/>
      <c r="B65329" s="2"/>
      <c r="C65329" s="2"/>
    </row>
    <row r="65330" spans="1:3" ht="19.2">
      <c r="A65330" s="2"/>
      <c r="B65330" s="2"/>
      <c r="C65330" s="2"/>
    </row>
    <row r="65331" spans="1:3" ht="19.2">
      <c r="A65331" s="2"/>
      <c r="B65331" s="2"/>
      <c r="C65331" s="2"/>
    </row>
    <row r="65332" spans="1:3" ht="19.2">
      <c r="A65332" s="2"/>
      <c r="B65332" s="2"/>
      <c r="C65332" s="2"/>
    </row>
    <row r="65333" spans="1:3" ht="19.2">
      <c r="A65333" s="2"/>
      <c r="B65333" s="2"/>
      <c r="C65333" s="2"/>
    </row>
    <row r="65334" spans="1:3" ht="19.2">
      <c r="A65334" s="2"/>
      <c r="B65334" s="2"/>
      <c r="C65334" s="2"/>
    </row>
    <row r="65335" spans="1:3" ht="19.2">
      <c r="A65335" s="2"/>
      <c r="B65335" s="2"/>
      <c r="C65335" s="2"/>
    </row>
    <row r="65336" spans="1:3" ht="19.2">
      <c r="A65336" s="2"/>
      <c r="B65336" s="2"/>
      <c r="C65336" s="2"/>
    </row>
    <row r="65337" spans="1:3" ht="19.2">
      <c r="A65337" s="2"/>
      <c r="B65337" s="2"/>
      <c r="C65337" s="2"/>
    </row>
    <row r="65338" spans="1:3" ht="19.2">
      <c r="A65338" s="2"/>
      <c r="B65338" s="2"/>
      <c r="C65338" s="2"/>
    </row>
    <row r="65339" spans="1:3" ht="19.2">
      <c r="A65339" s="2"/>
      <c r="B65339" s="2"/>
      <c r="C65339" s="2"/>
    </row>
    <row r="65340" spans="1:3" ht="19.2">
      <c r="A65340" s="2"/>
      <c r="B65340" s="2"/>
      <c r="C65340" s="2"/>
    </row>
    <row r="65341" spans="1:3" ht="19.2">
      <c r="A65341" s="2"/>
      <c r="B65341" s="2"/>
      <c r="C65341" s="2"/>
    </row>
    <row r="65342" spans="1:3" ht="19.2">
      <c r="A65342" s="2"/>
      <c r="B65342" s="2"/>
      <c r="C65342" s="2"/>
    </row>
    <row r="65343" spans="1:3" ht="19.2">
      <c r="A65343" s="2"/>
      <c r="B65343" s="2"/>
      <c r="C65343" s="2"/>
    </row>
    <row r="65344" spans="1:3" ht="19.2">
      <c r="A65344" s="2"/>
      <c r="B65344" s="2"/>
      <c r="C65344" s="2"/>
    </row>
    <row r="65345" spans="1:3" ht="19.2">
      <c r="A65345" s="2"/>
      <c r="B65345" s="2"/>
      <c r="C65345" s="2"/>
    </row>
    <row r="65346" spans="1:3" ht="19.2">
      <c r="A65346" s="2"/>
      <c r="B65346" s="2"/>
      <c r="C65346" s="2"/>
    </row>
    <row r="65347" spans="1:3" ht="19.2">
      <c r="A65347" s="2"/>
      <c r="B65347" s="2"/>
      <c r="C65347" s="2"/>
    </row>
    <row r="65348" spans="1:3" ht="19.2">
      <c r="A65348" s="2"/>
      <c r="B65348" s="2"/>
      <c r="C65348" s="2"/>
    </row>
    <row r="65349" spans="1:3" ht="19.2">
      <c r="A65349" s="2"/>
      <c r="B65349" s="2"/>
      <c r="C65349" s="2"/>
    </row>
    <row r="65350" spans="1:3" ht="19.2">
      <c r="A65350" s="2"/>
      <c r="B65350" s="2"/>
      <c r="C65350" s="2"/>
    </row>
    <row r="65351" spans="1:3" ht="19.2">
      <c r="A65351" s="2"/>
      <c r="B65351" s="2"/>
      <c r="C65351" s="2"/>
    </row>
    <row r="65352" spans="1:3" ht="19.2">
      <c r="A65352" s="2"/>
      <c r="B65352" s="2"/>
      <c r="C65352" s="2"/>
    </row>
    <row r="65353" spans="1:3" ht="19.2">
      <c r="A65353" s="2"/>
      <c r="B65353" s="2"/>
      <c r="C65353" s="2"/>
    </row>
    <row r="65354" spans="1:3" ht="19.2">
      <c r="A65354" s="2"/>
      <c r="B65354" s="2"/>
      <c r="C65354" s="2"/>
    </row>
    <row r="65355" spans="1:3" ht="19.2">
      <c r="A65355" s="2"/>
      <c r="B65355" s="2"/>
      <c r="C65355" s="2"/>
    </row>
    <row r="65356" spans="1:3" ht="19.2">
      <c r="A65356" s="2"/>
      <c r="B65356" s="2"/>
      <c r="C65356" s="2"/>
    </row>
    <row r="65357" spans="1:3" ht="19.2">
      <c r="A65357" s="2"/>
      <c r="B65357" s="2"/>
      <c r="C65357" s="2"/>
    </row>
    <row r="65358" spans="1:3" ht="19.2">
      <c r="A65358" s="2"/>
      <c r="B65358" s="2"/>
      <c r="C65358" s="2"/>
    </row>
    <row r="65359" spans="1:3" ht="19.2">
      <c r="A65359" s="2"/>
      <c r="B65359" s="2"/>
      <c r="C65359" s="2"/>
    </row>
    <row r="65360" spans="1:3" ht="19.2">
      <c r="A65360" s="2"/>
      <c r="B65360" s="2"/>
      <c r="C65360" s="2"/>
    </row>
    <row r="65361" spans="1:3" ht="19.2">
      <c r="A65361" s="2"/>
      <c r="B65361" s="2"/>
      <c r="C65361" s="2"/>
    </row>
    <row r="65362" spans="1:3" ht="19.2">
      <c r="A65362" s="2"/>
      <c r="B65362" s="2"/>
      <c r="C65362" s="2"/>
    </row>
    <row r="65363" spans="1:3" ht="19.2">
      <c r="A65363" s="2"/>
      <c r="B65363" s="2"/>
      <c r="C65363" s="2"/>
    </row>
    <row r="65364" spans="1:3" ht="19.2">
      <c r="A65364" s="2"/>
      <c r="B65364" s="2"/>
      <c r="C65364" s="2"/>
    </row>
    <row r="65365" spans="1:3" ht="19.2">
      <c r="A65365" s="2"/>
      <c r="B65365" s="2"/>
      <c r="C65365" s="2"/>
    </row>
    <row r="65366" spans="1:3" ht="19.2">
      <c r="A65366" s="2"/>
      <c r="B65366" s="2"/>
      <c r="C65366" s="2"/>
    </row>
    <row r="65367" spans="1:3" ht="19.2">
      <c r="A65367" s="2"/>
      <c r="B65367" s="2"/>
      <c r="C65367" s="2"/>
    </row>
    <row r="65368" spans="1:3" ht="19.2">
      <c r="A65368" s="2"/>
      <c r="B65368" s="2"/>
      <c r="C65368" s="2"/>
    </row>
    <row r="65369" spans="1:3" ht="19.2">
      <c r="A65369" s="2"/>
      <c r="B65369" s="2"/>
      <c r="C65369" s="2"/>
    </row>
    <row r="65370" spans="1:3" ht="19.2">
      <c r="A65370" s="2"/>
      <c r="B65370" s="2"/>
      <c r="C65370" s="2"/>
    </row>
    <row r="65371" spans="1:3" ht="19.2">
      <c r="A65371" s="2"/>
      <c r="B65371" s="2"/>
      <c r="C65371" s="2"/>
    </row>
    <row r="65372" spans="1:3" ht="19.2">
      <c r="A65372" s="2"/>
      <c r="B65372" s="2"/>
      <c r="C65372" s="2"/>
    </row>
    <row r="65373" spans="1:3" ht="19.2">
      <c r="A65373" s="2"/>
      <c r="B65373" s="2"/>
      <c r="C65373" s="2"/>
    </row>
    <row r="65374" spans="1:3" ht="19.2">
      <c r="A65374" s="2"/>
      <c r="B65374" s="2"/>
      <c r="C65374" s="2"/>
    </row>
    <row r="65375" spans="1:3" ht="19.2">
      <c r="A65375" s="2"/>
      <c r="B65375" s="2"/>
      <c r="C65375" s="2"/>
    </row>
    <row r="65376" spans="1:3" ht="19.2">
      <c r="A65376" s="2"/>
      <c r="B65376" s="2"/>
      <c r="C65376" s="2"/>
    </row>
    <row r="65377" spans="1:3" ht="19.2">
      <c r="A65377" s="2"/>
      <c r="B65377" s="2"/>
      <c r="C65377" s="2"/>
    </row>
    <row r="65378" spans="1:3" ht="19.2">
      <c r="A65378" s="2"/>
      <c r="B65378" s="2"/>
      <c r="C65378" s="2"/>
    </row>
    <row r="65379" spans="1:3" ht="19.2">
      <c r="A65379" s="2"/>
      <c r="B65379" s="2"/>
      <c r="C65379" s="2"/>
    </row>
    <row r="65380" spans="1:3" ht="19.2">
      <c r="A65380" s="2"/>
      <c r="B65380" s="2"/>
      <c r="C65380" s="2"/>
    </row>
    <row r="65381" spans="1:3" ht="19.2">
      <c r="A65381" s="2"/>
      <c r="B65381" s="2"/>
      <c r="C65381" s="2"/>
    </row>
    <row r="65382" spans="1:3" ht="19.2">
      <c r="A65382" s="2"/>
      <c r="B65382" s="2"/>
      <c r="C65382" s="2"/>
    </row>
    <row r="65383" spans="1:3" ht="19.2">
      <c r="A65383" s="2"/>
      <c r="B65383" s="2"/>
      <c r="C65383" s="2"/>
    </row>
    <row r="65384" spans="1:3" ht="19.2">
      <c r="A65384" s="2"/>
      <c r="B65384" s="2"/>
      <c r="C65384" s="2"/>
    </row>
    <row r="65385" spans="1:3" ht="19.2">
      <c r="A65385" s="2"/>
      <c r="B65385" s="2"/>
      <c r="C65385" s="2"/>
    </row>
    <row r="65386" spans="1:3" ht="19.2">
      <c r="A65386" s="2"/>
      <c r="B65386" s="2"/>
      <c r="C65386" s="2"/>
    </row>
    <row r="65387" spans="1:3" ht="19.2">
      <c r="A65387" s="2"/>
      <c r="B65387" s="2"/>
      <c r="C65387" s="2"/>
    </row>
    <row r="65388" spans="1:3" ht="19.2">
      <c r="A65388" s="2"/>
      <c r="B65388" s="2"/>
      <c r="C65388" s="2"/>
    </row>
    <row r="65389" spans="1:3" ht="19.2">
      <c r="A65389" s="2"/>
      <c r="B65389" s="2"/>
      <c r="C65389" s="2"/>
    </row>
    <row r="65390" spans="1:3" ht="19.2">
      <c r="A65390" s="2"/>
      <c r="B65390" s="2"/>
      <c r="C65390" s="2"/>
    </row>
    <row r="65391" spans="1:3" ht="19.2">
      <c r="A65391" s="2"/>
      <c r="B65391" s="2"/>
      <c r="C65391" s="2"/>
    </row>
    <row r="65392" spans="1:3" ht="19.2">
      <c r="A65392" s="2"/>
      <c r="B65392" s="2"/>
      <c r="C65392" s="2"/>
    </row>
    <row r="65393" spans="1:3" ht="19.2">
      <c r="A65393" s="2"/>
      <c r="B65393" s="2"/>
      <c r="C65393" s="2"/>
    </row>
    <row r="65394" spans="1:3" ht="19.2">
      <c r="A65394" s="2"/>
      <c r="B65394" s="2"/>
      <c r="C65394" s="2"/>
    </row>
    <row r="65395" spans="1:3" ht="19.2">
      <c r="A65395" s="2"/>
      <c r="B65395" s="2"/>
      <c r="C65395" s="2"/>
    </row>
    <row r="65396" spans="1:3" ht="19.2">
      <c r="A65396" s="2"/>
      <c r="B65396" s="2"/>
      <c r="C65396" s="2"/>
    </row>
    <row r="65397" spans="1:3" ht="19.2">
      <c r="A65397" s="2"/>
      <c r="B65397" s="2"/>
      <c r="C65397" s="2"/>
    </row>
    <row r="65398" spans="1:3" ht="19.2">
      <c r="A65398" s="2"/>
      <c r="B65398" s="2"/>
      <c r="C65398" s="2"/>
    </row>
    <row r="65399" spans="1:3" ht="19.2">
      <c r="A65399" s="2"/>
      <c r="B65399" s="2"/>
      <c r="C65399" s="2"/>
    </row>
    <row r="65400" spans="1:3" ht="19.2">
      <c r="A65400" s="2"/>
      <c r="B65400" s="2"/>
      <c r="C65400" s="2"/>
    </row>
    <row r="65401" spans="1:3" ht="19.2">
      <c r="A65401" s="2"/>
      <c r="B65401" s="2"/>
      <c r="C65401" s="2"/>
    </row>
    <row r="65402" spans="1:3" ht="19.2">
      <c r="A65402" s="2"/>
      <c r="B65402" s="2"/>
      <c r="C65402" s="2"/>
    </row>
    <row r="65403" spans="1:3" ht="19.2">
      <c r="A65403" s="2"/>
      <c r="B65403" s="2"/>
      <c r="C65403" s="2"/>
    </row>
    <row r="65404" spans="1:3" ht="19.2">
      <c r="A65404" s="2"/>
      <c r="B65404" s="2"/>
      <c r="C65404" s="2"/>
    </row>
    <row r="65405" spans="1:3" ht="19.2">
      <c r="A65405" s="2"/>
      <c r="B65405" s="2"/>
      <c r="C65405" s="2"/>
    </row>
    <row r="65406" spans="1:3" ht="19.2">
      <c r="A65406" s="2"/>
      <c r="B65406" s="2"/>
      <c r="C65406" s="2"/>
    </row>
    <row r="65407" spans="1:3" ht="19.2">
      <c r="A65407" s="2"/>
      <c r="B65407" s="2"/>
      <c r="C65407" s="2"/>
    </row>
    <row r="65408" spans="1:3" ht="19.2">
      <c r="A65408" s="2"/>
      <c r="B65408" s="2"/>
      <c r="C65408" s="2"/>
    </row>
    <row r="65409" spans="1:3" ht="19.2">
      <c r="A65409" s="2"/>
      <c r="B65409" s="2"/>
      <c r="C65409" s="2"/>
    </row>
    <row r="65410" spans="1:3" ht="19.2">
      <c r="A65410" s="2"/>
      <c r="B65410" s="2"/>
      <c r="C65410" s="2"/>
    </row>
    <row r="65411" spans="1:3" ht="19.2">
      <c r="A65411" s="2"/>
      <c r="B65411" s="2"/>
      <c r="C65411" s="2"/>
    </row>
    <row r="65412" spans="1:3" ht="19.2">
      <c r="A65412" s="2"/>
      <c r="B65412" s="2"/>
      <c r="C65412" s="2"/>
    </row>
    <row r="65413" spans="1:3" ht="19.2">
      <c r="A65413" s="2"/>
      <c r="B65413" s="2"/>
      <c r="C65413" s="2"/>
    </row>
    <row r="65414" spans="1:3" ht="19.2">
      <c r="A65414" s="2"/>
      <c r="B65414" s="2"/>
      <c r="C65414" s="2"/>
    </row>
    <row r="65415" spans="1:3" ht="19.2">
      <c r="A65415" s="2"/>
      <c r="B65415" s="2"/>
      <c r="C65415" s="2"/>
    </row>
    <row r="65416" spans="1:3" ht="19.2">
      <c r="A65416" s="2"/>
      <c r="B65416" s="2"/>
      <c r="C65416" s="2"/>
    </row>
    <row r="65417" spans="1:3" ht="19.2">
      <c r="A65417" s="2"/>
      <c r="B65417" s="2"/>
      <c r="C65417" s="2"/>
    </row>
    <row r="65418" spans="1:3" ht="19.2">
      <c r="A65418" s="2"/>
      <c r="B65418" s="2"/>
      <c r="C65418" s="2"/>
    </row>
    <row r="65419" spans="1:3" ht="19.2">
      <c r="A65419" s="2"/>
      <c r="B65419" s="2"/>
      <c r="C65419" s="2"/>
    </row>
    <row r="65420" spans="1:3" ht="19.2">
      <c r="A65420" s="2"/>
      <c r="B65420" s="2"/>
      <c r="C65420" s="2"/>
    </row>
    <row r="65421" spans="1:3" ht="19.2">
      <c r="A65421" s="2"/>
      <c r="B65421" s="2"/>
      <c r="C65421" s="2"/>
    </row>
    <row r="65422" spans="1:3" ht="19.2">
      <c r="A65422" s="2"/>
      <c r="B65422" s="2"/>
      <c r="C65422" s="2"/>
    </row>
    <row r="65423" spans="1:3" ht="19.2">
      <c r="A65423" s="2"/>
      <c r="B65423" s="2"/>
      <c r="C65423" s="2"/>
    </row>
    <row r="65424" spans="1:3" ht="19.2">
      <c r="A65424" s="2"/>
      <c r="B65424" s="2"/>
      <c r="C65424" s="2"/>
    </row>
    <row r="65425" spans="1:3" ht="19.2">
      <c r="A65425" s="2"/>
      <c r="B65425" s="2"/>
      <c r="C65425" s="2"/>
    </row>
    <row r="65426" spans="1:3" ht="19.2">
      <c r="A65426" s="2"/>
      <c r="B65426" s="2"/>
      <c r="C65426" s="2"/>
    </row>
    <row r="65427" spans="1:3" ht="19.2">
      <c r="A65427" s="2"/>
      <c r="B65427" s="2"/>
      <c r="C65427" s="2"/>
    </row>
    <row r="65428" spans="1:3" ht="19.2">
      <c r="A65428" s="2"/>
      <c r="B65428" s="2"/>
      <c r="C65428" s="2"/>
    </row>
    <row r="65429" spans="1:3" ht="19.2">
      <c r="A65429" s="2"/>
      <c r="B65429" s="2"/>
      <c r="C65429" s="2"/>
    </row>
    <row r="65430" spans="1:3" ht="19.2">
      <c r="A65430" s="2"/>
      <c r="B65430" s="2"/>
      <c r="C65430" s="2"/>
    </row>
    <row r="65431" spans="1:3" ht="19.2">
      <c r="A65431" s="2"/>
      <c r="B65431" s="2"/>
      <c r="C65431" s="2"/>
    </row>
    <row r="65432" spans="1:3" ht="19.2">
      <c r="A65432" s="2"/>
      <c r="B65432" s="2"/>
      <c r="C65432" s="2"/>
    </row>
    <row r="65433" spans="1:3" ht="19.2">
      <c r="A65433" s="2"/>
      <c r="B65433" s="2"/>
      <c r="C65433" s="2"/>
    </row>
    <row r="65434" spans="1:3" ht="19.2">
      <c r="A65434" s="2"/>
      <c r="B65434" s="2"/>
      <c r="C65434" s="2"/>
    </row>
    <row r="65435" spans="1:3" ht="19.2">
      <c r="A65435" s="2"/>
      <c r="B65435" s="2"/>
      <c r="C65435" s="2"/>
    </row>
    <row r="65436" spans="1:3" ht="19.2">
      <c r="A65436" s="2"/>
      <c r="B65436" s="2"/>
      <c r="C65436" s="2"/>
    </row>
    <row r="65437" spans="1:3" ht="19.2">
      <c r="A65437" s="2"/>
      <c r="B65437" s="2"/>
      <c r="C65437" s="2"/>
    </row>
    <row r="65438" spans="1:3" ht="19.2">
      <c r="A65438" s="2"/>
      <c r="B65438" s="2"/>
      <c r="C65438" s="2"/>
    </row>
    <row r="65439" spans="1:3" ht="19.2">
      <c r="A65439" s="2"/>
      <c r="B65439" s="2"/>
      <c r="C65439" s="2"/>
    </row>
    <row r="65440" spans="1:3" ht="19.2">
      <c r="A65440" s="2"/>
      <c r="B65440" s="2"/>
      <c r="C65440" s="2"/>
    </row>
    <row r="65441" spans="1:3" ht="19.2">
      <c r="A65441" s="2"/>
      <c r="B65441" s="2"/>
      <c r="C65441" s="2"/>
    </row>
    <row r="65442" spans="1:3" ht="19.2">
      <c r="A65442" s="2"/>
      <c r="B65442" s="2"/>
      <c r="C65442" s="2"/>
    </row>
    <row r="65443" spans="1:3" ht="19.2">
      <c r="A65443" s="2"/>
      <c r="B65443" s="2"/>
      <c r="C65443" s="2"/>
    </row>
    <row r="65444" spans="1:3" ht="19.2">
      <c r="A65444" s="2"/>
      <c r="B65444" s="2"/>
      <c r="C65444" s="2"/>
    </row>
    <row r="65445" spans="1:3" ht="19.2">
      <c r="A65445" s="2"/>
      <c r="B65445" s="2"/>
      <c r="C65445" s="2"/>
    </row>
    <row r="65446" spans="1:3" ht="19.2">
      <c r="A65446" s="2"/>
      <c r="B65446" s="2"/>
      <c r="C65446" s="2"/>
    </row>
    <row r="65447" spans="1:3" ht="19.2">
      <c r="A65447" s="2"/>
      <c r="B65447" s="2"/>
      <c r="C65447" s="2"/>
    </row>
    <row r="65448" spans="1:3" ht="19.2">
      <c r="A65448" s="2"/>
      <c r="B65448" s="2"/>
      <c r="C65448" s="2"/>
    </row>
    <row r="65449" spans="1:3" ht="19.2">
      <c r="A65449" s="2"/>
      <c r="B65449" s="2"/>
      <c r="C65449" s="2"/>
    </row>
    <row r="65450" spans="1:3" ht="19.2">
      <c r="A65450" s="2"/>
      <c r="B65450" s="2"/>
      <c r="C65450" s="2"/>
    </row>
    <row r="65451" spans="1:3" ht="19.2">
      <c r="A65451" s="2"/>
      <c r="B65451" s="2"/>
      <c r="C65451" s="2"/>
    </row>
    <row r="65452" spans="1:3" ht="19.2">
      <c r="A65452" s="2"/>
      <c r="B65452" s="2"/>
      <c r="C65452" s="2"/>
    </row>
    <row r="65453" spans="1:3" ht="19.2">
      <c r="A65453" s="2"/>
      <c r="B65453" s="2"/>
      <c r="C65453" s="2"/>
    </row>
    <row r="65454" spans="1:3" ht="19.2">
      <c r="A65454" s="2"/>
      <c r="B65454" s="2"/>
      <c r="C65454" s="2"/>
    </row>
    <row r="65455" spans="1:3" ht="19.2">
      <c r="A65455" s="2"/>
      <c r="B65455" s="2"/>
      <c r="C65455" s="2"/>
    </row>
    <row r="65456" spans="1:3" ht="19.2">
      <c r="A65456" s="2"/>
      <c r="B65456" s="2"/>
      <c r="C65456" s="2"/>
    </row>
    <row r="65457" spans="1:3" ht="19.2">
      <c r="A65457" s="2"/>
      <c r="B65457" s="2"/>
      <c r="C65457" s="2"/>
    </row>
    <row r="65458" spans="1:3" ht="19.2">
      <c r="A65458" s="2"/>
      <c r="B65458" s="2"/>
      <c r="C65458" s="2"/>
    </row>
    <row r="65459" spans="1:3" ht="19.2">
      <c r="A65459" s="2"/>
      <c r="B65459" s="2"/>
      <c r="C65459" s="2"/>
    </row>
    <row r="65460" spans="1:3" ht="19.2">
      <c r="A65460" s="2"/>
      <c r="B65460" s="2"/>
      <c r="C65460" s="2"/>
    </row>
    <row r="65461" spans="1:3" ht="19.2">
      <c r="A65461" s="2"/>
      <c r="B65461" s="2"/>
      <c r="C65461" s="2"/>
    </row>
    <row r="65462" spans="1:3" ht="19.2">
      <c r="A65462" s="2"/>
      <c r="B65462" s="2"/>
      <c r="C65462" s="2"/>
    </row>
    <row r="65463" spans="1:3" ht="19.2">
      <c r="A65463" s="2"/>
      <c r="B65463" s="2"/>
      <c r="C65463" s="2"/>
    </row>
    <row r="65464" spans="1:3" ht="19.2">
      <c r="A65464" s="2"/>
      <c r="B65464" s="2"/>
      <c r="C65464" s="2"/>
    </row>
    <row r="65465" spans="1:3" ht="19.2">
      <c r="A65465" s="2"/>
      <c r="B65465" s="2"/>
      <c r="C65465" s="2"/>
    </row>
    <row r="65466" spans="1:3" ht="19.2">
      <c r="A65466" s="2"/>
      <c r="B65466" s="2"/>
      <c r="C65466" s="2"/>
    </row>
    <row r="65467" spans="1:3" ht="19.2">
      <c r="A65467" s="2"/>
      <c r="B65467" s="2"/>
      <c r="C65467" s="2"/>
    </row>
    <row r="65468" spans="1:3" ht="19.2">
      <c r="A65468" s="2"/>
      <c r="B65468" s="2"/>
      <c r="C65468" s="2"/>
    </row>
    <row r="65469" spans="1:3" ht="19.2">
      <c r="A65469" s="2"/>
      <c r="B65469" s="2"/>
      <c r="C65469" s="2"/>
    </row>
    <row r="65470" spans="1:3" ht="19.2">
      <c r="A65470" s="2"/>
      <c r="B65470" s="2"/>
      <c r="C65470" s="2"/>
    </row>
    <row r="65471" spans="1:3" ht="19.2">
      <c r="A65471" s="2"/>
      <c r="B65471" s="2"/>
      <c r="C65471" s="2"/>
    </row>
    <row r="65472" spans="1:3" ht="19.2">
      <c r="A65472" s="2"/>
      <c r="B65472" s="2"/>
      <c r="C65472" s="2"/>
    </row>
    <row r="65473" spans="1:3" ht="19.2">
      <c r="A65473" s="2"/>
      <c r="B65473" s="2"/>
      <c r="C65473" s="2"/>
    </row>
    <row r="65474" spans="1:3" ht="19.2">
      <c r="A65474" s="2"/>
      <c r="B65474" s="2"/>
      <c r="C65474" s="2"/>
    </row>
    <row r="65475" spans="1:3" ht="19.2">
      <c r="A65475" s="2"/>
      <c r="B65475" s="2"/>
      <c r="C65475" s="2"/>
    </row>
    <row r="65476" spans="1:3" ht="19.2">
      <c r="A65476" s="2"/>
      <c r="B65476" s="2"/>
      <c r="C65476" s="2"/>
    </row>
    <row r="65477" spans="1:3" ht="19.2">
      <c r="A65477" s="2"/>
      <c r="B65477" s="2"/>
      <c r="C65477" s="2"/>
    </row>
    <row r="65478" spans="1:3" ht="19.2">
      <c r="A65478" s="2"/>
      <c r="B65478" s="2"/>
      <c r="C65478" s="2"/>
    </row>
    <row r="65479" spans="1:3" ht="19.2">
      <c r="A65479" s="2"/>
      <c r="B65479" s="2"/>
      <c r="C65479" s="2"/>
    </row>
    <row r="65480" spans="1:3" ht="19.2">
      <c r="A65480" s="2"/>
      <c r="B65480" s="2"/>
      <c r="C65480" s="2"/>
    </row>
    <row r="65481" spans="1:3" ht="19.2">
      <c r="A65481" s="2"/>
      <c r="B65481" s="2"/>
      <c r="C65481" s="2"/>
    </row>
    <row r="65482" spans="1:3" ht="19.2">
      <c r="A65482" s="2"/>
      <c r="B65482" s="2"/>
      <c r="C65482" s="2"/>
    </row>
    <row r="65483" spans="1:3" ht="19.2">
      <c r="A65483" s="2"/>
      <c r="B65483" s="2"/>
      <c r="C65483" s="2"/>
    </row>
    <row r="65484" spans="1:3" ht="19.2">
      <c r="A65484" s="2"/>
      <c r="B65484" s="2"/>
      <c r="C65484" s="2"/>
    </row>
    <row r="65485" spans="1:3" ht="19.2">
      <c r="A65485" s="2"/>
      <c r="B65485" s="2"/>
      <c r="C65485" s="2"/>
    </row>
    <row r="65486" spans="1:3" ht="19.2">
      <c r="A65486" s="2"/>
      <c r="B65486" s="2"/>
      <c r="C65486" s="2"/>
    </row>
    <row r="65487" spans="1:3" ht="19.2">
      <c r="A65487" s="2"/>
      <c r="B65487" s="2"/>
      <c r="C65487" s="2"/>
    </row>
    <row r="65488" spans="1:3" ht="19.2">
      <c r="A65488" s="2"/>
      <c r="B65488" s="2"/>
      <c r="C65488" s="2"/>
    </row>
    <row r="65489" spans="1:3" ht="19.2">
      <c r="A65489" s="2"/>
      <c r="B65489" s="2"/>
      <c r="C65489" s="2"/>
    </row>
    <row r="65490" spans="1:3" ht="19.2">
      <c r="A65490" s="2"/>
      <c r="B65490" s="2"/>
      <c r="C65490" s="2"/>
    </row>
    <row r="65491" spans="1:3" ht="19.2">
      <c r="A65491" s="2"/>
      <c r="B65491" s="2"/>
      <c r="C65491" s="2"/>
    </row>
    <row r="65492" spans="1:3" ht="19.2">
      <c r="A65492" s="2"/>
      <c r="B65492" s="2"/>
      <c r="C65492" s="2"/>
    </row>
    <row r="65493" spans="1:3" ht="19.2">
      <c r="A65493" s="2"/>
      <c r="B65493" s="2"/>
      <c r="C65493" s="2"/>
    </row>
    <row r="65494" spans="1:3" ht="19.2">
      <c r="A65494" s="2"/>
      <c r="B65494" s="2"/>
      <c r="C65494" s="2"/>
    </row>
    <row r="65495" spans="1:3" ht="19.2">
      <c r="A65495" s="2"/>
      <c r="B65495" s="2"/>
      <c r="C65495" s="2"/>
    </row>
    <row r="65496" spans="1:3" ht="19.2">
      <c r="A65496" s="2"/>
      <c r="B65496" s="2"/>
      <c r="C65496" s="2"/>
    </row>
    <row r="65497" spans="1:3" ht="19.2">
      <c r="A65497" s="2"/>
      <c r="B65497" s="2"/>
      <c r="C65497" s="2"/>
    </row>
    <row r="65498" spans="1:3" ht="19.2">
      <c r="A65498" s="2"/>
      <c r="B65498" s="2"/>
      <c r="C65498" s="2"/>
    </row>
    <row r="65499" spans="1:3" ht="19.2">
      <c r="A65499" s="2"/>
      <c r="B65499" s="2"/>
      <c r="C65499" s="2"/>
    </row>
    <row r="65500" spans="1:3" ht="19.2">
      <c r="A65500" s="2"/>
      <c r="B65500" s="2"/>
      <c r="C65500" s="2"/>
    </row>
    <row r="65501" spans="1:3" ht="19.2">
      <c r="A65501" s="2"/>
      <c r="B65501" s="2"/>
      <c r="C65501" s="2"/>
    </row>
    <row r="65502" spans="1:3" ht="19.2">
      <c r="A65502" s="2"/>
      <c r="B65502" s="2"/>
      <c r="C65502" s="2"/>
    </row>
    <row r="65503" spans="1:3" ht="19.2">
      <c r="A65503" s="2"/>
      <c r="B65503" s="2"/>
      <c r="C65503" s="2"/>
    </row>
    <row r="65504" spans="1:3" ht="19.2">
      <c r="A65504" s="2"/>
      <c r="B65504" s="2"/>
      <c r="C65504" s="2"/>
    </row>
    <row r="65505" spans="1:3" ht="19.2">
      <c r="A65505" s="2"/>
      <c r="B65505" s="2"/>
      <c r="C65505" s="2"/>
    </row>
    <row r="65506" spans="1:3" ht="19.2">
      <c r="A65506" s="2"/>
      <c r="B65506" s="2"/>
      <c r="C65506" s="2"/>
    </row>
    <row r="65507" spans="1:3" ht="19.2">
      <c r="A65507" s="2"/>
      <c r="B65507" s="2"/>
      <c r="C65507" s="2"/>
    </row>
    <row r="65508" spans="1:3" ht="19.2">
      <c r="A65508" s="2"/>
      <c r="B65508" s="2"/>
      <c r="C65508" s="2"/>
    </row>
    <row r="65509" spans="1:3" ht="19.2">
      <c r="A65509" s="2"/>
      <c r="B65509" s="2"/>
      <c r="C65509" s="2"/>
    </row>
    <row r="65510" spans="1:3" ht="19.2">
      <c r="A65510" s="2"/>
      <c r="B65510" s="2"/>
      <c r="C65510" s="2"/>
    </row>
    <row r="65511" spans="1:3" ht="19.2">
      <c r="A65511" s="2"/>
      <c r="B65511" s="2"/>
      <c r="C65511" s="2"/>
    </row>
    <row r="65512" spans="1:3" ht="19.2">
      <c r="A65512" s="2"/>
      <c r="B65512" s="2"/>
      <c r="C65512" s="2"/>
    </row>
    <row r="65513" spans="1:3" ht="19.2">
      <c r="A65513" s="2"/>
      <c r="B65513" s="2"/>
      <c r="C65513" s="2"/>
    </row>
    <row r="65514" spans="1:3" ht="19.2">
      <c r="A65514" s="2"/>
      <c r="B65514" s="2"/>
      <c r="C65514" s="2"/>
    </row>
    <row r="65515" spans="1:3" ht="19.2">
      <c r="A65515" s="2"/>
      <c r="B65515" s="2"/>
      <c r="C65515" s="2"/>
    </row>
    <row r="65516" spans="1:3" ht="19.2">
      <c r="A65516" s="2"/>
      <c r="B65516" s="2"/>
      <c r="C65516" s="2"/>
    </row>
    <row r="65517" spans="1:3" ht="19.2">
      <c r="A65517" s="2"/>
      <c r="B65517" s="2"/>
      <c r="C65517" s="2"/>
    </row>
    <row r="65518" spans="1:3" ht="19.2">
      <c r="A65518" s="2"/>
      <c r="B65518" s="2"/>
      <c r="C65518" s="2"/>
    </row>
    <row r="65519" spans="1:3" ht="19.2">
      <c r="A65519" s="2"/>
      <c r="B65519" s="2"/>
      <c r="C65519" s="2"/>
    </row>
    <row r="65520" spans="1:3" ht="19.2">
      <c r="A65520" s="2"/>
      <c r="B65520" s="2"/>
      <c r="C65520" s="2"/>
    </row>
    <row r="65521" spans="1:3" ht="19.2">
      <c r="A65521" s="2"/>
      <c r="B65521" s="2"/>
      <c r="C65521" s="2"/>
    </row>
    <row r="65522" spans="1:3" ht="19.2">
      <c r="A65522" s="2"/>
      <c r="B65522" s="2"/>
      <c r="C65522" s="2"/>
    </row>
    <row r="65523" spans="1:3" ht="19.2">
      <c r="A65523" s="2"/>
      <c r="B65523" s="2"/>
      <c r="C65523" s="2"/>
    </row>
    <row r="65524" spans="1:3" ht="19.2">
      <c r="A65524" s="2"/>
      <c r="B65524" s="2"/>
      <c r="C65524" s="2"/>
    </row>
    <row r="65525" spans="1:3" ht="19.2">
      <c r="A65525" s="2"/>
      <c r="B65525" s="2"/>
      <c r="C65525" s="2"/>
    </row>
    <row r="65526" spans="1:3" ht="19.2">
      <c r="A65526" s="2"/>
      <c r="B65526" s="2"/>
      <c r="C65526" s="2"/>
    </row>
    <row r="65527" spans="1:3" ht="19.2">
      <c r="A65527" s="2"/>
      <c r="B65527" s="2"/>
      <c r="C65527" s="2"/>
    </row>
    <row r="65528" spans="1:3" ht="19.2">
      <c r="A65528" s="2"/>
      <c r="B65528" s="2"/>
      <c r="C65528" s="2"/>
    </row>
    <row r="65529" spans="1:3" ht="19.2">
      <c r="A65529" s="2"/>
      <c r="B65529" s="2"/>
      <c r="C65529" s="2"/>
    </row>
    <row r="65530" spans="1:3" ht="19.2">
      <c r="A65530" s="2"/>
      <c r="B65530" s="2"/>
      <c r="C65530" s="2"/>
    </row>
    <row r="65531" spans="1:3" ht="19.2">
      <c r="A65531" s="2"/>
      <c r="B65531" s="2"/>
      <c r="C65531" s="2"/>
    </row>
    <row r="65532" spans="1:3" ht="19.2">
      <c r="A65532" s="2"/>
      <c r="B65532" s="2"/>
      <c r="C65532" s="2"/>
    </row>
    <row r="65533" spans="1:3" ht="19.2">
      <c r="A65533" s="2"/>
      <c r="B65533" s="2"/>
      <c r="C65533" s="2"/>
    </row>
    <row r="65534" spans="1:3" ht="19.2">
      <c r="A65534" s="2"/>
      <c r="B65534" s="2"/>
      <c r="C65534" s="2"/>
    </row>
    <row r="65535" spans="1:3" ht="19.2">
      <c r="A65535" s="2"/>
      <c r="B65535" s="2"/>
      <c r="C65535" s="2"/>
    </row>
    <row r="65536" spans="1:3" ht="19.2">
      <c r="A65536" s="2"/>
      <c r="B65536" s="2"/>
      <c r="C65536" s="2"/>
    </row>
    <row r="65537" spans="1:3" ht="19.2">
      <c r="A65537" s="2"/>
      <c r="B65537" s="2"/>
      <c r="C65537" s="2"/>
    </row>
    <row r="65538" spans="1:3" ht="19.2">
      <c r="A65538" s="2"/>
      <c r="B65538" s="2"/>
      <c r="C65538" s="2"/>
    </row>
    <row r="65539" spans="1:3" ht="19.2">
      <c r="A65539" s="2"/>
      <c r="B65539" s="2"/>
      <c r="C65539" s="2"/>
    </row>
    <row r="65540" spans="1:3" ht="19.2">
      <c r="A65540" s="2"/>
      <c r="B65540" s="2"/>
      <c r="C65540" s="2"/>
    </row>
    <row r="65541" spans="1:3" ht="19.2">
      <c r="A65541" s="2"/>
      <c r="B65541" s="2"/>
      <c r="C65541" s="2"/>
    </row>
    <row r="65542" spans="1:3" ht="19.2">
      <c r="A65542" s="2"/>
      <c r="B65542" s="2"/>
      <c r="C65542" s="2"/>
    </row>
    <row r="65543" spans="1:3" ht="19.2">
      <c r="A65543" s="2"/>
      <c r="B65543" s="2"/>
      <c r="C65543" s="2"/>
    </row>
    <row r="65544" spans="1:3" ht="19.2">
      <c r="A65544" s="2"/>
      <c r="B65544" s="2"/>
      <c r="C65544" s="2"/>
    </row>
    <row r="65545" spans="1:3" ht="19.2">
      <c r="A65545" s="2"/>
      <c r="B65545" s="2"/>
      <c r="C65545" s="2"/>
    </row>
    <row r="65546" spans="1:3" ht="19.2">
      <c r="A65546" s="2"/>
      <c r="B65546" s="2"/>
      <c r="C65546" s="2"/>
    </row>
    <row r="65547" spans="1:3" ht="19.2">
      <c r="A65547" s="2"/>
      <c r="B65547" s="2"/>
      <c r="C65547" s="2"/>
    </row>
    <row r="65548" spans="1:3" ht="19.2">
      <c r="A65548" s="2"/>
      <c r="B65548" s="2"/>
      <c r="C65548" s="2"/>
    </row>
    <row r="65549" spans="1:3" ht="19.2">
      <c r="A65549" s="2"/>
      <c r="B65549" s="2"/>
      <c r="C65549" s="2"/>
    </row>
    <row r="65550" spans="1:3" ht="19.2">
      <c r="A65550" s="2"/>
      <c r="B65550" s="2"/>
      <c r="C65550" s="2"/>
    </row>
    <row r="65551" spans="1:3" ht="19.2">
      <c r="A65551" s="2"/>
      <c r="B65551" s="2"/>
      <c r="C65551" s="2"/>
    </row>
    <row r="65552" spans="1:3" ht="19.2">
      <c r="A65552" s="2"/>
      <c r="B65552" s="2"/>
      <c r="C65552" s="2"/>
    </row>
    <row r="65553" spans="1:3" ht="19.2">
      <c r="A65553" s="2"/>
      <c r="B65553" s="2"/>
      <c r="C65553" s="2"/>
    </row>
    <row r="65554" spans="1:3" ht="19.2">
      <c r="A65554" s="2"/>
      <c r="B65554" s="2"/>
      <c r="C65554" s="2"/>
    </row>
    <row r="65555" spans="1:3" ht="19.2">
      <c r="A65555" s="2"/>
      <c r="B65555" s="2"/>
      <c r="C65555" s="2"/>
    </row>
    <row r="65556" spans="1:3" ht="19.2">
      <c r="A65556" s="2"/>
      <c r="B65556" s="2"/>
      <c r="C65556" s="2"/>
    </row>
    <row r="65557" spans="1:3" ht="19.2">
      <c r="A65557" s="2"/>
      <c r="B65557" s="2"/>
      <c r="C65557" s="2"/>
    </row>
    <row r="65558" spans="1:3" ht="19.2">
      <c r="A65558" s="2"/>
      <c r="B65558" s="2"/>
      <c r="C65558" s="2"/>
    </row>
    <row r="65559" spans="1:3" ht="19.2">
      <c r="A65559" s="2"/>
      <c r="B65559" s="2"/>
      <c r="C65559" s="2"/>
    </row>
    <row r="65560" spans="1:3" ht="19.2">
      <c r="A65560" s="2"/>
      <c r="B65560" s="2"/>
      <c r="C65560" s="2"/>
    </row>
    <row r="65561" spans="1:3" ht="19.2">
      <c r="A65561" s="2"/>
      <c r="B65561" s="2"/>
      <c r="C65561" s="2"/>
    </row>
    <row r="65562" spans="1:3" ht="19.2">
      <c r="A65562" s="2"/>
      <c r="B65562" s="2"/>
      <c r="C65562" s="2"/>
    </row>
    <row r="65563" spans="1:3" ht="19.2">
      <c r="A65563" s="2"/>
      <c r="B65563" s="2"/>
      <c r="C65563" s="2"/>
    </row>
    <row r="65564" spans="1:3" ht="19.2">
      <c r="A65564" s="2"/>
      <c r="B65564" s="2"/>
      <c r="C65564" s="2"/>
    </row>
    <row r="65565" spans="1:3" ht="19.2">
      <c r="A65565" s="2"/>
      <c r="B65565" s="2"/>
      <c r="C65565" s="2"/>
    </row>
    <row r="65566" spans="1:3" ht="19.2">
      <c r="A65566" s="2"/>
      <c r="B65566" s="2"/>
      <c r="C65566" s="2"/>
    </row>
    <row r="65567" spans="1:3" ht="19.2">
      <c r="A65567" s="2"/>
      <c r="B65567" s="2"/>
      <c r="C65567" s="2"/>
    </row>
    <row r="65568" spans="1:3" ht="19.2">
      <c r="A65568" s="2"/>
      <c r="B65568" s="2"/>
      <c r="C65568" s="2"/>
    </row>
    <row r="65569" spans="1:3" ht="19.2">
      <c r="A65569" s="2"/>
      <c r="B65569" s="2"/>
      <c r="C65569" s="2"/>
    </row>
    <row r="65570" spans="1:3" ht="19.2">
      <c r="A65570" s="2"/>
      <c r="B65570" s="2"/>
      <c r="C65570" s="2"/>
    </row>
    <row r="65571" spans="1:3" ht="19.2">
      <c r="A65571" s="2"/>
      <c r="B65571" s="2"/>
      <c r="C65571" s="2"/>
    </row>
    <row r="65572" spans="1:3" ht="19.2">
      <c r="A65572" s="2"/>
      <c r="B65572" s="2"/>
      <c r="C65572" s="2"/>
    </row>
    <row r="65573" spans="1:3" ht="19.2">
      <c r="A65573" s="2"/>
      <c r="B65573" s="2"/>
      <c r="C65573" s="2"/>
    </row>
    <row r="65574" spans="1:3" ht="19.2">
      <c r="A65574" s="2"/>
      <c r="B65574" s="2"/>
      <c r="C65574" s="2"/>
    </row>
    <row r="65575" spans="1:3" ht="19.2">
      <c r="A65575" s="2"/>
      <c r="B65575" s="2"/>
      <c r="C65575" s="2"/>
    </row>
    <row r="65576" spans="1:3" ht="19.2">
      <c r="A65576" s="2"/>
      <c r="B65576" s="2"/>
      <c r="C65576" s="2"/>
    </row>
    <row r="65577" spans="1:3" ht="19.2">
      <c r="A65577" s="2"/>
      <c r="B65577" s="2"/>
      <c r="C65577" s="2"/>
    </row>
    <row r="65578" spans="1:3" ht="19.2">
      <c r="A65578" s="2"/>
      <c r="B65578" s="2"/>
      <c r="C65578" s="2"/>
    </row>
    <row r="65579" spans="1:3" ht="19.2">
      <c r="A65579" s="2"/>
      <c r="B65579" s="2"/>
      <c r="C65579" s="2"/>
    </row>
    <row r="65580" spans="1:3" ht="19.2">
      <c r="A65580" s="2"/>
      <c r="B65580" s="2"/>
      <c r="C65580" s="2"/>
    </row>
    <row r="65581" spans="1:3" ht="19.2">
      <c r="A65581" s="2"/>
      <c r="B65581" s="2"/>
      <c r="C65581" s="2"/>
    </row>
    <row r="65582" spans="1:3" ht="19.2">
      <c r="A65582" s="2"/>
      <c r="B65582" s="2"/>
      <c r="C65582" s="2"/>
    </row>
    <row r="65583" spans="1:3" ht="19.2">
      <c r="A65583" s="2"/>
      <c r="B65583" s="2"/>
      <c r="C65583" s="2"/>
    </row>
    <row r="65584" spans="1:3" ht="19.2">
      <c r="A65584" s="2"/>
      <c r="B65584" s="2"/>
      <c r="C65584" s="2"/>
    </row>
    <row r="65585" spans="1:3" ht="19.2">
      <c r="A65585" s="2"/>
      <c r="B65585" s="2"/>
      <c r="C65585" s="2"/>
    </row>
    <row r="65586" spans="1:3" ht="19.2">
      <c r="A65586" s="2"/>
      <c r="B65586" s="2"/>
      <c r="C65586" s="2"/>
    </row>
    <row r="65587" spans="1:3" ht="19.2">
      <c r="A65587" s="2"/>
      <c r="B65587" s="2"/>
      <c r="C65587" s="2"/>
    </row>
    <row r="65588" spans="1:3" ht="19.2">
      <c r="A65588" s="2"/>
      <c r="B65588" s="2"/>
      <c r="C65588" s="2"/>
    </row>
    <row r="65589" spans="1:3" ht="19.2">
      <c r="A65589" s="2"/>
      <c r="B65589" s="2"/>
      <c r="C65589" s="2"/>
    </row>
    <row r="65590" spans="1:3" ht="19.2">
      <c r="A65590" s="2"/>
      <c r="B65590" s="2"/>
      <c r="C65590" s="2"/>
    </row>
    <row r="65591" spans="1:3" ht="19.2">
      <c r="A65591" s="2"/>
      <c r="B65591" s="2"/>
      <c r="C65591" s="2"/>
    </row>
    <row r="65592" spans="1:3" ht="19.2">
      <c r="A65592" s="2"/>
      <c r="B65592" s="2"/>
      <c r="C65592" s="2"/>
    </row>
    <row r="65593" spans="1:3" ht="19.2">
      <c r="A65593" s="2"/>
      <c r="B65593" s="2"/>
      <c r="C65593" s="2"/>
    </row>
    <row r="65594" spans="1:3" ht="19.2">
      <c r="A65594" s="2"/>
      <c r="B65594" s="2"/>
      <c r="C65594" s="2"/>
    </row>
    <row r="65595" spans="1:3" ht="19.2">
      <c r="A65595" s="2"/>
      <c r="B65595" s="2"/>
      <c r="C65595" s="2"/>
    </row>
    <row r="65596" spans="1:3" ht="19.2">
      <c r="A65596" s="2"/>
      <c r="B65596" s="2"/>
      <c r="C65596" s="2"/>
    </row>
    <row r="65597" spans="1:3" ht="19.2">
      <c r="A65597" s="2"/>
      <c r="B65597" s="2"/>
      <c r="C65597" s="2"/>
    </row>
    <row r="65598" spans="1:3" ht="19.2">
      <c r="A65598" s="2"/>
      <c r="B65598" s="2"/>
      <c r="C65598" s="2"/>
    </row>
    <row r="65599" spans="1:3" ht="19.2">
      <c r="A65599" s="2"/>
      <c r="B65599" s="2"/>
      <c r="C65599" s="2"/>
    </row>
    <row r="65600" spans="1:3" ht="19.2">
      <c r="A65600" s="2"/>
      <c r="B65600" s="2"/>
      <c r="C65600" s="2"/>
    </row>
    <row r="65601" spans="1:3" ht="19.2">
      <c r="A65601" s="2"/>
      <c r="B65601" s="2"/>
      <c r="C65601" s="2"/>
    </row>
    <row r="65602" spans="1:3" ht="19.2">
      <c r="A65602" s="2"/>
      <c r="B65602" s="2"/>
      <c r="C65602" s="2"/>
    </row>
    <row r="65603" spans="1:3" ht="19.2">
      <c r="A65603" s="2"/>
      <c r="B65603" s="2"/>
      <c r="C65603" s="2"/>
    </row>
    <row r="65604" spans="1:3" ht="19.2">
      <c r="A65604" s="2"/>
      <c r="B65604" s="2"/>
      <c r="C65604" s="2"/>
    </row>
    <row r="65605" spans="1:3" ht="19.2">
      <c r="A65605" s="2"/>
      <c r="B65605" s="2"/>
      <c r="C65605" s="2"/>
    </row>
    <row r="65606" spans="1:3" ht="19.2">
      <c r="A65606" s="2"/>
      <c r="B65606" s="2"/>
      <c r="C65606" s="2"/>
    </row>
    <row r="65607" spans="1:3" ht="19.2">
      <c r="A65607" s="2"/>
      <c r="B65607" s="2"/>
      <c r="C65607" s="2"/>
    </row>
    <row r="65608" spans="1:3" ht="19.2">
      <c r="A65608" s="2"/>
      <c r="B65608" s="2"/>
      <c r="C65608" s="2"/>
    </row>
    <row r="65609" spans="1:3" ht="19.2">
      <c r="A65609" s="2"/>
      <c r="B65609" s="2"/>
      <c r="C65609" s="2"/>
    </row>
    <row r="65610" spans="1:3" ht="19.2">
      <c r="A65610" s="2"/>
      <c r="B65610" s="2"/>
      <c r="C65610" s="2"/>
    </row>
    <row r="65611" spans="1:3" ht="19.2">
      <c r="A65611" s="2"/>
      <c r="B65611" s="2"/>
      <c r="C65611" s="2"/>
    </row>
    <row r="65612" spans="1:3" ht="19.2">
      <c r="A65612" s="2"/>
      <c r="B65612" s="2"/>
      <c r="C65612" s="2"/>
    </row>
    <row r="65613" spans="1:3" ht="19.2">
      <c r="A65613" s="2"/>
      <c r="B65613" s="2"/>
      <c r="C65613" s="2"/>
    </row>
    <row r="65614" spans="1:3" ht="19.2">
      <c r="A65614" s="2"/>
      <c r="B65614" s="2"/>
      <c r="C65614" s="2"/>
    </row>
    <row r="65615" spans="1:3" ht="19.2">
      <c r="A65615" s="2"/>
      <c r="B65615" s="2"/>
      <c r="C65615" s="2"/>
    </row>
    <row r="65616" spans="1:3" ht="19.2">
      <c r="A65616" s="2"/>
      <c r="B65616" s="2"/>
      <c r="C65616" s="2"/>
    </row>
    <row r="65617" spans="1:3" ht="19.2">
      <c r="A65617" s="2"/>
      <c r="B65617" s="2"/>
      <c r="C65617" s="2"/>
    </row>
    <row r="65618" spans="1:3" ht="19.2">
      <c r="A65618" s="2"/>
      <c r="B65618" s="2"/>
      <c r="C65618" s="2"/>
    </row>
    <row r="65619" spans="1:3" ht="19.2">
      <c r="A65619" s="2"/>
      <c r="B65619" s="2"/>
      <c r="C65619" s="2"/>
    </row>
    <row r="65620" spans="1:3" ht="19.2">
      <c r="A65620" s="2"/>
      <c r="B65620" s="2"/>
      <c r="C65620" s="2"/>
    </row>
    <row r="65621" spans="1:3" ht="19.2">
      <c r="A65621" s="2"/>
      <c r="B65621" s="2"/>
      <c r="C65621" s="2"/>
    </row>
    <row r="65622" spans="1:3" ht="19.2">
      <c r="A65622" s="2"/>
      <c r="B65622" s="2"/>
      <c r="C65622" s="2"/>
    </row>
    <row r="65623" spans="1:3" ht="19.2">
      <c r="A65623" s="2"/>
      <c r="B65623" s="2"/>
      <c r="C65623" s="2"/>
    </row>
    <row r="65624" spans="1:3" ht="19.2">
      <c r="A65624" s="2"/>
      <c r="B65624" s="2"/>
      <c r="C65624" s="2"/>
    </row>
    <row r="65625" spans="1:3" ht="19.2">
      <c r="A65625" s="2"/>
      <c r="B65625" s="2"/>
      <c r="C65625" s="2"/>
    </row>
    <row r="65626" spans="1:3" ht="19.2">
      <c r="A65626" s="2"/>
      <c r="B65626" s="2"/>
      <c r="C65626" s="2"/>
    </row>
    <row r="65627" spans="1:3" ht="19.2">
      <c r="A65627" s="2"/>
      <c r="B65627" s="2"/>
      <c r="C65627" s="2"/>
    </row>
    <row r="65628" spans="1:3" ht="19.2">
      <c r="A65628" s="2"/>
      <c r="B65628" s="2"/>
      <c r="C65628" s="2"/>
    </row>
    <row r="65629" spans="1:3" ht="19.2">
      <c r="A65629" s="2"/>
      <c r="B65629" s="2"/>
      <c r="C65629" s="2"/>
    </row>
    <row r="65630" spans="1:3" ht="19.2">
      <c r="A65630" s="2"/>
      <c r="B65630" s="2"/>
      <c r="C65630" s="2"/>
    </row>
    <row r="65631" spans="1:3" ht="19.2">
      <c r="A65631" s="2"/>
      <c r="B65631" s="2"/>
      <c r="C65631" s="2"/>
    </row>
    <row r="65632" spans="1:3" ht="19.2">
      <c r="A65632" s="2"/>
      <c r="B65632" s="2"/>
      <c r="C65632" s="2"/>
    </row>
    <row r="65633" spans="1:3" ht="19.2">
      <c r="A65633" s="2"/>
      <c r="B65633" s="2"/>
      <c r="C65633" s="2"/>
    </row>
    <row r="65634" spans="1:3" ht="19.2">
      <c r="A65634" s="2"/>
      <c r="B65634" s="2"/>
      <c r="C65634" s="2"/>
    </row>
    <row r="65635" spans="1:3" ht="19.2">
      <c r="A65635" s="2"/>
      <c r="B65635" s="2"/>
      <c r="C65635" s="2"/>
    </row>
    <row r="65636" spans="1:3" ht="19.2">
      <c r="A65636" s="2"/>
      <c r="B65636" s="2"/>
      <c r="C65636" s="2"/>
    </row>
    <row r="65637" spans="1:3" ht="19.2">
      <c r="A65637" s="2"/>
      <c r="B65637" s="2"/>
      <c r="C65637" s="2"/>
    </row>
    <row r="65638" spans="1:3" ht="19.2">
      <c r="A65638" s="2"/>
      <c r="B65638" s="2"/>
      <c r="C65638" s="2"/>
    </row>
    <row r="65639" spans="1:3" ht="19.2">
      <c r="A65639" s="2"/>
      <c r="B65639" s="2"/>
      <c r="C65639" s="2"/>
    </row>
    <row r="65640" spans="1:3" ht="19.2">
      <c r="A65640" s="2"/>
      <c r="B65640" s="2"/>
      <c r="C65640" s="2"/>
    </row>
    <row r="65641" spans="1:3" ht="19.2">
      <c r="A65641" s="2"/>
      <c r="B65641" s="2"/>
      <c r="C65641" s="2"/>
    </row>
    <row r="65642" spans="1:3" ht="19.2">
      <c r="A65642" s="2"/>
      <c r="B65642" s="2"/>
      <c r="C65642" s="2"/>
    </row>
    <row r="65643" spans="1:3" ht="19.2">
      <c r="A65643" s="2"/>
      <c r="B65643" s="2"/>
      <c r="C65643" s="2"/>
    </row>
    <row r="65644" spans="1:3" ht="19.2">
      <c r="A65644" s="2"/>
      <c r="B65644" s="2"/>
      <c r="C65644" s="2"/>
    </row>
    <row r="65645" spans="1:3" ht="19.2">
      <c r="A65645" s="2"/>
      <c r="B65645" s="2"/>
      <c r="C65645" s="2"/>
    </row>
    <row r="65646" spans="1:3" ht="19.2">
      <c r="A65646" s="2"/>
      <c r="B65646" s="2"/>
      <c r="C65646" s="2"/>
    </row>
    <row r="65647" spans="1:3" ht="19.2">
      <c r="A65647" s="2"/>
      <c r="B65647" s="2"/>
      <c r="C65647" s="2"/>
    </row>
    <row r="65648" spans="1:3" ht="19.2">
      <c r="A65648" s="2"/>
      <c r="B65648" s="2"/>
      <c r="C65648" s="2"/>
    </row>
    <row r="65649" spans="1:3" ht="19.2">
      <c r="A65649" s="2"/>
      <c r="B65649" s="2"/>
      <c r="C65649" s="2"/>
    </row>
    <row r="65650" spans="1:3" ht="19.2">
      <c r="A65650" s="2"/>
      <c r="B65650" s="2"/>
      <c r="C65650" s="2"/>
    </row>
    <row r="65651" spans="1:3" ht="19.2">
      <c r="A65651" s="2"/>
      <c r="B65651" s="2"/>
      <c r="C65651" s="2"/>
    </row>
    <row r="65652" spans="1:3" ht="19.2">
      <c r="A65652" s="2"/>
      <c r="B65652" s="2"/>
      <c r="C65652" s="2"/>
    </row>
    <row r="65653" spans="1:3" ht="19.2">
      <c r="A65653" s="2"/>
      <c r="B65653" s="2"/>
      <c r="C65653" s="2"/>
    </row>
  </sheetData>
  <sheetProtection selectLockedCells="1"/>
  <autoFilter ref="A1:D91" xr:uid="{00000000-0009-0000-0000-000005000000}"/>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 【別紙１】 </vt:lpstr>
      <vt:lpstr> 【別紙２】 </vt:lpstr>
      <vt:lpstr>（参考）入力シート</vt:lpstr>
      <vt:lpstr>（参考）【別紙１】</vt:lpstr>
      <vt:lpstr>（参考）【別紙２】</vt:lpstr>
      <vt:lpstr>祝日一覧</vt:lpstr>
      <vt:lpstr>' 【別紙１】 '!Print_Area</vt:lpstr>
      <vt:lpstr>' 【別紙２】 '!Print_Area</vt:lpstr>
      <vt:lpstr>'（参考）【別紙１】'!Print_Area</vt:lpstr>
      <vt:lpstr>'（参考）【別紙２】'!Print_Area</vt:lpstr>
      <vt:lpstr>'（参考）入力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吉塚 公一朗</dc:creator>
  <cp:lastModifiedBy>user</cp:lastModifiedBy>
  <cp:lastPrinted>2025-06-17T09:05:28Z</cp:lastPrinted>
  <dcterms:created xsi:type="dcterms:W3CDTF">2018-07-18T23:53:11Z</dcterms:created>
  <dcterms:modified xsi:type="dcterms:W3CDTF">2026-06-24T04:10:52Z</dcterms:modified>
</cp:coreProperties>
</file>